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2325"/>
  <workbookPr defaultThemeVersion="166925"/>
  <mc:AlternateContent xmlns:mc="http://schemas.openxmlformats.org/markup-compatibility/2006">
    <mc:Choice Requires="x15">
      <x15ac:absPath xmlns:x15ac="http://schemas.microsoft.com/office/spreadsheetml/2010/11/ac" url="H:\TI Corporativa\07 - SGSI\51 - Sentinella\DLP\"/>
    </mc:Choice>
  </mc:AlternateContent>
  <xr:revisionPtr revIDLastSave="0" documentId="13_ncr:40009_{9CD59D10-3C38-4756-BBE1-C2AE61D6B58E}" xr6:coauthVersionLast="45" xr6:coauthVersionMax="45" xr10:uidLastSave="{00000000-0000-0000-0000-000000000000}"/>
  <bookViews>
    <workbookView xWindow="-24120" yWindow="-75" windowWidth="24240" windowHeight="13140"/>
  </bookViews>
  <sheets>
    <sheet name="01222020_AdHoc_0b64fa95-f684-43" sheetId="1" r:id="rId1"/>
  </sheets>
  <definedNames>
    <definedName name="_xlnm._FilterDatabase" localSheetId="0" hidden="1">'01222020_AdHoc_0b64fa95-f684-43'!$A$1:$AC$297559</definedName>
  </definedNames>
  <calcPr calcId="0"/>
</workbook>
</file>

<file path=xl/sharedStrings.xml><?xml version="1.0" encoding="utf-8"?>
<sst xmlns="http://schemas.openxmlformats.org/spreadsheetml/2006/main" count="6178217" uniqueCount="139197">
  <si>
    <t>#</t>
  </si>
  <si>
    <t>Generated</t>
  </si>
  <si>
    <t>Received</t>
  </si>
  <si>
    <t>Severity</t>
  </si>
  <si>
    <t>Status</t>
  </si>
  <si>
    <t>Manager</t>
  </si>
  <si>
    <t>Department</t>
  </si>
  <si>
    <t>Policy</t>
  </si>
  <si>
    <t>Product Entity/Endpoint</t>
  </si>
  <si>
    <t>Product</t>
  </si>
  <si>
    <t>Product/Endpoint IP</t>
  </si>
  <si>
    <t>Product/Endpoint MAC</t>
  </si>
  <si>
    <t>Managing Server</t>
  </si>
  <si>
    <t>Endpoint</t>
  </si>
  <si>
    <t>Incident Source (AD Account)</t>
  </si>
  <si>
    <t>Incident Source (Sender)</t>
  </si>
  <si>
    <t>WebSite</t>
  </si>
  <si>
    <t>Recipient</t>
  </si>
  <si>
    <t>Subject</t>
  </si>
  <si>
    <t>File Location</t>
  </si>
  <si>
    <t>File</t>
  </si>
  <si>
    <t>File/Data Size</t>
  </si>
  <si>
    <t>Rule</t>
  </si>
  <si>
    <t>Template</t>
  </si>
  <si>
    <t>Channel</t>
  </si>
  <si>
    <t>Destination</t>
  </si>
  <si>
    <t>Action</t>
  </si>
  <si>
    <t>Incidents</t>
  </si>
  <si>
    <t>Cloud Service Vendor</t>
  </si>
  <si>
    <t>12/23/2019 00:03:14</t>
  </si>
  <si>
    <t>12/23/2019 00:04:10</t>
  </si>
  <si>
    <t>Undefined</t>
  </si>
  <si>
    <t>New</t>
  </si>
  <si>
    <t>N/A</t>
  </si>
  <si>
    <t>UDPAVAP04</t>
  </si>
  <si>
    <t>OfficeScan</t>
  </si>
  <si>
    <t>10.200.66.92</t>
  </si>
  <si>
    <t>D0-94-66-B5-5C-BF</t>
  </si>
  <si>
    <t>UDPTCMAP01</t>
  </si>
  <si>
    <t>VOTORANT-AFB015</t>
  </si>
  <si>
    <t>SISTEMA</t>
  </si>
  <si>
    <t>C:\Windows\System32\config\</t>
  </si>
  <si>
    <t>DRIVERS{fd9a35cb-49fe-11e9-aa2c-248a07783950}.TM.blf</t>
  </si>
  <si>
    <t>DLP_BV</t>
  </si>
  <si>
    <t>Algar_any</t>
  </si>
  <si>
    <t>SMB</t>
  </si>
  <si>
    <t>Logged</t>
  </si>
  <si>
    <t>12/23/2019 00:01:51</t>
  </si>
  <si>
    <t>12/23/2019 00:05:09</t>
  </si>
  <si>
    <t>10.200.66.96</t>
  </si>
  <si>
    <t>D0-94-66-B5-60-54</t>
  </si>
  <si>
    <t>VOTORANT-ACB019</t>
  </si>
  <si>
    <t>12/23/2019 00:01:29</t>
  </si>
  <si>
    <t>10.200.66.206</t>
  </si>
  <si>
    <t>D0-94-66-B5-7F-B9</t>
  </si>
  <si>
    <t>VOTORANT-ACB014</t>
  </si>
  <si>
    <t>12/23/2019 00:03:26</t>
  </si>
  <si>
    <t>10.200.66.97</t>
  </si>
  <si>
    <t>D0-94-66-B5-5A-F1</t>
  </si>
  <si>
    <t>VOTORANT-ACB020</t>
  </si>
  <si>
    <t>12/23/2019 00:02:26</t>
  </si>
  <si>
    <t>12/23/2019 00:07:09</t>
  </si>
  <si>
    <t>10.200.66.89</t>
  </si>
  <si>
    <t>D0-94-66-B5-5D-62</t>
  </si>
  <si>
    <t>VOTORANT-ACB013</t>
  </si>
  <si>
    <t>12/23/2019 00:05:49</t>
  </si>
  <si>
    <t>12/23/2019 00:08:08</t>
  </si>
  <si>
    <t>10.200.66.216</t>
  </si>
  <si>
    <t>D0-94-66-B5-4E-72</t>
  </si>
  <si>
    <t>VOTORANT-AFB021</t>
  </si>
  <si>
    <t>12/23/2019 00:06:02</t>
  </si>
  <si>
    <t>10.200.67.215</t>
  </si>
  <si>
    <t>D0-94-66-B5-5D-F2</t>
  </si>
  <si>
    <t>VOTORANT-ABB015</t>
  </si>
  <si>
    <t>12/23/2019 00:07:45</t>
  </si>
  <si>
    <t>10.200.66.212</t>
  </si>
  <si>
    <t>D0-94-66-B5-70-B8</t>
  </si>
  <si>
    <t>VOTORANT-ABB018</t>
  </si>
  <si>
    <t>12/23/2019 00:07:15</t>
  </si>
  <si>
    <t>12/23/2019 00:09:09</t>
  </si>
  <si>
    <t>10.200.66.200</t>
  </si>
  <si>
    <t>D0-94-66-B5-4C-A0</t>
  </si>
  <si>
    <t>VOTORANT-AFB020</t>
  </si>
  <si>
    <t>12/23/2019 00:07:56</t>
  </si>
  <si>
    <t>12/23/2019 00:10:09</t>
  </si>
  <si>
    <t>10.200.67.214</t>
  </si>
  <si>
    <t>D0-94-66-B5-5F-36</t>
  </si>
  <si>
    <t>VOTORANT-ABB016</t>
  </si>
  <si>
    <t>12/23/2019 00:08:18</t>
  </si>
  <si>
    <t>10.200.66.105</t>
  </si>
  <si>
    <t>D0-94-66-B5-70-B6</t>
  </si>
  <si>
    <t>VOTORANT-ACB015</t>
  </si>
  <si>
    <t>12/23/2019 00:08:38</t>
  </si>
  <si>
    <t>10.200.66.207</t>
  </si>
  <si>
    <t>D0-94-66-B5-4E-11</t>
  </si>
  <si>
    <t>VOTORANT-AFB018</t>
  </si>
  <si>
    <t>12/23/2019 00:08:09</t>
  </si>
  <si>
    <t>12/23/2019 00:11:09</t>
  </si>
  <si>
    <t>10.200.66.219</t>
  </si>
  <si>
    <t>D0-94-66-B5-70-B9</t>
  </si>
  <si>
    <t>VOTORANT-ABB017</t>
  </si>
  <si>
    <t>12/23/2019 00:12:40</t>
  </si>
  <si>
    <t>12/23/2019 00:15:09</t>
  </si>
  <si>
    <t>10.200.66.209</t>
  </si>
  <si>
    <t>D0-94-66-B5-71-07</t>
  </si>
  <si>
    <t>VOTORANT-ACB016</t>
  </si>
  <si>
    <t>12/23/2019 00:12:45</t>
  </si>
  <si>
    <t>10.200.66.214</t>
  </si>
  <si>
    <t>D0-94-66-B5-7F-BE</t>
  </si>
  <si>
    <t>VOTORANT-ACB018</t>
  </si>
  <si>
    <t>12/23/2019 00:09:50</t>
  </si>
  <si>
    <t>10.200.66.101</t>
  </si>
  <si>
    <t>D0-94-66-B5-7F-8F</t>
  </si>
  <si>
    <t>VOTORANT-AFB019</t>
  </si>
  <si>
    <t>12/23/2019 00:13:05</t>
  </si>
  <si>
    <t>10.200.67.185</t>
  </si>
  <si>
    <t>D0-94-66-B5-5D-08</t>
  </si>
  <si>
    <t>VOTORANT-ABB013</t>
  </si>
  <si>
    <t>12/23/2019 00:14:37</t>
  </si>
  <si>
    <t>10.200.66.95</t>
  </si>
  <si>
    <t>D0-94-66-B5-4D-B2</t>
  </si>
  <si>
    <t>VOTORANT-AFB013</t>
  </si>
  <si>
    <t>12/23/2019 00:15:16</t>
  </si>
  <si>
    <t>12/23/2019 00:16:09</t>
  </si>
  <si>
    <t>10.200.66.221</t>
  </si>
  <si>
    <t>D0-94-66-B5-48-21</t>
  </si>
  <si>
    <t>VOTORANT-ABB020</t>
  </si>
  <si>
    <t>12/23/2019 00:19:53</t>
  </si>
  <si>
    <t>12/23/2019 00:23:09</t>
  </si>
  <si>
    <t>12/23/2019 00:21:12</t>
  </si>
  <si>
    <t>12/23/2019 00:25:09</t>
  </si>
  <si>
    <t>12/23/2019 00:29:32</t>
  </si>
  <si>
    <t>12/23/2019 00:35:09</t>
  </si>
  <si>
    <t>12/23/2019 00:42:49</t>
  </si>
  <si>
    <t>12/23/2019 00:45:10</t>
  </si>
  <si>
    <t>12/23/2019 00:50:57</t>
  </si>
  <si>
    <t>12/23/2019 00:55:09</t>
  </si>
  <si>
    <t>12/23/2019 00:58:35</t>
  </si>
  <si>
    <t>12/23/2019 01:00:09</t>
  </si>
  <si>
    <t>12/23/2019 01:07:12</t>
  </si>
  <si>
    <t>12/23/2019 01:13:10</t>
  </si>
  <si>
    <t>12/23/2019 01:15:10</t>
  </si>
  <si>
    <t>12/23/2019 01:19:56</t>
  </si>
  <si>
    <t>12/23/2019 01:21:10</t>
  </si>
  <si>
    <t>12/23/2019 01:24:40</t>
  </si>
  <si>
    <t>12/23/2019 01:25:09</t>
  </si>
  <si>
    <t>12/23/2019 01:35:44</t>
  </si>
  <si>
    <t>12/23/2019 01:41:09</t>
  </si>
  <si>
    <t>12/23/2019 01:55:06</t>
  </si>
  <si>
    <t>12/23/2019 02:00:10</t>
  </si>
  <si>
    <t>12/23/2019 02:02:08</t>
  </si>
  <si>
    <t>12/23/2019 02:03:10</t>
  </si>
  <si>
    <t>12/23/2019 02:14:58</t>
  </si>
  <si>
    <t>12/23/2019 02:20:09</t>
  </si>
  <si>
    <t>12/23/2019 02:17:02</t>
  </si>
  <si>
    <t>12/23/2019 02:21:09</t>
  </si>
  <si>
    <t>12/23/2019 02:27:37</t>
  </si>
  <si>
    <t>12/23/2019 02:30:10</t>
  </si>
  <si>
    <t>12/23/2019 02:29:33</t>
  </si>
  <si>
    <t>12/23/2019 02:31:10</t>
  </si>
  <si>
    <t>12/23/2019 02:33:48</t>
  </si>
  <si>
    <t>12/23/2019 02:37:11</t>
  </si>
  <si>
    <t>12/23/2019 02:37:23</t>
  </si>
  <si>
    <t>12/23/2019 02:40:11</t>
  </si>
  <si>
    <t>12/23/2019 02:41:05</t>
  </si>
  <si>
    <t>12/23/2019 02:44:11</t>
  </si>
  <si>
    <t>12/23/2019 02:45:48</t>
  </si>
  <si>
    <t>12/23/2019 02:50:10</t>
  </si>
  <si>
    <t>12/23/2019 02:51:16</t>
  </si>
  <si>
    <t>12/23/2019 02:53:10</t>
  </si>
  <si>
    <t>12/23/2019 02:51:04</t>
  </si>
  <si>
    <t>12/23/2019 02:55:11</t>
  </si>
  <si>
    <t>12/23/2019 02:52:37</t>
  </si>
  <si>
    <t>12/23/2019 03:03:50</t>
  </si>
  <si>
    <t>12/23/2019 03:05:10</t>
  </si>
  <si>
    <t>12/23/2019 03:03:30</t>
  </si>
  <si>
    <t>12/23/2019 03:07:10</t>
  </si>
  <si>
    <t>12/23/2019 03:05:15</t>
  </si>
  <si>
    <t>12/23/2019 03:09:11</t>
  </si>
  <si>
    <t>12/23/2019 03:10:50</t>
  </si>
  <si>
    <t>12/23/2019 03:13:11</t>
  </si>
  <si>
    <t>12/23/2019 03:15:45</t>
  </si>
  <si>
    <t>12/23/2019 03:20:09</t>
  </si>
  <si>
    <t>12/23/2019 03:21:14</t>
  </si>
  <si>
    <t>12/23/2019 03:24:09</t>
  </si>
  <si>
    <t>12/23/2019 03:26:57</t>
  </si>
  <si>
    <t>12/23/2019 03:29:10</t>
  </si>
  <si>
    <t>12/23/2019 03:28:16</t>
  </si>
  <si>
    <t>12/23/2019 03:33:09</t>
  </si>
  <si>
    <t>12/23/2019 03:30:58</t>
  </si>
  <si>
    <t>12/23/2019 03:34:09</t>
  </si>
  <si>
    <t>12/23/2019 03:37:06</t>
  </si>
  <si>
    <t>12/23/2019 03:38:10</t>
  </si>
  <si>
    <t>12/23/2019 03:36:44</t>
  </si>
  <si>
    <t>12/23/2019 03:40:10</t>
  </si>
  <si>
    <t>12/23/2019 03:41:32</t>
  </si>
  <si>
    <t>12/23/2019 03:45:10</t>
  </si>
  <si>
    <t>12/23/2019 03:43:02</t>
  </si>
  <si>
    <t>12/23/2019 03:45:59</t>
  </si>
  <si>
    <t>12/23/2019 03:47:10</t>
  </si>
  <si>
    <t>12/23/2019 03:46:45</t>
  </si>
  <si>
    <t>12/23/2019 03:50:10</t>
  </si>
  <si>
    <t>12/23/2019 03:47:22</t>
  </si>
  <si>
    <t>12/23/2019 03:45:47</t>
  </si>
  <si>
    <t>12/23/2019 03:49:29</t>
  </si>
  <si>
    <t>12/23/2019 03:52:11</t>
  </si>
  <si>
    <t>12/23/2019 03:50:06</t>
  </si>
  <si>
    <t>12/23/2019 03:53:10</t>
  </si>
  <si>
    <t>12/23/2019 03:53:09</t>
  </si>
  <si>
    <t>12/23/2019 03:55:10</t>
  </si>
  <si>
    <t>12/23/2019 03:53:17</t>
  </si>
  <si>
    <t>12/23/2019 03:57:26</t>
  </si>
  <si>
    <t>12/23/2019 04:00:10</t>
  </si>
  <si>
    <t>12/23/2019 03:59:03</t>
  </si>
  <si>
    <t>12/23/2019 04:01:10</t>
  </si>
  <si>
    <t>12/23/2019 04:04:36</t>
  </si>
  <si>
    <t>12/23/2019 04:08:10</t>
  </si>
  <si>
    <t>12/23/2019 04:08:45</t>
  </si>
  <si>
    <t>12/23/2019 04:10:10</t>
  </si>
  <si>
    <t>12/23/2019 04:05:51</t>
  </si>
  <si>
    <t>12/23/2019 04:08:58</t>
  </si>
  <si>
    <t>12/23/2019 04:11:09</t>
  </si>
  <si>
    <t>12/23/2019 04:09:40</t>
  </si>
  <si>
    <t>12/23/2019 04:13:09</t>
  </si>
  <si>
    <t>12/23/2019 04:12:46</t>
  </si>
  <si>
    <t>12/23/2019 04:15:10</t>
  </si>
  <si>
    <t>12/23/2019 04:13:19</t>
  </si>
  <si>
    <t>12/23/2019 04:19:04</t>
  </si>
  <si>
    <t>12/23/2019 04:20:10</t>
  </si>
  <si>
    <t>12/23/2019 04:16:09</t>
  </si>
  <si>
    <t>12/23/2019 04:20:30</t>
  </si>
  <si>
    <t>12/23/2019 04:23:09</t>
  </si>
  <si>
    <t>12/23/2019 04:20:11</t>
  </si>
  <si>
    <t>12/23/2019 04:25:09</t>
  </si>
  <si>
    <t>12/23/2019 04:25:01</t>
  </si>
  <si>
    <t>12/23/2019 04:27:31</t>
  </si>
  <si>
    <t>12/23/2019 04:30:10</t>
  </si>
  <si>
    <t>12/23/2019 04:30:02</t>
  </si>
  <si>
    <t>12/23/2019 04:35:09</t>
  </si>
  <si>
    <t>12/23/2019 04:34:28</t>
  </si>
  <si>
    <t>12/23/2019 04:37:26</t>
  </si>
  <si>
    <t>12/23/2019 04:40:10</t>
  </si>
  <si>
    <t>12/23/2019 04:43:18</t>
  </si>
  <si>
    <t>12/23/2019 04:46:09</t>
  </si>
  <si>
    <t>12/23/2019 04:47:36</t>
  </si>
  <si>
    <t>12/23/2019 04:51:09</t>
  </si>
  <si>
    <t>12/23/2019 04:51:29</t>
  </si>
  <si>
    <t>12/23/2019 04:55:09</t>
  </si>
  <si>
    <t>12/23/2019 04:57:31</t>
  </si>
  <si>
    <t>12/23/2019 05:00:09</t>
  </si>
  <si>
    <t>12/23/2019 04:56:16</t>
  </si>
  <si>
    <t>12/23/2019 05:05:57</t>
  </si>
  <si>
    <t>12/23/2019 05:10:10</t>
  </si>
  <si>
    <t>12/23/2019 05:07:44</t>
  </si>
  <si>
    <t>12/23/2019 05:13:10</t>
  </si>
  <si>
    <t>12/23/2019 05:09:35</t>
  </si>
  <si>
    <t>12/23/2019 05:15:10</t>
  </si>
  <si>
    <t>12/23/2019 05:13:27</t>
  </si>
  <si>
    <t>12/23/2019 05:20:51</t>
  </si>
  <si>
    <t>12/23/2019 05:25:09</t>
  </si>
  <si>
    <t>12/23/2019 05:20:33</t>
  </si>
  <si>
    <t>12/23/2019 05:23:39</t>
  </si>
  <si>
    <t>12/23/2019 05:28:10</t>
  </si>
  <si>
    <t>12/23/2019 05:49:16</t>
  </si>
  <si>
    <t>12/23/2019 05:51:11</t>
  </si>
  <si>
    <t>12/23/2019 05:53:50</t>
  </si>
  <si>
    <t>12/23/2019 05:55:11</t>
  </si>
  <si>
    <t>12/23/2019 05:57:39</t>
  </si>
  <si>
    <t>12/23/2019 06:00:11</t>
  </si>
  <si>
    <t>12/23/2019 06:19:15</t>
  </si>
  <si>
    <t>12/23/2019 06:24:11</t>
  </si>
  <si>
    <t>12/23/2019 06:24:54</t>
  </si>
  <si>
    <t>12/23/2019 06:28:11</t>
  </si>
  <si>
    <t>12/23/2019 06:29:35</t>
  </si>
  <si>
    <t>12/23/2019 06:35:11</t>
  </si>
  <si>
    <t>12/23/2019 06:42:05</t>
  </si>
  <si>
    <t>12/23/2019 06:43:11</t>
  </si>
  <si>
    <t>BANCO VOTORANTIM</t>
  </si>
  <si>
    <t>10.200.67.135</t>
  </si>
  <si>
    <t>74-86-7A-FB-16-E4</t>
  </si>
  <si>
    <t>VOTORANT-MB007</t>
  </si>
  <si>
    <t>brendavdoa</t>
  </si>
  <si>
    <t>\\acsfs\profiles$\brendavdoa\Favorites\Citrix Receiver.url\</t>
  </si>
  <si>
    <t>:favicon:$DATA</t>
  </si>
  <si>
    <t>\\acsfs\profiles$\brendavdoa\Favorites\Citrix Receiver.url\:favicon:$DATA</t>
  </si>
  <si>
    <t>\\acsfs\profiles$\brendavdoa\Favorites\</t>
  </si>
  <si>
    <t>Citrix Receiver.url</t>
  </si>
  <si>
    <t>CPF BRASIL</t>
  </si>
  <si>
    <t>\\acsfs\profiles$\brendavdoa\Favorites\Citrix Receiver.url</t>
  </si>
  <si>
    <t>12/23/2019 06:43:49</t>
  </si>
  <si>
    <t>12/23/2019 06:45:11</t>
  </si>
  <si>
    <t>10.200.67.10</t>
  </si>
  <si>
    <t>74-86-7A-FB-18-6D</t>
  </si>
  <si>
    <t>VOTORANT-FB013</t>
  </si>
  <si>
    <t>monicargds</t>
  </si>
  <si>
    <t>\\acsfs\profiles$\monicargds\Downloads\</t>
  </si>
  <si>
    <t>afeb18e2-6d47-4849-8a46-d38204c79037.tmp</t>
  </si>
  <si>
    <t>\\acsfs\profiles$\monicargds\Downloads\afeb18e2-6d47-4849-8a46-d38204c79037.tmp</t>
  </si>
  <si>
    <t>12/23/2019 06:41:33</t>
  </si>
  <si>
    <t>12/23/2019 06:45:19</t>
  </si>
  <si>
    <t>12/23/2019 06:48:11</t>
  </si>
  <si>
    <t>\\acsfs\profiles$\brendavdoa\Favorites\Welcome - 1 total view.url\</t>
  </si>
  <si>
    <t>\\acsfs\profiles$\brendavdoa\Favorites\Welcome - 1 total view.url\:favicon:$DATA</t>
  </si>
  <si>
    <t>Welcome - 1 total view.url</t>
  </si>
  <si>
    <t>\\acsfs\profiles$\brendavdoa\Favorites\Welcome - 1 total view.url</t>
  </si>
  <si>
    <t>12/23/2019 06:46:03</t>
  </si>
  <si>
    <t>\\acsfs\profiles$\brendavdoa\My Documents\</t>
  </si>
  <si>
    <t>Acessos.txt</t>
  </si>
  <si>
    <t>\\acsfs\profiles$\brendavdoa\My Documents\Acessos.txt</t>
  </si>
  <si>
    <t>12/23/2019 06:45:08</t>
  </si>
  <si>
    <t>12/23/2019 06:50:11</t>
  </si>
  <si>
    <t>c9b0e5c0-da13-4bdb-9d85-b239332d86a0.tmp</t>
  </si>
  <si>
    <t>\\acsfs\profiles$\monicargds\Downloads\c9b0e5c0-da13-4bdb-9d85-b239332d86a0.tmp</t>
  </si>
  <si>
    <t>12/23/2019 06:47:56</t>
  </si>
  <si>
    <t>f1faadfc-511d-473e-9061-2b8506002346.tmp</t>
  </si>
  <si>
    <t>\\acsfs\profiles$\monicargds\Downloads\f1faadfc-511d-473e-9061-2b8506002346.tmp</t>
  </si>
  <si>
    <t>12/23/2019 06:47:50</t>
  </si>
  <si>
    <t>12/23/2019 06:51:11</t>
  </si>
  <si>
    <t>10.200.67.26</t>
  </si>
  <si>
    <t>74-86-7A-FB-17-2C</t>
  </si>
  <si>
    <t>VOTORANT-RB005</t>
  </si>
  <si>
    <t>nathaliadf</t>
  </si>
  <si>
    <t>\\acsfs\profiles$\nathaliadf\Downloads\</t>
  </si>
  <si>
    <t>cd266881-0fc4-49b8-b23b-ac6d6e975019.tmp</t>
  </si>
  <si>
    <t>\\acsfs\profiles$\nathaliadf\Downloads\cd266881-0fc4-49b8-b23b-ac6d6e975019.tmp</t>
  </si>
  <si>
    <t>12/23/2019 06:48:24</t>
  </si>
  <si>
    <t>b5efe780-9973-40d8-818c-0e052007a727.tmp</t>
  </si>
  <si>
    <t>\\acsfs\profiles$\nathaliadf\Downloads\b5efe780-9973-40d8-818c-0e052007a727.tmp</t>
  </si>
  <si>
    <t>12/23/2019 06:49:35</t>
  </si>
  <si>
    <t>ad160679-fa65-4827-ab86-ffe523ac3f12.tmp</t>
  </si>
  <si>
    <t>\\acsfs\profiles$\nathaliadf\Downloads\ad160679-fa65-4827-ab86-ffe523ac3f12.tmp</t>
  </si>
  <si>
    <t>12/23/2019 06:49:45</t>
  </si>
  <si>
    <t>7704038b-f652-4aa5-9f52-3fb361ed8bf6.tmp</t>
  </si>
  <si>
    <t>\\acsfs\profiles$\nathaliadf\Downloads\7704038b-f652-4aa5-9f52-3fb361ed8bf6.tmp</t>
  </si>
  <si>
    <t>12/23/2019 06:50:26</t>
  </si>
  <si>
    <t>12/23/2019 06:55:10</t>
  </si>
  <si>
    <t>12/23/2019 06:52:40</t>
  </si>
  <si>
    <t>10.200.66.134</t>
  </si>
  <si>
    <t>74-86-7A-FB-14-32</t>
  </si>
  <si>
    <t>VOTORANT-ABB005</t>
  </si>
  <si>
    <t>vivianealda</t>
  </si>
  <si>
    <t>\\acsfs\profiles$\vivianealda\Downloads\</t>
  </si>
  <si>
    <t>2afdf301-da9d-4ff6-8e26-413d88671cfe.tmp</t>
  </si>
  <si>
    <t>\\acsfs\profiles$\vivianealda\Downloads\2afdf301-da9d-4ff6-8e26-413d88671cfe.tmp</t>
  </si>
  <si>
    <t>12/23/2019 06:53:55</t>
  </si>
  <si>
    <t>912e284b-2c8f-4665-b7ea-eb21de4d5eea.tmp</t>
  </si>
  <si>
    <t>\\acsfs\profiles$\vivianealda\Downloads\912e284b-2c8f-4665-b7ea-eb21de4d5eea.tmp</t>
  </si>
  <si>
    <t>12/23/2019 06:51:50</t>
  </si>
  <si>
    <t>12/23/2019 06:57:10</t>
  </si>
  <si>
    <t>10.200.66.7</t>
  </si>
  <si>
    <t>78-2B-CB-C1-07-3E</t>
  </si>
  <si>
    <t>VOTORANT-GB017</t>
  </si>
  <si>
    <t>albertofn</t>
  </si>
  <si>
    <t>\\acsfs\profiles$\albertofn\Favorites\Links\</t>
  </si>
  <si>
    <t>\\acsfs\profiles$\albertofn\Favorites\Links\Citrix Receiver.url</t>
  </si>
  <si>
    <t>12/23/2019 06:58:38</t>
  </si>
  <si>
    <t>12/23/2019 07:00:10</t>
  </si>
  <si>
    <t>12/23/2019 06:55:51</t>
  </si>
  <si>
    <t>56679a66-5e76-44ea-8307-3a6b0f627c88.tmp</t>
  </si>
  <si>
    <t>\\acsfs\profiles$\vivianealda\Downloads\56679a66-5e76-44ea-8307-3a6b0f627c88.tmp</t>
  </si>
  <si>
    <t>12/23/2019 06:58:44</t>
  </si>
  <si>
    <t>Medium</t>
  </si>
  <si>
    <t>Bloco Viviane.txt</t>
  </si>
  <si>
    <t>Brazil: CPF - Cadastro de Pessoas Físicas (Natural Persons Register)</t>
  </si>
  <si>
    <t>\\acsfs\profiles$\vivianealda\Downloads\Bloco Viviane.txt</t>
  </si>
  <si>
    <t>12/23/2019 06:59:13</t>
  </si>
  <si>
    <t>12/23/2019 06:59:21</t>
  </si>
  <si>
    <t>12/23/2019 06:59:51</t>
  </si>
  <si>
    <t>9eac0c6d-2877-4978-846a-40fc3321a0dd.tmp</t>
  </si>
  <si>
    <t>\\acsfs\profiles$\vivianealda\Downloads\9eac0c6d-2877-4978-846a-40fc3321a0dd.tmp</t>
  </si>
  <si>
    <t>12/23/2019 06:58:37</t>
  </si>
  <si>
    <t>12/23/2019 07:03:11</t>
  </si>
  <si>
    <t>12/23/2019 06:59:33</t>
  </si>
  <si>
    <t>12/23/2019 07:00:08</t>
  </si>
  <si>
    <t>boleto.txt</t>
  </si>
  <si>
    <t>\\acsfs\profiles$\brendavdoa\My Documents\boleto.txt</t>
  </si>
  <si>
    <t>12/23/2019 07:00:27</t>
  </si>
  <si>
    <t>12/23/2019 07:04:11</t>
  </si>
  <si>
    <t>10.200.60.164</t>
  </si>
  <si>
    <t>D0-67-E5-FF-1A-BC</t>
  </si>
  <si>
    <t>BV-Z020</t>
  </si>
  <si>
    <t>josiascdsj</t>
  </si>
  <si>
    <t>https://algar.workplace.com/messaging/send/</t>
  </si>
  <si>
    <t>body</t>
  </si>
  <si>
    <t>HTTPS</t>
  </si>
  <si>
    <t>12/23/2019 07:00:35</t>
  </si>
  <si>
    <t>12/23/2019 07:00:46</t>
  </si>
  <si>
    <t>12/23/2019 07:02:20</t>
  </si>
  <si>
    <t>12/23/2019 07:02:28</t>
  </si>
  <si>
    <t>12/23/2019 07:08:08</t>
  </si>
  <si>
    <t>12/23/2019 07:10:11</t>
  </si>
  <si>
    <t>ed8e16ad-e77a-4f23-a1e9-bbba6e978ffe.tmp</t>
  </si>
  <si>
    <t>\\acsfs\profiles$\monicargds\Downloads\ed8e16ad-e77a-4f23-a1e9-bbba6e978ffe.tmp</t>
  </si>
  <si>
    <t>12/23/2019 07:11:56</t>
  </si>
  <si>
    <t>12/23/2019 07:15:11</t>
  </si>
  <si>
    <t>12/23/2019 07:13:02</t>
  </si>
  <si>
    <t>12/23/2019 07:17:11</t>
  </si>
  <si>
    <t>10.200.67.23</t>
  </si>
  <si>
    <t>74-86-7A-FB-18-CF</t>
  </si>
  <si>
    <t>VOTORANT-MB005</t>
  </si>
  <si>
    <t>deboraaa</t>
  </si>
  <si>
    <t>\\acsfs\profiles$\deboraaa\Downloads\</t>
  </si>
  <si>
    <t>a3a08f71-a8cd-43e0-ac9b-3d62a217ebff.tmp</t>
  </si>
  <si>
    <t>\\acsfs\profiles$\deboraaa\Downloads\a3a08f71-a8cd-43e0-ac9b-3d62a217ebff.tmp</t>
  </si>
  <si>
    <t>12/23/2019 07:13:50</t>
  </si>
  <si>
    <t>\\acsfs\profiles$\deboraaa\Favorites\tv.url\</t>
  </si>
  <si>
    <t>\\acsfs\profiles$\deboraaa\Favorites\tv.url\:favicon:$DATA</t>
  </si>
  <si>
    <t>\\acsfs\profiles$\deboraaa\Favorites\</t>
  </si>
  <si>
    <t>tv.url</t>
  </si>
  <si>
    <t>\\acsfs\profiles$\deboraaa\Favorites\tv.url</t>
  </si>
  <si>
    <t>12/23/2019 07:13:54</t>
  </si>
  <si>
    <t>\\acsfs\profiles$\deboraaa\Favorites\Entrar no cliente Zimbra para Web.url\</t>
  </si>
  <si>
    <t>\\acsfs\profiles$\deboraaa\Favorites\Entrar no cliente Zimbra para Web.url\:favicon:$DATA</t>
  </si>
  <si>
    <t>Entrar no cliente Zimbra para Web.url</t>
  </si>
  <si>
    <t>\\acsfs\profiles$\deboraaa\Favorites\Entrar no cliente Zimbra para Web.url</t>
  </si>
  <si>
    <t>12/23/2019 07:15:18</t>
  </si>
  <si>
    <t>dd9a70fe-6468-4213-83e3-449a90489bb5.tmp</t>
  </si>
  <si>
    <t>\\acsfs\profiles$\deboraaa\Downloads\dd9a70fe-6468-4213-83e3-449a90489bb5.tmp</t>
  </si>
  <si>
    <t>12/23/2019 07:16:12</t>
  </si>
  <si>
    <t>ffd1ebfd-460b-426a-9774-a76bc5f39463.tmp</t>
  </si>
  <si>
    <t>\\acsfs\profiles$\deboraaa\Downloads\ffd1ebfd-460b-426a-9774-a76bc5f39463.tmp</t>
  </si>
  <si>
    <t>12/23/2019 07:16:22</t>
  </si>
  <si>
    <t>12/23/2019 07:20:11</t>
  </si>
  <si>
    <t>12/23/2019 07:19:34</t>
  </si>
  <si>
    <t>12/23/2019 07:25:18</t>
  </si>
  <si>
    <t>12/23/2019 07:27:10</t>
  </si>
  <si>
    <t>a1c95f9f-1b78-452c-a7d3-1f4cadd1c147.tmp</t>
  </si>
  <si>
    <t>\\acsfs\profiles$\deboraaa\Downloads\a1c95f9f-1b78-452c-a7d3-1f4cadd1c147.tmp</t>
  </si>
  <si>
    <t>12/23/2019 07:26:30</t>
  </si>
  <si>
    <t>12/23/2019 07:28:11</t>
  </si>
  <si>
    <t>Script.txt</t>
  </si>
  <si>
    <t>\\acsfs\profiles$\brendavdoa\My Documents\Script.txt</t>
  </si>
  <si>
    <t>12/23/2019 07:25:52</t>
  </si>
  <si>
    <t>10.200.66.124</t>
  </si>
  <si>
    <t>D0-67-E5-FF-14-4B</t>
  </si>
  <si>
    <t>VOTORANT-ACB004</t>
  </si>
  <si>
    <t>websondsa</t>
  </si>
  <si>
    <t>\\acsfs\profiles$\websondsa\Downloads\</t>
  </si>
  <si>
    <t>8ad4f5b5-5803-46c5-b71e-e86e516839cf.tmp</t>
  </si>
  <si>
    <t>\\acsfs\profiles$\websondsa\Downloads\8ad4f5b5-5803-46c5-b71e-e86e516839cf.tmp</t>
  </si>
  <si>
    <t>12/23/2019 07:26:04</t>
  </si>
  <si>
    <t>9c0b4356-7271-487f-b822-f9c87c9d28c6.tmp</t>
  </si>
  <si>
    <t>\\acsfs\profiles$\websondsa\Downloads\9c0b4356-7271-487f-b822-f9c87c9d28c6.tmp</t>
  </si>
  <si>
    <t>12/23/2019 07:27:35</t>
  </si>
  <si>
    <t>2410e8c2-c052-46be-8a8a-d4b8b68ab592.tmp</t>
  </si>
  <si>
    <t>\\acsfs\profiles$\websondsa\Downloads\2410e8c2-c052-46be-8a8a-d4b8b68ab592.tmp</t>
  </si>
  <si>
    <t>12/23/2019 07:27:44</t>
  </si>
  <si>
    <t>652bd944-323a-456d-8a51-e2c423034eed.tmp</t>
  </si>
  <si>
    <t>\\acsfs\profiles$\websondsa\Downloads\652bd944-323a-456d-8a51-e2c423034eed.tmp</t>
  </si>
  <si>
    <t>12/23/2019 07:27:32</t>
  </si>
  <si>
    <t>12/23/2019 07:30:11</t>
  </si>
  <si>
    <t>marcellewdl</t>
  </si>
  <si>
    <t>\\acsfs\profiles$\marcellewdl\Downloads\</t>
  </si>
  <si>
    <t>13b34350-4435-4d89-b898-2f4f0de6edd9.tmp</t>
  </si>
  <si>
    <t>\\acsfs\profiles$\marcellewdl\Downloads\13b34350-4435-4d89-b898-2f4f0de6edd9.tmp</t>
  </si>
  <si>
    <t>12/23/2019 07:28:14</t>
  </si>
  <si>
    <t>31437d2e-63e8-42d0-8d95-1b76f6052965.tmp</t>
  </si>
  <si>
    <t>\\acsfs\profiles$\marcellewdl\Downloads\31437d2e-63e8-42d0-8d95-1b76f6052965.tmp</t>
  </si>
  <si>
    <t>12/23/2019 07:29:09</t>
  </si>
  <si>
    <t>1d8abbc9-a6b7-48cf-8ae3-8e2add79261e.tmp</t>
  </si>
  <si>
    <t>\\acsfs\profiles$\marcellewdl\Downloads\1d8abbc9-a6b7-48cf-8ae3-8e2add79261e.tmp</t>
  </si>
  <si>
    <t>12/23/2019 07:25:29</t>
  </si>
  <si>
    <t>72ee10e8-a38b-4150-860d-fc8038af39bb.tmp</t>
  </si>
  <si>
    <t>\\acsfs\profiles$\vivianealda\Downloads\72ee10e8-a38b-4150-860d-fc8038af39bb.tmp</t>
  </si>
  <si>
    <t>12/23/2019 07:30:27</t>
  </si>
  <si>
    <t>12/23/2019 07:32:11</t>
  </si>
  <si>
    <t>12/23/2019 07:27:52</t>
  </si>
  <si>
    <t>12/23/2019 07:33:12</t>
  </si>
  <si>
    <t>12/23/2019 07:29:37</t>
  </si>
  <si>
    <t>2e7a2c35-b79e-48fe-b956-79d22842069d.tmp</t>
  </si>
  <si>
    <t>\\acsfs\profiles$\websondsa\Downloads\2e7a2c35-b79e-48fe-b956-79d22842069d.tmp</t>
  </si>
  <si>
    <t>12/23/2019 07:29:00</t>
  </si>
  <si>
    <t>12/23/2019 07:34:11</t>
  </si>
  <si>
    <t>10.200.67.141</t>
  </si>
  <si>
    <t>74-86-7A-FC-CF-5C</t>
  </si>
  <si>
    <t>VOTORANT-RB008</t>
  </si>
  <si>
    <t>sarahbal</t>
  </si>
  <si>
    <t>\\acsfs\profiles$\sarahbal\Downloads\</t>
  </si>
  <si>
    <t>1e6be1c5-8f21-43e3-88ea-d48183ec47cc.tmp</t>
  </si>
  <si>
    <t>\\acsfs\profiles$\sarahbal\Downloads\1e6be1c5-8f21-43e3-88ea-d48183ec47cc.tmp</t>
  </si>
  <si>
    <t>12/23/2019 07:30:03</t>
  </si>
  <si>
    <t>29ffca2f-1675-4cf0-b57f-16bd55551042.tmp</t>
  </si>
  <si>
    <t>\\acsfs\profiles$\sarahbal\Downloads\29ffca2f-1675-4cf0-b57f-16bd55551042.tmp</t>
  </si>
  <si>
    <t>12/23/2019 07:30:36</t>
  </si>
  <si>
    <t>5fd79766-35ab-45af-ad22-5bf42d16199c.tmp</t>
  </si>
  <si>
    <t>\\acsfs\profiles$\sarahbal\Downloads\5fd79766-35ab-45af-ad22-5bf42d16199c.tmp</t>
  </si>
  <si>
    <t>12/23/2019 07:33:44</t>
  </si>
  <si>
    <t>12/23/2019 07:39:12</t>
  </si>
  <si>
    <t>10.200.67.179</t>
  </si>
  <si>
    <t>78-2B-CB-C1-06-5B</t>
  </si>
  <si>
    <t>VOTORANT-IB006</t>
  </si>
  <si>
    <t>vanessacgs</t>
  </si>
  <si>
    <t>\\acsfs\profiles$\vanessacgs\Favorites\</t>
  </si>
  <si>
    <t>citrix.url:favicon</t>
  </si>
  <si>
    <t>\\acsfs\profiles$\vanessacgs\Favorites\citrix.url:favicon</t>
  </si>
  <si>
    <t>\\acsfs\profiles$\vanessacgs\Favorites\citrix.url\</t>
  </si>
  <si>
    <t>\\acsfs\profiles$\vanessacgs\Favorites\citrix.url\:favicon:$DATA</t>
  </si>
  <si>
    <t>citrix.url</t>
  </si>
  <si>
    <t>\\acsfs\profiles$\vanessacgs\Favorites\citrix.url</t>
  </si>
  <si>
    <t>12/23/2019 07:37:48</t>
  </si>
  <si>
    <t>10.200.66.26</t>
  </si>
  <si>
    <t>74-86-7A-FB-17-53</t>
  </si>
  <si>
    <t>VOTORANTS-JB031</t>
  </si>
  <si>
    <t>raicdf</t>
  </si>
  <si>
    <t>https://outlook.office365.com/mapi/emsmdb/?mailboxid=72ff94cc-38be-4102-b180-a6ad5c6232a9@algartech.com</t>
  </si>
  <si>
    <t>12/23/2019 07:37:49</t>
  </si>
  <si>
    <t>12/23/2019 07:37:50</t>
  </si>
  <si>
    <t>12/23/2019 07:37:51</t>
  </si>
  <si>
    <t>12/23/2019 07:38:04</t>
  </si>
  <si>
    <t>12/23/2019 07:38:05</t>
  </si>
  <si>
    <t>12/23/2019 07:38:07</t>
  </si>
  <si>
    <t>12/23/2019 07:38:08</t>
  </si>
  <si>
    <t>12/23/2019 07:38:09</t>
  </si>
  <si>
    <t>12/23/2019 07:38:18</t>
  </si>
  <si>
    <t>12/23/2019 07:38:19</t>
  </si>
  <si>
    <t>12/23/2019 07:38:20</t>
  </si>
  <si>
    <t>12/23/2019 07:38:22</t>
  </si>
  <si>
    <t>12/23/2019 07:37:57</t>
  </si>
  <si>
    <t>12/23/2019 07:40:13</t>
  </si>
  <si>
    <t>12/23/2019 07:38:55</t>
  </si>
  <si>
    <t>12/23/2019 07:44:13</t>
  </si>
  <si>
    <t>\\acsfs\profiles$\sarahbal\My Documents\</t>
  </si>
  <si>
    <t>Rascunho.txt</t>
  </si>
  <si>
    <t>\\acsfs\profiles$\sarahbal\My Documents\Rascunho.txt</t>
  </si>
  <si>
    <t>12/23/2019 07:39:35</t>
  </si>
  <si>
    <t>77883918-c11d-43fd-a77e-d9e47f0159fb.tmp</t>
  </si>
  <si>
    <t>\\acsfs\profiles$\sarahbal\Downloads\77883918-c11d-43fd-a77e-d9e47f0159fb.tmp</t>
  </si>
  <si>
    <t>12/23/2019 07:39:18</t>
  </si>
  <si>
    <t>raicdf@algartech.com</t>
  </si>
  <si>
    <t>mail.google.com/sync/u/0/i/s?hl=pt-BR&amp;c=14</t>
  </si>
  <si>
    <t>Webmail(Gmail)</t>
  </si>
  <si>
    <t>subject content</t>
  </si>
  <si>
    <t>12/23/2019 07:39:42</t>
  </si>
  <si>
    <t>mail.google.com/sync/u/0/i/s?hl=pt-BR&amp;c=17</t>
  </si>
  <si>
    <t>12/23/2019 07:39:47</t>
  </si>
  <si>
    <t>mail.google.com/sync/u/0/i/s?hl=pt-BR&amp;c=20</t>
  </si>
  <si>
    <t>12/23/2019 07:39:55</t>
  </si>
  <si>
    <t>mail.google.com/sync/u/0/i/s?hl=pt-BR&amp;c=22</t>
  </si>
  <si>
    <t>12/23/2019 07:40:55</t>
  </si>
  <si>
    <t>mail.google.com/sync/u/0/i/s?hl=pt-BR&amp;c=25</t>
  </si>
  <si>
    <t>12/23/2019 07:42:20</t>
  </si>
  <si>
    <t>mail.google.com/sync/u/0/i/s?hl=pt-BR&amp;c=28</t>
  </si>
  <si>
    <t>12/23/2019 07:43:44</t>
  </si>
  <si>
    <t>COORD PLANEJAMENTO E CONTROLE</t>
  </si>
  <si>
    <t>12/23/2019 07:47:11</t>
  </si>
  <si>
    <t>12/23/2019 07:48:13</t>
  </si>
  <si>
    <t>10.200.66.13</t>
  </si>
  <si>
    <t>64-1C-67-9D-1E-C3</t>
  </si>
  <si>
    <t>VOTORANT-JB019</t>
  </si>
  <si>
    <t>Jordanarb</t>
  </si>
  <si>
    <t>https://hl2rcv.adobe.com/headlights/uploadfile/</t>
  </si>
  <si>
    <t>C:\Users\Jordanarb\AppData\Roaming\Adobe\LogTransport2\Logs\</t>
  </si>
  <si>
    <t>ulog_AcroARM2_Reader_22bb18ef-a0cc-4985-b2f1-d8449a05e1d0_2087370a-f395-4887-964a-d84cb88c6b4b_0.log</t>
  </si>
  <si>
    <t>Algar_Compressed Files</t>
  </si>
  <si>
    <t>C:\Users\Jordanarb\AppData\Roaming\Adobe\LogTransport2\Logs\ulog_AcroARM2_Reader_22bb18ef-a0cc-4985-b2f1-d8449a05e1d0_2087370a-f395-4887-964a-d84cb88c6b4b_0.log\</t>
  </si>
  <si>
    <t>NONAMEFL</t>
  </si>
  <si>
    <t>12/23/2019 07:45:01</t>
  </si>
  <si>
    <t>12/23/2019 07:49:13</t>
  </si>
  <si>
    <t>12/23/2019 07:48:49</t>
  </si>
  <si>
    <t>10.200.32.22</t>
  </si>
  <si>
    <t>78-2B-CB-C1-07-68</t>
  </si>
  <si>
    <t>VOTORANT-CA071</t>
  </si>
  <si>
    <t>elianegr</t>
  </si>
  <si>
    <t>\\acsfs\DEPTOS\Operacao\Banco_Votorantim\Qualidade\Eliane\Monitorias DEZEMBRO\</t>
  </si>
  <si>
    <t>3° CICLO DEZEMBRO.txt</t>
  </si>
  <si>
    <t>\\acsfs\DEPTOS\Operacao\Banco_Votorantim\Qualidade\Eliane\Monitorias DEZEMBRO\3° CICLO DEZEMBRO.txt</t>
  </si>
  <si>
    <t>12/23/2019 07:48:55</t>
  </si>
  <si>
    <t>12/23/2019 07:50:18</t>
  </si>
  <si>
    <t>12/23/2019 07:51:13</t>
  </si>
  <si>
    <t>10.200.67.154</t>
  </si>
  <si>
    <t>78-2B-CB-C1-07-1B</t>
  </si>
  <si>
    <t>VOTORANT-RB009</t>
  </si>
  <si>
    <t>deborahsi</t>
  </si>
  <si>
    <t>\\acsfs\profiles$\deborahsi\Downloads\</t>
  </si>
  <si>
    <t>8899dbca-689b-49a2-bf1e-367211a53faa.tmp</t>
  </si>
  <si>
    <t>\\acsfs\profiles$\deborahsi\Downloads\8899dbca-689b-49a2-bf1e-367211a53faa.tmp</t>
  </si>
  <si>
    <t>12/23/2019 07:51:30</t>
  </si>
  <si>
    <t>12/23/2019 07:53:13</t>
  </si>
  <si>
    <t>130bcb23-2ad2-477a-89d1-cac343a4892c.tmp</t>
  </si>
  <si>
    <t>\\acsfs\profiles$\websondsa\Downloads\130bcb23-2ad2-477a-89d1-cac343a4892c.tmp</t>
  </si>
  <si>
    <t>12/23/2019 07:50:20</t>
  </si>
  <si>
    <t>12/23/2019 07:54:13</t>
  </si>
  <si>
    <t>12/23/2019 07:49:15</t>
  </si>
  <si>
    <t>mail.google.com/_/upload?authuser=0&amp;dcp=asu-n</t>
  </si>
  <si>
    <t>C:\Users\raicdf\Downloads\</t>
  </si>
  <si>
    <t>SCHEDULE_FINANCEIRA_Dezembro (1).xlsx</t>
  </si>
  <si>
    <t>12/23/2019 07:49:26</t>
  </si>
  <si>
    <t>mail.google.com/sync/u/0/i/s?hl=pt-BR&amp;c=55</t>
  </si>
  <si>
    <t>andrelpsa@algartech.com;fabianacscg@algartech.com;karinefg@algartech.com;mirianppb@algartech.com;qualidadealgarbv@algartech.com;supervisaobancovotorantim@algartech.com;</t>
  </si>
  <si>
    <t>andrelpsa@algartech.com,fabianacscg@algartech.com,karinefg@algartech.com,mirianppb@algartech.com,qualidadealgarbv@algartech.com,supervisaobancovotorantim@algartech.com</t>
  </si>
  <si>
    <t>12/23/2019 07:49:44</t>
  </si>
  <si>
    <t>12/23/2019 07:50:49</t>
  </si>
  <si>
    <t>12/23/2019 07:56:13</t>
  </si>
  <si>
    <t>10.200.67.47</t>
  </si>
  <si>
    <t>74-86-7A-FB-17-4F</t>
  </si>
  <si>
    <t>VOTORANT-OB004</t>
  </si>
  <si>
    <t>gabrielarb</t>
  </si>
  <si>
    <t>\\acsfs\profiles$\gabrielarb\Downloads\</t>
  </si>
  <si>
    <t>5e728539-01d9-4cc0-8e3c-86ade68898cf.tmp</t>
  </si>
  <si>
    <t>\\acsfs\profiles$\gabrielarb\Downloads\5e728539-01d9-4cc0-8e3c-86ade68898cf.tmp</t>
  </si>
  <si>
    <t>12/23/2019 07:50:50</t>
  </si>
  <si>
    <t>462809dd-07fa-45c9-a1c7-773c1c9833e4.tmp</t>
  </si>
  <si>
    <t>\\acsfs\profiles$\gabrielarb\Downloads\462809dd-07fa-45c9-a1c7-773c1c9833e4.tmp</t>
  </si>
  <si>
    <t>12/23/2019 07:51:43</t>
  </si>
  <si>
    <t>f168bb86-bbb7-493f-8c28-0cffc74ffa71.tmp</t>
  </si>
  <si>
    <t>\\acsfs\profiles$\gabrielarb\Downloads\f168bb86-bbb7-493f-8c28-0cffc74ffa71.tmp</t>
  </si>
  <si>
    <t>12/23/2019 07:52:40</t>
  </si>
  <si>
    <t>d83f5774-e70e-4a35-9040-66fdffa9b31e.tmp</t>
  </si>
  <si>
    <t>\\acsfs\profiles$\gabrielarb\Downloads\d83f5774-e70e-4a35-9040-66fdffa9b31e.tmp</t>
  </si>
  <si>
    <t>12/23/2019 07:54:26</t>
  </si>
  <si>
    <t>50e27c41-b1be-470d-8da1-f5b778c670d0.tmp</t>
  </si>
  <si>
    <t>\\acsfs\profiles$\gabrielarb\Downloads\50e27c41-b1be-470d-8da1-f5b778c670d0.tmp</t>
  </si>
  <si>
    <t>12/23/2019 07:51:19</t>
  </si>
  <si>
    <t>de8f2614-72af-4d9c-90b9-02788ba2ccde.tmp</t>
  </si>
  <si>
    <t>\\acsfs\profiles$\deborahsi\Downloads\de8f2614-72af-4d9c-90b9-02788ba2ccde.tmp</t>
  </si>
  <si>
    <t>12/23/2019 07:55:44</t>
  </si>
  <si>
    <t>12/23/2019 07:59:13</t>
  </si>
  <si>
    <t>12/23/2019 07:56:01</t>
  </si>
  <si>
    <t>12/23/2019 08:00:14</t>
  </si>
  <si>
    <t>BRADESCO LEGADO CIELO</t>
  </si>
  <si>
    <t>paulovadc</t>
  </si>
  <si>
    <t>\\acsfs\profiles$\paulovadc\Downloads\</t>
  </si>
  <si>
    <t>1d560d1a-3c21-4b18-ab20-c16f80fea92a.tmp</t>
  </si>
  <si>
    <t>\\acsfs\profiles$\paulovadc\Downloads\1d560d1a-3c21-4b18-ab20-c16f80fea92a.tmp</t>
  </si>
  <si>
    <t>12/23/2019 07:56:19</t>
  </si>
  <si>
    <t>12/23/2019 07:57:12</t>
  </si>
  <si>
    <t>9f348bb9-9aeb-4eb9-91fa-cad0dcabe696.tmp</t>
  </si>
  <si>
    <t>\\acsfs\profiles$\paulovadc\Downloads\9f348bb9-9aeb-4eb9-91fa-cad0dcabe696.tmp</t>
  </si>
  <si>
    <t>12/23/2019 07:57:22</t>
  </si>
  <si>
    <t>d3688922-f912-44b7-b7ea-4bbe1890ed00.tmp</t>
  </si>
  <si>
    <t>\\acsfs\profiles$\paulovadc\Downloads\d3688922-f912-44b7-b7ea-4bbe1890ed00.tmp</t>
  </si>
  <si>
    <t>12/23/2019 07:56:09</t>
  </si>
  <si>
    <t>ad081f67-8b0f-437b-83c6-a62c530ef23b.tmp</t>
  </si>
  <si>
    <t>\\acsfs\profiles$\vivianealda\Downloads\ad081f67-8b0f-437b-83c6-a62c530ef23b.tmp</t>
  </si>
  <si>
    <t>12/23/2019 07:59:44</t>
  </si>
  <si>
    <t>12/23/2019 08:03:13</t>
  </si>
  <si>
    <t>luanarda</t>
  </si>
  <si>
    <t>\\acsfs\profiles$\luanarda\Downloads\</t>
  </si>
  <si>
    <t>d243c492-9da7-485c-a52c-054cf5d827ef.tmp</t>
  </si>
  <si>
    <t>\\acsfs\profiles$\luanarda\Downloads\d243c492-9da7-485c-a52c-054cf5d827ef.tmp</t>
  </si>
  <si>
    <t>12/23/2019 08:00:51</t>
  </si>
  <si>
    <t>688416f8-6720-4e43-9146-1d90543d417a.tmp</t>
  </si>
  <si>
    <t>\\acsfs\profiles$\luanarda\Downloads\688416f8-6720-4e43-9146-1d90543d417a.tmp</t>
  </si>
  <si>
    <t>12/23/2019 08:02:07</t>
  </si>
  <si>
    <t>\\acsfs\profiles$\luanarda\</t>
  </si>
  <si>
    <t>.~lock.VENDAS 12-2019.ods#</t>
  </si>
  <si>
    <t>\\acsfs\profiles$\luanarda\.~lock.VENDAS 12-2019.ods#</t>
  </si>
  <si>
    <t>12/23/2019 07:59:47</t>
  </si>
  <si>
    <t>12/23/2019 08:04:13</t>
  </si>
  <si>
    <t>12/23/2019 07:59:42</t>
  </si>
  <si>
    <t>10.200.67.28</t>
  </si>
  <si>
    <t>74-86-7A-FB-17-C3</t>
  </si>
  <si>
    <t>VOTORANT-MB006</t>
  </si>
  <si>
    <t>milennyss</t>
  </si>
  <si>
    <t>\\acsfs\profiles$\milennyss\Favorites\</t>
  </si>
  <si>
    <t>\\acsfs\profiles$\milennyss\Favorites\citrix.url:favicon</t>
  </si>
  <si>
    <t>\\acsfs\profiles$\milennyss\Favorites\citrix.url\</t>
  </si>
  <si>
    <t>\\acsfs\profiles$\milennyss\Favorites\citrix.url\:favicon:$DATA</t>
  </si>
  <si>
    <t>\\acsfs\profiles$\milennyss\Favorites\citrix.url</t>
  </si>
  <si>
    <t>12/23/2019 07:59:20</t>
  </si>
  <si>
    <t>mail.google.com/sync/u/0/i/s?hl=pt-BR&amp;c=101</t>
  </si>
  <si>
    <t>12/23/2019 08:00:04</t>
  </si>
  <si>
    <t>12/23/2019 07:59:27</t>
  </si>
  <si>
    <t>mail.google.com/sync/u/0/i/s?hl=pt-BR&amp;c=103</t>
  </si>
  <si>
    <t>12/23/2019 08:00:24</t>
  </si>
  <si>
    <t>12/23/2019 07:59:32</t>
  </si>
  <si>
    <t>mail.google.com/sync/u/0/i/s?hl=pt-BR&amp;c=105</t>
  </si>
  <si>
    <t>12/23/2019 08:03:16</t>
  </si>
  <si>
    <t>CERRADO OPERACOES DE ESTABELECIMENTOS (EC)</t>
  </si>
  <si>
    <t>philipegsf</t>
  </si>
  <si>
    <t>\\acsfs\profiles$\philipegsf\Downloads\</t>
  </si>
  <si>
    <t>5d40572e-28b9-4a2d-ac81-ff8dcd09eb87.tmp</t>
  </si>
  <si>
    <t>\\acsfs\profiles$\philipegsf\Downloads\5d40572e-28b9-4a2d-ac81-ff8dcd09eb87.tmp</t>
  </si>
  <si>
    <t>12/23/2019 07:59:41</t>
  </si>
  <si>
    <t>mail.google.com/sync/u/0/i/s?hl=pt-BR&amp;c=107</t>
  </si>
  <si>
    <t>12/23/2019 08:01:44</t>
  </si>
  <si>
    <t>12/23/2019 08:04:04</t>
  </si>
  <si>
    <t>mail.google.com/sync/u/0/i/s?hl=pt-BR&amp;c=143</t>
  </si>
  <si>
    <t>12/23/2019 08:03:40</t>
  </si>
  <si>
    <t>12/23/2019 08:05:13</t>
  </si>
  <si>
    <t>12/23/2019 08:00:49</t>
  </si>
  <si>
    <t>12/23/2019 08:06:14</t>
  </si>
  <si>
    <t>6f511ab6-59ea-4f82-8cb0-f35d00df1197.tmp</t>
  </si>
  <si>
    <t>\\acsfs\profiles$\gabrielarb\Downloads\6f511ab6-59ea-4f82-8cb0-f35d00df1197.tmp</t>
  </si>
  <si>
    <t>12/23/2019 08:03:35</t>
  </si>
  <si>
    <t>12/23/2019 08:09:14</t>
  </si>
  <si>
    <t>felipetds</t>
  </si>
  <si>
    <t>\\acsfs\profiles$\felipetds\Downloads\</t>
  </si>
  <si>
    <t>33fcc04e-069b-45f1-a597-449cf78d8c3a.tmp</t>
  </si>
  <si>
    <t>\\acsfs\profiles$\felipetds\Downloads\33fcc04e-069b-45f1-a597-449cf78d8c3a.tmp</t>
  </si>
  <si>
    <t>12/23/2019 08:05:41</t>
  </si>
  <si>
    <t>aa52036f-abc1-452e-93ad-8e674bca1b83.tmp</t>
  </si>
  <si>
    <t>\\acsfs\profiles$\felipetds\Downloads\aa52036f-abc1-452e-93ad-8e674bca1b83.tmp</t>
  </si>
  <si>
    <t>12/23/2019 08:07:12</t>
  </si>
  <si>
    <t>10.200.58.152</t>
  </si>
  <si>
    <t>78-2B-CB-C1-06-C7</t>
  </si>
  <si>
    <t>VOTORANT-CB014</t>
  </si>
  <si>
    <t>andersonrm</t>
  </si>
  <si>
    <t>C:\Users\andersonrm\Desktop\</t>
  </si>
  <si>
    <t>Leandro- 09-12-2019 Horas 10-09-34_1_6768609368971746064_1_32.wav</t>
  </si>
  <si>
    <t>\\acsfs\DEPTOS\EDUCACAO EMPRESARIAL\2 - Operações\0 - BV\5 - QUALIDADE\Nova pasta\Leandro- 09-12-2019 Horas 10-09-34_1_6768609368971746064_1_32.wav</t>
  </si>
  <si>
    <t>12/23/2019 08:07:13</t>
  </si>
  <si>
    <t>Alexandre 16-12-2019 horas 16-49-54_1_6771077751101274982_1_32.wav</t>
  </si>
  <si>
    <t>\\acsfs\DEPTOS\EDUCACAO EMPRESARIAL\2 - Operações\0 - BV\5 - QUALIDADE\Nova pasta\Alexandre 16-12-2019 horas 16-49-54_1_6771077751101274982_1_32.wav</t>
  </si>
  <si>
    <t>12/23/2019 08:04:10</t>
  </si>
  <si>
    <t>quindaizaagds</t>
  </si>
  <si>
    <t>\\acsfs\profiles$\quindaizaagds\Downloads\</t>
  </si>
  <si>
    <t>34f443ec-cd61-4cfa-9161-0fb1e6bac5da.tmp</t>
  </si>
  <si>
    <t>\\acsfs\profiles$\quindaizaagds\Downloads\34f443ec-cd61-4cfa-9161-0fb1e6bac5da.tmp</t>
  </si>
  <si>
    <t>12/23/2019 08:05:21</t>
  </si>
  <si>
    <t>9fb2debc-02b8-46c3-9fb4-b4bde58835ec.tmp</t>
  </si>
  <si>
    <t>\\acsfs\profiles$\quindaizaagds\Downloads\9fb2debc-02b8-46c3-9fb4-b4bde58835ec.tmp</t>
  </si>
  <si>
    <t>12/23/2019 08:05:40</t>
  </si>
  <si>
    <t>26078bfb-8b8c-4897-9f6e-e50cb16ce857.tmp</t>
  </si>
  <si>
    <t>\\acsfs\profiles$\quindaizaagds\Downloads\26078bfb-8b8c-4897-9f6e-e50cb16ce857.tmp</t>
  </si>
  <si>
    <t>12/23/2019 08:05:07</t>
  </si>
  <si>
    <t>1c60836a-f63c-43dc-88bf-00cff7e37c45.tmp</t>
  </si>
  <si>
    <t>\\acsfs\profiles$\philipegsf\Downloads\1c60836a-f63c-43dc-88bf-00cff7e37c45.tmp</t>
  </si>
  <si>
    <t>12/23/2019 08:04:19</t>
  </si>
  <si>
    <t>mail.google.com/sync/u/0/i/s?hl=pt-BR&amp;c=145</t>
  </si>
  <si>
    <t>12/23/2019 08:07:40</t>
  </si>
  <si>
    <t>mail.google.com/sync/u/0/i/s?hl=pt-BR&amp;c=169</t>
  </si>
  <si>
    <t>12/23/2019 08:07:44</t>
  </si>
  <si>
    <t>mail.google.com/sync/u/0/i/s?hl=pt-BR&amp;c=171</t>
  </si>
  <si>
    <t>12/23/2019 08:08:36</t>
  </si>
  <si>
    <t>mail.google.com/sync/u/0/i/s?hl=pt-BR&amp;c=174</t>
  </si>
  <si>
    <t>12/23/2019 08:08:47</t>
  </si>
  <si>
    <t>mail.google.com/sync/u/0/i/s?hl=pt-BR&amp;c=177</t>
  </si>
  <si>
    <t>12/23/2019 08:08:52</t>
  </si>
  <si>
    <t>mail.google.com/sync/u/0/i/s?hl=pt-BR&amp;c=179</t>
  </si>
  <si>
    <t>12/23/2019 08:08:59</t>
  </si>
  <si>
    <t>mail.google.com/sync/u/0/i/s?hl=pt-BR&amp;c=181</t>
  </si>
  <si>
    <t>12/23/2019 08:09:07</t>
  </si>
  <si>
    <t>mail.google.com/sync/u/0/i/s?hl=pt-BR&amp;c=183</t>
  </si>
  <si>
    <t>12/23/2019 08:09:08</t>
  </si>
  <si>
    <t>12/23/2019 08:08:24</t>
  </si>
  <si>
    <t>12/23/2019 08:13:14</t>
  </si>
  <si>
    <t>12/23/2019 08:09:58</t>
  </si>
  <si>
    <t>jonatanls</t>
  </si>
  <si>
    <t>\\acsfs\profiles$\jonatanls\My Documents\</t>
  </si>
  <si>
    <t>.~lock.Status Filas.xlsx#</t>
  </si>
  <si>
    <t>\\acsfs\profiles$\jonatanls\My Documents\.~lock.Status Filas.xlsx#</t>
  </si>
  <si>
    <t>12/23/2019 08:11:04</t>
  </si>
  <si>
    <t>\\acsfs\profiles$\jonatanls\Downloads\</t>
  </si>
  <si>
    <t>e5bd28e1-4623-4e8f-9420-13209ba371d5.tmp</t>
  </si>
  <si>
    <t>\\acsfs\profiles$\jonatanls\Downloads\e5bd28e1-4623-4e8f-9420-13209ba371d5.tmp</t>
  </si>
  <si>
    <t>12/23/2019 08:11:13</t>
  </si>
  <si>
    <t>12/23/2019 08:14:14</t>
  </si>
  <si>
    <t>edicarlos 06-12-2019 as 09-16_1_6767481446135309736_1_32.wav</t>
  </si>
  <si>
    <t>\\acsfs\DEPTOS\EDUCACAO EMPRESARIAL\2 - Operações\0 - BV\5 - QUALIDADE\Nova pasta\edicarlos 06-12-2019 as 09-16_1_6767481446135309736_1_32.wav</t>
  </si>
  <si>
    <t>12/23/2019 08:13:44</t>
  </si>
  <si>
    <t>12/23/2019 08:11:59</t>
  </si>
  <si>
    <t>12/23/2019 08:15:14</t>
  </si>
  <si>
    <t>2218fb81-f76b-4815-9589-80dcaac8e03a.tmp</t>
  </si>
  <si>
    <t>\\acsfs\profiles$\paulovadc\Downloads\2218fb81-f76b-4815-9589-80dcaac8e03a.tmp</t>
  </si>
  <si>
    <t>12/23/2019 08:16:02</t>
  </si>
  <si>
    <t>12/23/2019 08:17:15</t>
  </si>
  <si>
    <t>10.200.67.11</t>
  </si>
  <si>
    <t>74-86-7A-FC-CF-37</t>
  </si>
  <si>
    <t>VOTORANT-IB005</t>
  </si>
  <si>
    <t>veronicalsr</t>
  </si>
  <si>
    <t>\\acsfs\profiles$\veronicalsr\My Documents\</t>
  </si>
  <si>
    <t>Colinha.txt</t>
  </si>
  <si>
    <t>\\acsfs\profiles$\veronicalsr\My Documents\Colinha.txt</t>
  </si>
  <si>
    <t>12/23/2019 08:16:05</t>
  </si>
  <si>
    <t>12/23/2019 08:16:08</t>
  </si>
  <si>
    <t>12/23/2019 08:13:27</t>
  </si>
  <si>
    <t>10.200.67.164</t>
  </si>
  <si>
    <t>64-1C-67-9D-1E-23</t>
  </si>
  <si>
    <t>VOTORANT-FB008</t>
  </si>
  <si>
    <t>tiagosno</t>
  </si>
  <si>
    <t>\\acsfs\profiles$\tiagosno\Favorites\</t>
  </si>
  <si>
    <t>Citrix Receiver.url:favicon</t>
  </si>
  <si>
    <t>\\acsfs\profiles$\tiagosno\Favorites\Citrix Receiver.url:favicon</t>
  </si>
  <si>
    <t>\\acsfs\profiles$\tiagosno\Favorites\Citrix Receiver.url\</t>
  </si>
  <si>
    <t>\\acsfs\profiles$\tiagosno\Favorites\Citrix Receiver.url\:favicon:$DATA</t>
  </si>
  <si>
    <t>\\acsfs\profiles$\tiagosno\Favorites\Citrix Receiver.url</t>
  </si>
  <si>
    <t>12/23/2019 08:14:48</t>
  </si>
  <si>
    <t>Welcome - 1.url:favicon</t>
  </si>
  <si>
    <t>\\acsfs\profiles$\tiagosno\Favorites\Welcome - 1.url:favicon</t>
  </si>
  <si>
    <t>12/23/2019 08:14:49</t>
  </si>
  <si>
    <t>\\acsfs\profiles$\tiagosno\Favorites\Welcome - 1.url\</t>
  </si>
  <si>
    <t>\\acsfs\profiles$\tiagosno\Favorites\Welcome - 1.url\:favicon:$DATA</t>
  </si>
  <si>
    <t>Welcome - 1.url</t>
  </si>
  <si>
    <t>\\acsfs\profiles$\tiagosno\Favorites\Welcome - 1.url</t>
  </si>
  <si>
    <t>12/23/2019 08:14:44</t>
  </si>
  <si>
    <t>12/23/2019 08:18:15</t>
  </si>
  <si>
    <t>2993d29a-275e-4520-b72d-1d5228a0c7fe.tmp</t>
  </si>
  <si>
    <t>\\acsfs\profiles$\jonatanls\Downloads\2993d29a-275e-4520-b72d-1d5228a0c7fe.tmp</t>
  </si>
  <si>
    <t>12/23/2019 08:15:22</t>
  </si>
  <si>
    <t>69cd3d5d-fd96-482e-a174-f147d00769a7.tmp</t>
  </si>
  <si>
    <t>\\acsfs\profiles$\jonatanls\Downloads\69cd3d5d-fd96-482e-a174-f147d00769a7.tmp</t>
  </si>
  <si>
    <t>12/23/2019 08:18:11</t>
  </si>
  <si>
    <t>12/23/2019 08:19:15</t>
  </si>
  <si>
    <t>12/23/2019 08:15:09</t>
  </si>
  <si>
    <t>COORDENACAO DE QUALIDADE E EDUCACAO</t>
  </si>
  <si>
    <t>10.200.66.179</t>
  </si>
  <si>
    <t>64-1C-67-9D-1E-C2</t>
  </si>
  <si>
    <t>VOTORANT-LB013</t>
  </si>
  <si>
    <t>davimvs</t>
  </si>
  <si>
    <t>davimvs@bv.algartech.com</t>
  </si>
  <si>
    <t>https://udpmailboxap01.acs.com.br:8443/h/search?si=1&amp;so=0&amp;sc=51197&amp;st=conversation&amp;action=compose&amp;paction=paneview</t>
  </si>
  <si>
    <t>12/23/2019 08:15:39</t>
  </si>
  <si>
    <t>12/23/2019 08:16:09</t>
  </si>
  <si>
    <t>12/23/2019 08:16:39</t>
  </si>
  <si>
    <t>12/23/2019 08:15:51</t>
  </si>
  <si>
    <t>12/23/2019 08:20:15</t>
  </si>
  <si>
    <t>12/23/2019 08:19:10</t>
  </si>
  <si>
    <t>12/23/2019 08:21:15</t>
  </si>
  <si>
    <t>10.200.66.39</t>
  </si>
  <si>
    <t>78-2B-CB-C1-06-76</t>
  </si>
  <si>
    <t>VOTORANT-GB040</t>
  </si>
  <si>
    <t>milenaas</t>
  </si>
  <si>
    <t>\\acsfs\profiles$\milenaas\Downloads\</t>
  </si>
  <si>
    <t>3d0c8262-0ca5-4aba-aa4d-888c4302804e.tmp</t>
  </si>
  <si>
    <t>\\acsfs\profiles$\milenaas\Downloads\3d0c8262-0ca5-4aba-aa4d-888c4302804e.tmp</t>
  </si>
  <si>
    <t>12/23/2019 08:20:13</t>
  </si>
  <si>
    <t>4ed27382-e15e-4aed-a6b2-8cb87bb74611.tmp</t>
  </si>
  <si>
    <t>\\acsfs\profiles$\milenaas\Downloads\4ed27382-e15e-4aed-a6b2-8cb87bb74611.tmp</t>
  </si>
  <si>
    <t>12/23/2019 08:16:48</t>
  </si>
  <si>
    <t>78d14fbf-1f19-4024-a596-422d5a50f457.tmp</t>
  </si>
  <si>
    <t>\\acsfs\profiles$\deborahsi\Downloads\78d14fbf-1f19-4024-a596-422d5a50f457.tmp</t>
  </si>
  <si>
    <t>12/23/2019 08:19:49</t>
  </si>
  <si>
    <t>12/23/2019 08:23:15</t>
  </si>
  <si>
    <t>12/23/2019 08:18:45</t>
  </si>
  <si>
    <t>12/23/2019 08:24:15</t>
  </si>
  <si>
    <t>12/23/2019 08:19:32</t>
  </si>
  <si>
    <t>12/23/2019 08:19:50</t>
  </si>
  <si>
    <t>12/23/2019 08:20:30</t>
  </si>
  <si>
    <t>12/23/2019 08:22:32</t>
  </si>
  <si>
    <t>10.200.67.15</t>
  </si>
  <si>
    <t>74-86-7A-FC-CD-FD</t>
  </si>
  <si>
    <t>VOTORANT-RB004</t>
  </si>
  <si>
    <t>ayalabfi</t>
  </si>
  <si>
    <t>\\acsfs\profiles$\ayalabfi\Downloads\</t>
  </si>
  <si>
    <t>2e01c467-8a63-4c7a-8915-411363ffa93f.tmp</t>
  </si>
  <si>
    <t>\\acsfs\profiles$\ayalabfi\Downloads\2e01c467-8a63-4c7a-8915-411363ffa93f.tmp</t>
  </si>
  <si>
    <t>82f33828-e369-4b9f-91b5-930aea003820.tmp</t>
  </si>
  <si>
    <t>\\acsfs\profiles$\ayalabfi\Downloads\82f33828-e369-4b9f-91b5-930aea003820.tmp</t>
  </si>
  <si>
    <t>82d6842a-82fc-4524-91af-e7d7a3c90d55.tmp</t>
  </si>
  <si>
    <t>\\acsfs\profiles$\ayalabfi\Downloads\82d6842a-82fc-4524-91af-e7d7a3c90d55.tmp</t>
  </si>
  <si>
    <t>12/23/2019 08:23:10</t>
  </si>
  <si>
    <t>501df178-ad2a-45d7-9bec-60894d598154.tmp</t>
  </si>
  <si>
    <t>\\acsfs\profiles$\quindaizaagds\Downloads\501df178-ad2a-45d7-9bec-60894d598154.tmp</t>
  </si>
  <si>
    <t>12/23/2019 08:21:39</t>
  </si>
  <si>
    <t>12/23/2019 08:22:39</t>
  </si>
  <si>
    <t>12/23/2019 08:23:09</t>
  </si>
  <si>
    <t>12/23/2019 08:23:39</t>
  </si>
  <si>
    <t>12/23/2019 08:19:23</t>
  </si>
  <si>
    <t>12/23/2019 08:19:24</t>
  </si>
  <si>
    <t>12/23/2019 08:19:44</t>
  </si>
  <si>
    <t>12/23/2019 08:25:14</t>
  </si>
  <si>
    <t>12/23/2019 08:23:58</t>
  </si>
  <si>
    <t>12/23/2019 08:20:54</t>
  </si>
  <si>
    <t>10.200.67.55</t>
  </si>
  <si>
    <t>64-1C-67-9D-1E-20</t>
  </si>
  <si>
    <t>VOTORANT-FB009</t>
  </si>
  <si>
    <t>anacdos</t>
  </si>
  <si>
    <t>\\acsfs\profiles$\anacdos\My Documents\xworkcenter\lex\</t>
  </si>
  <si>
    <t>temp.tlx</t>
  </si>
  <si>
    <t>\\acsfs\profiles$\anacdos\My Documents\xworkcenter\lex\temp.tlx</t>
  </si>
  <si>
    <t>12/23/2019 08:20:55</t>
  </si>
  <si>
    <t>12/23/2019 08:20:56</t>
  </si>
  <si>
    <t>12/23/2019 08:20:57</t>
  </si>
  <si>
    <t>12/23/2019 08:20:58</t>
  </si>
  <si>
    <t>12/23/2019 08:20:59</t>
  </si>
  <si>
    <t>12/23/2019 08:21:00</t>
  </si>
  <si>
    <t>12/23/2019 08:21:01</t>
  </si>
  <si>
    <t>12/23/2019 08:21:02</t>
  </si>
  <si>
    <t>12/23/2019 08:21:03</t>
  </si>
  <si>
    <t>12/23/2019 08:21:04</t>
  </si>
  <si>
    <t>12/23/2019 08:21:05</t>
  </si>
  <si>
    <t>12/23/2019 08:21:06</t>
  </si>
  <si>
    <t>12/23/2019 08:21:07</t>
  </si>
  <si>
    <t>12/23/2019 08:21:08</t>
  </si>
  <si>
    <t>12/23/2019 08:21:09</t>
  </si>
  <si>
    <t>12/23/2019 08:21:10</t>
  </si>
  <si>
    <t>12/23/2019 08:21:11</t>
  </si>
  <si>
    <t>12/23/2019 08:21:12</t>
  </si>
  <si>
    <t>12/23/2019 08:21:13</t>
  </si>
  <si>
    <t>12/23/2019 08:21:14</t>
  </si>
  <si>
    <t>12/23/2019 08:21:16</t>
  </si>
  <si>
    <t>12/23/2019 08:21:17</t>
  </si>
  <si>
    <t>12/23/2019 08:22:30</t>
  </si>
  <si>
    <t>12/23/2019 08:24:32</t>
  </si>
  <si>
    <t>12/23/2019 08:23:20</t>
  </si>
  <si>
    <t>12/23/2019 08:26:15</t>
  </si>
  <si>
    <t>10.200.67.167</t>
  </si>
  <si>
    <t>74-86-7A-FB-17-AC</t>
  </si>
  <si>
    <t>VOTORANT-PB009</t>
  </si>
  <si>
    <t>geovannasm</t>
  </si>
  <si>
    <t>\\acsfs\profiles$\geovannasm\Downloads\</t>
  </si>
  <si>
    <t>45159db0-0743-43e1-a82a-47c15e23258c.tmp</t>
  </si>
  <si>
    <t>\\acsfs\profiles$\geovannasm\Downloads\45159db0-0743-43e1-a82a-47c15e23258c.tmp</t>
  </si>
  <si>
    <t>12/23/2019 08:25:13</t>
  </si>
  <si>
    <t>4a0dac3c-0d64-4bc2-a554-b9121cb6ea3a.tmp</t>
  </si>
  <si>
    <t>\\acsfs\profiles$\geovannasm\Downloads\4a0dac3c-0d64-4bc2-a554-b9121cb6ea3a.tmp</t>
  </si>
  <si>
    <t>12/23/2019 08:20:37</t>
  </si>
  <si>
    <t>8c6c20a3-f51e-46c2-b7a3-07477dcdc742.tmp</t>
  </si>
  <si>
    <t>\\acsfs\profiles$\milenaas\Downloads\8c6c20a3-f51e-46c2-b7a3-07477dcdc742.tmp</t>
  </si>
  <si>
    <t>154dfe79-e7fd-4e0c-bf7d-d40d56daba1b.tmp</t>
  </si>
  <si>
    <t>\\acsfs\profiles$\milenaas\Downloads\154dfe79-e7fd-4e0c-bf7d-d40d56daba1b.tmp</t>
  </si>
  <si>
    <t>12/23/2019 08:22:55</t>
  </si>
  <si>
    <t>b04c3590-e38e-4966-b601-2714d7236c68.tmp</t>
  </si>
  <si>
    <t>\\acsfs\profiles$\deborahsi\Downloads\b04c3590-e38e-4966-b601-2714d7236c68.tmp</t>
  </si>
  <si>
    <t>12/23/2019 08:24:21</t>
  </si>
  <si>
    <t>12/23/2019 08:28:14</t>
  </si>
  <si>
    <t>.~lock.Filas-ALGAR - JONATAN.xlsx#</t>
  </si>
  <si>
    <t>\\acsfs\profiles$\jonatanls\My Documents\.~lock.Filas-ALGAR - JONATAN.xlsx#</t>
  </si>
  <si>
    <t>12/23/2019 08:26:49</t>
  </si>
  <si>
    <t>12/23/2019 08:29:14</t>
  </si>
  <si>
    <t>12/23/2019 08:26:53</t>
  </si>
  <si>
    <t>04b8e39e-b950-4477-a29d-afd4887d9ddf.tmp</t>
  </si>
  <si>
    <t>\\acsfs\profiles$\ayalabfi\Downloads\04b8e39e-b950-4477-a29d-afd4887d9ddf.tmp</t>
  </si>
  <si>
    <t>12/23/2019 08:23:40</t>
  </si>
  <si>
    <t>21a78795-2626-42e3-b03d-3b37f26b4e91.tmp</t>
  </si>
  <si>
    <t>\\acsfs\profiles$\ayalabfi\Downloads\21a78795-2626-42e3-b03d-3b37f26b4e91.tmp</t>
  </si>
  <si>
    <t>12/23/2019 08:23:41</t>
  </si>
  <si>
    <t>cbbf07ed-3333-44dd-8c31-2023d3f2fef7.tmp</t>
  </si>
  <si>
    <t>\\acsfs\profiles$\ayalabfi\Downloads\cbbf07ed-3333-44dd-8c31-2023d3f2fef7.tmp</t>
  </si>
  <si>
    <t>12/23/2019 08:23:56</t>
  </si>
  <si>
    <t>f9122269-9639-4700-ac10-5837b9c049b0.tmp</t>
  </si>
  <si>
    <t>\\acsfs\profiles$\ayalabfi\Downloads\f9122269-9639-4700-ac10-5837b9c049b0.tmp</t>
  </si>
  <si>
    <t>12/23/2019 08:24:03</t>
  </si>
  <si>
    <t>649ce3cc-a2b4-4dae-9c27-4d651f934ccf.tmp</t>
  </si>
  <si>
    <t>\\acsfs\profiles$\ayalabfi\Downloads\649ce3cc-a2b4-4dae-9c27-4d651f934ccf.tmp</t>
  </si>
  <si>
    <t>12/23/2019 08:24:18</t>
  </si>
  <si>
    <t>6609a20d-a9be-483f-a6d8-b4784a4efeb0.tmp</t>
  </si>
  <si>
    <t>\\acsfs\profiles$\quindaizaagds\Downloads\6609a20d-a9be-483f-a6d8-b4784a4efeb0.tmp</t>
  </si>
  <si>
    <t>12/23/2019 08:28:07</t>
  </si>
  <si>
    <t>cb6f7117-38d7-49c8-bff2-ff6e955deefc.tmp</t>
  </si>
  <si>
    <t>\\acsfs\profiles$\quindaizaagds\Downloads\cb6f7117-38d7-49c8-bff2-ff6e955deefc.tmp</t>
  </si>
  <si>
    <t>12/23/2019 08:24:39</t>
  </si>
  <si>
    <t>12/23/2019 08:25:09</t>
  </si>
  <si>
    <t>12/23/2019 08:25:39</t>
  </si>
  <si>
    <t>12/23/2019 08:27:36</t>
  </si>
  <si>
    <t>f5ab59a8-1254-4428-8652-78f340a2e05f.tmp</t>
  </si>
  <si>
    <t>\\acsfs\profiles$\philipegsf\Downloads\f5ab59a8-1254-4428-8652-78f340a2e05f.tmp</t>
  </si>
  <si>
    <t>12/23/2019 08:25:44</t>
  </si>
  <si>
    <t>12/23/2019 08:30:14</t>
  </si>
  <si>
    <t>12/23/2019 08:26:22</t>
  </si>
  <si>
    <t>mail.google.com/sync/u/0/i/s?hl=pt-BR&amp;c=214</t>
  </si>
  <si>
    <t>12/23/2019 08:25:49</t>
  </si>
  <si>
    <t>10.200.67.29</t>
  </si>
  <si>
    <t>74-86-7A-FB-17-23</t>
  </si>
  <si>
    <t>VOTORANT-OB007</t>
  </si>
  <si>
    <t>laianear</t>
  </si>
  <si>
    <t>\\acsfs\profiles$\laianear\Downloads\</t>
  </si>
  <si>
    <t>9b4f6be1-ae32-4d34-921e-235950ea6e36.tmp</t>
  </si>
  <si>
    <t>\\acsfs\profiles$\laianear\Downloads\9b4f6be1-ae32-4d34-921e-235950ea6e36.tmp</t>
  </si>
  <si>
    <t>12/23/2019 08:25:51</t>
  </si>
  <si>
    <t>6611c913-0822-42f1-988f-3b11e5096b9e.tmp</t>
  </si>
  <si>
    <t>\\acsfs\profiles$\laianear\Downloads\6611c913-0822-42f1-988f-3b11e5096b9e.tmp</t>
  </si>
  <si>
    <t>12/23/2019 08:25:53</t>
  </si>
  <si>
    <t>ericalsr</t>
  </si>
  <si>
    <t>\\acsfs\profiles$\ERICALSR\Downloads\</t>
  </si>
  <si>
    <t>94a890b9-35f0-41e8-8b61-9f361d3b552e.tmp</t>
  </si>
  <si>
    <t>\\acsfs\profiles$\ERICALSR\Downloads\94a890b9-35f0-41e8-8b61-9f361d3b552e.tmp</t>
  </si>
  <si>
    <t>12/23/2019 08:27:15</t>
  </si>
  <si>
    <t>85dba4c6-6703-4b5b-ae00-ee76b3c9d33c.tmp</t>
  </si>
  <si>
    <t>\\acsfs\profiles$\ERICALSR\Downloads\85dba4c6-6703-4b5b-ae00-ee76b3c9d33c.tmp</t>
  </si>
  <si>
    <t>12/23/2019 08:28:00</t>
  </si>
  <si>
    <t>12/23/2019 08:32:14</t>
  </si>
  <si>
    <t>10.200.67.64</t>
  </si>
  <si>
    <t>78-2B-CB-C1-06-D3</t>
  </si>
  <si>
    <t>VOTORANT-MB008</t>
  </si>
  <si>
    <t>larissaad</t>
  </si>
  <si>
    <t>\\acsfs\profiles$\larissaad\Downloads\</t>
  </si>
  <si>
    <t>b205a325-5584-4cbc-a8c2-2d0d6309f4ca.tmp</t>
  </si>
  <si>
    <t>\\acsfs\profiles$\larissaad\Downloads\b205a325-5584-4cbc-a8c2-2d0d6309f4ca.tmp</t>
  </si>
  <si>
    <t>12/23/2019 08:28:02</t>
  </si>
  <si>
    <t>e7c4a253-fb12-4903-88c2-728473efaa25.tmp</t>
  </si>
  <si>
    <t>\\acsfs\profiles$\larissaad\Downloads\e7c4a253-fb12-4903-88c2-728473efaa25.tmp</t>
  </si>
  <si>
    <t>12/23/2019 08:28:46</t>
  </si>
  <si>
    <t>479b9715-e515-4892-8083-da145c716791.tmp</t>
  </si>
  <si>
    <t>\\acsfs\profiles$\larissaad\Downloads\479b9715-e515-4892-8083-da145c716791.tmp</t>
  </si>
  <si>
    <t>12/23/2019 08:29:37</t>
  </si>
  <si>
    <t>12/23/2019 08:33:14</t>
  </si>
  <si>
    <t>10.200.67.148</t>
  </si>
  <si>
    <t>64-1C-67-9D-1E-37</t>
  </si>
  <si>
    <t>VOTORANT-FB006</t>
  </si>
  <si>
    <t>ellencds</t>
  </si>
  <si>
    <t>\\acsfs\profiles$\ellencds\My Documents\xworkcenter\lex\</t>
  </si>
  <si>
    <t>\\acsfs\profiles$\ellencds\My Documents\xworkcenter\lex\temp.tlx</t>
  </si>
  <si>
    <t>12/23/2019 08:29:38</t>
  </si>
  <si>
    <t>12/23/2019 08:29:39</t>
  </si>
  <si>
    <t>12/23/2019 08:29:40</t>
  </si>
  <si>
    <t>12/23/2019 08:29:41</t>
  </si>
  <si>
    <t>12/23/2019 08:29:42</t>
  </si>
  <si>
    <t>12/23/2019 08:29:43</t>
  </si>
  <si>
    <t>12/23/2019 08:29:44</t>
  </si>
  <si>
    <t>12/23/2019 08:29:45</t>
  </si>
  <si>
    <t>12/23/2019 08:29:48</t>
  </si>
  <si>
    <t>12/23/2019 08:29:49</t>
  </si>
  <si>
    <t>12/23/2019 08:29:50</t>
  </si>
  <si>
    <t>12/23/2019 08:29:51</t>
  </si>
  <si>
    <t>12/23/2019 08:29:52</t>
  </si>
  <si>
    <t>12/23/2019 08:29:53</t>
  </si>
  <si>
    <t>12/23/2019 08:29:54</t>
  </si>
  <si>
    <t>12/23/2019 08:29:55</t>
  </si>
  <si>
    <t>12/23/2019 08:29:56</t>
  </si>
  <si>
    <t>12/23/2019 08:29:57</t>
  </si>
  <si>
    <t>12/23/2019 08:29:58</t>
  </si>
  <si>
    <t>12/23/2019 08:29:59</t>
  </si>
  <si>
    <t>12/23/2019 08:33:10</t>
  </si>
  <si>
    <t>12/23/2019 08:34:14</t>
  </si>
  <si>
    <t>219ae9c2-0c4e-4792-9f6d-dde183df1afe.tmp</t>
  </si>
  <si>
    <t>\\acsfs\profiles$\ayalabfi\Downloads\219ae9c2-0c4e-4792-9f6d-dde183df1afe.tmp</t>
  </si>
  <si>
    <t>12/23/2019 08:31:40</t>
  </si>
  <si>
    <t>81acf196-3a32-437c-8dab-960a30b51ccd.tmp</t>
  </si>
  <si>
    <t>\\acsfs\profiles$\sarahbal\Downloads\81acf196-3a32-437c-8dab-960a30b51ccd.tmp</t>
  </si>
  <si>
    <t>12/23/2019 08:30:40</t>
  </si>
  <si>
    <t>12/23/2019 08:31:44</t>
  </si>
  <si>
    <t>12/23/2019 08:35:14</t>
  </si>
  <si>
    <t>12/23/2019 08:33:16</t>
  </si>
  <si>
    <t>nataliacsl</t>
  </si>
  <si>
    <t>\\acsfs\profiles$\nataliacsl\Downloads\</t>
  </si>
  <si>
    <t>df3a9d32-3b19-4aad-a047-219bb5354b3e.tmp</t>
  </si>
  <si>
    <t>\\acsfs\profiles$\nataliacsl\Downloads\df3a9d32-3b19-4aad-a047-219bb5354b3e.tmp</t>
  </si>
  <si>
    <t>12/23/2019 08:34:28</t>
  </si>
  <si>
    <t>894bb8e9-b917-4a3e-810a-afff70a2efe2.tmp</t>
  </si>
  <si>
    <t>\\acsfs\profiles$\nataliacsl\Downloads\894bb8e9-b917-4a3e-810a-afff70a2efe2.tmp</t>
  </si>
  <si>
    <t>wenderbnm</t>
  </si>
  <si>
    <t>\\acsfs\profiles$\wenderbnm\Downloads\</t>
  </si>
  <si>
    <t>0fe37e7f-0772-4221-96e0-84dcb0543fc6.tmp</t>
  </si>
  <si>
    <t>\\acsfs\profiles$\wenderbnm\Downloads\0fe37e7f-0772-4221-96e0-84dcb0543fc6.tmp</t>
  </si>
  <si>
    <t>12/23/2019 08:30:57</t>
  </si>
  <si>
    <t>47fb577b-cdc8-47b8-aa6c-5e5e8f2ac93e.tmp</t>
  </si>
  <si>
    <t>\\acsfs\profiles$\wenderbnm\Downloads\47fb577b-cdc8-47b8-aa6c-5e5e8f2ac93e.tmp</t>
  </si>
  <si>
    <t>12/23/2019 08:34:09</t>
  </si>
  <si>
    <t>12/23/2019 08:38:13</t>
  </si>
  <si>
    <t>12/23/2019 08:34:40</t>
  </si>
  <si>
    <t>yasminsc</t>
  </si>
  <si>
    <t>\\acsfs\profiles$\yasminsc\My Documents\My Pictures\</t>
  </si>
  <si>
    <t>desktop.ini</t>
  </si>
  <si>
    <t>\\acsfs\profiles$\YASMINSC\My Documents\My Videos\desktop.ini</t>
  </si>
  <si>
    <t>12/23/2019 08:34:44</t>
  </si>
  <si>
    <t>\\acsfs\profiles$\YASMINSC\My Documents\My Videos\</t>
  </si>
  <si>
    <t>12/23/2019 08:34:45</t>
  </si>
  <si>
    <t>12/23/2019 08:34:47</t>
  </si>
  <si>
    <t>12/23/2019 08:34:53</t>
  </si>
  <si>
    <t>12/23/2019 08:34:55</t>
  </si>
  <si>
    <t>\\acsfs\profiles$\yasminsc\My Documents\My Music\</t>
  </si>
  <si>
    <t>\\acsfs\profiles$\YASMINSC\My Documents\My Pictures\desktop.ini</t>
  </si>
  <si>
    <t>12/23/2019 08:34:58</t>
  </si>
  <si>
    <t>\\acsfs\profiles$\yasminsc\My Documents\My Videos\</t>
  </si>
  <si>
    <t>12/23/2019 08:34:59</t>
  </si>
  <si>
    <t>12/23/2019 08:35:05</t>
  </si>
  <si>
    <t>12/23/2019 08:35:06</t>
  </si>
  <si>
    <t>12/23/2019 08:35:12</t>
  </si>
  <si>
    <t>\\acsfs\profiles$\YASMINSC\Contacts\</t>
  </si>
  <si>
    <t>\\acsfs\profiles$\YASMINSC\Contacts\desktop.ini</t>
  </si>
  <si>
    <t>12/23/2019 08:35:13</t>
  </si>
  <si>
    <t>12/23/2019 08:35:15</t>
  </si>
  <si>
    <t>12/23/2019 08:35:16</t>
  </si>
  <si>
    <t>12/23/2019 08:35:37</t>
  </si>
  <si>
    <t>12/23/2019 08:35:39</t>
  </si>
  <si>
    <t>12/23/2019 08:35:44</t>
  </si>
  <si>
    <t>\\acsfs\profiles$\yasminsc\My Documents\</t>
  </si>
  <si>
    <t>\\acsfs\profiles$\YASMINSC\Favorites\desktop.ini</t>
  </si>
  <si>
    <t>12/23/2019 08:35:45</t>
  </si>
  <si>
    <t>12/23/2019 08:36:00</t>
  </si>
  <si>
    <t>12/23/2019 08:36:01</t>
  </si>
  <si>
    <t>12/23/2019 08:36:09</t>
  </si>
  <si>
    <t>12/23/2019 08:36:10</t>
  </si>
  <si>
    <t>12/23/2019 08:36:11</t>
  </si>
  <si>
    <t>12/23/2019 08:36:14</t>
  </si>
  <si>
    <t>\\acsfs\profiles$\YASMINSC\My Documents\My Music\desktop.ini</t>
  </si>
  <si>
    <t>12/23/2019 08:36:16</t>
  </si>
  <si>
    <t>\\acsfs\profiles$\YASMINSC\My Documents\My Music\</t>
  </si>
  <si>
    <t>12/23/2019 08:36:17</t>
  </si>
  <si>
    <t>12/23/2019 08:36:18</t>
  </si>
  <si>
    <t>12/23/2019 08:36:20</t>
  </si>
  <si>
    <t>12/23/2019 08:36:22</t>
  </si>
  <si>
    <t>\\acsfs\profiles$\YASMINSC\Searches\</t>
  </si>
  <si>
    <t>\\acsfs\profiles$\YASMINSC\Searches\desktop.ini</t>
  </si>
  <si>
    <t>12/23/2019 08:36:24</t>
  </si>
  <si>
    <t>12/23/2019 08:36:25</t>
  </si>
  <si>
    <t>12/23/2019 08:36:27</t>
  </si>
  <si>
    <t>12/23/2019 08:36:28</t>
  </si>
  <si>
    <t>12/23/2019 08:36:31</t>
  </si>
  <si>
    <t>\\acsfs\profiles$\YASMINSC\Downloads\</t>
  </si>
  <si>
    <t>\\acsfs\profiles$\YASMINSC\Downloads\desktop.ini</t>
  </si>
  <si>
    <t>12/23/2019 08:36:33</t>
  </si>
  <si>
    <t>12/23/2019 08:36:37</t>
  </si>
  <si>
    <t>\\acsfs\profiles$\yasminsc\Favorites\</t>
  </si>
  <si>
    <t>\\acsfs\profiles$\YASMINSC\My Documents\desktop.ini</t>
  </si>
  <si>
    <t>12/23/2019 08:36:40</t>
  </si>
  <si>
    <t>\\acsfs\profiles$\YASMINSC\My Documents\</t>
  </si>
  <si>
    <t>12/23/2019 08:36:42</t>
  </si>
  <si>
    <t>12/23/2019 08:35:38</t>
  </si>
  <si>
    <t>12/23/2019 08:36:44</t>
  </si>
  <si>
    <t>12/23/2019 08:36:47</t>
  </si>
  <si>
    <t>lu1062840w2.tmp</t>
  </si>
  <si>
    <t>\\acsfs\profiles$\jonatanls\My Documents\lu1062840w2.tmp</t>
  </si>
  <si>
    <t>12/23/2019 08:36:49</t>
  </si>
  <si>
    <t>12/23/2019 08:36:52</t>
  </si>
  <si>
    <t>\\acsfs\profiles$\yasminsc\Downloads\</t>
  </si>
  <si>
    <t>\\acsfs\profiles$\YASMINSC\Saved Games\desktop.ini</t>
  </si>
  <si>
    <t>12/23/2019 08:36:55</t>
  </si>
  <si>
    <t>12/23/2019 08:37:24</t>
  </si>
  <si>
    <t>winrt--{S-1-5-21-602162358-764733703-839522115-345805}-.searchconnector-ms</t>
  </si>
  <si>
    <t>\\acsfs\profiles$\YASMINSC\Searches\winrt--{S-1-5-21-602162358-764733703-839522115-345805}-.searchconnector-ms</t>
  </si>
  <si>
    <t>12/23/2019 08:37:45</t>
  </si>
  <si>
    <t>12/23/2019 08:39:14</t>
  </si>
  <si>
    <t>\\acsfs\profiles$\vanessacgs\My Documents\xworkcenter\lex\</t>
  </si>
  <si>
    <t>\\acsfs\profiles$\vanessacgs\My Documents\xworkcenter\lex\temp.tlx</t>
  </si>
  <si>
    <t>12/23/2019 08:37:46</t>
  </si>
  <si>
    <t>12/23/2019 08:37:54</t>
  </si>
  <si>
    <t>10.200.67.157</t>
  </si>
  <si>
    <t>64-1C-67-9D-1B-F4</t>
  </si>
  <si>
    <t>VOTORANT-FB011</t>
  </si>
  <si>
    <t>fernandaab</t>
  </si>
  <si>
    <t>fernandaab@algartech.com</t>
  </si>
  <si>
    <t>mail.google.com/sync/u/0/i/s?hl=pt-BR&amp;c=40</t>
  </si>
  <si>
    <t>anapn@algartech.com;eduardo.santana@bv.com.br;kesiadof@algartech.com;marianeps@algartech.com;mirianppb@algartech.com;thiagordu@algartech.com;</t>
  </si>
  <si>
    <t>anapn@algartech.com,eduardo.santana@bv.com.br,kesiadof@algartech.com,marianeps@algartech.com,mirianppb@algartech.com,thiagordu@algartech.com</t>
  </si>
  <si>
    <t>12/23/2019 08:37:58</t>
  </si>
  <si>
    <t>mail.google.com/sync/u/0/i/s?hl=pt-BR&amp;c=42</t>
  </si>
  <si>
    <t>12/23/2019 08:38:01</t>
  </si>
  <si>
    <t>mail.google.com/sync/u/0/i/s?hl=pt-BR&amp;c=44</t>
  </si>
  <si>
    <t>12/23/2019 08:37:47</t>
  </si>
  <si>
    <t>12/23/2019 08:37:48</t>
  </si>
  <si>
    <t>12/23/2019 08:37:49</t>
  </si>
  <si>
    <t>12/23/2019 08:37:50</t>
  </si>
  <si>
    <t>12/23/2019 08:37:51</t>
  </si>
  <si>
    <t>12/23/2019 08:37:52</t>
  </si>
  <si>
    <t>12/23/2019 08:37:53</t>
  </si>
  <si>
    <t>12/23/2019 08:37:55</t>
  </si>
  <si>
    <t>12/23/2019 08:37:56</t>
  </si>
  <si>
    <t>12/23/2019 08:37:57</t>
  </si>
  <si>
    <t>12/23/2019 08:35:09</t>
  </si>
  <si>
    <t>12/23/2019 08:34:46</t>
  </si>
  <si>
    <t>12/23/2019 08:40:13</t>
  </si>
  <si>
    <t>mail.google.com/sync/u/0/i/s?hl=pt-BR&amp;c=227</t>
  </si>
  <si>
    <t>12/23/2019 08:34:51</t>
  </si>
  <si>
    <t>mail.google.com/sync/u/0/i/s?hl=pt-BR&amp;c=230</t>
  </si>
  <si>
    <t>12/23/2019 08:34:56</t>
  </si>
  <si>
    <t>mail.google.com/sync/u/0/i/s?hl=pt-BR&amp;c=233</t>
  </si>
  <si>
    <t>mail.google.com/sync/u/0/i/s?hl=pt-BR&amp;c=235</t>
  </si>
  <si>
    <t>12/23/2019 08:36:08</t>
  </si>
  <si>
    <t>mail.google.com/sync/u/0/i/s?hl=pt-BR&amp;c=240</t>
  </si>
  <si>
    <t>mail.google.com/sync/u/0/i/s?hl=pt-BR&amp;c=243</t>
  </si>
  <si>
    <t>mail.google.com/sync/u/0/i/s?hl=pt-BR&amp;c=245</t>
  </si>
  <si>
    <t>mail.google.com/sync/u/0/i/s?hl=pt-BR&amp;c=248</t>
  </si>
  <si>
    <t>12/23/2019 08:37:19</t>
  </si>
  <si>
    <t>mail.google.com/sync/u/0/i/s?hl=pt-BR&amp;c=252</t>
  </si>
  <si>
    <t>12/23/2019 08:37:23</t>
  </si>
  <si>
    <t>mail.google.com/sync/u/0/i/s?hl=pt-BR&amp;c=254</t>
  </si>
  <si>
    <t>12/23/2019 08:37:44</t>
  </si>
  <si>
    <t>mail.google.com/sync/u/0/i/s?hl=pt-BR&amp;c=256</t>
  </si>
  <si>
    <t>12/23/2019 08:38:35</t>
  </si>
  <si>
    <t>mail.google.com/sync/u/0/i/s?hl=pt-BR&amp;c=259</t>
  </si>
  <si>
    <t>12/23/2019 08:38:42</t>
  </si>
  <si>
    <t>mail.google.com/sync/u/0/i/s?hl=pt-BR&amp;c=261</t>
  </si>
  <si>
    <t>12/23/2019 08:36:04</t>
  </si>
  <si>
    <t>82a6bc6d-3c17-4159-9102-687397f5c32e.tmp</t>
  </si>
  <si>
    <t>\\acsfs\profiles$\laianear\Downloads\82a6bc6d-3c17-4159-9102-687397f5c32e.tmp</t>
  </si>
  <si>
    <t>12/23/2019 08:39:22</t>
  </si>
  <si>
    <t>12/23/2019 08:42:13</t>
  </si>
  <si>
    <t>\\acsfs\profiles$\tiagosno\My Documents\xworkcenter\lex\</t>
  </si>
  <si>
    <t>\\acsfs\profiles$\tiagosno\My Documents\xworkcenter\lex\temp.tlx</t>
  </si>
  <si>
    <t>12/23/2019 08:39:23</t>
  </si>
  <si>
    <t>12/23/2019 08:39:24</t>
  </si>
  <si>
    <t>12/23/2019 08:39:25</t>
  </si>
  <si>
    <t>12/23/2019 08:39:26</t>
  </si>
  <si>
    <t>12/23/2019 08:39:27</t>
  </si>
  <si>
    <t>12/23/2019 08:39:28</t>
  </si>
  <si>
    <t>12/23/2019 08:39:29</t>
  </si>
  <si>
    <t>12/23/2019 08:39:30</t>
  </si>
  <si>
    <t>12/23/2019 08:39:31</t>
  </si>
  <si>
    <t>12/23/2019 08:39:32</t>
  </si>
  <si>
    <t>12/23/2019 08:39:33</t>
  </si>
  <si>
    <t>12/23/2019 08:39:34</t>
  </si>
  <si>
    <t>12/23/2019 08:39:35</t>
  </si>
  <si>
    <t>12/23/2019 08:39:36</t>
  </si>
  <si>
    <t>12/23/2019 08:39:37</t>
  </si>
  <si>
    <t>12/23/2019 08:39:38</t>
  </si>
  <si>
    <t>12/23/2019 08:39:39</t>
  </si>
  <si>
    <t>12/23/2019 08:39:40</t>
  </si>
  <si>
    <t>12/23/2019 08:39:41</t>
  </si>
  <si>
    <t>12/23/2019 08:39:42</t>
  </si>
  <si>
    <t>12/23/2019 08:39:43</t>
  </si>
  <si>
    <t>12/23/2019 08:38:09</t>
  </si>
  <si>
    <t>\\acsfs\profiles$\larissaad\My Documents\</t>
  </si>
  <si>
    <t>scrips.txt</t>
  </si>
  <si>
    <t>\\acsfs\profiles$\larissaad\My Documents\scrips.txt</t>
  </si>
  <si>
    <t>12/23/2019 08:40:08</t>
  </si>
  <si>
    <t>larissaad@bv.algartech.com</t>
  </si>
  <si>
    <t>https://udpmailboxap01/h/search?si=3&amp;so=0&amp;sc=51240&amp;st=conversation&amp;action=compose&amp;paction=paneview2</t>
  </si>
  <si>
    <t>12/23/2019 08:41:41</t>
  </si>
  <si>
    <t>12/23/2019 08:43:14</t>
  </si>
  <si>
    <t>12/23/2019 08:40:22</t>
  </si>
  <si>
    <t>f169048e-5aae-4afd-9025-0373627d8278.tmp</t>
  </si>
  <si>
    <t>\\acsfs\profiles$\jonatanls\Downloads\f169048e-5aae-4afd-9025-0373627d8278.tmp</t>
  </si>
  <si>
    <t>12/23/2019 08:40:02</t>
  </si>
  <si>
    <t>66cbe0e1-8ad3-4dd6-ae26-e5db44ee6c9f.tmp</t>
  </si>
  <si>
    <t>\\acsfs\profiles$\YASMINSC\Downloads\66cbe0e1-8ad3-4dd6-ae26-e5db44ee6c9f.tmp</t>
  </si>
  <si>
    <t>12/23/2019 08:40:17</t>
  </si>
  <si>
    <t>12/23/2019 08:41:13</t>
  </si>
  <si>
    <t>fc520cd5-5df6-475f-b422-15e6954f46bf.tmp</t>
  </si>
  <si>
    <t>\\acsfs\profiles$\YASMINSC\Downloads\fc520cd5-5df6-475f-b422-15e6954f46bf.tmp</t>
  </si>
  <si>
    <t>8b2a4596-1372-4644-921a-afccb1000a16.tmp</t>
  </si>
  <si>
    <t>\\acsfs\profiles$\jonatanls\Downloads\8b2a4596-1372-4644-921a-afccb1000a16.tmp</t>
  </si>
  <si>
    <t>12/23/2019 08:41:39</t>
  </si>
  <si>
    <t>12/23/2019 08:44:13</t>
  </si>
  <si>
    <t>12/23/2019 08:42:39</t>
  </si>
  <si>
    <t>12/23/2019 08:43:09</t>
  </si>
  <si>
    <t>12/23/2019 08:43:39</t>
  </si>
  <si>
    <t>12/23/2019 08:45:14</t>
  </si>
  <si>
    <t>mail.google.com/sync/u/0/i/s?hl=pt-BR&amp;c=265</t>
  </si>
  <si>
    <t>mail.google.com/sync/u/0/i/s?hl=pt-BR&amp;c=267</t>
  </si>
  <si>
    <t>12/23/2019 08:39:44</t>
  </si>
  <si>
    <t>mail.google.com/sync/u/0/i/s?hl=pt-BR&amp;c=269</t>
  </si>
  <si>
    <t>12/23/2019 08:40:07</t>
  </si>
  <si>
    <t>mail.google.com/sync/u/0/i/s?hl=pt-BR&amp;c=272</t>
  </si>
  <si>
    <t>12/23/2019 08:40:09</t>
  </si>
  <si>
    <t>mail.google.com/sync/u/0/i/s?hl=pt-BR&amp;c=274</t>
  </si>
  <si>
    <t>12/23/2019 08:40:31</t>
  </si>
  <si>
    <t>mail.google.com/sync/u/0/i/s?hl=pt-BR&amp;c=279</t>
  </si>
  <si>
    <t>12/23/2019 08:43:16</t>
  </si>
  <si>
    <t>12/23/2019 08:43:45</t>
  </si>
  <si>
    <t>12/23/2019 08:41:42</t>
  </si>
  <si>
    <t>pedrohab</t>
  </si>
  <si>
    <t>\\acsfs\profiles$\PEDROHAB\Downloads\</t>
  </si>
  <si>
    <t>17a8980c-89d1-4ad3-92e0-249a81e629aa.tmp</t>
  </si>
  <si>
    <t>\\acsfs\profiles$\PEDROHAB\Downloads\17a8980c-89d1-4ad3-92e0-249a81e629aa.tmp</t>
  </si>
  <si>
    <t>9c571bd5-2fa2-407f-ae50-fcd656ed7f19.tmp</t>
  </si>
  <si>
    <t>\\acsfs\profiles$\PEDROHAB\Downloads\9c571bd5-2fa2-407f-ae50-fcd656ed7f19.tmp</t>
  </si>
  <si>
    <t>12/23/2019 08:44:23</t>
  </si>
  <si>
    <t>12/23/2019 08:42:49</t>
  </si>
  <si>
    <t>12/23/2019 08:46:14</t>
  </si>
  <si>
    <t>fc7b339f-24e7-4ec7-ab4b-241a313bbbcd.tmp</t>
  </si>
  <si>
    <t>\\acsfs\profiles$\nathaliadf\Downloads\fc7b339f-24e7-4ec7-ab4b-241a313bbbcd.tmp</t>
  </si>
  <si>
    <t>12/23/2019 08:42:18</t>
  </si>
  <si>
    <t>cecb9d4a-4a45-4aa1-bf34-e92159603d3d.tmp</t>
  </si>
  <si>
    <t>\\acsfs\profiles$\gabrielarb\Downloads\cecb9d4a-4a45-4aa1-bf34-e92159603d3d.tmp</t>
  </si>
  <si>
    <t>12/23/2019 08:47:13</t>
  </si>
  <si>
    <t>CERRADO QUALIDADE, TREINAMENTO E ENGAJ OPER</t>
  </si>
  <si>
    <t>Exchange Client Mail</t>
  </si>
  <si>
    <t>Microsoft Exchange Online</t>
  </si>
  <si>
    <t>12/23/2019 08:42:07</t>
  </si>
  <si>
    <t>12/23/2019 08:46:07</t>
  </si>
  <si>
    <t>12/23/2019 08:47:05</t>
  </si>
  <si>
    <t>12/23/2019 08:49:14</t>
  </si>
  <si>
    <t>b14cbb31-6ad4-414b-86e3-a7bb64a9dcdf.tmp</t>
  </si>
  <si>
    <t>\\acsfs\profiles$\ayalabfi\Downloads\b14cbb31-6ad4-414b-86e3-a7bb64a9dcdf.tmp</t>
  </si>
  <si>
    <t>12/23/2019 08:46:09</t>
  </si>
  <si>
    <t>12/23/2019 08:46:39</t>
  </si>
  <si>
    <t>12/23/2019 08:48:25</t>
  </si>
  <si>
    <t>12/23/2019 08:50:13</t>
  </si>
  <si>
    <t>isabellegtds</t>
  </si>
  <si>
    <t>\\acsfs\profiles$\isabellegtds\Downloads\</t>
  </si>
  <si>
    <t>dfb76855-99d0-4f06-a52a-dda396e4715e.tmp</t>
  </si>
  <si>
    <t>\\acsfs\profiles$\isabellegtds\Downloads\dfb76855-99d0-4f06-a52a-dda396e4715e.tmp</t>
  </si>
  <si>
    <t>12/23/2019 08:49:31</t>
  </si>
  <si>
    <t>9dc7867d-6ef0-4b02-b97c-5c34dfa8fb11.tmp</t>
  </si>
  <si>
    <t>\\acsfs\profiles$\isabellegtds\Downloads\9dc7867d-6ef0-4b02-b97c-5c34dfa8fb11.tmp</t>
  </si>
  <si>
    <t>12/23/2019 08:45:57</t>
  </si>
  <si>
    <t>12/23/2019 08:51:14</t>
  </si>
  <si>
    <t>8176c1ab-6837-4b0b-a184-db98e0e07b65.tmp</t>
  </si>
  <si>
    <t>\\acsfs\profiles$\gabrielarb\Downloads\8176c1ab-6837-4b0b-a184-db98e0e07b65.tmp</t>
  </si>
  <si>
    <t>12/23/2019 08:51:07</t>
  </si>
  <si>
    <t>12/23/2019 08:52:13</t>
  </si>
  <si>
    <t>12/23/2019 08:51:39</t>
  </si>
  <si>
    <t>12/23/2019 08:54:14</t>
  </si>
  <si>
    <t>12/23/2019 08:52:39</t>
  </si>
  <si>
    <t>12/23/2019 08:53:09</t>
  </si>
  <si>
    <t>12/23/2019 08:53:51</t>
  </si>
  <si>
    <t>222b7fac-a04d-49fa-af10-2a85b9691afc.tmp</t>
  </si>
  <si>
    <t>\\acsfs\profiles$\philipegsf\Downloads\222b7fac-a04d-49fa-af10-2a85b9691afc.tmp</t>
  </si>
  <si>
    <t>12/23/2019 08:49:45</t>
  </si>
  <si>
    <t>12/23/2019 08:55:14</t>
  </si>
  <si>
    <t>12/23/2019 08:52:20</t>
  </si>
  <si>
    <t>12/23/2019 08:53:02</t>
  </si>
  <si>
    <t>12/23/2019 08:56:15</t>
  </si>
  <si>
    <t>10.200.66.131</t>
  </si>
  <si>
    <t>78-2B-CB-C1-05-33</t>
  </si>
  <si>
    <t>VOTORANT-IB038</t>
  </si>
  <si>
    <t>gabrielhca</t>
  </si>
  <si>
    <t>\\acsfs\profiles$\gabrielhca\Downloads\</t>
  </si>
  <si>
    <t>c568f29c-48b2-4680-b16e-9d095363ada1.tmp</t>
  </si>
  <si>
    <t>\\acsfs\profiles$\gabrielhca\Downloads\c568f29c-48b2-4680-b16e-9d095363ada1.tmp</t>
  </si>
  <si>
    <t>12/23/2019 08:54:24</t>
  </si>
  <si>
    <t>03bae80e-3dec-4c59-8b0a-33d896c35871.tmp</t>
  </si>
  <si>
    <t>\\acsfs\profiles$\gabrielhca\Downloads\03bae80e-3dec-4c59-8b0a-33d896c35871.tmp</t>
  </si>
  <si>
    <t>12/23/2019 08:54:51</t>
  </si>
  <si>
    <t>9ac947fe-7e70-4696-a77d-5ac5b7c5fe06.tmp</t>
  </si>
  <si>
    <t>\\acsfs\profiles$\gabrielhca\Downloads\9ac947fe-7e70-4696-a77d-5ac5b7c5fe06.tmp</t>
  </si>
  <si>
    <t>12/23/2019 08:53:35</t>
  </si>
  <si>
    <t>894deba6-a685-4f3e-b99b-67eb62517088.tmp</t>
  </si>
  <si>
    <t>\\acsfs\profiles$\nathaliadf\Downloads\894deba6-a685-4f3e-b99b-67eb62517088.tmp</t>
  </si>
  <si>
    <t>12/23/2019 08:54:42</t>
  </si>
  <si>
    <t>12/23/2019 08:57:14</t>
  </si>
  <si>
    <t>10.200.66.38</t>
  </si>
  <si>
    <t>74-86-7A-FB-1A-73</t>
  </si>
  <si>
    <t>VOTORANT-IB021</t>
  </si>
  <si>
    <t>karendsr</t>
  </si>
  <si>
    <t>\\acsfs\profiles$\KARENDSR\Downloads\</t>
  </si>
  <si>
    <t>d1ef12a1-131b-4d06-80c6-1e51245f193a.tmp</t>
  </si>
  <si>
    <t>\\acsfs\profiles$\KARENDSR\Downloads\d1ef12a1-131b-4d06-80c6-1e51245f193a.tmp</t>
  </si>
  <si>
    <t>12/23/2019 08:55:46</t>
  </si>
  <si>
    <t>7ad16239-ed43-4fd2-bc64-822064d0324e.tmp</t>
  </si>
  <si>
    <t>\\acsfs\profiles$\KARENDSR\Downloads\7ad16239-ed43-4fd2-bc64-822064d0324e.tmp</t>
  </si>
  <si>
    <t>12/23/2019 08:54:37</t>
  </si>
  <si>
    <t>12/23/2019 08:58:14</t>
  </si>
  <si>
    <t>12/23/2019 08:55:34</t>
  </si>
  <si>
    <t>geovanaasa</t>
  </si>
  <si>
    <t>\\acsfs\profiles$\geovanaasa\Downloads\</t>
  </si>
  <si>
    <t>23248d39-297d-4a23-aa8e-6d033eb86a30.tmp</t>
  </si>
  <si>
    <t>\\acsfs\profiles$\geovanaasa\Downloads\23248d39-297d-4a23-aa8e-6d033eb86a30.tmp</t>
  </si>
  <si>
    <t>12/23/2019 08:53:40</t>
  </si>
  <si>
    <t>35335f3c-2b13-4145-b107-dea604e0e9b7.tmp</t>
  </si>
  <si>
    <t>\\acsfs\profiles$\luanarda\Downloads\35335f3c-2b13-4145-b107-dea604e0e9b7.tmp</t>
  </si>
  <si>
    <t>12/23/2019 08:54:02</t>
  </si>
  <si>
    <t>12/23/2019 08:54:09</t>
  </si>
  <si>
    <t>12/23/2019 08:59:14</t>
  </si>
  <si>
    <t>12/23/2019 08:55:39</t>
  </si>
  <si>
    <t>12/23/2019 08:54:12</t>
  </si>
  <si>
    <t>\\acsfs\profiles$\philipegsf\Downloads\$RECYCLE.BIN\</t>
  </si>
  <si>
    <t>$I2OSV65.pdf</t>
  </si>
  <si>
    <t>\\acsfs\profiles$\philipegsf\Downloads\$RECYCLE.BIN\$I2OSV65.pdf</t>
  </si>
  <si>
    <t>12/23/2019 08:55:45</t>
  </si>
  <si>
    <t>12/23/2019 09:00:14</t>
  </si>
  <si>
    <t>claudiajca</t>
  </si>
  <si>
    <t>\\acsfs\profiles$\claudiajca\Downloads\</t>
  </si>
  <si>
    <t>cf59eccc-aa50-4620-b235-0a1f2a9d1c80.tmp</t>
  </si>
  <si>
    <t>\\acsfs\profiles$\claudiajca\Downloads\cf59eccc-aa50-4620-b235-0a1f2a9d1c80.tmp</t>
  </si>
  <si>
    <t>b831cdc7-87af-4721-910e-dd30e30380d6.tmp</t>
  </si>
  <si>
    <t>\\acsfs\profiles$\claudiajca\Downloads\b831cdc7-87af-4721-910e-dd30e30380d6.tmp</t>
  </si>
  <si>
    <t>12/23/2019 08:57:03</t>
  </si>
  <si>
    <t>12/23/2019 09:02:14</t>
  </si>
  <si>
    <t>2c445bda-b63a-4387-9956-93c804c45fa3.tmp</t>
  </si>
  <si>
    <t>\\acsfs\profiles$\KARENDSR\Downloads\2c445bda-b63a-4387-9956-93c804c45fa3.tmp</t>
  </si>
  <si>
    <t>12/23/2019 08:57:32</t>
  </si>
  <si>
    <t>ae8b1d0e-988f-4caa-ac87-62ca057cb892.tmp</t>
  </si>
  <si>
    <t>\\acsfs\profiles$\KARENDSR\Downloads\ae8b1d0e-988f-4caa-ac87-62ca057cb892.tmp</t>
  </si>
  <si>
    <t>12/23/2019 08:59:52</t>
  </si>
  <si>
    <t>12/23/2019 09:00:07</t>
  </si>
  <si>
    <t>12/23/2019 08:59:55</t>
  </si>
  <si>
    <t>12/23/2019 09:04:15</t>
  </si>
  <si>
    <t>12/23/2019 08:58:19</t>
  </si>
  <si>
    <t>Pasta1.xlsx</t>
  </si>
  <si>
    <t>12/23/2019 09:01:45</t>
  </si>
  <si>
    <t>12/23/2019 09:05:14</t>
  </si>
  <si>
    <t>12/23/2019 09:02:56</t>
  </si>
  <si>
    <t>12/23/2019 09:01:12</t>
  </si>
  <si>
    <t>12/23/2019 09:06:15</t>
  </si>
  <si>
    <t>5eae2393-a4ed-4e2f-ab3c-7af0d0b707f9.tmp</t>
  </si>
  <si>
    <t>\\acsfs\profiles$\gabrielhca\Downloads\5eae2393-a4ed-4e2f-ab3c-7af0d0b707f9.tmp</t>
  </si>
  <si>
    <t>12/23/2019 09:00:28</t>
  </si>
  <si>
    <t>10.200.66.215</t>
  </si>
  <si>
    <t>D0-94-66-B5-70-18</t>
  </si>
  <si>
    <t>VOTORANT-AFB017</t>
  </si>
  <si>
    <t>12/23/2019 09:02:02</t>
  </si>
  <si>
    <t>840071e3-cc39-464d-a5e6-e0f2085658c1.tmp</t>
  </si>
  <si>
    <t>\\acsfs\profiles$\deborahsi\Downloads\840071e3-cc39-464d-a5e6-e0f2085658c1.tmp</t>
  </si>
  <si>
    <t>12/23/2019 09:03:07</t>
  </si>
  <si>
    <t>12/23/2019 09:07:14</t>
  </si>
  <si>
    <t>12/23/2019 09:06:07</t>
  </si>
  <si>
    <t>12/23/2019 09:05:03</t>
  </si>
  <si>
    <t>12/23/2019 09:08:15</t>
  </si>
  <si>
    <t>12/23/2019 09:03:55</t>
  </si>
  <si>
    <t>12/23/2019 09:09:14</t>
  </si>
  <si>
    <t>12/23/2019 09:08:04</t>
  </si>
  <si>
    <t>10.200.66.146</t>
  </si>
  <si>
    <t>74-86-7A-FB-17-F1</t>
  </si>
  <si>
    <t>VOTORANT-AFB003</t>
  </si>
  <si>
    <t>wedersonbadr</t>
  </si>
  <si>
    <t>\\acsfs\profiles$\wedersonbadr\My Documents\My Music\</t>
  </si>
  <si>
    <t>c2c1bc11-593f-4a9a-95ad-a283b03be284.tmp</t>
  </si>
  <si>
    <t>\\acsfs\profiles$\wedersonbadr\My Documents\My Music\c2c1bc11-593f-4a9a-95ad-a283b03be284.tmp</t>
  </si>
  <si>
    <t>12/23/2019 09:05:15</t>
  </si>
  <si>
    <t>12/23/2019 09:10:15</t>
  </si>
  <si>
    <t>mail.google.com/sync/u/0/i/s?hl=pt-BR&amp;c=328</t>
  </si>
  <si>
    <t>12/23/2019 09:05:24</t>
  </si>
  <si>
    <t>mail.google.com/sync/u/0/i/s?hl=pt-BR&amp;c=330</t>
  </si>
  <si>
    <t>12/23/2019 09:05:28</t>
  </si>
  <si>
    <t>mail.google.com/sync/u/0/i/s?hl=pt-BR&amp;c=332</t>
  </si>
  <si>
    <t>12/23/2019 09:05:34</t>
  </si>
  <si>
    <t>mail.google.com/sync/u/0/i/s?hl=pt-BR&amp;c=334</t>
  </si>
  <si>
    <t>12/23/2019 09:05:58</t>
  </si>
  <si>
    <t>mail.google.com/sync/u/0/i/s?hl=pt-BR&amp;c=337</t>
  </si>
  <si>
    <t>12/23/2019 09:06:06</t>
  </si>
  <si>
    <t>mail.google.com/sync/u/0/i/s?hl=pt-BR&amp;c=339</t>
  </si>
  <si>
    <t>12/23/2019 09:07:45</t>
  </si>
  <si>
    <t>12/23/2019 09:07:52</t>
  </si>
  <si>
    <t>12/23/2019 09:12:15</t>
  </si>
  <si>
    <t>94803e64-d27b-4d0c-8cde-cebce666fa31.tmp</t>
  </si>
  <si>
    <t>\\acsfs\profiles$\larissaad\Downloads\94803e64-d27b-4d0c-8cde-cebce666fa31.tmp</t>
  </si>
  <si>
    <t>12/23/2019 09:09:59</t>
  </si>
  <si>
    <t>12/23/2019 09:14:14</t>
  </si>
  <si>
    <t>12/23/2019 09:10:12</t>
  </si>
  <si>
    <t>b0045c2c-d0ed-4acd-aaec-bea7544ed936.tmp</t>
  </si>
  <si>
    <t>\\acsfs\profiles$\wedersonbadr\My Documents\My Music\b0045c2c-d0ed-4acd-aaec-bea7544ed936.tmp</t>
  </si>
  <si>
    <t>12/23/2019 09:11:20</t>
  </si>
  <si>
    <t>0b25515b-5e87-4359-af14-6f2d6bbfd2f2.tmp</t>
  </si>
  <si>
    <t>\\acsfs\profiles$\wedersonbadr\My Documents\My Music\0b25515b-5e87-4359-af14-6f2d6bbfd2f2.tmp</t>
  </si>
  <si>
    <t>12/23/2019 09:12:01</t>
  </si>
  <si>
    <t>6b429b54-1362-4a08-8e7e-c520fb0b2ee4.tmp</t>
  </si>
  <si>
    <t>\\acsfs\profiles$\wedersonbadr\My Documents\My Music\6b429b54-1362-4a08-8e7e-c520fb0b2ee4.tmp</t>
  </si>
  <si>
    <t>12/23/2019 09:10:09</t>
  </si>
  <si>
    <t>12/23/2019 09:10:39</t>
  </si>
  <si>
    <t>12/23/2019 09:11:09</t>
  </si>
  <si>
    <t>12/23/2019 09:11:39</t>
  </si>
  <si>
    <t>12/23/2019 09:12:39</t>
  </si>
  <si>
    <t>COORD DE SUPORTE BPO-ESPECIALISTAS</t>
  </si>
  <si>
    <t>mail.google.com/_/upload?authuser=1&amp;dcp=asu-n</t>
  </si>
  <si>
    <t>12/23/2019 09:13:45</t>
  </si>
  <si>
    <t>12/23/2019 09:15:14</t>
  </si>
  <si>
    <t>12/23/2019 09:09:54</t>
  </si>
  <si>
    <t>10.200.67.66</t>
  </si>
  <si>
    <t>74-86-7A-FB-17-24</t>
  </si>
  <si>
    <t>VOTORANT-IB010</t>
  </si>
  <si>
    <t>leydianeamd</t>
  </si>
  <si>
    <t>\\acsfs\profiles$\leydianeamd\My Documents\</t>
  </si>
  <si>
    <t>Leydiane Aparecida.txt</t>
  </si>
  <si>
    <t>\\acsfs\profiles$\leydianeamd\My Documents\Leydiane Aparecida.txt</t>
  </si>
  <si>
    <t>12/23/2019 09:10:06</t>
  </si>
  <si>
    <t>12/23/2019 09:13:23</t>
  </si>
  <si>
    <t>12/23/2019 09:16:14</t>
  </si>
  <si>
    <t>12/23/2019 09:12:02</t>
  </si>
  <si>
    <t>00779b12-1df0-401c-bcac-88d621f2c900.tmp</t>
  </si>
  <si>
    <t>\\acsfs\profiles$\milenaas\Downloads\00779b12-1df0-401c-bcac-88d621f2c900.tmp</t>
  </si>
  <si>
    <t>12/23/2019 09:14:38</t>
  </si>
  <si>
    <t>12/23/2019 09:17:14</t>
  </si>
  <si>
    <t>12/23/2019 09:15:07</t>
  </si>
  <si>
    <t>12/23/2019 09:14:01</t>
  </si>
  <si>
    <t>12/23/2019 09:18:13</t>
  </si>
  <si>
    <t>10.200.67.7</t>
  </si>
  <si>
    <t>74-86-7A-FB-17-88</t>
  </si>
  <si>
    <t>VOTORANT-FB015</t>
  </si>
  <si>
    <t>katiahmdj</t>
  </si>
  <si>
    <t>\\acsfs\profiles$\katiahmdj\My Documents\$RECYCLE.BIN\</t>
  </si>
  <si>
    <t>$IDDN2WF.txt</t>
  </si>
  <si>
    <t>\\acsfs\profiles$\katiahmdj\My Documents\$RECYCLE.BIN\$IDDN2WF.txt</t>
  </si>
  <si>
    <t>12/23/2019 09:14:09</t>
  </si>
  <si>
    <t>12/23/2019 09:19:14</t>
  </si>
  <si>
    <t>12/23/2019 09:14:39</t>
  </si>
  <si>
    <t>12/23/2019 09:15:09</t>
  </si>
  <si>
    <t>12/23/2019 09:15:39</t>
  </si>
  <si>
    <t>12/23/2019 09:16:09</t>
  </si>
  <si>
    <t>12/23/2019 09:18:09</t>
  </si>
  <si>
    <t>12/23/2019 09:18:39</t>
  </si>
  <si>
    <t>12/23/2019 09:21:09</t>
  </si>
  <si>
    <t>12/23/2019 09:22:13</t>
  </si>
  <si>
    <t>12/23/2019 09:17:37</t>
  </si>
  <si>
    <t>12/23/2019 09:18:07</t>
  </si>
  <si>
    <t>12/23/2019 09:21:13</t>
  </si>
  <si>
    <t>12/23/2019 09:24:13</t>
  </si>
  <si>
    <t>12/23/2019 09:22:09</t>
  </si>
  <si>
    <t>12/23/2019 09:22:39</t>
  </si>
  <si>
    <t>12/23/2019 09:23:09</t>
  </si>
  <si>
    <t>12/23/2019 09:23:39</t>
  </si>
  <si>
    <t>12/23/2019 09:19:45</t>
  </si>
  <si>
    <t>12/23/2019 09:25:13</t>
  </si>
  <si>
    <t>12/23/2019 09:20:56</t>
  </si>
  <si>
    <t>10.200.67.50</t>
  </si>
  <si>
    <t>D0-67-E5-FF-1C-3B</t>
  </si>
  <si>
    <t>VOTORANT-FB003</t>
  </si>
  <si>
    <t>cinthiacsda</t>
  </si>
  <si>
    <t>\\acsfs\profiles$\cinthiacsda\My Documents\xworkcenter\logs\</t>
  </si>
  <si>
    <t>XLOG_cinthiacsda_23122019_092046.log</t>
  </si>
  <si>
    <t>\\acsfs\profiles$\cinthiacsda\My Documents\xworkcenter\logs\XLOG_cinthiacsda_23122019_092046.log</t>
  </si>
  <si>
    <t>12/23/2019 09:22:29</t>
  </si>
  <si>
    <t>\\acsfs\profiles$\cinthiacsda\My Documents\$RECYCLE.BIN\</t>
  </si>
  <si>
    <t>$IIH0ONL.txt</t>
  </si>
  <si>
    <t>\\acsfs\profiles$\cinthiacsda\My Documents\$RECYCLE.BIN\$IIH0ONL.txt</t>
  </si>
  <si>
    <t>12/23/2019 09:22:15</t>
  </si>
  <si>
    <t>c53b79c5-a026-49c8-a013-89bdcad53479.tmp</t>
  </si>
  <si>
    <t>\\acsfs\profiles$\PEDROHAB\Downloads\c53b79c5-a026-49c8-a013-89bdcad53479.tmp</t>
  </si>
  <si>
    <t>12/23/2019 09:23:41</t>
  </si>
  <si>
    <t>a0f7c232-379d-4ac9-9d20-3f6f8b4e97bc.tmp</t>
  </si>
  <si>
    <t>\\acsfs\profiles$\PEDROHAB\Downloads\a0f7c232-379d-4ac9-9d20-3f6f8b4e97bc.tmp</t>
  </si>
  <si>
    <t>12/23/2019 09:22:27</t>
  </si>
  <si>
    <t>12/23/2019 09:26:13</t>
  </si>
  <si>
    <t>kellzylenneasr</t>
  </si>
  <si>
    <t>\\acsfs\profiles$\kellzylenneasr\Downloads\</t>
  </si>
  <si>
    <t>7ceb7a31-7025-40fe-89b8-9abecd82e1b3.tmp</t>
  </si>
  <si>
    <t>\\acsfs\profiles$\kellzylenneasr\Downloads\7ceb7a31-7025-40fe-89b8-9abecd82e1b3.tmp</t>
  </si>
  <si>
    <t>12/23/2019 09:23:47</t>
  </si>
  <si>
    <t>b1cab9ed-a4b6-4d20-abd7-5cb285af8be1.tmp</t>
  </si>
  <si>
    <t>\\acsfs\profiles$\kellzylenneasr\Downloads\b1cab9ed-a4b6-4d20-abd7-5cb285af8be1.tmp</t>
  </si>
  <si>
    <t>12/23/2019 09:22:16</t>
  </si>
  <si>
    <t>12/23/2019 09:27:13</t>
  </si>
  <si>
    <t>c6ab0466-772e-49aa-b85e-2749d4e3b7ef.tmp</t>
  </si>
  <si>
    <t>\\acsfs\profiles$\larissaad\Downloads\c6ab0466-772e-49aa-b85e-2749d4e3b7ef.tmp</t>
  </si>
  <si>
    <t>12/23/2019 09:26:37</t>
  </si>
  <si>
    <t>12/23/2019 09:24:45</t>
  </si>
  <si>
    <t>12/23/2019 09:28:14</t>
  </si>
  <si>
    <t>10.200.66.3</t>
  </si>
  <si>
    <t>74-86-7A-FB-1B-4A</t>
  </si>
  <si>
    <t>VOTORANT-SB009</t>
  </si>
  <si>
    <t>alessandraan</t>
  </si>
  <si>
    <t>\\acsfs\profiles$\alessandraan\Downloads\</t>
  </si>
  <si>
    <t>4106c238-e885-4842-a365-3d2bd34dbae7.tmp</t>
  </si>
  <si>
    <t>\\acsfs\profiles$\alessandraan\Downloads\4106c238-e885-4842-a365-3d2bd34dbae7.tmp</t>
  </si>
  <si>
    <t>12/23/2019 09:24:47</t>
  </si>
  <si>
    <t>79b46eb3-1164-4149-8fbf-1a97058cb712.tmp</t>
  </si>
  <si>
    <t>\\acsfs\profiles$\alessandraan\Downloads\79b46eb3-1164-4149-8fbf-1a97058cb712.tmp</t>
  </si>
  <si>
    <t>12/23/2019 09:24:50</t>
  </si>
  <si>
    <t>4a69caf5-8bfe-4fa5-bf7e-58f7391cfdd5.tmp</t>
  </si>
  <si>
    <t>\\acsfs\profiles$\alessandraan\Downloads\4a69caf5-8bfe-4fa5-bf7e-58f7391cfdd5.tmp</t>
  </si>
  <si>
    <t>12/23/2019 09:24:56</t>
  </si>
  <si>
    <t>6f84f0d9-d1b2-425d-bf85-0dd6550c837b.tmp</t>
  </si>
  <si>
    <t>\\acsfs\profiles$\alessandraan\Downloads\6f84f0d9-d1b2-425d-bf85-0dd6550c837b.tmp</t>
  </si>
  <si>
    <t>12/23/2019 09:25:36</t>
  </si>
  <si>
    <t>fb50fceb-bde1-4452-b781-9633d84df0d2.tmp</t>
  </si>
  <si>
    <t>\\acsfs\profiles$\alessandraan\Downloads\fb50fceb-bde1-4452-b781-9633d84df0d2.tmp</t>
  </si>
  <si>
    <t>12/23/2019 09:27:36</t>
  </si>
  <si>
    <t>12/23/2019 09:29:13</t>
  </si>
  <si>
    <t>12/23/2019 09:25:43</t>
  </si>
  <si>
    <t>10.200.67.144</t>
  </si>
  <si>
    <t>74-86-7A-FB-19-41</t>
  </si>
  <si>
    <t>VOTORANT-JB003</t>
  </si>
  <si>
    <t>robsonams</t>
  </si>
  <si>
    <t>robsonams@algartech.com</t>
  </si>
  <si>
    <t>mail.google.com/sync/u/0/i/s?hl=pt-BR&amp;c=138</t>
  </si>
  <si>
    <t>12/23/2019 09:27:12</t>
  </si>
  <si>
    <t>b23cce85-8797-418e-9d8e-451c13945e48.tmp</t>
  </si>
  <si>
    <t>\\acsfs\profiles$\wedersonbadr\My Documents\My Music\b23cce85-8797-418e-9d8e-451c13945e48.tmp</t>
  </si>
  <si>
    <t>12/23/2019 09:24:09</t>
  </si>
  <si>
    <t>12/23/2019 09:26:56</t>
  </si>
  <si>
    <t>12/23/2019 09:25:03</t>
  </si>
  <si>
    <t>12/23/2019 09:30:13</t>
  </si>
  <si>
    <t>mail.google.com/sync/u/0/i/s?hl=pt-BR&amp;c=367</t>
  </si>
  <si>
    <t>12/23/2019 09:25:11</t>
  </si>
  <si>
    <t>mail.google.com/sync/u/0/i/s?hl=pt-BR&amp;c=369</t>
  </si>
  <si>
    <t>mail.google.com/sync/u/0/i/s?hl=pt-BR&amp;c=371</t>
  </si>
  <si>
    <t>12/23/2019 09:25:45</t>
  </si>
  <si>
    <t>12/23/2019 09:25:58</t>
  </si>
  <si>
    <t>mail.google.com/sync/u/0/i/s?hl=pt-BR&amp;c=374</t>
  </si>
  <si>
    <t>12/23/2019 09:26:19</t>
  </si>
  <si>
    <t>mail.google.com/sync/u/0/i/s?hl=pt-BR&amp;c=377</t>
  </si>
  <si>
    <t>12/23/2019 09:26:43</t>
  </si>
  <si>
    <t>mail.google.com/sync/u/0/i/s?hl=pt-BR&amp;c=379</t>
  </si>
  <si>
    <t>12/23/2019 09:26:49</t>
  </si>
  <si>
    <t>mail.google.com/sync/u/0/i/s?hl=pt-BR&amp;c=381</t>
  </si>
  <si>
    <t>12/23/2019 09:27:06</t>
  </si>
  <si>
    <t>mail.google.com/sync/u/0/i/s?hl=pt-BR&amp;c=384</t>
  </si>
  <si>
    <t>12/23/2019 09:27:11</t>
  </si>
  <si>
    <t>mail.google.com/sync/u/0/i/s?hl=pt-BR&amp;c=386</t>
  </si>
  <si>
    <t>12/23/2019 09:27:28</t>
  </si>
  <si>
    <t>mail.google.com/sync/u/0/i/s?hl=pt-BR&amp;c=388</t>
  </si>
  <si>
    <t>12/23/2019 09:27:31</t>
  </si>
  <si>
    <t>mail.google.com/sync/u/0/i/s?hl=pt-BR&amp;c=390</t>
  </si>
  <si>
    <t>12/23/2019 09:27:41</t>
  </si>
  <si>
    <t>mail.google.com/sync/u/0/i/s?hl=pt-BR&amp;c=392</t>
  </si>
  <si>
    <t>12/23/2019 09:28:05</t>
  </si>
  <si>
    <t>mail.google.com/sync/u/0/i/s?hl=pt-BR&amp;c=395</t>
  </si>
  <si>
    <t>12/23/2019 09:28:08</t>
  </si>
  <si>
    <t>mail.google.com/sync/u/0/i/s?hl=pt-BR&amp;c=398</t>
  </si>
  <si>
    <t>12/23/2019 09:28:29</t>
  </si>
  <si>
    <t>mail.google.com/sync/u/0/i/s?hl=pt-BR&amp;c=400</t>
  </si>
  <si>
    <t>12/23/2019 09:28:48</t>
  </si>
  <si>
    <t>mail.google.com/sync/u/0/i/s?hl=pt-BR&amp;c=402</t>
  </si>
  <si>
    <t>12/23/2019 09:28:55</t>
  </si>
  <si>
    <t>mail.google.com/sync/u/0/i/s?hl=pt-BR&amp;c=405</t>
  </si>
  <si>
    <t>12/23/2019 09:28:58</t>
  </si>
  <si>
    <t>mail.google.com/sync/u/0/i/s?hl=pt-BR&amp;c=407</t>
  </si>
  <si>
    <t>12/23/2019 09:29:01</t>
  </si>
  <si>
    <t>mail.google.com/sync/u/0/i/s?hl=pt-BR&amp;c=409</t>
  </si>
  <si>
    <t>12/23/2019 09:28:18</t>
  </si>
  <si>
    <t>12/23/2019 09:28:43</t>
  </si>
  <si>
    <t>10.200.66.160</t>
  </si>
  <si>
    <t>74-86-7A-FC-CE-DF</t>
  </si>
  <si>
    <t>VOTORANT-SB006</t>
  </si>
  <si>
    <t>leticiala</t>
  </si>
  <si>
    <t>\\acsfs\profiles$\leticiala\Downloads\</t>
  </si>
  <si>
    <t>3d197479-b43b-4845-b653-deae1978b3b1.tmp</t>
  </si>
  <si>
    <t>\\acsfs\profiles$\leticiala\Downloads\3d197479-b43b-4845-b653-deae1978b3b1.tmp</t>
  </si>
  <si>
    <t>12/23/2019 09:29:00</t>
  </si>
  <si>
    <t>792f47bb-c867-4ccf-9c6d-b69e20300041.tmp</t>
  </si>
  <si>
    <t>\\acsfs\profiles$\leticiala\Downloads\792f47bb-c867-4ccf-9c6d-b69e20300041.tmp</t>
  </si>
  <si>
    <t>12/23/2019 09:31:13</t>
  </si>
  <si>
    <t>1a58006d-e582-453c-a14b-dbb3f8d0be12.tmp</t>
  </si>
  <si>
    <t>\\acsfs\profiles$\kellzylenneasr\Downloads\1a58006d-e582-453c-a14b-dbb3f8d0be12.tmp</t>
  </si>
  <si>
    <t>12/23/2019 09:33:13</t>
  </si>
  <si>
    <t>HTTP</t>
  </si>
  <si>
    <t>https://cscatende.algarnet.com.br/html/ad/adform/request/openticket.php</t>
  </si>
  <si>
    <t>12/23/2019 09:27:59</t>
  </si>
  <si>
    <t>649034cf-dd40-45c9-ab93-2d507f015011.tmp</t>
  </si>
  <si>
    <t>\\acsfs\profiles$\alessandraan\Downloads\649034cf-dd40-45c9-ab93-2d507f015011.tmp</t>
  </si>
  <si>
    <t>12/23/2019 09:32:34</t>
  </si>
  <si>
    <t>ed416365-bc25-4477-9f51-72770b79396e.tmp</t>
  </si>
  <si>
    <t>\\acsfs\profiles$\alessandraan\Downloads\ed416365-bc25-4477-9f51-72770b79396e.tmp</t>
  </si>
  <si>
    <t>12/23/2019 09:34:14</t>
  </si>
  <si>
    <t>12/23/2019 09:32:09</t>
  </si>
  <si>
    <t>12/23/2019 09:32:39</t>
  </si>
  <si>
    <t>12/23/2019 09:35:13</t>
  </si>
  <si>
    <t>12/23/2019 09:31:18</t>
  </si>
  <si>
    <t>mail.google.com/sync/u/0/i/s?hl=pt-BR&amp;c=413</t>
  </si>
  <si>
    <t>12/23/2019 09:31:40</t>
  </si>
  <si>
    <t>mail.google.com/sync/u/0/i/s?hl=pt-BR&amp;c=415</t>
  </si>
  <si>
    <t>12/23/2019 09:31:45</t>
  </si>
  <si>
    <t>12/23/2019 09:32:10</t>
  </si>
  <si>
    <t>12/23/2019 09:34:12</t>
  </si>
  <si>
    <t>a3e6f360-98ab-459b-9e8b-b638baa519b2.tmp</t>
  </si>
  <si>
    <t>\\acsfs\profiles$\leticiala\Downloads\a3e6f360-98ab-459b-9e8b-b638baa519b2.tmp</t>
  </si>
  <si>
    <t>12/23/2019 09:32:27</t>
  </si>
  <si>
    <t>12/23/2019 09:37:13</t>
  </si>
  <si>
    <t>\\acsfs\profiles$\albertofn\My Documents\$RECYCLE.BIN\</t>
  </si>
  <si>
    <t>$IP0ACSX.txt</t>
  </si>
  <si>
    <t>\\acsfs\profiles$\albertofn\My Documents\$RECYCLE.BIN\$IP0ACSX.txt</t>
  </si>
  <si>
    <t>12/23/2019 09:32:07</t>
  </si>
  <si>
    <t>12/23/2019 09:36:37</t>
  </si>
  <si>
    <t>12/23/2019 09:35:26</t>
  </si>
  <si>
    <t>12/23/2019 09:38:14</t>
  </si>
  <si>
    <t>12/23/2019 09:35:21</t>
  </si>
  <si>
    <t>12/23/2019 09:33:33</t>
  </si>
  <si>
    <t>12/23/2019 09:39:13</t>
  </si>
  <si>
    <t>033f319d-5636-43f8-a6fd-002366c0db4c.tmp</t>
  </si>
  <si>
    <t>\\acsfs\profiles$\felipetds\Downloads\033f319d-5636-43f8-a6fd-002366c0db4c.tmp</t>
  </si>
  <si>
    <t>12/23/2019 09:35:32</t>
  </si>
  <si>
    <t>12/23/2019 09:40:14</t>
  </si>
  <si>
    <t>mail.google.com/sync/u/0/i/s?hl=pt-BR&amp;c=420</t>
  </si>
  <si>
    <t>12/23/2019 09:35:39</t>
  </si>
  <si>
    <t>mail.google.com/sync/u/0/i/s?hl=pt-BR&amp;c=422</t>
  </si>
  <si>
    <t>12/23/2019 09:35:54</t>
  </si>
  <si>
    <t>mail.google.com/sync/u/0/i/s?hl=pt-BR&amp;c=424</t>
  </si>
  <si>
    <t>12/23/2019 09:36:18</t>
  </si>
  <si>
    <t>mail.google.com/sync/u/0/i/s?hl=pt-BR&amp;c=432</t>
  </si>
  <si>
    <t>12/23/2019 09:36:28</t>
  </si>
  <si>
    <t>mail.google.com/sync/u/0/i/s?hl=pt-BR&amp;c=434</t>
  </si>
  <si>
    <t>12/23/2019 09:37:45</t>
  </si>
  <si>
    <t>12/23/2019 09:39:04</t>
  </si>
  <si>
    <t>mail.google.com/sync/u/0/i/s?hl=pt-BR&amp;c=438</t>
  </si>
  <si>
    <t>12/23/2019 09:39:11</t>
  </si>
  <si>
    <t>mail.google.com/sync/u/0/i/s?hl=pt-BR&amp;c=440</t>
  </si>
  <si>
    <t>12/23/2019 09:39:18</t>
  </si>
  <si>
    <t>mail.google.com/sync/u/0/i/s?hl=pt-BR&amp;c=442</t>
  </si>
  <si>
    <t>12/23/2019 09:35:55</t>
  </si>
  <si>
    <t>12/23/2019 09:41:13</t>
  </si>
  <si>
    <t>b114f393-38e7-4b5f-b12f-de8276d434a7.tmp</t>
  </si>
  <si>
    <t>\\acsfs\profiles$\nathaliadf\Downloads\b114f393-38e7-4b5f-b12f-de8276d434a7.tmp</t>
  </si>
  <si>
    <t>12/23/2019 09:38:37</t>
  </si>
  <si>
    <t>12/23/2019 09:42:14</t>
  </si>
  <si>
    <t>10.200.66.138</t>
  </si>
  <si>
    <t>78-2B-CB-C1-05-44</t>
  </si>
  <si>
    <t>VOTORANT-IB017</t>
  </si>
  <si>
    <t>C:\Program Files\</t>
  </si>
  <si>
    <t>C:\Users\</t>
  </si>
  <si>
    <t>12/23/2019 09:38:40</t>
  </si>
  <si>
    <t>C:\Windows\assembly\</t>
  </si>
  <si>
    <t>Desktop.ini</t>
  </si>
  <si>
    <t>SERVICOS ESPECIALISTAS BPO</t>
  </si>
  <si>
    <t>roldineism</t>
  </si>
  <si>
    <t>C:\Windows\Fonts\</t>
  </si>
  <si>
    <t>C:\Windows\Media\</t>
  </si>
  <si>
    <t>12/23/2019 09:38:42</t>
  </si>
  <si>
    <t>C:\Users\Public\</t>
  </si>
  <si>
    <t>12/23/2019 09:38:51</t>
  </si>
  <si>
    <t>C:\Users\cassiahada\Contacts\</t>
  </si>
  <si>
    <t>12/23/2019 09:38:52</t>
  </si>
  <si>
    <t>C:\Users\cassiahada\Desktop\</t>
  </si>
  <si>
    <t>C:\Users\cassiahada\Documents\</t>
  </si>
  <si>
    <t>C:\Users\cassiahada\Downloads\</t>
  </si>
  <si>
    <t>C:\Users\cassiahada\Favorites\</t>
  </si>
  <si>
    <t>C:\Users\cassiahada\Links\</t>
  </si>
  <si>
    <t>C:\Users\cassiahada\Music\</t>
  </si>
  <si>
    <t>C:\Users\cassiahada\Pictures\</t>
  </si>
  <si>
    <t>C:\Users\cassiahada\Saved Games\</t>
  </si>
  <si>
    <t>C:\Users\cassiahada\Searches\</t>
  </si>
  <si>
    <t>C:\Users\cassiahada\Videos\</t>
  </si>
  <si>
    <t>C:\Users\cassiahada\Favorites\Links for Brasil\</t>
  </si>
  <si>
    <t>12/23/2019 09:38:53</t>
  </si>
  <si>
    <t>C:\Users\gustavodsil\Contacts\</t>
  </si>
  <si>
    <t>C:\Users\gustavodsil\Desktop\</t>
  </si>
  <si>
    <t>C:\Users\gustavodsil\Documents\</t>
  </si>
  <si>
    <t>C:\Users\gustavodsil\Downloads\</t>
  </si>
  <si>
    <t>C:\Users\gustavodsil\Favorites\</t>
  </si>
  <si>
    <t>C:\Users\gustavodsil\Links\</t>
  </si>
  <si>
    <t>C:\Users\gustavodsil\Music\</t>
  </si>
  <si>
    <t>C:\Users\gustavodsil\Pictures\</t>
  </si>
  <si>
    <t>C:\Users\gustavodsil\Saved Games\</t>
  </si>
  <si>
    <t>C:\Users\gustavodsil\Searches\</t>
  </si>
  <si>
    <t>C:\Users\gustavodsil\Videos\</t>
  </si>
  <si>
    <t>C:\Users\gustavodsil\Favorites\Links\</t>
  </si>
  <si>
    <t>12/23/2019 09:38:54</t>
  </si>
  <si>
    <t>C:\Users\gustavodsil\Favorites\Links for Brasil\</t>
  </si>
  <si>
    <t>C:\Users\anagtds\Links\</t>
  </si>
  <si>
    <t>12/23/2019 09:38:55</t>
  </si>
  <si>
    <t>C:\Users\Eleusamds\Contacts\</t>
  </si>
  <si>
    <t>C:\Users\Eleusamds\Desktop\</t>
  </si>
  <si>
    <t>C:\Users\Eleusamds\Documents\</t>
  </si>
  <si>
    <t>C:\Users\Eleusamds\Downloads\</t>
  </si>
  <si>
    <t>C:\Users\Eleusamds\Favorites\</t>
  </si>
  <si>
    <t>C:\Users\Eleusamds\Links\</t>
  </si>
  <si>
    <t>C:\Users\Eleusamds\Music\</t>
  </si>
  <si>
    <t>C:\Users\Eleusamds\Pictures\</t>
  </si>
  <si>
    <t>C:\Users\Eleusamds\Saved Games\</t>
  </si>
  <si>
    <t>C:\Users\Eleusamds\Searches\</t>
  </si>
  <si>
    <t>C:\Users\Eleusamds\Videos\</t>
  </si>
  <si>
    <t>C:\Users\Eleusamds\Favorites\Links for Brasil\</t>
  </si>
  <si>
    <t>12/23/2019 09:38:56</t>
  </si>
  <si>
    <t>C:\Users\bernardopcm\Links\</t>
  </si>
  <si>
    <t>C:\Users\paulohaf\AppData\Roaming\Microsoft\Windows\Recent\</t>
  </si>
  <si>
    <t>C:\Users\paulohaf\AppData\Roaming\Microsoft\Windows\SendTo\</t>
  </si>
  <si>
    <t>12/23/2019 09:39:05</t>
  </si>
  <si>
    <t>C:\Users\paulohaf\documents\</t>
  </si>
  <si>
    <t>Atualiza WFM.lnk</t>
  </si>
  <si>
    <t>12/23/2019 09:39:19</t>
  </si>
  <si>
    <t>C:\Users\paulohaf\AppData\Local\Microsoft\Windows\History\</t>
  </si>
  <si>
    <t>12/23/2019 09:40:01</t>
  </si>
  <si>
    <t>12/23/2019 09:40:02</t>
  </si>
  <si>
    <t>12/23/2019 09:40:05</t>
  </si>
  <si>
    <t>12/23/2019 09:40:06</t>
  </si>
  <si>
    <t>12/23/2019 09:38:16</t>
  </si>
  <si>
    <t>12/23/2019 09:43:13</t>
  </si>
  <si>
    <t>ba5d74e0-a8d1-4b71-9a02-65858bf931ca.tmp</t>
  </si>
  <si>
    <t>\\acsfs\profiles$\alessandraan\Downloads\ba5d74e0-a8d1-4b71-9a02-65858bf931ca.tmp</t>
  </si>
  <si>
    <t>12/23/2019 09:38:30</t>
  </si>
  <si>
    <t>\\acsfs\profiles$\alessandraan\My Documents\</t>
  </si>
  <si>
    <t>HOJE SEGUNDA.txt</t>
  </si>
  <si>
    <t>\\acsfs\profiles$\alessandraan\My Documents\HOJE SEGUNDA.txt</t>
  </si>
  <si>
    <t>12/23/2019 09:41:47</t>
  </si>
  <si>
    <t>DADOS.txt</t>
  </si>
  <si>
    <t>\\acsfs\profiles$\alessandraan\My Documents\DADOS.txt</t>
  </si>
  <si>
    <t>12/23/2019 09:42:02</t>
  </si>
  <si>
    <t>12/23/2019 09:42:54</t>
  </si>
  <si>
    <t>12/23/2019 09:44:14</t>
  </si>
  <si>
    <t>84d0a0ed-7586-4c87-b01c-990670f01a07.tmp</t>
  </si>
  <si>
    <t>\\acsfs\profiles$\sarahbal\Downloads\84d0a0ed-7586-4c87-b01c-990670f01a07.tmp</t>
  </si>
  <si>
    <t>12/23/2019 09:39:35</t>
  </si>
  <si>
    <t>ec6d0b70-cbe5-4389-b81c-4be1ac721582.tmp</t>
  </si>
  <si>
    <t>\\acsfs\profiles$\quindaizaagds\Downloads\ec6d0b70-cbe5-4389-b81c-4be1ac721582.tmp</t>
  </si>
  <si>
    <t>12/23/2019 09:39:47</t>
  </si>
  <si>
    <t>c2e7392b-2dc3-475b-b40f-fadf7180271d.tmp</t>
  </si>
  <si>
    <t>\\acsfs\profiles$\quindaizaagds\Downloads\c2e7392b-2dc3-475b-b40f-fadf7180271d.tmp</t>
  </si>
  <si>
    <t>12/23/2019 09:39:23</t>
  </si>
  <si>
    <t>12/23/2019 09:45:13</t>
  </si>
  <si>
    <t>mail.google.com/sync/u/0/i/s?hl=pt-BR&amp;c=444</t>
  </si>
  <si>
    <t>12/23/2019 09:39:28</t>
  </si>
  <si>
    <t>mail.google.com/sync/u/0/i/s?hl=pt-BR&amp;c=446</t>
  </si>
  <si>
    <t>12/23/2019 09:39:36</t>
  </si>
  <si>
    <t>mail.google.com/sync/u/0/i/s?hl=pt-BR&amp;c=448</t>
  </si>
  <si>
    <t>12/23/2019 09:39:53</t>
  </si>
  <si>
    <t>mail.google.com/sync/u/0/i/s?hl=pt-BR&amp;c=450</t>
  </si>
  <si>
    <t>12/23/2019 09:40:16</t>
  </si>
  <si>
    <t>mail.google.com/sync/u/0/i/s?hl=pt-BR&amp;c=454</t>
  </si>
  <si>
    <t>12/23/2019 09:40:17</t>
  </si>
  <si>
    <t>12/23/2019 09:40:44</t>
  </si>
  <si>
    <t>mail.google.com/sync/u/0/i/s?hl=pt-BR&amp;c=456</t>
  </si>
  <si>
    <t>12/23/2019 09:40:48</t>
  </si>
  <si>
    <t>mail.google.com/sync/u/0/i/s?hl=pt-BR&amp;c=458</t>
  </si>
  <si>
    <t>12/23/2019 09:41:20</t>
  </si>
  <si>
    <t>mail.google.com/sync/u/0/i/s?hl=pt-BR&amp;c=462</t>
  </si>
  <si>
    <t>12/23/2019 09:41:28</t>
  </si>
  <si>
    <t>mail.google.com/sync/u/0/i/s?hl=pt-BR&amp;c=464</t>
  </si>
  <si>
    <t>12/23/2019 09:41:33</t>
  </si>
  <si>
    <t>mail.google.com/sync/u/0/i/s?hl=pt-BR&amp;c=466</t>
  </si>
  <si>
    <t>12/23/2019 09:40:53</t>
  </si>
  <si>
    <t>12/23/2019 09:45:37</t>
  </si>
  <si>
    <t>12/23/2019 09:47:13</t>
  </si>
  <si>
    <t>12/23/2019 09:42:45</t>
  </si>
  <si>
    <t>12/23/2019 09:48:14</t>
  </si>
  <si>
    <t>12/23/2019 09:43:17</t>
  </si>
  <si>
    <t>alessandraan@bv.algartech.com</t>
  </si>
  <si>
    <t>https://udpmailboxap01/h/search?si=0&amp;so=0&amp;sc=51341&amp;sfi=6&amp;st=message&amp;action=compose</t>
  </si>
  <si>
    <t>12/23/2019 09:45:05</t>
  </si>
  <si>
    <t>12/23/2019 09:46:38</t>
  </si>
  <si>
    <t>12/23/2019 09:49:13</t>
  </si>
  <si>
    <t>mail.google.com/sync/u/0/i/s?hl=pt-BR&amp;c=38</t>
  </si>
  <si>
    <t>bvs-centralcartoes@bv.com.br;cintia.souza-domingues@dxc.com;eduardo.santana@bv.com.br;marianeps@algartech.com;talmaiardo@algartech.com;thiagordu@algartech.com;</t>
  </si>
  <si>
    <t>bvs-centralcartoes@bv.com.br,cintia.souza-domingues@dxc.com,eduardo.santana@bv.com.br,marianeps@algartech.com,talmaiardo@algartech.com,thiagordu@algartech.com</t>
  </si>
  <si>
    <t>12/23/2019 09:47:43</t>
  </si>
  <si>
    <t>12/23/2019 09:48:55</t>
  </si>
  <si>
    <t>12/23/2019 09:50:14</t>
  </si>
  <si>
    <t>12/23/2019 09:49:16</t>
  </si>
  <si>
    <t>12/23/2019 09:52:14</t>
  </si>
  <si>
    <t>joaoval</t>
  </si>
  <si>
    <t>\\acsfs\profiles$\JOAOVAL\Contacts\</t>
  </si>
  <si>
    <t>JOAO VITOR ALVES LIMA (20).contact</t>
  </si>
  <si>
    <t>\\acsfs\profiles$\JOAOVAL\Contacts\JOAO VITOR ALVES LIMA (20).contact</t>
  </si>
  <si>
    <t>12/23/2019 09:49:17</t>
  </si>
  <si>
    <t>12/23/2019 09:49:29</t>
  </si>
  <si>
    <t>\\acsfs\profiles$\JOAOVAL\My Documents\My Videos\</t>
  </si>
  <si>
    <t>\\acsfs\profiles$\JOAOVAL\My Documents\My Videos\desktop.ini</t>
  </si>
  <si>
    <t>\\acsfs\profiles$\JOAOVAL\My Documents\My Pictures\</t>
  </si>
  <si>
    <t>\\acsfs\profiles$\JOAOVAL\My Documents\My Pictures\desktop.ini</t>
  </si>
  <si>
    <t>12/23/2019 09:49:30</t>
  </si>
  <si>
    <t>\\acsfs\profiles$\JOAOVAL\Contacts\desktop.ini</t>
  </si>
  <si>
    <t>\\acsfs\profiles$\JOAOVAL\Favorites\</t>
  </si>
  <si>
    <t>\\acsfs\profiles$\JOAOVAL\Favorites\desktop.ini</t>
  </si>
  <si>
    <t>12/23/2019 09:49:31</t>
  </si>
  <si>
    <t>\\acsfs\profiles$\JOAOVAL\My Documents\My Music\</t>
  </si>
  <si>
    <t>\\acsfs\profiles$\JOAOVAL\My Documents\My Music\desktop.ini</t>
  </si>
  <si>
    <t>12/23/2019 09:49:32</t>
  </si>
  <si>
    <t>\\acsfs\profiles$\JOAOVAL\Searches\</t>
  </si>
  <si>
    <t>\\acsfs\profiles$\JOAOVAL\Searches\desktop.ini</t>
  </si>
  <si>
    <t>\\acsfs\profiles$\JOAOVAL\Downloads\</t>
  </si>
  <si>
    <t>\\acsfs\profiles$\JOAOVAL\Downloads\desktop.ini</t>
  </si>
  <si>
    <t>12/23/2019 09:49:33</t>
  </si>
  <si>
    <t>\\acsfs\profiles$\JOAOVAL\My Documents\</t>
  </si>
  <si>
    <t>\\acsfs\profiles$\JOAOVAL\My Documents\desktop.ini</t>
  </si>
  <si>
    <t>12/23/2019 09:49:34</t>
  </si>
  <si>
    <t>\\acsfs\profiles$\JOAOVAL\Saved Games\</t>
  </si>
  <si>
    <t>\\acsfs\profiles$\JOAOVAL\Saved Games\desktop.ini</t>
  </si>
  <si>
    <t>12/23/2019 09:49:46</t>
  </si>
  <si>
    <t>\\acsfs\profiles$\JOAOVAL\Favorites\Links for Brasil\</t>
  </si>
  <si>
    <t>\\acsfs\profiles$\JOAOVAL\Favorites\Links for Brasil\desktop.ini</t>
  </si>
  <si>
    <t>12/23/2019 09:49:47</t>
  </si>
  <si>
    <t>Microsoft Brasil.url</t>
  </si>
  <si>
    <t>\\acsfs\profiles$\JOAOVAL\Favorites\Links for Brasil\Microsoft Brasil.url</t>
  </si>
  <si>
    <t>Windows Brasil.url</t>
  </si>
  <si>
    <t>\\acsfs\profiles$\JOAOVAL\Favorites\Links for Brasil\Windows Brasil.url</t>
  </si>
  <si>
    <t>MSN Brasil.url</t>
  </si>
  <si>
    <t>\\acsfs\profiles$\JOAOVAL\Favorites\Links for Brasil\MSN Brasil.url</t>
  </si>
  <si>
    <t>12/23/2019 09:49:48</t>
  </si>
  <si>
    <t>12/23/2019 09:49:12</t>
  </si>
  <si>
    <t>10.200.67.22</t>
  </si>
  <si>
    <t>74-86-7A-FB-17-CC</t>
  </si>
  <si>
    <t>VOTORANT-FB016</t>
  </si>
  <si>
    <t>talitassc</t>
  </si>
  <si>
    <t>\\acsfs\profiles$\talitassc\Contacts\</t>
  </si>
  <si>
    <t>TALITA SANTOS SILVA CASTRO (25601).contact</t>
  </si>
  <si>
    <t>\\acsfs\profiles$\talitassc\Contacts\TALITA SANTOS SILVA CASTRO (25601).contact</t>
  </si>
  <si>
    <t>12/23/2019 09:49:24</t>
  </si>
  <si>
    <t>\\acsfs\profiles$\talitassc\My Documents\My Videos\</t>
  </si>
  <si>
    <t>\\acsfs\profiles$\talitassc\My Documents\My Videos\desktop.ini</t>
  </si>
  <si>
    <t>\\acsfs\profiles$\talitassc\My Documents\My Pictures\</t>
  </si>
  <si>
    <t>\\acsfs\profiles$\talitassc\My Documents\My Pictures\desktop.ini</t>
  </si>
  <si>
    <t>12/23/2019 09:49:25</t>
  </si>
  <si>
    <t>\\acsfs\profiles$\talitassc\Contacts\desktop.ini</t>
  </si>
  <si>
    <t>\\acsfs\profiles$\talitassc\Favorites\</t>
  </si>
  <si>
    <t>\\acsfs\profiles$\talitassc\Favorites\desktop.ini</t>
  </si>
  <si>
    <t>12/23/2019 09:49:26</t>
  </si>
  <si>
    <t>\\acsfs\profiles$\talitassc\My Documents\My Music\</t>
  </si>
  <si>
    <t>\\acsfs\profiles$\talitassc\My Documents\My Music\desktop.ini</t>
  </si>
  <si>
    <t>12/23/2019 09:49:27</t>
  </si>
  <si>
    <t>\\acsfs\profiles$\talitassc\Searches\</t>
  </si>
  <si>
    <t>\\acsfs\profiles$\talitassc\Searches\desktop.ini</t>
  </si>
  <si>
    <t>12/23/2019 09:49:28</t>
  </si>
  <si>
    <t>\\acsfs\profiles$\talitassc\Downloads\</t>
  </si>
  <si>
    <t>\\acsfs\profiles$\talitassc\Downloads\desktop.ini</t>
  </si>
  <si>
    <t>\\acsfs\profiles$\talitassc\My Documents\</t>
  </si>
  <si>
    <t>\\acsfs\profiles$\talitassc\My Documents\desktop.ini</t>
  </si>
  <si>
    <t>\\acsfs\profiles$\talitassc\Saved Games\</t>
  </si>
  <si>
    <t>\\acsfs\profiles$\talitassc\Saved Games\desktop.ini</t>
  </si>
  <si>
    <t>12/23/2019 09:49:41</t>
  </si>
  <si>
    <t>\\acsfs\profiles$\talitassc\Favorites\Links for Brasil\</t>
  </si>
  <si>
    <t>\\acsfs\profiles$\talitassc\Favorites\Links for Brasil\desktop.ini</t>
  </si>
  <si>
    <t>\\acsfs\profiles$\talitassc\Favorites\Links for Brasil\Microsoft Brasil.url</t>
  </si>
  <si>
    <t>12/23/2019 09:49:42</t>
  </si>
  <si>
    <t>\\acsfs\profiles$\talitassc\Favorites\Links for Brasil\Windows Brasil.url</t>
  </si>
  <si>
    <t>\\acsfs\profiles$\talitassc\Favorites\Links for Brasil\MSN Brasil.url</t>
  </si>
  <si>
    <t>12/23/2019 09:50:07</t>
  </si>
  <si>
    <t>12/23/2019 09:50:21</t>
  </si>
  <si>
    <t>9d57dd13-a39c-40f7-bd7f-50ceffa916fa.tmp</t>
  </si>
  <si>
    <t>\\acsfs\profiles$\larissaad\Downloads\9d57dd13-a39c-40f7-bd7f-50ceffa916fa.tmp</t>
  </si>
  <si>
    <t>12/23/2019 09:53:13</t>
  </si>
  <si>
    <t>10.200.66.62</t>
  </si>
  <si>
    <t>64-1C-67-9C-83-A0</t>
  </si>
  <si>
    <t>VOTORANT-LB014</t>
  </si>
  <si>
    <t>jessicanes</t>
  </si>
  <si>
    <t>\\acsfs\profiles$\jessicanes\My Documents\</t>
  </si>
  <si>
    <t>Jéssica Bloco Principal.txt</t>
  </si>
  <si>
    <t>\\acsfs\profiles$\jessicanes\My Documents\Jéssica Bloco Principal.txt</t>
  </si>
  <si>
    <t>\\acsfs\profiles$\jessicanes\My Documents\$RECYCLE.BIN\</t>
  </si>
  <si>
    <t>$I3BRA2R.txt</t>
  </si>
  <si>
    <t>\\acsfs\profiles$\jessicanes\My Documents\$RECYCLE.BIN\$I3BRA2R.txt</t>
  </si>
  <si>
    <t>12/23/2019 09:48:47</t>
  </si>
  <si>
    <t>12/23/2019 09:54:14</t>
  </si>
  <si>
    <t>12/23/2019 09:49:04</t>
  </si>
  <si>
    <t>12/23/2019 09:49:56</t>
  </si>
  <si>
    <t>12/23/2019 09:55:10</t>
  </si>
  <si>
    <t>12/23/2019 09:56:14</t>
  </si>
  <si>
    <t>\\acsfs\profiles$\milenaas\</t>
  </si>
  <si>
    <t>PID.txt</t>
  </si>
  <si>
    <t>\\acsfs\profiles$\milenaas\PID.txt</t>
  </si>
  <si>
    <t>12/23/2019 09:51:30</t>
  </si>
  <si>
    <t>12/23/2019 09:57:13</t>
  </si>
  <si>
    <t>2c4c3909-8a84-4f86-b004-c437035a06cd.tmp</t>
  </si>
  <si>
    <t>\\acsfs\profiles$\JOAOVAL\Downloads\2c4c3909-8a84-4f86-b004-c437035a06cd.tmp</t>
  </si>
  <si>
    <t>12/23/2019 09:51:51</t>
  </si>
  <si>
    <t>8bcbea59-4242-4b4f-aade-d3223fc50cce.tmp</t>
  </si>
  <si>
    <t>\\acsfs\profiles$\JOAOVAL\Downloads\8bcbea59-4242-4b4f-aade-d3223fc50cce.tmp</t>
  </si>
  <si>
    <t>12/23/2019 09:53:27</t>
  </si>
  <si>
    <t>d936925c-94ef-4e92-8a0d-5a9cfc7c97e9.tmp</t>
  </si>
  <si>
    <t>\\acsfs\profiles$\JOAOVAL\Downloads\d936925c-94ef-4e92-8a0d-5a9cfc7c97e9.tmp</t>
  </si>
  <si>
    <t>12/23/2019 09:54:21</t>
  </si>
  <si>
    <t>fa003556-ef1e-4c35-b81b-43b6232da7a7.tmp</t>
  </si>
  <si>
    <t>\\acsfs\profiles$\JOAOVAL\Downloads\fa003556-ef1e-4c35-b81b-43b6232da7a7.tmp</t>
  </si>
  <si>
    <t>12/23/2019 09:55:07</t>
  </si>
  <si>
    <t>12/23/2019 09:55:29</t>
  </si>
  <si>
    <t>12/23/2019 09:56:51</t>
  </si>
  <si>
    <t>6590b5f1-5146-4588-973f-e028686a84ac.tmp</t>
  </si>
  <si>
    <t>\\acsfs\profiles$\larissaad\Downloads\6590b5f1-5146-4588-973f-e028686a84ac.tmp</t>
  </si>
  <si>
    <t>12/23/2019 09:56:40</t>
  </si>
  <si>
    <t>12/23/2019 09:58:14</t>
  </si>
  <si>
    <t>12/23/2019 09:56:59</t>
  </si>
  <si>
    <t>12/23/2019 09:57:00</t>
  </si>
  <si>
    <t>12/23/2019 09:57:29</t>
  </si>
  <si>
    <t>12/23/2019 09:55:54</t>
  </si>
  <si>
    <t>lu1062840wx.tmp</t>
  </si>
  <si>
    <t>Algar_Spreadsheets</t>
  </si>
  <si>
    <t>\\acsfs\profiles$\jonatanls\My Documents\lu1062840wx.tmp</t>
  </si>
  <si>
    <t>12/23/2019 09:56:15</t>
  </si>
  <si>
    <t>12/23/2019 09:59:13</t>
  </si>
  <si>
    <t>10.200.66.140</t>
  </si>
  <si>
    <t>74-86-7A-FB-16-EA</t>
  </si>
  <si>
    <t>VOTORANT-YB011</t>
  </si>
  <si>
    <t>DanielTA</t>
  </si>
  <si>
    <t>\\acsfs\profiles$\danielta\Downloads\</t>
  </si>
  <si>
    <t>9b68bda9-ea29-47ce-88c8-b003585a07ca.tmp</t>
  </si>
  <si>
    <t>\\acsfs\profiles$\danielta\Downloads\9b68bda9-ea29-47ce-88c8-b003585a07ca.tmp</t>
  </si>
  <si>
    <t>12/23/2019 09:54:49</t>
  </si>
  <si>
    <t>12/23/2019 09:54:50</t>
  </si>
  <si>
    <t>12/23/2019 09:55:11</t>
  </si>
  <si>
    <t>12/23/2019 09:55:17</t>
  </si>
  <si>
    <t>12/23/2019 09:56:27</t>
  </si>
  <si>
    <t>a539f106-6703-400b-84a5-419eea99cb29.tmp</t>
  </si>
  <si>
    <t>\\acsfs\profiles$\quindaizaagds\Downloads\a539f106-6703-400b-84a5-419eea99cb29.tmp</t>
  </si>
  <si>
    <t>12/23/2019 09:56:48</t>
  </si>
  <si>
    <t>108b66c3-0321-4849-86de-1c5a397a976c.tmp</t>
  </si>
  <si>
    <t>\\acsfs\profiles$\quindaizaagds\Downloads\108b66c3-0321-4849-86de-1c5a397a976c.tmp</t>
  </si>
  <si>
    <t>12/23/2019 09:54:39</t>
  </si>
  <si>
    <t>12/23/2019 09:56:39</t>
  </si>
  <si>
    <t>12/23/2019 09:57:09</t>
  </si>
  <si>
    <t>12/23/2019 09:58:09</t>
  </si>
  <si>
    <t>10.200.67.62</t>
  </si>
  <si>
    <t>74-86-7A-FE-0D-C8</t>
  </si>
  <si>
    <t>VOTORANT-ACB021</t>
  </si>
  <si>
    <t>adilsonloj</t>
  </si>
  <si>
    <t>C:\Users\adilsonloj\Downloads\</t>
  </si>
  <si>
    <t>Reneg - Vcto 26-12.xlsx</t>
  </si>
  <si>
    <t>\\acsfs\DEPTOS\Operacao\Banco_Votorantim\Comum\00 - COMUM - BV CARTÕES\EQUIPE ADILSON\Reneg\Reneg - Vcto 26-12.xlsx</t>
  </si>
  <si>
    <t>\\acsfs\DEPTOS\Operacao\Banco_Votorantim\Comum\00 - COMUM - BV CARTÕES\EQUIPE ADILSON\Reneg\Reneg - Vcto 26-12.xlsx\</t>
  </si>
  <si>
    <t>:Zone.Identifier:$DATA</t>
  </si>
  <si>
    <t>\\acsfs\DEPTOS\Operacao\Banco_Votorantim\Comum\00 - COMUM - BV CARTÕES\EQUIPE ADILSON\Reneg\Reneg - Vcto 26-12.xlsx\:Zone.Identifier:$DATA</t>
  </si>
  <si>
    <t>12/23/2019 10:00:14</t>
  </si>
  <si>
    <t>12/23/2019 09:57:27</t>
  </si>
  <si>
    <t>12/23/2019 09:58:19</t>
  </si>
  <si>
    <t>bd713e93-2929-4fe4-8ef4-cabc60cd2166.tmp</t>
  </si>
  <si>
    <t>\\acsfs\profiles$\laianear\Downloads\bd713e93-2929-4fe4-8ef4-cabc60cd2166.tmp</t>
  </si>
  <si>
    <t>12/23/2019 09:56:41</t>
  </si>
  <si>
    <t>12/23/2019 10:02:14</t>
  </si>
  <si>
    <t>\\acsfs\profiles$\KARENDSR\My Documents\$RECYCLE.BIN\</t>
  </si>
  <si>
    <t>$IDV8YMW.txt</t>
  </si>
  <si>
    <t>\\acsfs\profiles$\KARENDSR\My Documents\$RECYCLE.BIN\$IDV8YMW.txt</t>
  </si>
  <si>
    <t>12/23/2019 09:58:48</t>
  </si>
  <si>
    <t>12/23/2019 10:00:22</t>
  </si>
  <si>
    <t>12/23/2019 10:00:33</t>
  </si>
  <si>
    <t>12/23/2019 09:59:29</t>
  </si>
  <si>
    <t>12/23/2019 10:03:13</t>
  </si>
  <si>
    <t>12/23/2019 10:00:08</t>
  </si>
  <si>
    <t>12/23/2019 10:02:57</t>
  </si>
  <si>
    <t>12/23/2019 10:04:14</t>
  </si>
  <si>
    <t>12/23/2019 09:59:45</t>
  </si>
  <si>
    <t>12/23/2019 10:00:45</t>
  </si>
  <si>
    <t>12/23/2019 10:02:31</t>
  </si>
  <si>
    <t>631a65d3-3670-4a9a-b83c-dba364ea07ac.tmp</t>
  </si>
  <si>
    <t>\\acsfs\profiles$\quindaizaagds\Downloads\631a65d3-3670-4a9a-b83c-dba364ea07ac.tmp</t>
  </si>
  <si>
    <t>12/23/2019 10:02:33</t>
  </si>
  <si>
    <t>56692ce3-f352-4a6d-beae-3e55228d6200.tmp</t>
  </si>
  <si>
    <t>\\acsfs\profiles$\quindaizaagds\Downloads\56692ce3-f352-4a6d-beae-3e55228d6200.tmp</t>
  </si>
  <si>
    <t>12/23/2019 10:00:09</t>
  </si>
  <si>
    <t>12/23/2019 10:00:39</t>
  </si>
  <si>
    <t>12/23/2019 10:01:09</t>
  </si>
  <si>
    <t>12/23/2019 10:01:39</t>
  </si>
  <si>
    <t>12/23/2019 10:03:09</t>
  </si>
  <si>
    <t>12/23/2019 10:03:39</t>
  </si>
  <si>
    <t>12/23/2019 10:01:50</t>
  </si>
  <si>
    <t>\\acsfs\DEPTOS\Operacao\Banco_Votorantim\Comum\00 - COMUM - BV CARTÕES\EQUIPE ADILSON\Reneg\33F6A5D9.tmp\</t>
  </si>
  <si>
    <t>\\acsfs\DEPTOS\Operacao\Banco_Votorantim\Comum\00 - COMUM - BV CARTÕES\EQUIPE ADILSON\Reneg\33F6A5D9.tmp\:Zone.Identifier:$DATA</t>
  </si>
  <si>
    <t>\\acsfs\DEPTOS\Operacao\Banco_Votorantim\Comum\00 - COMUM - BV CARTÕES\EQUIPE ADILSON\Reneg\</t>
  </si>
  <si>
    <t>12/23/2019 10:01:53</t>
  </si>
  <si>
    <t>\\acsfs\DEPTOS\Operacao\Banco_Votorantim\Comum\00 - COMUM - BV CARTÕES\EQUIPE ADILSON\Reneg\9A3BC404.tmp\</t>
  </si>
  <si>
    <t>\\acsfs\DEPTOS\Operacao\Banco_Votorantim\Comum\00 - COMUM - BV CARTÕES\EQUIPE ADILSON\Reneg\9A3BC404.tmp\:Zone.Identifier:$DATA</t>
  </si>
  <si>
    <t>12/23/2019 10:01:54</t>
  </si>
  <si>
    <t>12/23/2019 10:03:45</t>
  </si>
  <si>
    <t>12/23/2019 10:05:13</t>
  </si>
  <si>
    <t>12/23/2019 10:04:12</t>
  </si>
  <si>
    <t>lucasbs</t>
  </si>
  <si>
    <t>\\acsfs\profiles$\LUCASBS\Downloads\</t>
  </si>
  <si>
    <t>19f7174a-54d9-439c-9263-a219964f156a.tmp</t>
  </si>
  <si>
    <t>\\acsfs\profiles$\LUCASBS\Downloads\19f7174a-54d9-439c-9263-a219964f156a.tmp</t>
  </si>
  <si>
    <t>12/23/2019 10:01:01</t>
  </si>
  <si>
    <t>12/23/2019 10:06:14</t>
  </si>
  <si>
    <t>\\acsfs\profiles$\kellzylenneasr\My Documents\</t>
  </si>
  <si>
    <t>.~lock.Nova 2019.ods#</t>
  </si>
  <si>
    <t>\\acsfs\profiles$\kellzylenneasr\My Documents\.~lock.Nova 2019.ods#</t>
  </si>
  <si>
    <t>12/23/2019 10:01:02</t>
  </si>
  <si>
    <t>lu211162zdjcw.tmp</t>
  </si>
  <si>
    <t>\\acsfs\profiles$\kellzylenneasr\My Documents\lu211162zdjcw.tmp</t>
  </si>
  <si>
    <t>\\acsfs\profiles$\kellzylenneasr\My Documents\lu211162zdjcw.tmp\</t>
  </si>
  <si>
    <t>content.xml</t>
  </si>
  <si>
    <t>manifest.rdf</t>
  </si>
  <si>
    <t>\\acsfs\profiles$\kellzylenneasr\My Documents\lu211162zdjcw.tmp\META-INF\</t>
  </si>
  <si>
    <t>manifest.xml</t>
  </si>
  <si>
    <t>meta.xml</t>
  </si>
  <si>
    <t>mimetype</t>
  </si>
  <si>
    <t>settings.xml</t>
  </si>
  <si>
    <t>styles.xml</t>
  </si>
  <si>
    <t>\\acsfs\profiles$\kellzylenneasr\My Documents\lu211162zdjcw.tmp\Thumbnails\</t>
  </si>
  <si>
    <t>thumbnail.png</t>
  </si>
  <si>
    <t>12/23/2019 10:02:46</t>
  </si>
  <si>
    <t>10.200.67.187</t>
  </si>
  <si>
    <t>74-86-7A-FC-CE-A9</t>
  </si>
  <si>
    <t>VOTORANT-GB005</t>
  </si>
  <si>
    <t>diosquellysc</t>
  </si>
  <si>
    <t>\\acsfs\profiles$\diosquellysc\</t>
  </si>
  <si>
    <t>Anotações Importantes.txt</t>
  </si>
  <si>
    <t>\\acsfs\profiles$\diosquellysc\Anotações Importantes.txt</t>
  </si>
  <si>
    <t>12/23/2019 10:05:34</t>
  </si>
  <si>
    <t>12/23/2019 10:05:42</t>
  </si>
  <si>
    <t>12/23/2019 10:07:13</t>
  </si>
  <si>
    <t>10.200.66.177</t>
  </si>
  <si>
    <t>78-2B-CB-C1-06-EA</t>
  </si>
  <si>
    <t>VOTORANT-GB020</t>
  </si>
  <si>
    <t>matheushds</t>
  </si>
  <si>
    <t>\\acsfs\profiles$\matheushds\Downloads\</t>
  </si>
  <si>
    <t>9ed855a4-3d9f-47ba-ad8d-e45f99e8a785.tmp</t>
  </si>
  <si>
    <t>\\acsfs\profiles$\matheushds\Downloads\9ed855a4-3d9f-47ba-ad8d-e45f99e8a785.tmp</t>
  </si>
  <si>
    <t>12/23/2019 10:02:37</t>
  </si>
  <si>
    <t>12/23/2019 10:03:28</t>
  </si>
  <si>
    <t>12/23/2019 10:08:14</t>
  </si>
  <si>
    <t>12/23/2019 10:03:50</t>
  </si>
  <si>
    <t>12/23/2019 10:03:51</t>
  </si>
  <si>
    <t>12/23/2019 10:05:45</t>
  </si>
  <si>
    <t>12/23/2019 10:09:14</t>
  </si>
  <si>
    <t>12/23/2019 10:06:45</t>
  </si>
  <si>
    <t>12/23/2019 10:06:09</t>
  </si>
  <si>
    <t>2db53c17-3ae5-4e83-8193-df330a13bfea.tmp</t>
  </si>
  <si>
    <t>\\acsfs\profiles$\wedersonbadr\My Documents\My Music\2db53c17-3ae5-4e83-8193-df330a13bfea.tmp</t>
  </si>
  <si>
    <t>12/23/2019 10:04:09</t>
  </si>
  <si>
    <t>12/23/2019 10:04:39</t>
  </si>
  <si>
    <t>12/23/2019 10:05:09</t>
  </si>
  <si>
    <t>12/23/2019 10:05:30</t>
  </si>
  <si>
    <t>https://udpmailboxap01.acs.com.br:8443/h/search?si=18&amp;so=0&amp;sc=51373&amp;st=conversation&amp;action=compose&amp;paction=paneview</t>
  </si>
  <si>
    <t>joaopsan@algartech.com;</t>
  </si>
  <si>
    <t>https://joaopsan@algartech.com</t>
  </si>
  <si>
    <t>12/23/2019 10:06:48</t>
  </si>
  <si>
    <t>12/23/2019 10:10:13</t>
  </si>
  <si>
    <t>12/23/2019 10:07:05</t>
  </si>
  <si>
    <t>ddab5828-931c-4d15-818d-017390a4474c.tmp</t>
  </si>
  <si>
    <t>\\acsfs\profiles$\leticiala\Downloads\ddab5828-931c-4d15-818d-017390a4474c.tmp</t>
  </si>
  <si>
    <t>12/23/2019 10:05:38</t>
  </si>
  <si>
    <t>31464851-7224-4a5a-9946-264b17cfe6ef.tmp</t>
  </si>
  <si>
    <t>\\acsfs\profiles$\marcellewdl\Downloads\31464851-7224-4a5a-9946-264b17cfe6ef.tmp</t>
  </si>
  <si>
    <t>12/23/2019 10:08:22</t>
  </si>
  <si>
    <t>273f5824-4304-4e8a-935c-7bb901c34c10.tmp</t>
  </si>
  <si>
    <t>\\acsfs\profiles$\LUCASBS\Downloads\273f5824-4304-4e8a-935c-7bb901c34c10.tmp</t>
  </si>
  <si>
    <t>12/23/2019 10:09:36</t>
  </si>
  <si>
    <t>21bdd0ee-e8ca-4e74-84e0-0a666b39b2c3.tmp</t>
  </si>
  <si>
    <t>\\acsfs\profiles$\ERICALSR\Downloads\21bdd0ee-e8ca-4e74-84e0-0a666b39b2c3.tmp</t>
  </si>
  <si>
    <t>12/23/2019 10:10:39</t>
  </si>
  <si>
    <t>12/23/2019 10:11:14</t>
  </si>
  <si>
    <t>296893cf-e60e-4d8d-80d4-4e04aee74147.tmp</t>
  </si>
  <si>
    <t>\\acsfs\profiles$\deborahsi\Downloads\296893cf-e60e-4d8d-80d4-4e04aee74147.tmp</t>
  </si>
  <si>
    <t>12/23/2019 10:07:53</t>
  </si>
  <si>
    <t>12/23/2019 10:12:14</t>
  </si>
  <si>
    <t>fde5f934-0b41-45f1-ad4e-d2a01490ffd1.tmp</t>
  </si>
  <si>
    <t>\\acsfs\profiles$\matheushds\Downloads\fde5f934-0b41-45f1-ad4e-d2a01490ffd1.tmp</t>
  </si>
  <si>
    <t>12/23/2019 10:10:07</t>
  </si>
  <si>
    <t>af393d35-107b-46c7-a0d4-f48fb5c15acb.tmp</t>
  </si>
  <si>
    <t>\\acsfs\profiles$\matheushds\Downloads\af393d35-107b-46c7-a0d4-f48fb5c15acb.tmp</t>
  </si>
  <si>
    <t>12/23/2019 10:11:24</t>
  </si>
  <si>
    <t>888779a7-4df6-4d7d-b788-7ac82ec9ff38.tmp</t>
  </si>
  <si>
    <t>\\acsfs\profiles$\matheushds\Downloads\888779a7-4df6-4d7d-b788-7ac82ec9ff38.tmp</t>
  </si>
  <si>
    <t>12/23/2019 10:08:38</t>
  </si>
  <si>
    <t>12/23/2019 10:13:14</t>
  </si>
  <si>
    <t>12/23/2019 10:09:45</t>
  </si>
  <si>
    <t>12/23/2019 10:12:10</t>
  </si>
  <si>
    <t>12/23/2019 10:12:51</t>
  </si>
  <si>
    <t>12/23/2019 10:14:14</t>
  </si>
  <si>
    <t>12/23/2019 10:10:33</t>
  </si>
  <si>
    <t>pausas.url:favicon</t>
  </si>
  <si>
    <t>\\acsfs\profiles$\vanessacgs\Favorites\pausas.url:favicon</t>
  </si>
  <si>
    <t>12/23/2019 10:10:34</t>
  </si>
  <si>
    <t>\\acsfs\profiles$\vanessacgs\Favorites\pausas.url\</t>
  </si>
  <si>
    <t>\\acsfs\profiles$\vanessacgs\Favorites\pausas.url\:favicon:$DATA</t>
  </si>
  <si>
    <t>pausas.url</t>
  </si>
  <si>
    <t>\\acsfs\profiles$\vanessacgs\Favorites\pausas.url</t>
  </si>
  <si>
    <t>12/23/2019 10:11:45</t>
  </si>
  <si>
    <t>12/23/2019 10:12:45</t>
  </si>
  <si>
    <t>12/23/2019 10:09:40</t>
  </si>
  <si>
    <t>12/23/2019 10:10:10</t>
  </si>
  <si>
    <t>12/23/2019 10:13:28</t>
  </si>
  <si>
    <t>12/23/2019 10:15:14</t>
  </si>
  <si>
    <t>10.200.67.13</t>
  </si>
  <si>
    <t>64-1C-67-9D-1E-3A</t>
  </si>
  <si>
    <t>VOTORANT-FB010</t>
  </si>
  <si>
    <t>kesiadof</t>
  </si>
  <si>
    <t>\\acsfs\Deptos\EDUCACAO EMPRESARIAL\KÉSIA\Ligações 3º ciclo - Késia\</t>
  </si>
  <si>
    <t>MARCELLE WENDY DE LIMA_1_6771391962318707553_1_32.wav</t>
  </si>
  <si>
    <t>\\acsfs\Deptos\EDUCACAO EMPRESARIAL\KÉSIA\Ligações 3º ciclo - Késia\MARCELLE WENDY DE LIMA_1_6771391962318707553_1_32.wav</t>
  </si>
  <si>
    <t>12/23/2019 10:14:23</t>
  </si>
  <si>
    <t>\\acsfs\Deptos\EDUCACAO EMPRESARIAL\KÉSIA\</t>
  </si>
  <si>
    <t>Modelo Monitoria - Cópia.txt</t>
  </si>
  <si>
    <t>\\acsfs\Deptos\EDUCACAO EMPRESARIAL\KÉSIA\Modelo Monitoria - Cópia.txt</t>
  </si>
  <si>
    <t>12/23/2019 10:11:12</t>
  </si>
  <si>
    <t>\\acsfs\profiles$\LUCASBS\</t>
  </si>
  <si>
    <t>.~lock.RENEG BV.ods#</t>
  </si>
  <si>
    <t>\\acsfs\profiles$\LUCASBS\.~lock.RENEG BV.ods#</t>
  </si>
  <si>
    <t>12/23/2019 10:11:44</t>
  </si>
  <si>
    <t>f326069a-b89a-4874-b5ae-1adac4285763.tmp</t>
  </si>
  <si>
    <t>\\acsfs\profiles$\vivianealda\Downloads\f326069a-b89a-4874-b5ae-1adac4285763.tmp</t>
  </si>
  <si>
    <t>12/23/2019 10:12:57</t>
  </si>
  <si>
    <t>12/23/2019 10:16:14</t>
  </si>
  <si>
    <t>12/23/2019 10:12:27</t>
  </si>
  <si>
    <t>12/23/2019 10:17:14</t>
  </si>
  <si>
    <t>7982f15a-8f0e-46e1-b396-37735fecdf99.tmp</t>
  </si>
  <si>
    <t>\\acsfs\profiles$\matheushds\Downloads\7982f15a-8f0e-46e1-b396-37735fecdf99.tmp</t>
  </si>
  <si>
    <t>12/23/2019 10:14:00</t>
  </si>
  <si>
    <t>be115c36-d41e-4d3d-bb46-aea1d16f5b3c.tmp</t>
  </si>
  <si>
    <t>\\acsfs\profiles$\matheushds\Downloads\be115c36-d41e-4d3d-bb46-aea1d16f5b3c.tmp</t>
  </si>
  <si>
    <t>12/23/2019 10:16:15</t>
  </si>
  <si>
    <t>b31373db-f571-4a8c-a88a-fbec144b1d40.tmp</t>
  </si>
  <si>
    <t>\\acsfs\profiles$\matheushds\Downloads\b31373db-f571-4a8c-a88a-fbec144b1d40.tmp</t>
  </si>
  <si>
    <t>12/23/2019 10:16:12</t>
  </si>
  <si>
    <t>12/23/2019 10:18:14</t>
  </si>
  <si>
    <t>f9d3f843-03b5-46da-9321-557006bed71e.tmp</t>
  </si>
  <si>
    <t>\\acsfs\profiles$\geovanaasa\Downloads\f9d3f843-03b5-46da-9321-557006bed71e.tmp</t>
  </si>
  <si>
    <t>12/23/2019 10:15:13</t>
  </si>
  <si>
    <t>12/23/2019 10:15:31</t>
  </si>
  <si>
    <t>12/23/2019 10:16:57</t>
  </si>
  <si>
    <t>12/23/2019 10:19:14</t>
  </si>
  <si>
    <t>Flaviojmm</t>
  </si>
  <si>
    <t>\\acsfs\profiles$\Flaviojmm\Downloads\</t>
  </si>
  <si>
    <t>04ea7d00-0c85-4eae-9aff-4277e735ce54.tmp</t>
  </si>
  <si>
    <t>\\acsfs\profiles$\Flaviojmm\Downloads\04ea7d00-0c85-4eae-9aff-4277e735ce54.tmp</t>
  </si>
  <si>
    <t>12/23/2019 10:18:13</t>
  </si>
  <si>
    <t>817e2280-47ec-4413-916e-d6c1a17b3a06.tmp</t>
  </si>
  <si>
    <t>\\acsfs\profiles$\Flaviojmm\Downloads\817e2280-47ec-4413-916e-d6c1a17b3a06.tmp</t>
  </si>
  <si>
    <t>12/23/2019 10:18:15</t>
  </si>
  <si>
    <t>5b3ed0cd-64fc-416f-a169-d4a74b29751e.tmp</t>
  </si>
  <si>
    <t>\\acsfs\profiles$\Flaviojmm\Downloads\5b3ed0cd-64fc-416f-a169-d4a74b29751e.tmp</t>
  </si>
  <si>
    <t>12/23/2019 10:18:06</t>
  </si>
  <si>
    <t>\\acsfs\Deptos\EDUCACAO EMPRESARIAL\FERNANDA MONIT\</t>
  </si>
  <si>
    <t>SKIL- BV CARTÕES - DEZ-19.xlsx</t>
  </si>
  <si>
    <t>\\acsfs\Deptos\EDUCACAO EMPRESARIAL\FERNANDA MONIT\SKIL- BV CARTÕES - DEZ-19.xlsx</t>
  </si>
  <si>
    <t>12/23/2019 10:17:46</t>
  </si>
  <si>
    <t>12/23/2019 10:20:15</t>
  </si>
  <si>
    <t>12/23/2019 10:17:56</t>
  </si>
  <si>
    <t>f49dfba6-9ef8-42df-83b0-79a1922d9a6d.tmp</t>
  </si>
  <si>
    <t>\\acsfs\profiles$\leticiala\Downloads\f49dfba6-9ef8-42df-83b0-79a1922d9a6d.tmp</t>
  </si>
  <si>
    <t>12/23/2019 10:18:03</t>
  </si>
  <si>
    <t>e9a93e32-d86c-4d4e-924c-dfd4c9f9055b.tmp</t>
  </si>
  <si>
    <t>\\acsfs\profiles$\leticiala\Downloads\e9a93e32-d86c-4d4e-924c-dfd4c9f9055b.tmp</t>
  </si>
  <si>
    <t>12/23/2019 10:19:49</t>
  </si>
  <si>
    <t>.~lock.RENEG BV 23-12.ods#</t>
  </si>
  <si>
    <t>\\acsfs\profiles$\LUCASBS\.~lock.RENEG BV 23-12.ods#</t>
  </si>
  <si>
    <t>12/23/2019 10:19:50</t>
  </si>
  <si>
    <t>lu1738414ecee.tmp</t>
  </si>
  <si>
    <t>\\acsfs\profiles$\LUCASBS\lu1738414ecee.tmp</t>
  </si>
  <si>
    <t>\\acsfs\profiles$\LUCASBS\lu1738414ecee.tmp\</t>
  </si>
  <si>
    <t>\\acsfs\profiles$\LUCASBS\lu1738414ecee.tmp\META-INF\</t>
  </si>
  <si>
    <t>\\acsfs\profiles$\LUCASBS\lu1738414ecee.tmp\Thumbnails\</t>
  </si>
  <si>
    <t>12/23/2019 10:17:47</t>
  </si>
  <si>
    <t>12/23/2019 10:21:14</t>
  </si>
  <si>
    <t>10.200.67.176</t>
  </si>
  <si>
    <t>78-2B-CB-C1-05-43</t>
  </si>
  <si>
    <t>VOTORANT-RB010</t>
  </si>
  <si>
    <t>gabrielafs</t>
  </si>
  <si>
    <t>\\acsfs\profiles$\gabrielafs\Downloads\</t>
  </si>
  <si>
    <t>4f2bdae3-916b-4af4-940e-ce434eb8bba1.tmp</t>
  </si>
  <si>
    <t>\\acsfs\profiles$\gabrielafs\Downloads\4f2bdae3-916b-4af4-940e-ce434eb8bba1.tmp</t>
  </si>
  <si>
    <t>b0cbfb1e-9a8e-4362-84df-90167f651594.tmp</t>
  </si>
  <si>
    <t>\\acsfs\profiles$\gabrielafs\Downloads\b0cbfb1e-9a8e-4362-84df-90167f651594.tmp</t>
  </si>
  <si>
    <t>12/23/2019 10:17:48</t>
  </si>
  <si>
    <t>e1fbae18-64e8-43f1-b03a-d11c94790d5f.tmp</t>
  </si>
  <si>
    <t>\\acsfs\profiles$\gabrielafs\Downloads\e1fbae18-64e8-43f1-b03a-d11c94790d5f.tmp</t>
  </si>
  <si>
    <t>12/23/2019 10:17:49</t>
  </si>
  <si>
    <t>8afe9855-81f0-4b54-9dd9-d1903ab40783.tmp</t>
  </si>
  <si>
    <t>\\acsfs\profiles$\gabrielafs\Downloads\8afe9855-81f0-4b54-9dd9-d1903ab40783.tmp</t>
  </si>
  <si>
    <t>12/23/2019 10:17:50</t>
  </si>
  <si>
    <t>b49c3e4b-bb54-47d5-82d9-badc0c2878d5.tmp</t>
  </si>
  <si>
    <t>\\acsfs\profiles$\gabrielafs\Downloads\b49c3e4b-bb54-47d5-82d9-badc0c2878d5.tmp</t>
  </si>
  <si>
    <t>12/23/2019 10:19:25</t>
  </si>
  <si>
    <t>44cbf237-3115-4901-a016-85e2b577a007.tmp</t>
  </si>
  <si>
    <t>\\acsfs\profiles$\gabrielafs\Downloads\44cbf237-3115-4901-a016-85e2b577a007.tmp</t>
  </si>
  <si>
    <t>12/23/2019 10:16:49</t>
  </si>
  <si>
    <t>cb27e590-215d-4c9c-bbee-744b2ec47f80.tmp</t>
  </si>
  <si>
    <t>\\acsfs\profiles$\gabrielarb\Downloads\cb27e590-215d-4c9c-bbee-744b2ec47f80.tmp</t>
  </si>
  <si>
    <t>12/23/2019 10:18:23</t>
  </si>
  <si>
    <t>12/23/2019 10:19:26</t>
  </si>
  <si>
    <t>12/23/2019 10:22:14</t>
  </si>
  <si>
    <t>12/23/2019 10:18:37</t>
  </si>
  <si>
    <t>12/23/2019 10:19:13</t>
  </si>
  <si>
    <t>12/23/2019 10:23:14</t>
  </si>
  <si>
    <t>\\acsfs\profiles$\geovanaasa\My Documents\</t>
  </si>
  <si>
    <t>.~lock.geovana.ods#</t>
  </si>
  <si>
    <t>\\acsfs\profiles$\geovanaasa\My Documents\.~lock.geovana.ods#</t>
  </si>
  <si>
    <t>12/23/2019 10:18:46</t>
  </si>
  <si>
    <t>12/23/2019 10:24:14</t>
  </si>
  <si>
    <t>12/23/2019 10:19:40</t>
  </si>
  <si>
    <t>12/23/2019 10:22:10</t>
  </si>
  <si>
    <t>12/23/2019 10:20:00</t>
  </si>
  <si>
    <t>12/23/2019 10:25:14</t>
  </si>
  <si>
    <t>\\acsfs\profiles$\CLAUDIAJCA\</t>
  </si>
  <si>
    <t>.~lock.Cotatos Reneg.ods#</t>
  </si>
  <si>
    <t>\\acsfs\profiles$\CLAUDIAJCA\.~lock.Cotatos Reneg.ods#</t>
  </si>
  <si>
    <t>12/23/2019 10:22:15</t>
  </si>
  <si>
    <t>12/23/2019 10:24:00</t>
  </si>
  <si>
    <t>7f30f7b9-2ffd-4694-81ad-9ec5468260e0.tmp</t>
  </si>
  <si>
    <t>\\acsfs\profiles$\laianear\Downloads\7f30f7b9-2ffd-4694-81ad-9ec5468260e0.tmp</t>
  </si>
  <si>
    <t>12/23/2019 10:22:51</t>
  </si>
  <si>
    <t>12/23/2019 10:24:16</t>
  </si>
  <si>
    <t>lu1738414ecej.tmp</t>
  </si>
  <si>
    <t>\\acsfs\profiles$\LUCASBS\lu1738414ecej.tmp</t>
  </si>
  <si>
    <t>\\acsfs\profiles$\LUCASBS\lu1738414ecej.tmp\</t>
  </si>
  <si>
    <t>\\acsfs\profiles$\LUCASBS\lu1738414ecej.tmp\META-INF\</t>
  </si>
  <si>
    <t>\\acsfs\profiles$\LUCASBS\lu1738414ecej.tmp\Thumbnails\</t>
  </si>
  <si>
    <t>12/23/2019 10:23:02</t>
  </si>
  <si>
    <t>12/23/2019 10:20:35</t>
  </si>
  <si>
    <t>12/23/2019 10:26:14</t>
  </si>
  <si>
    <t>10.200.67.131</t>
  </si>
  <si>
    <t>78-2B-CB-C2-BF-46</t>
  </si>
  <si>
    <t>VOTORANT-FB005</t>
  </si>
  <si>
    <t>Angelicacldr</t>
  </si>
  <si>
    <t>\\acsfs\profiles$\angelicacldr\Usuários\</t>
  </si>
  <si>
    <t>Usuários.txt</t>
  </si>
  <si>
    <t>\\acsfs\profiles$\angelicacldr\Usuários\Usuários.txt</t>
  </si>
  <si>
    <t>12/23/2019 10:24:03</t>
  </si>
  <si>
    <t>Memo.txt</t>
  </si>
  <si>
    <t>\\acsfs\profiles$\diosquellysc\Memo.txt</t>
  </si>
  <si>
    <t>12/23/2019 10:23:07</t>
  </si>
  <si>
    <t>12/23/2019 10:27:13</t>
  </si>
  <si>
    <t>12/23/2019 10:23:33</t>
  </si>
  <si>
    <t>12/23/2019 10:23:56</t>
  </si>
  <si>
    <t>12/23/2019 10:28:14</t>
  </si>
  <si>
    <t>lu1062840x7.tmp</t>
  </si>
  <si>
    <t>\\acsfs\profiles$\jonatanls\My Documents\lu1062840x7.tmp</t>
  </si>
  <si>
    <t>12/23/2019 10:23:46</t>
  </si>
  <si>
    <t>12/23/2019 10:29:13</t>
  </si>
  <si>
    <t>12/23/2019 10:24:46</t>
  </si>
  <si>
    <t>12/23/2019 10:25:46</t>
  </si>
  <si>
    <t>12/23/2019 10:24:40</t>
  </si>
  <si>
    <t>12/23/2019 10:26:56</t>
  </si>
  <si>
    <t>12/23/2019 10:31:13</t>
  </si>
  <si>
    <t>12/23/2019 10:27:32</t>
  </si>
  <si>
    <t>12/23/2019 10:29:37</t>
  </si>
  <si>
    <t>12/23/2019 10:32:13</t>
  </si>
  <si>
    <t>12/23/2019 10:30:07</t>
  </si>
  <si>
    <t>12/23/2019 10:32:35</t>
  </si>
  <si>
    <t>12/23/2019 10:33:13</t>
  </si>
  <si>
    <t>12/23/2019 10:31:15</t>
  </si>
  <si>
    <t>12/23/2019 10:34:13</t>
  </si>
  <si>
    <t>23b4205f-fdae-4740-82e4-b6e67a4ed823.tmp</t>
  </si>
  <si>
    <t>\\acsfs\profiles$\ayalabfi\Downloads\23b4205f-fdae-4740-82e4-b6e67a4ed823.tmp</t>
  </si>
  <si>
    <t>12/23/2019 10:29:46</t>
  </si>
  <si>
    <t>12/23/2019 10:30:46</t>
  </si>
  <si>
    <t>12/23/2019 10:33:40</t>
  </si>
  <si>
    <t>12/23/2019 10:34:15</t>
  </si>
  <si>
    <t>12/23/2019 10:35:13</t>
  </si>
  <si>
    <t>\\acsfs\profiles$\cinthiacsda\My Documents\</t>
  </si>
  <si>
    <t>cinthiaa.txt</t>
  </si>
  <si>
    <t>\\acsfs\profiles$\cinthiacsda\My Documents\cinthiaa.txt</t>
  </si>
  <si>
    <t>http:///batch?%24ct=multipart%2Fmixed%3B%20boundary%3D%22%3D%3D%3D%3D%3D8z0i9xrpfa6i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http:///batch?%24ct=multipart%2Fmixed%3B%20boundary%3D%22%3D%3D%3D%3D%3Dnqsak52vj8gg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picture�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picture�,thumbnailversion,workspaceids</t>
  </si>
  <si>
    <t>12/23/2019 10:31:16</t>
  </si>
  <si>
    <t>http:///batch?%24ct=multipart%2Fmixed%3B%20boundary%3D%22%3D%3D%3D%3D%3D125wbmg4wx54%3D%3D%3D%3D%3D%22&amp;key=AIzaSyAy9VVXHSpS2IJpptzYtGbLP3-3_l0aBk4</t>
  </si>
  <si>
    <t>ancestorhasaugmentedp;ancestorhasaugmentedpermissions;containsunsubscribedchildren;displayname;domain;emailaddre;emailaddress;filesize;hasthumbnail;hasvisitorpermissions;id);items(kind;ken;lastmodifyinguser(kind;lastviewedbymedate;modifiedbymedate;modifieddate;ontainsunsubscribedchildren;owners(kind;permission;permissionid;picture;picture�;rpermissions;thumbnailversion;workspaceids;</t>
  </si>
  <si>
    <t>http://ancestorhasaugmentedp,ancestorhasaugmentedpermissions,containsunsubscribedchildren,displayname,domain,emailaddre,emailaddress,filesize,hasthumbnail,hasvisitorpermissions,id),items(kind,ken,lastmodifyinguser(kind,lastviewedbymedate,modifiedbymedate,modifieddate,ontainsunsubscribedchildren,owners(kind,permission,permissionid,picture,picture�,rpermissions,thumbnailversion,workspaceids</t>
  </si>
  <si>
    <t>12/23/2019 10:31:17</t>
  </si>
  <si>
    <t>http:///batch?%24ct=multipart%2Fmixed%3B%20boundary%3D%22%3D%3D%3D%3D%3Dh9m7hmyfrpmx%3D%3D%3D%3D%3D%22&amp;key=AIzaSyAy9VVXHSpS2IJpptzYtGbLP3-3_l0aBk4</t>
  </si>
  <si>
    <t>ancestorhasaugmentedp;ancestorhasaugmentedpermissions;containsunsubscribedchildren;dis;displayname;domain;emailaddre;emailaddress;filesize;hasthumbnail;hasvisitorpermissions;id);items(kind;ken;lastmodifyi;lastmodifyinguser(kind;lastviewedbymedate;modifiedbymedate;modifieddate;ontainsunsubscribedchildren;owners(kind;permission;permissionid;picture;picture�;rpermissions;thumbnailversion;workspaceids;</t>
  </si>
  <si>
    <t>http://ancestorhasaugmentedp,ancestorhasaugmentedpermissions,containsunsubscribedchildren,dis,displayname,domain,emailaddre,emailaddress,filesize,hasthumbnail,hasvisitorpermissions,id),items(kind,ken,lastmodifyi,lastmodifyinguser(kind,lastviewedbymedate,modifiedbymedate,modifieddate,ontainsunsubscribedchildren,owners(kind,permission,permissionid,picture,picture�,rpermissions,thumbnailversion,workspaceids</t>
  </si>
  <si>
    <t>12/23/2019 10:31:21</t>
  </si>
  <si>
    <t>http:///batch?%24ct=multipart%2Fmixed%3B%20boundary%3D%22%3D%3D%3D%3D%3Dhqok5dbldoes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23/2019 10:31:25</t>
  </si>
  <si>
    <t>http:///batch?%24ct=multipart%2Fmixed%3B%20boundary%3D%22%3D%3D%3D%3D%3D5fyuk5tujww3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i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i,permissionid,picture,shared,sharedwithmedate,thumbnailversion,title,userpermission(role),workspaceids</t>
  </si>
  <si>
    <t>12/23/2019 10:31:34</t>
  </si>
  <si>
    <t>http:///batch?%24ct=multipart%2Fmixed%3B%20boundary%3D%22%3D%3D%3D%3D%3Di38cu46kzuz0%3D%3D%3D%3D%3D%22&amp;key=AIzaSyAy9VVXHSpS2IJpptzYtGbLP3-3_l0aBk4</t>
  </si>
  <si>
    <t>12/23/2019 10:31:35</t>
  </si>
  <si>
    <t>http:///batch?%24ct=multipart%2Fmixed%3B%20boundary%3D%22%3D%3D%3D%3D%3D3q4x5ed94xf1%3D%3D%3D%3D%3D%22&amp;key=AIzaSyAy9VVXHSpS2IJpptzYtGbLP3-3_l0aBk4</t>
  </si>
  <si>
    <t>12/23/2019 10:32:08</t>
  </si>
  <si>
    <t>http:///batch?%24ct=multipart%2Fmixed%3B%20boundary%3D%22%3D%3D%3D%3D%3De1qur6uehddq%3D%3D%3D%3D%3D%22&amp;key=AIzaSyAy9VVXHSpS2IJpptzYtGbLP3-3_l0aBk4</t>
  </si>
  <si>
    <t>12/23/2019 10:32:09</t>
  </si>
  <si>
    <t>http:///batch?%24ct=multipart%2Fmixed%3B%20boundary%3D%22%3D%3D%3D%3D%3D6nva7rqp2aob%3D%3D%3D%3D%3D%22&amp;key=AIzaSyAy9VVXHSpS2IJpptzYtGbLP3-3_l0aBk4</t>
  </si>
  <si>
    <t>12/23/2019 10:32:10</t>
  </si>
  <si>
    <t>http:///batch?%24ct=multipart%2Fmixed%3B%20boundary%3D%22%3D%3D%3D%3D%3Dha75rdqy14ya%3D%3D%3D%3D%3D%22&amp;key=AIzaSyAy9VVXHSpS2IJpptzYtGbLP3-3_l0aBk4</t>
  </si>
  <si>
    <t>12/23/2019 10:33:43</t>
  </si>
  <si>
    <t>5f8e5f76-8df8-4d11-bf0d-718ab9a06ae1.tmp</t>
  </si>
  <si>
    <t>\\acsfs\profiles$\wenderbnm\Downloads\5f8e5f76-8df8-4d11-bf0d-718ab9a06ae1.tmp</t>
  </si>
  <si>
    <t>12/23/2019 10:31:24</t>
  </si>
  <si>
    <t>12/23/2019 10:36:13</t>
  </si>
  <si>
    <t>4b1fc2c2-7d4f-49f4-8935-2aeb0375a17f.tmp</t>
  </si>
  <si>
    <t>\\acsfs\profiles$\geovannasm\Downloads\4b1fc2c2-7d4f-49f4-8935-2aeb0375a17f.tmp</t>
  </si>
  <si>
    <t>12/23/2019 10:32:16</t>
  </si>
  <si>
    <t>c832bcb9-b6e8-499a-aec4-aa90636c2055.tmp</t>
  </si>
  <si>
    <t>\\acsfs\profiles$\geovannasm\Downloads\c832bcb9-b6e8-499a-aec4-aa90636c2055.tmp</t>
  </si>
  <si>
    <t>12/23/2019 10:33:44</t>
  </si>
  <si>
    <t>d290c60b-3759-4683-81de-962dc789a345.tmp</t>
  </si>
  <si>
    <t>\\acsfs\profiles$\geovannasm\Downloads\d290c60b-3759-4683-81de-962dc789a345.tmp</t>
  </si>
  <si>
    <t>12/23/2019 10:33:11</t>
  </si>
  <si>
    <t>12/23/2019 10:38:14</t>
  </si>
  <si>
    <t>011adc15-3317-45c0-b150-b9bd0eee0006.tmp</t>
  </si>
  <si>
    <t>\\acsfs\profiles$\matheushds\Downloads\011adc15-3317-45c0-b150-b9bd0eee0006.tmp</t>
  </si>
  <si>
    <t>12/23/2019 10:33:47</t>
  </si>
  <si>
    <t>b0c12489-d9d5-409d-9421-626e9cd82260.tmp</t>
  </si>
  <si>
    <t>\\acsfs\profiles$\matheushds\Downloads\b0c12489-d9d5-409d-9421-626e9cd82260.tmp</t>
  </si>
  <si>
    <t>12/23/2019 10:37:27</t>
  </si>
  <si>
    <t>12/23/2019 10:33:45</t>
  </si>
  <si>
    <t>12/23/2019 10:39:13</t>
  </si>
  <si>
    <t>\\acsfs\Deptos\EDUCACAO EMPRESARIAL\FERNANDA MONIT\Fernanda\MONITORIAS DEZEMBRO\</t>
  </si>
  <si>
    <t>MONITORIA DEZEMBRO12-12.docx</t>
  </si>
  <si>
    <t>\\acsfs\Deptos\EDUCACAO EMPRESARIAL\FERNANDA MONIT\Fernanda\MONITORIAS DEZEMBRO\MONITORIA DEZEMBRO12-12.docx</t>
  </si>
  <si>
    <t>12/23/2019 10:35:46</t>
  </si>
  <si>
    <t>12/23/2019 10:36:46</t>
  </si>
  <si>
    <t>12/23/2019 10:33:57</t>
  </si>
  <si>
    <t>c3491630-789a-46e2-b417-ff67c13b25c8.tmp</t>
  </si>
  <si>
    <t>\\acsfs\profiles$\quindaizaagds\Downloads\c3491630-789a-46e2-b417-ff67c13b25c8.tmp</t>
  </si>
  <si>
    <t>12/23/2019 10:35:41</t>
  </si>
  <si>
    <t>12/23/2019 10:36:11</t>
  </si>
  <si>
    <t>12/23/2019 10:40:14</t>
  </si>
  <si>
    <t>$ISRBRMX.PNG</t>
  </si>
  <si>
    <t>\\acsfs\profiles$\cinthiacsda\My Documents\$RECYCLE.BIN\$ISRBRMX.PNG</t>
  </si>
  <si>
    <t>Printer</t>
  </si>
  <si>
    <t>12/23/2019 10:35:22</t>
  </si>
  <si>
    <t>http:///batch?%24ct=multipart%2Fmixed%3B%20boundary%3D%22%3D%3D%3D%3D%3Dahjt8xccatlh%3D%3D%3D%3D%3D%22&amp;key=AIzaSyAy9VVXHSpS2IJpptzYtGbLP3-3_l0aBk4</t>
  </si>
  <si>
    <t>atlh===== cont;containsunsubscribedchildren;displayname;domain;emailaddress;file(kind;fileid;filesize;hasvisitorpermissions;id;id);items(deleted;ken;kind;lastmodifyinguser(kind;lastviewedbymedate;modifiedbymedate;modifieddate;owners(kind;per;permissionid;picture;workspaceids;</t>
  </si>
  <si>
    <t>http://atlh===== cont,containsunsubscribedchildren,displayname,domain,emailaddress,file(kind,fileid,filesize,hasvisitorpermissions,id,id),items(deleted,ken,kind,lastmodifyinguser(kind,lastviewedbymedate,modifiedbymedate,modifieddate,owners(kind,per,permissionid,picture,workspaceids</t>
  </si>
  <si>
    <t>12/23/2019 10:35:23</t>
  </si>
  <si>
    <t>http:///batch?%24ct=multipart%2Fmixed%3B%20boundary%3D%22%3D%3D%3D%3D%3Du465ynq5cchb%3D%3D%3D%3D%3D%22&amp;key=AIzaSyAy9VVXHSpS2IJpptzYtGbLP3-3_l0aBk4</t>
  </si>
  <si>
    <t>atlh===== cont;containsunsubscribedchildren;displayname;domain;emailaddress;file(kind;fileid;filesize;hasvisitorpermissions;hb===== content-;id;id);items(deleted;ken;kind;lastmodifyinguser(kind;lastviewedbymedate;modifiedbymedate;modifieddate;owners(kind;per;permissionid;picture;workspaceids;</t>
  </si>
  <si>
    <t>http://atlh===== cont,containsunsubscribedchildren,displayname,domain,emailaddress,file(kind,fileid,filesize,hasvisitorpermissions,hb===== content-,id,id),items(deleted,ken,kind,lastmodifyinguser(kind,lastviewedbymedate,modifiedbymedate,modifieddate,owners(kind,per,permissionid,picture,workspaceids</t>
  </si>
  <si>
    <t>12/23/2019 10:35:24</t>
  </si>
  <si>
    <t>http:///batch?%24ct=multipart%2Fmixed%3B%20boundary%3D%22%3D%3D%3D%3D%3Dmz471htpti5z%3D%3D%3D%3D%3D%22&amp;key=AIzaSyAy9VVXHSpS2IJpptzYtGbLP3-3_l0aBk4</t>
  </si>
  <si>
    <t>ancestorhasaugmentedpermissions;atlh===== cont;containsunsubscribedchildren;displayname;domain;emailaddress;file(kind;fileid;filesize;hasthumbnail;hasvisitorpermissions;hb===== content-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atlh===== cont,containsunsubscribedchildren,displayname,domain,emailaddress,file(kind,fileid,filesize,hasthumbnail,hasvisitorpermissions,hb===== content-,id,id),items(deleted,ken,kind,lastmodifyinguser(kind,lastviewedbymedate,modifiedbymedate,modifieddate,ontainsunsubscribedchildren,owners(kind,per,permissionid,picture,shared,sharedwithmedate,thumbnailversion,title,userpermission(role),workspaceids</t>
  </si>
  <si>
    <t>12/23/2019 10:35:47</t>
  </si>
  <si>
    <t>12/23/2019 10:38:26</t>
  </si>
  <si>
    <t>12/23/2019 10:38:27</t>
  </si>
  <si>
    <t>lu1738414ecet.tmp</t>
  </si>
  <si>
    <t>\\acsfs\profiles$\LUCASBS\lu1738414ecet.tmp</t>
  </si>
  <si>
    <t>\\acsfs\profiles$\LUCASBS\lu1738414ecet.tmp\</t>
  </si>
  <si>
    <t>\\acsfs\profiles$\LUCASBS\lu1738414ecet.tmp\META-INF\</t>
  </si>
  <si>
    <t>\\acsfs\profiles$\LUCASBS\lu1738414ecet.tmp\Thumbnails\</t>
  </si>
  <si>
    <t>12/23/2019 10:35:30</t>
  </si>
  <si>
    <t>12/23/2019 10:41:13</t>
  </si>
  <si>
    <t>1d55b33c-ad48-41e6-b7f1-8a8d8374ed79.tmp</t>
  </si>
  <si>
    <t>\\acsfs\profiles$\geovannasm\Downloads\1d55b33c-ad48-41e6-b7f1-8a8d8374ed79.tmp</t>
  </si>
  <si>
    <t>12/23/2019 10:39:53</t>
  </si>
  <si>
    <t>97e2a5f5-87fb-4714-b979-785f01f57139.tmp</t>
  </si>
  <si>
    <t>\\acsfs\profiles$\milenaas\Downloads\97e2a5f5-87fb-4714-b979-785f01f57139.tmp</t>
  </si>
  <si>
    <t>12/23/2019 10:41:07</t>
  </si>
  <si>
    <t>12/23/2019 10:42:13</t>
  </si>
  <si>
    <t>12/23/2019 10:40:48</t>
  </si>
  <si>
    <t>12/23/2019 10:43:13</t>
  </si>
  <si>
    <t>535b6f0f-c7c7-4d74-87ba-9b1a51e98ed6.tmp</t>
  </si>
  <si>
    <t>\\acsfs\profiles$\YASMINSC\Downloads\535b6f0f-c7c7-4d74-87ba-9b1a51e98ed6.tmp</t>
  </si>
  <si>
    <t>12/23/2019 10:40:02</t>
  </si>
  <si>
    <t>12/23/2019 10:44:13</t>
  </si>
  <si>
    <t>mail.google.com/sync/u/0/i/s?hl=pt-BR&amp;c=110</t>
  </si>
  <si>
    <t>eduardo.santana@bv.com.br;fabio.ernest@bv.com.br;lilianls@algartech.com;mirianppb@algartech.com;thiagord@algartech.com;</t>
  </si>
  <si>
    <t>eduardo.santana@bv.com.br,fabio.ernest@bv.com.br,lilianls@algartech.com,mirianppb@algartech.com,thiagord@algartech.com</t>
  </si>
  <si>
    <t>12/23/2019 10:40:20</t>
  </si>
  <si>
    <t>mail.google.com/sync/u/0/i/s?hl=pt-BR&amp;c=115</t>
  </si>
  <si>
    <t>12/23/2019 10:40:23</t>
  </si>
  <si>
    <t>mail.google.com/sync/u/0/i/s?hl=pt-BR&amp;c=120</t>
  </si>
  <si>
    <t>12/23/2019 10:40:32</t>
  </si>
  <si>
    <t>mail.google.com/sync/u/0/i/s?hl=pt-BR&amp;c=125</t>
  </si>
  <si>
    <t>12/23/2019 10:40:40</t>
  </si>
  <si>
    <t>mail.google.com/sync/u/0/i/s?hl=pt-BR&amp;c=130</t>
  </si>
  <si>
    <t>12/23/2019 10:40:47</t>
  </si>
  <si>
    <t>mail.google.com/sync/u/0/i/s?hl=pt-BR&amp;c=135</t>
  </si>
  <si>
    <t>12/23/2019 10:40:49</t>
  </si>
  <si>
    <t>mail.google.com/sync/u/0/i/s?hl=pt-BR&amp;c=140</t>
  </si>
  <si>
    <t>12/23/2019 10:40:53</t>
  </si>
  <si>
    <t>mail.google.com/sync/u/0/i/s?hl=pt-BR&amp;c=146</t>
  </si>
  <si>
    <t>12/23/2019 10:40:58</t>
  </si>
  <si>
    <t>mail.google.com/sync/u/0/i/s?hl=pt-BR&amp;c=151</t>
  </si>
  <si>
    <t>12/23/2019 10:41:01</t>
  </si>
  <si>
    <t>mail.google.com/sync/u/0/i/s?hl=pt-BR&amp;c=156</t>
  </si>
  <si>
    <t>12/23/2019 10:41:06</t>
  </si>
  <si>
    <t>mail.google.com/sync/u/0/i/s?hl=pt-BR&amp;c=161</t>
  </si>
  <si>
    <t>12/23/2019 10:41:17</t>
  </si>
  <si>
    <t>mail.google.com/sync/u/0/i/s?hl=pt-BR&amp;c=166</t>
  </si>
  <si>
    <t>12/23/2019 10:41:22</t>
  </si>
  <si>
    <t>12/23/2019 10:41:34</t>
  </si>
  <si>
    <t>mail.google.com/sync/u/0/i/s?hl=pt-BR&amp;c=176</t>
  </si>
  <si>
    <t>12/23/2019 10:41:38</t>
  </si>
  <si>
    <t>12/23/2019 10:41:45</t>
  </si>
  <si>
    <t>mail.google.com/sync/u/0/i/s?hl=pt-BR&amp;c=186</t>
  </si>
  <si>
    <t>12/23/2019 10:41:49</t>
  </si>
  <si>
    <t>mail.google.com/sync/u/0/i/s?hl=pt-BR&amp;c=191</t>
  </si>
  <si>
    <t>12/23/2019 10:39:16</t>
  </si>
  <si>
    <t>mail.google.com/sync/u/0/i/s?hl=pt-BR&amp;c=59</t>
  </si>
  <si>
    <t>12/23/2019 10:39:20</t>
  </si>
  <si>
    <t>mail.google.com/sync/u/0/i/s?hl=pt-BR&amp;c=61</t>
  </si>
  <si>
    <t>12/23/2019 10:39:25</t>
  </si>
  <si>
    <t>mail.google.com/sync/u/0/i/s?hl=pt-BR&amp;c=64</t>
  </si>
  <si>
    <t>12/23/2019 10:39:33</t>
  </si>
  <si>
    <t>mail.google.com/sync/u/0/i/s?hl=pt-BR&amp;c=67</t>
  </si>
  <si>
    <t>12/23/2019 10:39:50</t>
  </si>
  <si>
    <t>mail.google.com/sync/u/0/i/s?hl=pt-BR&amp;c=69</t>
  </si>
  <si>
    <t>12/23/2019 10:40:00</t>
  </si>
  <si>
    <t>mail.google.com/sync/u/0/i/s?hl=pt-BR&amp;c=71</t>
  </si>
  <si>
    <t>mail.google.com/sync/u/0/i/s?hl=pt-BR&amp;c=73</t>
  </si>
  <si>
    <t>mail.google.com/sync/u/0/i/s?hl=pt-BR&amp;c=76</t>
  </si>
  <si>
    <t>12/23/2019 10:40:52</t>
  </si>
  <si>
    <t>mail.google.com/sync/u/0/i/s?hl=pt-BR&amp;c=78</t>
  </si>
  <si>
    <t>12/23/2019 10:40:57</t>
  </si>
  <si>
    <t>mail.google.com/sync/u/0/i/s?hl=pt-BR&amp;c=80</t>
  </si>
  <si>
    <t>mail.google.com/sync/u/0/i/s?hl=pt-BR&amp;c=82</t>
  </si>
  <si>
    <t>12/23/2019 10:41:39</t>
  </si>
  <si>
    <t>mail.google.com/sync/u/0/i/s?hl=pt-BR&amp;c=86</t>
  </si>
  <si>
    <t>12/23/2019 10:42:39</t>
  </si>
  <si>
    <t>mail.google.com/sync/u/0/i/s?hl=pt-BR&amp;c=96</t>
  </si>
  <si>
    <t>12/23/2019 10:42:50</t>
  </si>
  <si>
    <t>mail.google.com/sync/u/0/i/s?hl=pt-BR&amp;c=98</t>
  </si>
  <si>
    <t>12/23/2019 10:42:59</t>
  </si>
  <si>
    <t>12/23/2019 10:43:16</t>
  </si>
  <si>
    <t>12/23/2019 10:43:17</t>
  </si>
  <si>
    <t>12/23/2019 10:41:24</t>
  </si>
  <si>
    <t>12/23/2019 10:41:46</t>
  </si>
  <si>
    <t>12/23/2019 10:42:46</t>
  </si>
  <si>
    <t>12/23/2019 10:38:48</t>
  </si>
  <si>
    <t>600931d4-b6bd-43aa-8027-b2d02130be34.tmp</t>
  </si>
  <si>
    <t>\\acsfs\profiles$\quindaizaagds\Downloads\600931d4-b6bd-43aa-8027-b2d02130be34.tmp</t>
  </si>
  <si>
    <t>12/23/2019 10:41:20</t>
  </si>
  <si>
    <t>785f8835-1cb4-433b-9c9b-409119aac3a3.tmp</t>
  </si>
  <si>
    <t>\\acsfs\profiles$\philipegsf\Downloads\785f8835-1cb4-433b-9c9b-409119aac3a3.tmp</t>
  </si>
  <si>
    <t>12/23/2019 10:45:14</t>
  </si>
  <si>
    <t>12/23/2019 10:40:18</t>
  </si>
  <si>
    <t>http:///batch?%24ct=multipart%2Fmixed%3B%20boundary%3D%22%3D%3D%3D%3D%3Dy783l0rszi2q%3D%3D%3D%3D%3D%22&amp;key=AIzaSyAy9VVXHSpS2IJpptzYtGbLP3-3_l0aBk4</t>
  </si>
  <si>
    <t>ancestorhasaugmentedpe;containsunsubscribedchildren;displayname;domain;emailaddres;emailaddress;filesize;id);ken=s8uav28baaa.yhvwymbdh94dwm6smuzjna.wqzhaybbqbczvmv_2wcksw&amp;version=4&amp;app=2&amp;clientuser=07686207875307994380&amp;subapp=5&amp;authuser=0\\\\(20000\�g|i\\;lastmodifyinguser(kind;lastviewedbymedate;modifiedbymedate;ontainsunsubscribedchildren;owners(kind;permissionid;picture;rpermissions;workspaceids;</t>
  </si>
  <si>
    <t>http://ancestorhasaugmentedpe,containsunsubscribedchildren,displayname,domain,emailaddres,emailaddress,filesize,id),ken=s8uav28baaa.yhvwymbdh94dwm6smuzjna.wqzhaybbqbczvmv_2wcksw&amp;version=4&amp;app=2&amp;clientuser=07686207875307994380&amp;subapp=5&amp;authuser=0\\\\(20000\�g|i\\,lastmodifyinguser(kind,lastviewedbymedate,modifiedbymedate,ontainsunsubscribedchildren,owners(kind,permissionid,picture,rpermissions,workspaceids</t>
  </si>
  <si>
    <t>12/23/2019 10:43:48</t>
  </si>
  <si>
    <t>12/23/2019 10:43:49</t>
  </si>
  <si>
    <t>lu1738414ecey.tmp</t>
  </si>
  <si>
    <t>\\acsfs\profiles$\LUCASBS\lu1738414ecey.tmp</t>
  </si>
  <si>
    <t>\\acsfs\profiles$\LUCASBS\lu1738414ecey.tmp\</t>
  </si>
  <si>
    <t>\\acsfs\profiles$\LUCASBS\lu1738414ecey.tmp\META-INF\</t>
  </si>
  <si>
    <t>\\acsfs\profiles$\LUCASBS\lu1738414ecey.tmp\Thumbnails\</t>
  </si>
  <si>
    <t>12/23/2019 10:40:17</t>
  </si>
  <si>
    <t>12/23/2019 10:46:13</t>
  </si>
  <si>
    <t>36cb70b9-1ac1-4e14-a84e-3726cfef2100.tmp</t>
  </si>
  <si>
    <t>\\acsfs\profiles$\geovannasm\Downloads\36cb70b9-1ac1-4e14-a84e-3726cfef2100.tmp</t>
  </si>
  <si>
    <t>12/23/2019 10:44:57</t>
  </si>
  <si>
    <t>fe14be77-bd16-44b8-958d-34949734ccc2.tmp</t>
  </si>
  <si>
    <t>\\acsfs\profiles$\kellzylenneasr\Downloads\fe14be77-bd16-44b8-958d-34949734ccc2.tmp</t>
  </si>
  <si>
    <t>12/23/2019 10:44:39</t>
  </si>
  <si>
    <t>63dfc136-87da-4ad5-9fc9-ca95d9057b9e.tmp</t>
  </si>
  <si>
    <t>\\acsfs\profiles$\gabrielafs\Downloads\63dfc136-87da-4ad5-9fc9-ca95d9057b9e.tmp</t>
  </si>
  <si>
    <t>12/23/2019 10:42:38</t>
  </si>
  <si>
    <t>12/23/2019 10:47:14</t>
  </si>
  <si>
    <t>12/23/2019 10:43:45</t>
  </si>
  <si>
    <t>12/23/2019 10:48:13</t>
  </si>
  <si>
    <t>ee7f0c36-1b5a-4812-9950-980aa2f06a9d.tmp</t>
  </si>
  <si>
    <t>\\acsfs\profiles$\YASMINSC\Downloads\ee7f0c36-1b5a-4812-9950-980aa2f06a9d.tmp</t>
  </si>
  <si>
    <t>12/23/2019 10:43:23</t>
  </si>
  <si>
    <t>12/23/2019 10:49:13</t>
  </si>
  <si>
    <t>mail.google.com/sync/u/0/i/s?hl=pt-BR&amp;c=197</t>
  </si>
  <si>
    <t>12/23/2019 10:43:29</t>
  </si>
  <si>
    <t>mail.google.com/sync/u/0/i/s?hl=pt-BR&amp;c=202</t>
  </si>
  <si>
    <t>12/23/2019 10:47:11</t>
  </si>
  <si>
    <t>mail.google.com/sync/u/0/i/s?hl=pt-BR&amp;c=226</t>
  </si>
  <si>
    <t>12/23/2019 10:47:16</t>
  </si>
  <si>
    <t>mail.google.com/sync/u/0/i/s?hl=pt-BR&amp;c=231</t>
  </si>
  <si>
    <t>12/23/2019 10:47:19</t>
  </si>
  <si>
    <t>mail.google.com/sync/u/0/i/s?hl=pt-BR&amp;c=236</t>
  </si>
  <si>
    <t>12/23/2019 10:44:00</t>
  </si>
  <si>
    <t>mail.google.com/sync/u/0/i/s?hl=pt-BR&amp;c=109</t>
  </si>
  <si>
    <t>12/23/2019 10:44:06</t>
  </si>
  <si>
    <t>mail.google.com/sync/u/0/i/s?hl=pt-BR&amp;c=111</t>
  </si>
  <si>
    <t>12/23/2019 10:47:46</t>
  </si>
  <si>
    <t>12/23/2019 10:46:41</t>
  </si>
  <si>
    <t>12/23/2019 10:47:41</t>
  </si>
  <si>
    <t>12/23/2019 10:49:37</t>
  </si>
  <si>
    <t>12/23/2019 10:50:14</t>
  </si>
  <si>
    <t>MARILIA FERNANDES PAES LEME BORGES_1_6769564767266866601_1_32.wav</t>
  </si>
  <si>
    <t>\\acsfs\Deptos\EDUCACAO EMPRESARIAL\KÉSIA\Ligações 3º ciclo - Késia\MARILIA FERNANDES PAES LEME BORGES_1_6769564767266866601_1_32.wav</t>
  </si>
  <si>
    <t>12/23/2019 10:46:07</t>
  </si>
  <si>
    <t>12/23/2019 10:46:32</t>
  </si>
  <si>
    <t>12/23/2019 10:51:13</t>
  </si>
  <si>
    <t>b6f2c837-4a17-49ad-9d54-c99080d2feda.tmp</t>
  </si>
  <si>
    <t>\\acsfs\profiles$\kellzylenneasr\Downloads\b6f2c837-4a17-49ad-9d54-c99080d2feda.tmp</t>
  </si>
  <si>
    <t>12/23/2019 10:47:38</t>
  </si>
  <si>
    <t>12/23/2019 10:52:14</t>
  </si>
  <si>
    <t>12/23/2019 10:47:39</t>
  </si>
  <si>
    <t>f1b2803c-8f77-4529-bc15-44e80bd8ed00.tmp</t>
  </si>
  <si>
    <t>\\acsfs\profiles$\larissaad\Downloads\f1b2803c-8f77-4529-bc15-44e80bd8ed00.tmp</t>
  </si>
  <si>
    <t>12/23/2019 10:50:54</t>
  </si>
  <si>
    <t>12/23/2019 10:53:13</t>
  </si>
  <si>
    <t>10.200.32.194</t>
  </si>
  <si>
    <t>D4-AE-52-FC-96-E4</t>
  </si>
  <si>
    <t>VOTORANT-CA069</t>
  </si>
  <si>
    <t>paulotdsf</t>
  </si>
  <si>
    <t>https://outlook.office365.com/owa/</t>
  </si>
  <si>
    <t>12/23/2019 10:52:49</t>
  </si>
  <si>
    <t>12/23/2019 10:54:14</t>
  </si>
  <si>
    <t>12/23/2019 10:51:34</t>
  </si>
  <si>
    <t>\\acsfs\Deptos\EDUCACAO EMPRESARIAL\FERNANDA MONIT\Ligação para Mutant terceiro Ciclo\</t>
  </si>
  <si>
    <t>ADEVILSON GABRIEL LINDEMBERG EVANGELISTA_1_6769538688225456178_1_32.wav</t>
  </si>
  <si>
    <t>\\acsfs\Deptos\EDUCACAO EMPRESARIAL\FERNANDA MONIT\Ligação para Mutant terceiro Ciclo\ADEVILSON GABRIEL LINDEMBERG EVANGELISTA_1_6769538688225456178_1_32.wav</t>
  </si>
  <si>
    <t>12/23/2019 10:48:31</t>
  </si>
  <si>
    <t>12/23/2019 10:48:46</t>
  </si>
  <si>
    <t>12/23/2019 10:50:06</t>
  </si>
  <si>
    <t>fdbc69c1-328d-4ee4-abb5-ed76ceca1167.tmp</t>
  </si>
  <si>
    <t>\\acsfs\profiles$\wedersonbadr\My Documents\My Music\fdbc69c1-328d-4ee4-abb5-ed76ceca1167.tmp</t>
  </si>
  <si>
    <t>12/23/2019 10:50:12</t>
  </si>
  <si>
    <t>f1101064-ab27-4217-b512-0225a51c2a82.tmp</t>
  </si>
  <si>
    <t>\\acsfs\profiles$\wedersonbadr\My Documents\My Music\f1101064-ab27-4217-b512-0225a51c2a82.tmp</t>
  </si>
  <si>
    <t>12/23/2019 10:53:48</t>
  </si>
  <si>
    <t>10.200.67.49</t>
  </si>
  <si>
    <t>78-2B-CB-C1-05-F7</t>
  </si>
  <si>
    <t>VOTORANT-FB019</t>
  </si>
  <si>
    <t>sayharaefs</t>
  </si>
  <si>
    <t>\\acsfs\profiles$\sayharaefs\My Documents\$RECYCLE.BIN\</t>
  </si>
  <si>
    <t>$I2V93E5.tlx</t>
  </si>
  <si>
    <t>\\acsfs\profiles$\sayharaefs\My Documents\$RECYCLE.BIN\$I2V93E5.tlx</t>
  </si>
  <si>
    <t>12/23/2019 10:52:35</t>
  </si>
  <si>
    <t>12/23/2019 10:53:07</t>
  </si>
  <si>
    <t>12/23/2019 10:58:14</t>
  </si>
  <si>
    <t>12/23/2019 10:57:34</t>
  </si>
  <si>
    <t>12/23/2019 10:57:35</t>
  </si>
  <si>
    <t>12/23/2019 10:56:44</t>
  </si>
  <si>
    <t>12/23/2019 10:59:14</t>
  </si>
  <si>
    <t>\\acsfs\profiles$\Flaviojmm\My Documents\</t>
  </si>
  <si>
    <t>.~lock.Reneg Vcto 26.ods#</t>
  </si>
  <si>
    <t>\\acsfs\profiles$\Flaviojmm\My Documents\.~lock.Reneg Vcto 26.ods#</t>
  </si>
  <si>
    <t>12/23/2019 10:56:45</t>
  </si>
  <si>
    <t>lu135922xa6c.tmp</t>
  </si>
  <si>
    <t>\\acsfs\profiles$\Flaviojmm\My Documents\lu135922xa6c.tmp</t>
  </si>
  <si>
    <t>\\acsfs\profiles$\Flaviojmm\My Documents\lu135922xa6c.tmp\</t>
  </si>
  <si>
    <t>\\acsfs\profiles$\Flaviojmm\My Documents\lu135922xa6c.tmp\META-INF\</t>
  </si>
  <si>
    <t>\\acsfs\profiles$\Flaviojmm\My Documents\lu135922xa6c.tmp\Thumbnails\</t>
  </si>
  <si>
    <t>12/23/2019 10:54:51</t>
  </si>
  <si>
    <t>3d1d474e-ba22-4ace-b3a4-cb514ccb8037.tmp</t>
  </si>
  <si>
    <t>\\acsfs\profiles$\ayalabfi\Downloads\3d1d474e-ba22-4ace-b3a4-cb514ccb8037.tmp</t>
  </si>
  <si>
    <t>12/23/2019 10:53:40</t>
  </si>
  <si>
    <t>mail.google.com/sync/u/0/i/s?hl=pt-BR&amp;c=36</t>
  </si>
  <si>
    <t>alefl</t>
  </si>
  <si>
    <t>12/23/2019 10:53:46</t>
  </si>
  <si>
    <t>12/23/2019 10:54:46</t>
  </si>
  <si>
    <t>12/23/2019 10:54:57</t>
  </si>
  <si>
    <t>\\acsfs\profiles$\quindaizaagds\My Documents\My Pictures\</t>
  </si>
  <si>
    <t>venda q.txt</t>
  </si>
  <si>
    <t>\\acsfs\profiles$\quindaizaagds\My Documents\My Pictures\venda q.txt</t>
  </si>
  <si>
    <t>12/23/2019 10:55:29</t>
  </si>
  <si>
    <t>b0c1053f-2e99-49ca-9762-346bf0f23456.tmp</t>
  </si>
  <si>
    <t>\\acsfs\profiles$\quindaizaagds\Downloads\b0c1053f-2e99-49ca-9762-346bf0f23456.tmp</t>
  </si>
  <si>
    <t>12/23/2019 10:56:26</t>
  </si>
  <si>
    <t>4a37b027-d4d1-4d64-a04d-e2d85548b3d0.tmp</t>
  </si>
  <si>
    <t>\\acsfs\profiles$\quindaizaagds\Downloads\4a37b027-d4d1-4d64-a04d-e2d85548b3d0.tmp</t>
  </si>
  <si>
    <t>992e7aff-4567-416f-aa4c-52a8ec6baa6e.tmp</t>
  </si>
  <si>
    <t>\\acsfs\profiles$\wedersonbadr\My Documents\My Music\992e7aff-4567-416f-aa4c-52a8ec6baa6e.tmp</t>
  </si>
  <si>
    <t>12/23/2019 10:58:28</t>
  </si>
  <si>
    <t>12/23/2019 11:00:13</t>
  </si>
  <si>
    <t>12/23/2019 10:57:57</t>
  </si>
  <si>
    <t>12/23/2019 11:01:14</t>
  </si>
  <si>
    <t>b8924f17-6cc9-419b-b158-5cc88239cd43.tmp</t>
  </si>
  <si>
    <t>\\acsfs\profiles$\gabrielafs\Downloads\b8924f17-6cc9-419b-b158-5cc88239cd43.tmp</t>
  </si>
  <si>
    <t>12/23/2019 10:56:53</t>
  </si>
  <si>
    <t>a82a980f-59aa-46b2-b637-5a0155fe9729.tmp</t>
  </si>
  <si>
    <t>\\acsfs\profiles$\gabrielarb\Downloads\a82a980f-59aa-46b2-b637-5a0155fe9729.tmp</t>
  </si>
  <si>
    <t>12/23/2019 11:02:13</t>
  </si>
  <si>
    <t>12/23/2019 10:59:02</t>
  </si>
  <si>
    <t>10.200.67.54</t>
  </si>
  <si>
    <t>78-2B-CB-C1-06-4C</t>
  </si>
  <si>
    <t>VOTORANT-PB005</t>
  </si>
  <si>
    <t>leonardobb</t>
  </si>
  <si>
    <t>\\acsfs\profiles$\leonardobb\Downloads\</t>
  </si>
  <si>
    <t>41f422f4-e909-4e02-9c0e-58f93fb74154.tmp</t>
  </si>
  <si>
    <t>\\acsfs\profiles$\leonardobb\Downloads\41f422f4-e909-4e02-9c0e-58f93fb74154.tmp</t>
  </si>
  <si>
    <t>12/23/2019 10:59:37</t>
  </si>
  <si>
    <t>639c14d7-61d3-4898-a328-37edf8c99fa3.tmp</t>
  </si>
  <si>
    <t>\\acsfs\profiles$\leonardobb\Downloads\639c14d7-61d3-4898-a328-37edf8c99fa3.tmp</t>
  </si>
  <si>
    <t>12/23/2019 10:59:54</t>
  </si>
  <si>
    <t>c5a593cc-0856-4ccb-b6a4-f01eaac391ed.tmp</t>
  </si>
  <si>
    <t>\\acsfs\profiles$\leonardobb\Downloads\c5a593cc-0856-4ccb-b6a4-f01eaac391ed.tmp</t>
  </si>
  <si>
    <t>12/23/2019 10:58:23</t>
  </si>
  <si>
    <t>12/23/2019 11:03:14</t>
  </si>
  <si>
    <t>12/23/2019 10:58:31</t>
  </si>
  <si>
    <t>12/23/2019 11:02:14</t>
  </si>
  <si>
    <t>lu1062840xm.tmp</t>
  </si>
  <si>
    <t>\\acsfs\profiles$\jonatanls\My Documents\lu1062840xm.tmp</t>
  </si>
  <si>
    <t>12/23/2019 11:03:04</t>
  </si>
  <si>
    <t>12/23/2019 11:04:13</t>
  </si>
  <si>
    <t>12/23/2019 10:59:24</t>
  </si>
  <si>
    <t>12/23/2019 11:01:53</t>
  </si>
  <si>
    <t>12/23/2019 11:02:24</t>
  </si>
  <si>
    <t>ADRIELE DAS GRACAS CARVALHO_1_6771284068445271950_1_32.wav</t>
  </si>
  <si>
    <t>\\acsfs\Deptos\EDUCACAO EMPRESARIAL\FERNANDA MONIT\Ligação para Mutant terceiro Ciclo\ADRIELE DAS GRACAS CARVALHO_1_6771284068445271950_1_32.wav</t>
  </si>
  <si>
    <t>12/23/2019 11:00:00</t>
  </si>
  <si>
    <t>https://browser.pipe.aria.microsoft.com/collector/3.0/?qsp=true&amp;content-type=application/bond-compact-binary&amp;client-id=no_auth&amp;sdk-version=awt-web-cjs-1.2.2&amp;x-apikey=3b1ea01450be48f29759d868931e225d-7167685b-f6ff-421c-aa64-8ae16fe92128-7283</t>
  </si>
  <si>
    <t>12/23/2019 10:59:46</t>
  </si>
  <si>
    <t>12/23/2019 11:00:46</t>
  </si>
  <si>
    <t>12/23/2019 11:03:12</t>
  </si>
  <si>
    <t>12/23/2019 11:03:42</t>
  </si>
  <si>
    <t>12/23/2019 11:05:14</t>
  </si>
  <si>
    <t>12/23/2019 11:02:07</t>
  </si>
  <si>
    <t>12/23/2019 11:02:08</t>
  </si>
  <si>
    <t>lu1738414ecf7.tmp</t>
  </si>
  <si>
    <t>\\acsfs\profiles$\LUCASBS\lu1738414ecf7.tmp</t>
  </si>
  <si>
    <t>\\acsfs\profiles$\LUCASBS\lu1738414ecf7.tmp\</t>
  </si>
  <si>
    <t>\\acsfs\profiles$\LUCASBS\lu1738414ecf7.tmp\META-INF\</t>
  </si>
  <si>
    <t>\\acsfs\profiles$\LUCASBS\lu1738414ecf7.tmp\Thumbnails\</t>
  </si>
  <si>
    <t>12/23/2019 11:03:24</t>
  </si>
  <si>
    <t>02208314-6214-4271-bc04-c2755a816847.tmp</t>
  </si>
  <si>
    <t>\\acsfs\profiles$\ERICALSR\Downloads\02208314-6214-4271-bc04-c2755a816847.tmp</t>
  </si>
  <si>
    <t>12/23/2019 11:05:07</t>
  </si>
  <si>
    <t>12/23/2019 11:07:14</t>
  </si>
  <si>
    <t>12/23/2019 11:05:37</t>
  </si>
  <si>
    <t>12/23/2019 11:07:05</t>
  </si>
  <si>
    <t>12/23/2019 11:08:13</t>
  </si>
  <si>
    <t>12/23/2019 11:07:13</t>
  </si>
  <si>
    <t>12/23/2019 11:05:40</t>
  </si>
  <si>
    <t>12/23/2019 11:05:41</t>
  </si>
  <si>
    <t>lu1062840xp.tmp</t>
  </si>
  <si>
    <t>\\acsfs\profiles$\jonatanls\My Documents\lu1062840xp.tmp</t>
  </si>
  <si>
    <t>12/23/2019 11:05:42</t>
  </si>
  <si>
    <t>12/23/2019 11:09:14</t>
  </si>
  <si>
    <t>https://collectit.softwatch.com/collectit/windows/uninstall_reg.php</t>
  </si>
  <si>
    <t>C:\temp\CollectIT\</t>
  </si>
  <si>
    <t>uninstall.zip</t>
  </si>
  <si>
    <t>C:\temp\CollectIT\uninstall.zip\</t>
  </si>
  <si>
    <t>uninstall-utf8.reg</t>
  </si>
  <si>
    <t>12/23/2019 11:03:45</t>
  </si>
  <si>
    <t>\\acsfs\DEPTOS\Operacao\Banco_Votorantim\Qualidade\Anderson\Jose\Atualizado\</t>
  </si>
  <si>
    <t>Relatorio de Vendas - Auditoria BV Cartoes (Dezembro).xlsx</t>
  </si>
  <si>
    <t>\\acsfs\DEPTOS\Operacao\Banco_Votorantim\Qualidade\Anderson\Jose\Atualizado\Relatorio de Vendas - Auditoria BV Cartoes (Dezembro).xlsx</t>
  </si>
  <si>
    <t>12/23/2019 11:07:42</t>
  </si>
  <si>
    <t>12/23/2019 11:05:36</t>
  </si>
  <si>
    <t>12/23/2019 11:05:46</t>
  </si>
  <si>
    <t>12/23/2019 11:05:47</t>
  </si>
  <si>
    <t>12/23/2019 11:06:46</t>
  </si>
  <si>
    <t>12/23/2019 11:08:42</t>
  </si>
  <si>
    <t>12/23/2019 11:12:26</t>
  </si>
  <si>
    <t>12/23/2019 11:14:14</t>
  </si>
  <si>
    <t>10.200.66.145</t>
  </si>
  <si>
    <t>74-86-7A-FB-1A-15</t>
  </si>
  <si>
    <t>VOTORANT-WB003</t>
  </si>
  <si>
    <t>12/23/2019 11:09:50</t>
  </si>
  <si>
    <t>12/23/2019 11:09:56</t>
  </si>
  <si>
    <t>mail.google.com/sync/u/0/i/s?hl=pt-BR&amp;c=114</t>
  </si>
  <si>
    <t>12/23/2019 11:10:22</t>
  </si>
  <si>
    <t>mail.google.com/sync/u/0/i/s?hl=pt-BR&amp;c=116</t>
  </si>
  <si>
    <t>12/23/2019 11:10:32</t>
  </si>
  <si>
    <t>mail.google.com/sync/u/0/i/s?hl=pt-BR&amp;c=118</t>
  </si>
  <si>
    <t>12/23/2019 11:11:15</t>
  </si>
  <si>
    <t>mail.google.com/sync/u/0/i/s?hl=pt-BR&amp;c=121</t>
  </si>
  <si>
    <t>12/23/2019 11:11:19</t>
  </si>
  <si>
    <t>mail.google.com/sync/u/0/i/s?hl=pt-BR&amp;c=123</t>
  </si>
  <si>
    <t>12/23/2019 11:11:29</t>
  </si>
  <si>
    <t>12/23/2019 11:11:43</t>
  </si>
  <si>
    <t>mail.google.com/sync/u/0/i/s?hl=pt-BR&amp;c=127</t>
  </si>
  <si>
    <t>12/23/2019 11:11:46</t>
  </si>
  <si>
    <t>12/23/2019 11:12:09</t>
  </si>
  <si>
    <t>12/23/2019 11:12:28</t>
  </si>
  <si>
    <t>mail.google.com/sync/u/0/i/s?hl=pt-BR&amp;c=132</t>
  </si>
  <si>
    <t>12/23/2019 11:12:46</t>
  </si>
  <si>
    <t>12/23/2019 11:09:12</t>
  </si>
  <si>
    <t>12/23/2019 11:12:13</t>
  </si>
  <si>
    <t>12/23/2019 11:12:42</t>
  </si>
  <si>
    <t>12/23/2019 11:14:21</t>
  </si>
  <si>
    <t>12/23/2019 11:15:14</t>
  </si>
  <si>
    <t>12/23/2019 11:12:40</t>
  </si>
  <si>
    <t>12/23/2019 11:17:14</t>
  </si>
  <si>
    <t>34c4cf98-fc8c-4438-9ddc-b36629db4849.tmp</t>
  </si>
  <si>
    <t>\\acsfs\profiles$\leonardobb\Downloads\34c4cf98-fc8c-4438-9ddc-b36629db4849.tmp</t>
  </si>
  <si>
    <t>12/23/2019 11:14:46</t>
  </si>
  <si>
    <t>19f2492c-db0a-42e8-a65b-7447aa27c242.tmp</t>
  </si>
  <si>
    <t>\\acsfs\profiles$\leonardobb\Downloads\19f2492c-db0a-42e8-a65b-7447aa27c242.tmp</t>
  </si>
  <si>
    <t>12/23/2019 11:13:07</t>
  </si>
  <si>
    <t>12/23/2019 11:13:37</t>
  </si>
  <si>
    <t>12/23/2019 11:16:37</t>
  </si>
  <si>
    <t>12/23/2019 11:15:47</t>
  </si>
  <si>
    <t>12/23/2019 11:18:14</t>
  </si>
  <si>
    <t>12/23/2019 11:16:26</t>
  </si>
  <si>
    <t>12/23/2019 11:14:53</t>
  </si>
  <si>
    <t>12/23/2019 11:19:14</t>
  </si>
  <si>
    <t>12/23/2019 11:14:15</t>
  </si>
  <si>
    <t>12/23/2019 11:14:45</t>
  </si>
  <si>
    <t>Adriely Aparecida Silva_1_6771481950473489067_1_32.wav</t>
  </si>
  <si>
    <t>\\acsfs\Deptos\EDUCACAO EMPRESARIAL\FERNANDA MONIT\Ligação para Mutant terceiro Ciclo\Adriely Aparecida Silva_1_6771481950473489067_1_32.wav</t>
  </si>
  <si>
    <t>12/23/2019 11:15:42</t>
  </si>
  <si>
    <t>12/23/2019 11:14:55</t>
  </si>
  <si>
    <t>lu135922xa6l.tmp</t>
  </si>
  <si>
    <t>\\acsfs\profiles$\Flaviojmm\My Documents\lu135922xa6l.tmp</t>
  </si>
  <si>
    <t>12/23/2019 11:14:18</t>
  </si>
  <si>
    <t>uninstall.zip\</t>
  </si>
  <si>
    <t>\\acsfs\profiles$\Flaviojmm\My Documents\lu135922xa6l.tmp\</t>
  </si>
  <si>
    <t>12/23/2019 11:14:19</t>
  </si>
  <si>
    <t>12/23/2019 11:14:22</t>
  </si>
  <si>
    <t>\\acsfs\profiles$\Flaviojmm\My Documents\lu135922xa6l.tmp\META-INF\</t>
  </si>
  <si>
    <t>12/23/2019 11:14:25</t>
  </si>
  <si>
    <t>12/23/2019 11:14:29</t>
  </si>
  <si>
    <t>12/23/2019 11:15:37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7110536778&amp;time-delta-to-apply-millis=use-collector-delta</t>
  </si>
  <si>
    <t>\\acsfs\profiles$\Flaviojmm\My Documents\lu135922xa6l.tmp\Thumbnails\</t>
  </si>
  <si>
    <t>12/23/2019 11:13:53</t>
  </si>
  <si>
    <t>12/23/2019 11:17:43</t>
  </si>
  <si>
    <t>12/23/2019 11:14:24</t>
  </si>
  <si>
    <t>12/23/2019 11:17:46</t>
  </si>
  <si>
    <t>12/23/2019 11:19:05</t>
  </si>
  <si>
    <t>12/23/2019 11:20:14</t>
  </si>
  <si>
    <t>kesiadof@algartech.com</t>
  </si>
  <si>
    <t>fernandaab@algartech.com;larisacc@algartech.com;marianerdo@algartech.com;mirianppb@algartech.com;thiagord@algartech.com;</t>
  </si>
  <si>
    <t>fernandaab@algartech.com,larisacc@algartech.com,marianerdo@algartech.com,mirianppb@algartech.com,thiagord@algartech.com</t>
  </si>
  <si>
    <t>12/23/2019 11:19:24</t>
  </si>
  <si>
    <t>12/23/2019 11:16:14</t>
  </si>
  <si>
    <t>8249a64c-af02-4a1f-a126-49e6149b2ef1.tmp</t>
  </si>
  <si>
    <t>\\acsfs\profiles$\leticiala\Downloads\8249a64c-af02-4a1f-a126-49e6149b2ef1.tmp</t>
  </si>
  <si>
    <t>12/23/2019 11:18:50</t>
  </si>
  <si>
    <t>12/23/2019 11:18:51</t>
  </si>
  <si>
    <t>lu1738414ecfc.tmp</t>
  </si>
  <si>
    <t>\\acsfs\profiles$\LUCASBS\lu1738414ecfc.tmp</t>
  </si>
  <si>
    <t>\\acsfs\profiles$\LUCASBS\lu1738414ecfc.tmp\</t>
  </si>
  <si>
    <t>\\acsfs\profiles$\LUCASBS\lu1738414ecfc.tmp\META-INF\</t>
  </si>
  <si>
    <t>\\acsfs\profiles$\LUCASBS\lu1738414ecfc.tmp\Thumbnails\</t>
  </si>
  <si>
    <t>12/23/2019 11:17:02</t>
  </si>
  <si>
    <t>12/23/2019 11:22:14</t>
  </si>
  <si>
    <t>12/23/2019 11:21:48</t>
  </si>
  <si>
    <t>12/23/2019 11:23:14</t>
  </si>
  <si>
    <t>4767f727-4e31-44b5-9742-7e2f64761c04.tmp</t>
  </si>
  <si>
    <t>\\acsfs\profiles$\YASMINSC\Downloads\4767f727-4e31-44b5-9742-7e2f64761c04.tmp</t>
  </si>
  <si>
    <t>12/23/2019 11:19:06</t>
  </si>
  <si>
    <t>12/23/2019 11:24:14</t>
  </si>
  <si>
    <t>12/23/2019 11:19:43</t>
  </si>
  <si>
    <t>12/23/2019 11:20:13</t>
  </si>
  <si>
    <t>12/23/2019 11:20:43</t>
  </si>
  <si>
    <t>12/23/2019 11:18:46</t>
  </si>
  <si>
    <t>12/23/2019 11:23:46</t>
  </si>
  <si>
    <t>12/23/2019 11:22:07</t>
  </si>
  <si>
    <t>12/23/2019 11:25:14</t>
  </si>
  <si>
    <t>MARLYANNE GONCALVES DE LIMA SILVA_1_6769413777691576317_1_32.wav</t>
  </si>
  <si>
    <t>\\acsfs\Deptos\EDUCACAO EMPRESARIAL\KÉSIA\Ligações 3º ciclo - Késia\MARLYANNE GONCALVES DE LIMA SILVA_1_6769413777691576317_1_32.wav</t>
  </si>
  <si>
    <t>12/23/2019 11:21:29</t>
  </si>
  <si>
    <t>12/23/2019 11:26:14</t>
  </si>
  <si>
    <t>cfd0fb66-1bad-4fa2-8681-1bd95eff38bf.tmp</t>
  </si>
  <si>
    <t>\\acsfs\profiles$\geovannasm\Downloads\cfd0fb66-1bad-4fa2-8681-1bd95eff38bf.tmp</t>
  </si>
  <si>
    <t>12/23/2019 11:23:33</t>
  </si>
  <si>
    <t>12/23/2019 11:28:14</t>
  </si>
  <si>
    <t>12/23/2019 11:23:35</t>
  </si>
  <si>
    <t>12/23/2019 11:23:36</t>
  </si>
  <si>
    <t>12/23/2019 11:23:37</t>
  </si>
  <si>
    <t>12/23/2019 11:24:16</t>
  </si>
  <si>
    <t>12/23/2019 11:24:17</t>
  </si>
  <si>
    <t>12/23/2019 11:24:25</t>
  </si>
  <si>
    <t>12/23/2019 11:24:27</t>
  </si>
  <si>
    <t>12/23/2019 11:25:18</t>
  </si>
  <si>
    <t>12/23/2019 11:29:14</t>
  </si>
  <si>
    <t>mail.google.com/sync/u/0/i/s?hl=pt-BR&amp;c=90</t>
  </si>
  <si>
    <t>12/23/2019 11:25:21</t>
  </si>
  <si>
    <t>mail.google.com/sync/u/0/i/s?hl=pt-BR&amp;c=92</t>
  </si>
  <si>
    <t>12/23/2019 11:25:43</t>
  </si>
  <si>
    <t>mail.google.com/sync/u/0/i/s?hl=pt-BR&amp;c=95</t>
  </si>
  <si>
    <t>12/23/2019 11:26:04</t>
  </si>
  <si>
    <t>mail.google.com/sync/u/0/i/s?hl=pt-BR&amp;c=97</t>
  </si>
  <si>
    <t>12/23/2019 11:26:23</t>
  </si>
  <si>
    <t>mail.google.com/sync/u/0/i/s?hl=pt-BR&amp;c=99</t>
  </si>
  <si>
    <t>12/23/2019 11:26:44</t>
  </si>
  <si>
    <t>mail.google.com/sync/u/0/i/s?hl=pt-BR&amp;c=102</t>
  </si>
  <si>
    <t>12/23/2019 11:27:04</t>
  </si>
  <si>
    <t>mail.google.com/sync/u/0/i/s?hl=pt-BR&amp;c=104</t>
  </si>
  <si>
    <t>12/23/2019 11:27:30</t>
  </si>
  <si>
    <t>12/23/2019 11:27:59</t>
  </si>
  <si>
    <t>12/23/2019 11:28:18</t>
  </si>
  <si>
    <t>mail.google.com/sync/u/0/i/s?hl=pt-BR&amp;c=112</t>
  </si>
  <si>
    <t>12/23/2019 11:28:23</t>
  </si>
  <si>
    <t>12/23/2019 11:28:30</t>
  </si>
  <si>
    <t>12/23/2019 11:25:44</t>
  </si>
  <si>
    <t>12/23/2019 11:30:14</t>
  </si>
  <si>
    <t>12/23/2019 11:24:46</t>
  </si>
  <si>
    <t>12/23/2019 11:27:14</t>
  </si>
  <si>
    <t>12/23/2019 11:26:02</t>
  </si>
  <si>
    <t>b7629a4b-9884-4bcb-acee-d7c2f21432b4.tmp</t>
  </si>
  <si>
    <t>\\acsfs\profiles$\nataliacsl\Downloads\b7629a4b-9884-4bcb-acee-d7c2f21432b4.tmp</t>
  </si>
  <si>
    <t>12/23/2019 11:27:44</t>
  </si>
  <si>
    <t>12/23/2019 11:26:36</t>
  </si>
  <si>
    <t>12/23/2019 11:26:37</t>
  </si>
  <si>
    <t>lu1738414ecfh.tmp</t>
  </si>
  <si>
    <t>\\acsfs\profiles$\LUCASBS\lu1738414ecfh.tmp</t>
  </si>
  <si>
    <t>\\acsfs\profiles$\LUCASBS\lu1738414ecfh.tmp\</t>
  </si>
  <si>
    <t>\\acsfs\profiles$\LUCASBS\lu1738414ecfh.tmp\META-INF\</t>
  </si>
  <si>
    <t>\\acsfs\profiles$\LUCASBS\lu1738414ecfh.tmp\Thumbnails\</t>
  </si>
  <si>
    <t>12/23/2019 11:25:47</t>
  </si>
  <si>
    <t>12/23/2019 11:31:14</t>
  </si>
  <si>
    <t>211c4fa6-77cb-43b0-ae71-f3a0daa6f833.tmp</t>
  </si>
  <si>
    <t>\\acsfs\profiles$\geovannasm\Downloads\211c4fa6-77cb-43b0-ae71-f3a0daa6f833.tmp</t>
  </si>
  <si>
    <t>12/23/2019 11:25:53</t>
  </si>
  <si>
    <t>a2482938-8019-4323-bdd4-a2cb23f19b4c.tmp</t>
  </si>
  <si>
    <t>\\acsfs\profiles$\geovannasm\Downloads\a2482938-8019-4323-bdd4-a2cb23f19b4c.tmp</t>
  </si>
  <si>
    <t>12/23/2019 11:28:38</t>
  </si>
  <si>
    <t>174e1c1f-1238-4667-9f9d-14e0712fd8a4.tmp</t>
  </si>
  <si>
    <t>\\acsfs\profiles$\gabrielafs\Downloads\174e1c1f-1238-4667-9f9d-14e0712fd8a4.tmp</t>
  </si>
  <si>
    <t>12/23/2019 11:31:07</t>
  </si>
  <si>
    <t>12/23/2019 11:32:15</t>
  </si>
  <si>
    <t>12/23/2019 11:31:37</t>
  </si>
  <si>
    <t>12/23/2019 11:33:14</t>
  </si>
  <si>
    <t>12/23/2019 11:29:56</t>
  </si>
  <si>
    <t>12/23/2019 11:28:06</t>
  </si>
  <si>
    <t>12/23/2019 11:28:32</t>
  </si>
  <si>
    <t>12/23/2019 11:28:33</t>
  </si>
  <si>
    <t>12/23/2019 11:30:10</t>
  </si>
  <si>
    <t>12/23/2019 11:34:15</t>
  </si>
  <si>
    <t>flaviacno</t>
  </si>
  <si>
    <t>\\acsfs\Deptos\Operacao\Banco_Votorantim\Supervisao\Flávia Constantina Nogueira\</t>
  </si>
  <si>
    <t>Resultados Qualidade Dezembro.xlsx</t>
  </si>
  <si>
    <t>\\acsfs\Deptos\Operacao\Banco_Votorantim\Supervisao\Flávia Constantina Nogueira\Resultados Qualidade Dezembro.xlsx</t>
  </si>
  <si>
    <t>12/23/2019 11:30:47</t>
  </si>
  <si>
    <t>12/23/2019 11:29:46</t>
  </si>
  <si>
    <t>12/23/2019 11:35:14</t>
  </si>
  <si>
    <t>12/23/2019 11:30:34</t>
  </si>
  <si>
    <t>12/23/2019 11:30:46</t>
  </si>
  <si>
    <t>12/23/2019 11:31:13</t>
  </si>
  <si>
    <t>mail.google.com/sync/u/0/i/s?hl=pt-BR&amp;c=164</t>
  </si>
  <si>
    <t>12/23/2019 11:31:39</t>
  </si>
  <si>
    <t>12/23/2019 11:31:59</t>
  </si>
  <si>
    <t>12/23/2019 11:32:19</t>
  </si>
  <si>
    <t>12/23/2019 11:32:42</t>
  </si>
  <si>
    <t>mail.google.com/sync/u/0/i/s?hl=pt-BR&amp;c=173</t>
  </si>
  <si>
    <t>12/23/2019 11:32:51</t>
  </si>
  <si>
    <t>mail.google.com/sync/u/0/i/s?hl=pt-BR&amp;c=175</t>
  </si>
  <si>
    <t>12/23/2019 11:32:14</t>
  </si>
  <si>
    <t>12/23/2019 11:32:44</t>
  </si>
  <si>
    <t>12/23/2019 11:33:44</t>
  </si>
  <si>
    <t>12/23/2019 11:34:14</t>
  </si>
  <si>
    <t>12/23/2019 11:34:44</t>
  </si>
  <si>
    <t>12/23/2019 11:33:30</t>
  </si>
  <si>
    <t>12/23/2019 11:33:32</t>
  </si>
  <si>
    <t>lu1738414ecfm.tmp</t>
  </si>
  <si>
    <t>\\acsfs\profiles$\LUCASBS\lu1738414ecfm.tmp</t>
  </si>
  <si>
    <t>\\acsfs\profiles$\LUCASBS\lu1738414ecfm.tmp\</t>
  </si>
  <si>
    <t>\\acsfs\profiles$\LUCASBS\lu1738414ecfm.tmp\META-INF\</t>
  </si>
  <si>
    <t>\\acsfs\profiles$\LUCASBS\lu1738414ecfm.tmp\Thumbnails\</t>
  </si>
  <si>
    <t>12/23/2019 11:33:07</t>
  </si>
  <si>
    <t>12/23/2019 11:37:14</t>
  </si>
  <si>
    <t>12/23/2019 11:34:46</t>
  </si>
  <si>
    <t>12/23/2019 11:40:14</t>
  </si>
  <si>
    <t>mail.google.com/sync/u/0/i/s?hl=pt-BR&amp;c=178</t>
  </si>
  <si>
    <t>12/23/2019 11:34:49</t>
  </si>
  <si>
    <t>mail.google.com/sync/u/0/i/s?hl=pt-BR&amp;c=180</t>
  </si>
  <si>
    <t>12/23/2019 11:34:56</t>
  </si>
  <si>
    <t>mail.google.com/sync/u/0/i/s?hl=pt-BR&amp;c=184</t>
  </si>
  <si>
    <t>12/23/2019 11:35:46</t>
  </si>
  <si>
    <t>12/23/2019 11:36:46</t>
  </si>
  <si>
    <t>12/23/2019 11:38:21</t>
  </si>
  <si>
    <t>12/23/2019 11:36:15</t>
  </si>
  <si>
    <t>12/23/2019 11:41:14</t>
  </si>
  <si>
    <t>12/23/2019 11:38:22</t>
  </si>
  <si>
    <t>lu1738414ecfr.tmp</t>
  </si>
  <si>
    <t>\\acsfs\profiles$\LUCASBS\lu1738414ecfr.tmp</t>
  </si>
  <si>
    <t>\\acsfs\profiles$\LUCASBS\lu1738414ecfr.tmp\</t>
  </si>
  <si>
    <t>\\acsfs\profiles$\LUCASBS\lu1738414ecfr.tmp\META-INF\</t>
  </si>
  <si>
    <t>\\acsfs\profiles$\LUCASBS\lu1738414ecfr.tmp\Thumbnails\</t>
  </si>
  <si>
    <t>12/23/2019 11:42:15</t>
  </si>
  <si>
    <t>12/23/2019 11:38:07</t>
  </si>
  <si>
    <t>12/23/2019 11:38:37</t>
  </si>
  <si>
    <t>12/23/2019 11:40:37</t>
  </si>
  <si>
    <t>12/23/2019 11:41:07</t>
  </si>
  <si>
    <t>12/23/2019 11:37:30</t>
  </si>
  <si>
    <t>10.200.67.19</t>
  </si>
  <si>
    <t>78-2B-CB-C1-06-9D</t>
  </si>
  <si>
    <t>VOTORANT-JB008</t>
  </si>
  <si>
    <t>maxmillianosv</t>
  </si>
  <si>
    <t>maxmillianosv@bv.algartech.com</t>
  </si>
  <si>
    <t>https://udpmailboxap01.acs.com.br:8443/h/search?si=0&amp;so=0&amp;sc=51574&amp;sfi=6&amp;st=conversation&amp;action=compose</t>
  </si>
  <si>
    <t>12/23/2019 11:38:14</t>
  </si>
  <si>
    <t>https://udpmailboxap01.acs.com.br:8443/h/search?si=0&amp;so=0&amp;sc=51575&amp;sfi=6&amp;st=conversation&amp;action=compose</t>
  </si>
  <si>
    <t>12/23/2019 11:38:20</t>
  </si>
  <si>
    <t>12/23/2019 11:42:03</t>
  </si>
  <si>
    <t>12/23/2019 11:44:15</t>
  </si>
  <si>
    <t>12/23/2019 11:41:34</t>
  </si>
  <si>
    <t>\\acsfs\profiles$\milennyss\Favorites\Minha Escala - 1.url\</t>
  </si>
  <si>
    <t>\\acsfs\profiles$\milennyss\Favorites\Minha Escala - 1.url\:favicon:$DATA</t>
  </si>
  <si>
    <t>Minha Escala - 1.url</t>
  </si>
  <si>
    <t>\\acsfs\profiles$\milennyss\Favorites\Minha Escala - 1.url</t>
  </si>
  <si>
    <t>12/23/2019 11:39:53</t>
  </si>
  <si>
    <t>12/23/2019 11:40:22</t>
  </si>
  <si>
    <t>12/23/2019 11:45:14</t>
  </si>
  <si>
    <t>10.200.66.194</t>
  </si>
  <si>
    <t>74-86-7A-FB-19-E8</t>
  </si>
  <si>
    <t>VOTORANT-SB010</t>
  </si>
  <si>
    <t>\\acsfs\profiles$\alessandraan\Contacts\</t>
  </si>
  <si>
    <t>ALESSANDRA APARECIDA NUNES (37).contact</t>
  </si>
  <si>
    <t>\\acsfs\profiles$\alessandraan\Contacts\ALESSANDRA APARECIDA NUNES (37).contact</t>
  </si>
  <si>
    <t>12/23/2019 11:40:35</t>
  </si>
  <si>
    <t>\\acsfs\profiles$\alessandraan\My Documents\My Videos\</t>
  </si>
  <si>
    <t>\\acsfs\profiles$\alessandraan\My Documents\My Videos\desktop.ini</t>
  </si>
  <si>
    <t>12/23/2019 11:40:36</t>
  </si>
  <si>
    <t>\\acsfs\profiles$\alessandraan\My Documents\My Pictures\</t>
  </si>
  <si>
    <t>\\acsfs\profiles$\alessandraan\My Documents\My Pictures\desktop.ini</t>
  </si>
  <si>
    <t>\\acsfs\profiles$\alessandraan\Contacts\desktop.ini</t>
  </si>
  <si>
    <t>12/23/2019 11:40:38</t>
  </si>
  <si>
    <t>\\acsfs\profiles$\alessandraan\Favorites\</t>
  </si>
  <si>
    <t>\\acsfs\profiles$\alessandraan\Favorites\desktop.ini</t>
  </si>
  <si>
    <t>12/23/2019 11:40:39</t>
  </si>
  <si>
    <t>\\acsfs\profiles$\alessandraan\My Documents\My Music\</t>
  </si>
  <si>
    <t>\\acsfs\profiles$\alessandraan\My Documents\My Music\desktop.ini</t>
  </si>
  <si>
    <t>12/23/2019 11:40:40</t>
  </si>
  <si>
    <t>\\acsfs\profiles$\alessandraan\Searches\</t>
  </si>
  <si>
    <t>\\acsfs\profiles$\alessandraan\Searches\desktop.ini</t>
  </si>
  <si>
    <t>\\acsfs\profiles$\alessandraan\Downloads\desktop.ini</t>
  </si>
  <si>
    <t>12/23/2019 11:40:41</t>
  </si>
  <si>
    <t>\\acsfs\profiles$\alessandraan\My Documents\desktop.ini</t>
  </si>
  <si>
    <t>\\acsfs\profiles$\alessandraan\Saved Games\</t>
  </si>
  <si>
    <t>\\acsfs\profiles$\alessandraan\Saved Games\desktop.ini</t>
  </si>
  <si>
    <t>12/23/2019 11:40:42</t>
  </si>
  <si>
    <t>12/23/2019 11:40:52</t>
  </si>
  <si>
    <t>\\acsfs\profiles$\alessandraan\Favorites\Links for Brasil\</t>
  </si>
  <si>
    <t>\\acsfs\profiles$\alessandraan\Favorites\Links for Brasil\desktop.ini</t>
  </si>
  <si>
    <t>\\acsfs\profiles$\alessandraan\Favorites\Links for Brasil\Microsoft Brasil.url</t>
  </si>
  <si>
    <t>12/23/2019 11:40:53</t>
  </si>
  <si>
    <t>\\acsfs\profiles$\alessandraan\Favorites\Links for Brasil\Windows Brasil.url</t>
  </si>
  <si>
    <t>\\acsfs\profiles$\alessandraan\Favorites\Links for Brasil\MSN Brasil.url</t>
  </si>
  <si>
    <t>12/23/2019 11:41:01</t>
  </si>
  <si>
    <t>ANDREA PAULA DA SILVA GOMES_1_6771133860554030021_1_32.wav</t>
  </si>
  <si>
    <t>\\acsfs\Deptos\EDUCACAO EMPRESARIAL\KÉSIA\Ligações 3º ciclo - Késia\ANDREA PAULA DA SILVA GOMES_1_6771133860554030021_1_32.wav</t>
  </si>
  <si>
    <t>mail.google.com/sync/u/0/i/s?hl=pt-BR&amp;c=193</t>
  </si>
  <si>
    <t>12/23/2019 11:40:58</t>
  </si>
  <si>
    <t>mail.google.com/sync/u/0/i/s?hl=pt-BR&amp;c=196</t>
  </si>
  <si>
    <t>12/23/2019 11:41:24</t>
  </si>
  <si>
    <t>mail.google.com/sync/u/0/i/s?hl=pt-BR&amp;c=198</t>
  </si>
  <si>
    <t>12/23/2019 11:41:37</t>
  </si>
  <si>
    <t>mail.google.com/sync/u/0/i/s?hl=pt-BR&amp;c=200</t>
  </si>
  <si>
    <t>12/23/2019 11:41:46</t>
  </si>
  <si>
    <t>12/23/2019 11:41:55</t>
  </si>
  <si>
    <t>12/23/2019 11:42:20</t>
  </si>
  <si>
    <t>mail.google.com/sync/u/0/i/s?hl=pt-BR&amp;c=205</t>
  </si>
  <si>
    <t>12/23/2019 11:42:42</t>
  </si>
  <si>
    <t>mail.google.com/sync/u/0/i/s?hl=pt-BR&amp;c=207</t>
  </si>
  <si>
    <t>12/23/2019 11:42:45</t>
  </si>
  <si>
    <t>mail.google.com/sync/u/0/i/s?hl=pt-BR&amp;c=209</t>
  </si>
  <si>
    <t>12/23/2019 11:42:46</t>
  </si>
  <si>
    <t>\\acsfs\profiles$\NATALIACSL\</t>
  </si>
  <si>
    <t>Novo Documento de Texto (2).txt</t>
  </si>
  <si>
    <t>\\acsfs\profiles$\NATALIACSL\Novo Documento de Texto (2).txt</t>
  </si>
  <si>
    <t>12/23/2019 11:40:16</t>
  </si>
  <si>
    <t>12/23/2019 11:44:00</t>
  </si>
  <si>
    <t>12/23/2019 11:46:14</t>
  </si>
  <si>
    <t>12/23/2019 11:44:02</t>
  </si>
  <si>
    <t>lu1738414ecfw.tmp</t>
  </si>
  <si>
    <t>\\acsfs\profiles$\LUCASBS\lu1738414ecfw.tmp</t>
  </si>
  <si>
    <t>\\acsfs\profiles$\LUCASBS\lu1738414ecfw.tmp\</t>
  </si>
  <si>
    <t>\\acsfs\profiles$\LUCASBS\lu1738414ecfw.tmp\META-INF\</t>
  </si>
  <si>
    <t>\\acsfs\profiles$\LUCASBS\lu1738414ecfw.tmp\Thumbnails\</t>
  </si>
  <si>
    <t>12/23/2019 11:46:07</t>
  </si>
  <si>
    <t>12/23/2019 11:47:14</t>
  </si>
  <si>
    <t>12/23/2019 11:48:14</t>
  </si>
  <si>
    <t>12/23/2019 11:44:29</t>
  </si>
  <si>
    <t>12/23/2019 11:44:31</t>
  </si>
  <si>
    <t>12/23/2019 11:44:34</t>
  </si>
  <si>
    <t>LINK VERIFICACAO LINK VERIFICACAO LINK VERIFICACAO.txt</t>
  </si>
  <si>
    <t>\\acsfs\profiles$\alessandraan\My Documents\LINK VERIFICACAO LINK VERIFICACAO LINK VERIFICACAO.txt</t>
  </si>
  <si>
    <t>12/23/2019 11:44:36</t>
  </si>
  <si>
    <t>12/23/2019 11:44:45</t>
  </si>
  <si>
    <t>12/23/2019 12:04:14</t>
  </si>
  <si>
    <t>ALEXANDRE MILHOMEM MARACAIPE_1_6770689584841950453_1_32.wav</t>
  </si>
  <si>
    <t>\\acsfs\Deptos\EDUCACAO EMPRESARIAL\FERNANDA MONIT\Ligação para Mutant terceiro Ciclo\ALEXANDRE MILHOMEM MARACAIPE_1_6770689584841950453_1_32.wav</t>
  </si>
  <si>
    <t>12/23/2019 12:19:22</t>
  </si>
  <si>
    <t>12/23/2019 11:48:29</t>
  </si>
  <si>
    <t>b1c84d24-d4f2-4e09-bd8f-fa2f11ff5c5c.tmp</t>
  </si>
  <si>
    <t>\\acsfs\profiles$\alessandraan\Downloads\b1c84d24-d4f2-4e09-bd8f-fa2f11ff5c5c.tmp</t>
  </si>
  <si>
    <t>12/23/2019 11:47:46</t>
  </si>
  <si>
    <t>12/23/2019 11:47:23</t>
  </si>
  <si>
    <t>12/23/2019 11:47:16</t>
  </si>
  <si>
    <t>12/23/2019 12:20:19</t>
  </si>
  <si>
    <t>12/23/2019 11:45:26</t>
  </si>
  <si>
    <t>5c60cb91-b8ab-46ef-8407-73f441b2ea3a.tmp</t>
  </si>
  <si>
    <t>\\acsfs\profiles$\geovannasm\Downloads\5c60cb91-b8ab-46ef-8407-73f441b2ea3a.tmp</t>
  </si>
  <si>
    <t>12/23/2019 11:48:30</t>
  </si>
  <si>
    <t>64b7bcb7-34e2-4412-9901-049352ce129c.tmp</t>
  </si>
  <si>
    <t>\\acsfs\profiles$\alessandraan\Downloads\64b7bcb7-34e2-4412-9901-049352ce129c.tmp</t>
  </si>
  <si>
    <t>12/23/2019 11:47:38</t>
  </si>
  <si>
    <t>7ad25d4e-cbf1-4dca-a2bd-d657b96c5f15.tmp</t>
  </si>
  <si>
    <t>\\acsfs\profiles$\gabrielafs\Downloads\7ad25d4e-cbf1-4dca-a2bd-d657b96c5f15.tmp</t>
  </si>
  <si>
    <t>12/23/2019 11:48:46</t>
  </si>
  <si>
    <t>12/23/2019 11:48:33</t>
  </si>
  <si>
    <t>b34dff6e-676b-43b9-9623-b712d59c8866.tmp</t>
  </si>
  <si>
    <t>\\acsfs\profiles$\alessandraan\Downloads\b34dff6e-676b-43b9-9623-b712d59c8866.tmp</t>
  </si>
  <si>
    <t>12/23/2019 11:47:18</t>
  </si>
  <si>
    <t>lu1738414ecg1.tmp</t>
  </si>
  <si>
    <t>\\acsfs\profiles$\LUCASBS\lu1738414ecg1.tmp</t>
  </si>
  <si>
    <t>12/23/2019 11:47:10</t>
  </si>
  <si>
    <t>46a385f3-586e-4758-a8e4-a7d4bab43171.tmp</t>
  </si>
  <si>
    <t>\\acsfs\profiles$\leonardobb\Downloads\46a385f3-586e-4758-a8e4-a7d4bab43171.tmp</t>
  </si>
  <si>
    <t>12/23/2019 11:51:37</t>
  </si>
  <si>
    <t>12/23/2019 11:48:34</t>
  </si>
  <si>
    <t>97c9bda7-3620-48f6-80be-787401c33637.tmp</t>
  </si>
  <si>
    <t>\\acsfs\profiles$\alessandraan\Downloads\97c9bda7-3620-48f6-80be-787401c33637.tmp</t>
  </si>
  <si>
    <t>\\acsfs\profiles$\LUCASBS\lu1738414ecg1.tmp\</t>
  </si>
  <si>
    <t>12/23/2019 11:50:16</t>
  </si>
  <si>
    <t>12/23/2019 11:53:06</t>
  </si>
  <si>
    <t>12/23/2019 11:50:05</t>
  </si>
  <si>
    <t>\\acsfs\profiles$\LUCASBS\lu1738414ecg1.tmp\META-INF\</t>
  </si>
  <si>
    <t>12/23/2019 11:53:21</t>
  </si>
  <si>
    <t>12/23/2019 11:50:56</t>
  </si>
  <si>
    <t>mail.google.com/sync/u/0/i/s?hl=pt-BR&amp;c=119</t>
  </si>
  <si>
    <t>bvs-centralcartoes@bv.com.br;cintia.souza-domingues@dxc.com;eduardo.santana@bv.com.br;fernandaab@algartech.com;fernandorsju@algartech.com;marianeps@algartech.com;severinojfds@algartech.com;talmaiardo@algartech.com;thiagordu@algartech.com;</t>
  </si>
  <si>
    <t>bvs-centralcartoes@bv.com.br,cintia.souza-domingues@dxc.com,eduardo.santana@bv.com.br,fernandaab@algartech.com,fernandorsju@algartech.com,marianeps@algartech.com,severinojfds@algartech.com,talmaiardo@algartech.com,thiagordu@algartech.com</t>
  </si>
  <si>
    <t>12/23/2019 11:52:32</t>
  </si>
  <si>
    <t>12/23/2019 11:51:21</t>
  </si>
  <si>
    <t>12/23/2019 11:56:53</t>
  </si>
  <si>
    <t>12/23/2019 11:54:44</t>
  </si>
  <si>
    <t>12/23/2019 11:56:07</t>
  </si>
  <si>
    <t>valeriasda</t>
  </si>
  <si>
    <t>\\acsfs\profiles$\valeriasda\Downloads\</t>
  </si>
  <si>
    <t>c64e0fbe-1f52-4795-bd21-b4407d91aad7.tmp</t>
  </si>
  <si>
    <t>\\acsfs\profiles$\valeriasda\Downloads\c64e0fbe-1f52-4795-bd21-b4407d91aad7.tmp</t>
  </si>
  <si>
    <t>12/23/2019 11:56:32</t>
  </si>
  <si>
    <t>c:\users\robsonams\downloads\</t>
  </si>
  <si>
    <t>kit_pre_deslig_pedido_demissao_trabalhado_98635_cinthia cristyelle santos de araujo.pdf</t>
  </si>
  <si>
    <t>12/23/2019 11:51:42</t>
  </si>
  <si>
    <t>12/23/2019 11:53:46</t>
  </si>
  <si>
    <t>12/23/2019 12:21:19</t>
  </si>
  <si>
    <t>12/23/2019 11:58:27</t>
  </si>
  <si>
    <t>kamillacr</t>
  </si>
  <si>
    <t>\\acsfs\profiles$\kamillacr\My Documents\</t>
  </si>
  <si>
    <t>atendimento.txt</t>
  </si>
  <si>
    <t>\\acsfs\profiles$\kamillacr\My Documents\atendimento.txt</t>
  </si>
  <si>
    <t>12/23/2019 11:54:45</t>
  </si>
  <si>
    <t>lu135922xa7a.tmp</t>
  </si>
  <si>
    <t>\\acsfs\profiles$\Flaviojmm\My Documents\lu135922xa7a.tmp</t>
  </si>
  <si>
    <t>12/23/2019 11:54:46</t>
  </si>
  <si>
    <t>12/23/2019 11:56:46</t>
  </si>
  <si>
    <t>12/23/2019 11:54:59</t>
  </si>
  <si>
    <t>\\acsfs\profiles$\laianear\</t>
  </si>
  <si>
    <t>preaud.txt</t>
  </si>
  <si>
    <t>\\acsfs\profiles$\laianear\preaud.txt</t>
  </si>
  <si>
    <t>12/23/2019 12:09:07</t>
  </si>
  <si>
    <t>e9519a19-b564-4243-ab20-173671e57683.tmp</t>
  </si>
  <si>
    <t>\\acsfs\profiles$\quindaizaagds\Downloads\e9519a19-b564-4243-ab20-173671e57683.tmp</t>
  </si>
  <si>
    <t>\\acsfs\profiles$\LUCASBS\lu1738414ecg1.tmp\Thumbnails\</t>
  </si>
  <si>
    <t>12/23/2019 12:05:44</t>
  </si>
  <si>
    <t>TRANSFERENCIA.txt</t>
  </si>
  <si>
    <t>\\acsfs\profiles$\laianear\TRANSFERENCIA.txt</t>
  </si>
  <si>
    <t>12/23/2019 12:18:30</t>
  </si>
  <si>
    <t>fce18a96-9105-4fdc-b716-60e5a96d9596.tmp</t>
  </si>
  <si>
    <t>\\acsfs\profiles$\laianear\Downloads\fce18a96-9105-4fdc-b716-60e5a96d9596.tmp</t>
  </si>
  <si>
    <t>12/23/2019 12:12:52</t>
  </si>
  <si>
    <t>\\acsfs\profiles$\Flaviojmm\My Documents\lu135922xa7a.tmp\</t>
  </si>
  <si>
    <t>\\acsfs\profiles$\Flaviojmm\My Documents\lu135922xa7a.tmp\META-INF\</t>
  </si>
  <si>
    <t>12/23/2019 11:59:46</t>
  </si>
  <si>
    <t>12/23/2019 12:00:46</t>
  </si>
  <si>
    <t>\\acsfs\profiles$\Flaviojmm\My Documents\lu135922xa7a.tmp\Thumbnails\</t>
  </si>
  <si>
    <t>12/23/2019 12:05:47</t>
  </si>
  <si>
    <t>12/23/2019 12:06:47</t>
  </si>
  <si>
    <t>12/23/2019 12:11:48</t>
  </si>
  <si>
    <t>12/23/2019 12:12:47</t>
  </si>
  <si>
    <t>12/23/2019 12:17:47</t>
  </si>
  <si>
    <t>12/23/2019 12:18:47</t>
  </si>
  <si>
    <t>12/23/2019 11:58:36</t>
  </si>
  <si>
    <t>12/23/2019 11:49:57</t>
  </si>
  <si>
    <t>https://udpmailboxap01/h/search?si=0&amp;so=0&amp;sc=51591&amp;sfi=6&amp;st=message&amp;action=compose</t>
  </si>
  <si>
    <t>12/23/2019 11:50:28</t>
  </si>
  <si>
    <t>2abffb2d-e418-4674-bb6e-c4627e775879.tmp</t>
  </si>
  <si>
    <t>\\acsfs\profiles$\alessandraan\Downloads\2abffb2d-e418-4674-bb6e-c4627e775879.tmp</t>
  </si>
  <si>
    <t>12/23/2019 11:51:32</t>
  </si>
  <si>
    <t>12/23/2019 11:52:26</t>
  </si>
  <si>
    <t>12/23/2019 11:58:10</t>
  </si>
  <si>
    <t>12/23/2019 11:58:14</t>
  </si>
  <si>
    <t>12/23/2019 11:58:16</t>
  </si>
  <si>
    <t>12/23/2019 11:58:18</t>
  </si>
  <si>
    <t>12/23/2019 11:58:57</t>
  </si>
  <si>
    <t>12/23/2019 11:58:58</t>
  </si>
  <si>
    <t>12/23/2019 11:58:59</t>
  </si>
  <si>
    <t>12/23/2019 11:59:01</t>
  </si>
  <si>
    <t>12/23/2019 12:00:11</t>
  </si>
  <si>
    <t>12/23/2019 12:00:12</t>
  </si>
  <si>
    <t>12/23/2019 12:14:09</t>
  </si>
  <si>
    <t>12/23/2019 12:14:19</t>
  </si>
  <si>
    <t>12/23/2019 12:14:33</t>
  </si>
  <si>
    <t>12/23/2019 12:14:39</t>
  </si>
  <si>
    <t>12/23/2019 12:18:14</t>
  </si>
  <si>
    <t>12/23/2019 12:18:17</t>
  </si>
  <si>
    <t>12/23/2019 12:18:31</t>
  </si>
  <si>
    <t>12/23/2019 12:18:44</t>
  </si>
  <si>
    <t>12/23/2019 11:51:45</t>
  </si>
  <si>
    <t>mail.google.com/sync/u/0/i/s?hl=pt-BR&amp;c=126</t>
  </si>
  <si>
    <t>12/23/2019 11:51:49</t>
  </si>
  <si>
    <t>mail.google.com/sync/u/0/i/s?hl=pt-BR&amp;c=128</t>
  </si>
  <si>
    <t>12/23/2019 11:58:33</t>
  </si>
  <si>
    <t>.~lock.vendas 112019.ods#</t>
  </si>
  <si>
    <t>\\acsfs\profiles$\kamillacr\My Documents\.~lock.vendas 112019.ods#</t>
  </si>
  <si>
    <t>12/23/2019 11:58:35</t>
  </si>
  <si>
    <t>lu675212q8t1.tmp</t>
  </si>
  <si>
    <t>\\acsfs\profiles$\kamillacr\My Documents\lu675212q8t1.tmp</t>
  </si>
  <si>
    <t>\\acsfs\profiles$\kamillacr\My Documents\lu675212q8t1.tmp\</t>
  </si>
  <si>
    <t>\\acsfs\profiles$\kamillacr\My Documents\lu675212q8t1.tmp\META-INF\</t>
  </si>
  <si>
    <t>\\acsfs\profiles$\kamillacr\My Documents\lu675212q8t1.tmp\Thumbnails\</t>
  </si>
  <si>
    <t>12/23/2019 11:58:41</t>
  </si>
  <si>
    <t>12/23/2019 12:16:55</t>
  </si>
  <si>
    <t>12/23/2019 12:22:19</t>
  </si>
  <si>
    <t>12/23/2019 12:13:59</t>
  </si>
  <si>
    <t>41e08c96-f22e-45ce-8b9d-fdbe9f01f3ed.tmp</t>
  </si>
  <si>
    <t>\\acsfs\profiles$\JOAOVAL\Downloads\41e08c96-f22e-45ce-8b9d-fdbe9f01f3ed.tmp</t>
  </si>
  <si>
    <t>12/23/2019 12:23:19</t>
  </si>
  <si>
    <t>12/23/2019 11:57:52</t>
  </si>
  <si>
    <t>59f73a5c-b152-415b-ab20-37745bf16d2b.tmp</t>
  </si>
  <si>
    <t>\\acsfs\profiles$\gabrielafs\Downloads\59f73a5c-b152-415b-ab20-37745bf16d2b.tmp</t>
  </si>
  <si>
    <t>12/23/2019 12:06:44</t>
  </si>
  <si>
    <t>12/23/2019 12:00:30</t>
  </si>
  <si>
    <t>.~lock.geovana 2.ods#</t>
  </si>
  <si>
    <t>\\acsfs\profiles$\geovanaasa\My Documents\.~lock.geovana 2.ods#</t>
  </si>
  <si>
    <t>12/23/2019 12:00:31</t>
  </si>
  <si>
    <t>lu208202laeyc.tmp</t>
  </si>
  <si>
    <t>\\acsfs\profiles$\geovanaasa\My Documents\lu208202laeyc.tmp</t>
  </si>
  <si>
    <t>\\acsfs\profiles$\geovanaasa\My Documents\lu208202laeyc.tmp\</t>
  </si>
  <si>
    <t>\\acsfs\profiles$\geovanaasa\My Documents\lu208202laeyc.tmp\META-INF\</t>
  </si>
  <si>
    <t>\\acsfs\profiles$\geovanaasa\My Documents\lu208202laeyc.tmp\Thumbnails\</t>
  </si>
  <si>
    <t>12/23/2019 12:22:36</t>
  </si>
  <si>
    <t>12/23/2019 12:24:19</t>
  </si>
  <si>
    <t>\\acsfs\profiles$\milennyss\My Documents\</t>
  </si>
  <si>
    <t>\\acsfs\profiles$\milennyss\My Documents\Acessos.txt</t>
  </si>
  <si>
    <t>12/23/2019 12:11:35</t>
  </si>
  <si>
    <t>12/23/2019 12:25:19</t>
  </si>
  <si>
    <t>12/23/2019 11:58:07</t>
  </si>
  <si>
    <t>12/23/2019 12:02:07</t>
  </si>
  <si>
    <t>12/23/2019 12:03:08</t>
  </si>
  <si>
    <t>89001ce4-ff76-4e53-b0e9-28ead237a790.tmp</t>
  </si>
  <si>
    <t>\\acsfs\profiles$\larissaad\Downloads\89001ce4-ff76-4e53-b0e9-28ead237a790.tmp</t>
  </si>
  <si>
    <t>12/23/2019 12:08:37</t>
  </si>
  <si>
    <t>12/23/2019 12:12:07</t>
  </si>
  <si>
    <t>12/23/2019 12:21:10</t>
  </si>
  <si>
    <t>ae29dfb4-3911-483f-bbb3-ac95ee463a8f.tmp</t>
  </si>
  <si>
    <t>\\acsfs\profiles$\larissaad\Downloads\ae29dfb4-3911-483f-bbb3-ac95ee463a8f.tmp</t>
  </si>
  <si>
    <t>12/23/2019 12:04:19</t>
  </si>
  <si>
    <t>12/23/2019 12:13:04</t>
  </si>
  <si>
    <t>12/23/2019 12:04:43</t>
  </si>
  <si>
    <t>eeb88459-8193-4a9b-9259-b72c931ee9b5.tmp</t>
  </si>
  <si>
    <t>\\acsfs\profiles$\quindaizaagds\Downloads\eeb88459-8193-4a9b-9259-b72c931ee9b5.tmp</t>
  </si>
  <si>
    <t>00f5cbb3-38d3-48d4-bc16-96789e02f2ef.tmp</t>
  </si>
  <si>
    <t>\\acsfs\profiles$\quindaizaagds\Downloads\00f5cbb3-38d3-48d4-bc16-96789e02f2ef.tmp</t>
  </si>
  <si>
    <t>12/23/2019 12:06:09</t>
  </si>
  <si>
    <t>e0f6f53a-4b6e-4af3-892a-f7a52688cdb7.tmp</t>
  </si>
  <si>
    <t>\\acsfs\profiles$\quindaizaagds\Downloads\e0f6f53a-4b6e-4af3-892a-f7a52688cdb7.tmp</t>
  </si>
  <si>
    <t>12/23/2019 12:09:09</t>
  </si>
  <si>
    <t>0c4cab42-2576-477f-940b-5b66e05100f8.tmp</t>
  </si>
  <si>
    <t>\\acsfs\profiles$\quindaizaagds\Downloads\0c4cab42-2576-477f-940b-5b66e05100f8.tmp</t>
  </si>
  <si>
    <t>12/23/2019 12:09:55</t>
  </si>
  <si>
    <t>c284a2de-e2dc-40dd-98d5-c5f3d2f911a2.tmp</t>
  </si>
  <si>
    <t>\\acsfs\profiles$\quindaizaagds\Downloads\c284a2de-e2dc-40dd-98d5-c5f3d2f911a2.tmp</t>
  </si>
  <si>
    <t>12/23/2019 12:12:26</t>
  </si>
  <si>
    <t>30a2b421-10b9-422a-bf18-e0c7191a76df.tmp</t>
  </si>
  <si>
    <t>\\acsfs\profiles$\quindaizaagds\Downloads\30a2b421-10b9-422a-bf18-e0c7191a76df.tmp</t>
  </si>
  <si>
    <t>12/23/2019 12:07:48</t>
  </si>
  <si>
    <t>a90bf8a9-1577-4ed9-b3eb-f9591dab17d3.tmp</t>
  </si>
  <si>
    <t>\\acsfs\profiles$\valeriasda\Downloads\a90bf8a9-1577-4ed9-b3eb-f9591dab17d3.tmp</t>
  </si>
  <si>
    <t>12/23/2019 12:03:32</t>
  </si>
  <si>
    <t>cf31d0ad-9d4b-463b-a959-3e6dfbe44e43.tmp</t>
  </si>
  <si>
    <t>\\acsfs\profiles$\monicargds\Downloads\cf31d0ad-9d4b-463b-a959-3e6dfbe44e43.tmp</t>
  </si>
  <si>
    <t>12/23/2019 11:59:18</t>
  </si>
  <si>
    <t>12/23/2019 12:23:13</t>
  </si>
  <si>
    <t>12/23/2019 12:11:13</t>
  </si>
  <si>
    <t>8b8283c7-8f42-4ea0-a32e-112ee5103755.tmp</t>
  </si>
  <si>
    <t>\\acsfs\profiles$\leticiala\Downloads\8b8283c7-8f42-4ea0-a32e-112ee5103755.tmp</t>
  </si>
  <si>
    <t>12/23/2019 12:22:55</t>
  </si>
  <si>
    <t>12/23/2019 12:26:19</t>
  </si>
  <si>
    <t>10.200.67.34</t>
  </si>
  <si>
    <t>78-2B-CB-C1-07-55</t>
  </si>
  <si>
    <t>VOTORANT-JB010</t>
  </si>
  <si>
    <t>ciceraads</t>
  </si>
  <si>
    <t>\\acsfs\profiles$\ciceraads\</t>
  </si>
  <si>
    <t>link de acesso.txt</t>
  </si>
  <si>
    <t>\\acsfs\profiles$\ciceraads\link de acesso.txt</t>
  </si>
  <si>
    <t>12/23/2019 12:23:47</t>
  </si>
  <si>
    <t>12/23/2019 12:24:47</t>
  </si>
  <si>
    <t>12/23/2019 12:24:37</t>
  </si>
  <si>
    <t>12/23/2019 12:30:19</t>
  </si>
  <si>
    <t>12/23/2019 12:26:22</t>
  </si>
  <si>
    <t>12/23/2019 12:26:48</t>
  </si>
  <si>
    <t>12/23/2019 12:27:07</t>
  </si>
  <si>
    <t>12/23/2019 12:27:34</t>
  </si>
  <si>
    <t>12/23/2019 12:31:18</t>
  </si>
  <si>
    <t>12/23/2019 12:27:35</t>
  </si>
  <si>
    <t>lu1738414ecga.tmp</t>
  </si>
  <si>
    <t>\\acsfs\profiles$\LUCASBS\lu1738414ecga.tmp</t>
  </si>
  <si>
    <t>\\acsfs\profiles$\LUCASBS\lu1738414ecga.tmp\</t>
  </si>
  <si>
    <t>\\acsfs\profiles$\LUCASBS\lu1738414ecga.tmp\META-INF\</t>
  </si>
  <si>
    <t>\\acsfs\profiles$\LUCASBS\lu1738414ecga.tmp\Thumbnails\</t>
  </si>
  <si>
    <t>12/23/2019 12:29:47</t>
  </si>
  <si>
    <t>12/23/2019 12:29:15</t>
  </si>
  <si>
    <t>12/23/2019 12:29:22</t>
  </si>
  <si>
    <t>12/23/2019 12:31:45</t>
  </si>
  <si>
    <t>12/23/2019 12:33:18</t>
  </si>
  <si>
    <t>12/23/2019 12:31:51</t>
  </si>
  <si>
    <t>12/23/2019 12:35:18</t>
  </si>
  <si>
    <t>12/23/2019 12:31:16</t>
  </si>
  <si>
    <t>12/23/2019 12:36:19</t>
  </si>
  <si>
    <t>12/23/2019 12:31:17</t>
  </si>
  <si>
    <t>lu1738414ecgf.tmp</t>
  </si>
  <si>
    <t>\\acsfs\profiles$\LUCASBS\lu1738414ecgf.tmp</t>
  </si>
  <si>
    <t>\\acsfs\profiles$\LUCASBS\lu1738414ecgf.tmp\</t>
  </si>
  <si>
    <t>\\acsfs\profiles$\LUCASBS\lu1738414ecgf.tmp\META-INF\</t>
  </si>
  <si>
    <t>\\acsfs\profiles$\LUCASBS\lu1738414ecgf.tmp\Thumbnails\</t>
  </si>
  <si>
    <t>12/23/2019 12:30:47</t>
  </si>
  <si>
    <t>12/23/2019 12:32:48</t>
  </si>
  <si>
    <t>12/23/2019 12:32:51</t>
  </si>
  <si>
    <t>12/23/2019 12:34:01</t>
  </si>
  <si>
    <t>12/23/2019 12:37:49</t>
  </si>
  <si>
    <t>12/23/2019 12:40:18</t>
  </si>
  <si>
    <t>.~lock.Claudia.xls#</t>
  </si>
  <si>
    <t>\\acsfs\profiles$\CLAUDIAJCA\.~lock.Claudia.xls#</t>
  </si>
  <si>
    <t>12/23/2019 12:35:36</t>
  </si>
  <si>
    <t>Novo Documento de Texto (3).txt</t>
  </si>
  <si>
    <t>\\acsfs\profiles$\NATALIACSL\Novo Documento de Texto (3).txt</t>
  </si>
  <si>
    <t>12/23/2019 12:37:22</t>
  </si>
  <si>
    <t>12/23/2019 12:41:18</t>
  </si>
  <si>
    <t>12/23/2019 12:37:24</t>
  </si>
  <si>
    <t>lu1738414ecgk.tmp</t>
  </si>
  <si>
    <t>\\acsfs\profiles$\LUCASBS\lu1738414ecgk.tmp</t>
  </si>
  <si>
    <t>\\acsfs\profiles$\LUCASBS\lu1738414ecgk.tmp\</t>
  </si>
  <si>
    <t>\\acsfs\profiles$\LUCASBS\lu1738414ecgk.tmp\META-INF\</t>
  </si>
  <si>
    <t>\\acsfs\profiles$\LUCASBS\lu1738414ecgk.tmp\Thumbnails\</t>
  </si>
  <si>
    <t>12/23/2019 12:35:47</t>
  </si>
  <si>
    <t>12/23/2019 12:36:48</t>
  </si>
  <si>
    <t>12/23/2019 12:37:03</t>
  </si>
  <si>
    <t>12/23/2019 12:40:14</t>
  </si>
  <si>
    <t>12/23/2019 12:40:37</t>
  </si>
  <si>
    <t>12/23/2019 12:42:19</t>
  </si>
  <si>
    <t>92f19bb9-b6ab-457e-9db3-8d9078eb45fc.tmp</t>
  </si>
  <si>
    <t>\\acsfs\profiles$\gabrielarb\Downloads\92f19bb9-b6ab-457e-9db3-8d9078eb45fc.tmp</t>
  </si>
  <si>
    <t>12/23/2019 12:45:23</t>
  </si>
  <si>
    <t>12/23/2019 12:46:20</t>
  </si>
  <si>
    <t>12/23/2019 12:45:24</t>
  </si>
  <si>
    <t>12/23/2019 12:44:54</t>
  </si>
  <si>
    <t>12/23/2019 12:44:55</t>
  </si>
  <si>
    <t>lu1738414ecgp.tmp</t>
  </si>
  <si>
    <t>\\acsfs\profiles$\LUCASBS\lu1738414ecgp.tmp</t>
  </si>
  <si>
    <t>\\acsfs\profiles$\LUCASBS\lu1738414ecgp.tmp\</t>
  </si>
  <si>
    <t>\\acsfs\profiles$\LUCASBS\lu1738414ecgp.tmp\META-INF\</t>
  </si>
  <si>
    <t>\\acsfs\profiles$\LUCASBS\lu1738414ecgp.tmp\Thumbnails\</t>
  </si>
  <si>
    <t>12/23/2019 12:45:00</t>
  </si>
  <si>
    <t>12/23/2019 12:41:47</t>
  </si>
  <si>
    <t>12/23/2019 12:42:47</t>
  </si>
  <si>
    <t>12/23/2019 12:45:32</t>
  </si>
  <si>
    <t>12/23/2019 12:43:35</t>
  </si>
  <si>
    <t>12/23/2019 12:47:20</t>
  </si>
  <si>
    <t>12/23/2019 12:45:48</t>
  </si>
  <si>
    <t>10.200.67.76</t>
  </si>
  <si>
    <t>78-2B-CB-C1-05-18</t>
  </si>
  <si>
    <t>VOTORANT-IB011</t>
  </si>
  <si>
    <t>anakcs</t>
  </si>
  <si>
    <t>\\acsfs\profiles$\anakcs\My Documents\xworkcenter\lex\</t>
  </si>
  <si>
    <t>\\acsfs\profiles$\anakcs\My Documents\xworkcenter\lex\temp.tlx</t>
  </si>
  <si>
    <t>12/23/2019 12:45:49</t>
  </si>
  <si>
    <t>12/23/2019 12:45:50</t>
  </si>
  <si>
    <t>12/23/2019 12:45:51</t>
  </si>
  <si>
    <t>12/23/2019 12:45:52</t>
  </si>
  <si>
    <t>12/23/2019 12:45:53</t>
  </si>
  <si>
    <t>12/23/2019 12:45:54</t>
  </si>
  <si>
    <t>12/23/2019 12:45:55</t>
  </si>
  <si>
    <t>12/23/2019 12:45:57</t>
  </si>
  <si>
    <t>12/23/2019 12:48:20</t>
  </si>
  <si>
    <t>12/23/2019 12:45:58</t>
  </si>
  <si>
    <t>12/23/2019 12:45:59</t>
  </si>
  <si>
    <t>12/23/2019 12:46:00</t>
  </si>
  <si>
    <t>12/23/2019 12:46:01</t>
  </si>
  <si>
    <t>12/23/2019 12:46:02</t>
  </si>
  <si>
    <t>12/23/2019 12:46:03</t>
  </si>
  <si>
    <t>12/23/2019 12:46:04</t>
  </si>
  <si>
    <t>12/23/2019 12:46:05</t>
  </si>
  <si>
    <t>12/23/2019 12:46:06</t>
  </si>
  <si>
    <t>12/23/2019 12:46:07</t>
  </si>
  <si>
    <t>12/23/2019 12:46:08</t>
  </si>
  <si>
    <t>12/23/2019 12:46:09</t>
  </si>
  <si>
    <t>12/23/2019 12:46:10</t>
  </si>
  <si>
    <t>12/23/2019 12:45:40</t>
  </si>
  <si>
    <t>12/23/2019 12:49:19</t>
  </si>
  <si>
    <t>8adface6-d66f-433b-a7b1-eb9a5480f83e.tmp</t>
  </si>
  <si>
    <t>\\acsfs\profiles$\sarahbal\Downloads\8adface6-d66f-433b-a7b1-eb9a5480f83e.tmp</t>
  </si>
  <si>
    <t>12/23/2019 12:46:24</t>
  </si>
  <si>
    <t>12/23/2019 12:50:20</t>
  </si>
  <si>
    <t>.~lock.Contato Reneg 23-12.ods#</t>
  </si>
  <si>
    <t>\\acsfs\profiles$\CLAUDIAJCA\.~lock.Contato Reneg 23-12.ods#</t>
  </si>
  <si>
    <t>12/23/2019 12:46:26</t>
  </si>
  <si>
    <t>lu470085e6o30.tmp</t>
  </si>
  <si>
    <t>\\acsfs\profiles$\CLAUDIAJCA\lu470085e6o30.tmp</t>
  </si>
  <si>
    <t>\\acsfs\profiles$\CLAUDIAJCA\lu470085e6o30.tmp\</t>
  </si>
  <si>
    <t>\\acsfs\profiles$\CLAUDIAJCA\lu470085e6o30.tmp\META-INF\</t>
  </si>
  <si>
    <t>\\acsfs\profiles$\CLAUDIAJCA\lu470085e6o30.tmp\Thumbnails\</t>
  </si>
  <si>
    <t>12/23/2019 12:48:05</t>
  </si>
  <si>
    <t>1a4ab482-4a68-4e58-b6f9-553f1969c2dd.tmp</t>
  </si>
  <si>
    <t>\\acsfs\profiles$\nataliacsl\Downloads\1a4ab482-4a68-4e58-b6f9-553f1969c2dd.tmp</t>
  </si>
  <si>
    <t>12/23/2019 12:47:47</t>
  </si>
  <si>
    <t>12/23/2019 12:51:20</t>
  </si>
  <si>
    <t>12/23/2019 12:48:47</t>
  </si>
  <si>
    <t>12/23/2019 12:48:46</t>
  </si>
  <si>
    <t>12/23/2019 12:53:38</t>
  </si>
  <si>
    <t>12/23/2019 12:55:20</t>
  </si>
  <si>
    <t>12/23/2019 12:50:11</t>
  </si>
  <si>
    <t>12/23/2019 12:53:19</t>
  </si>
  <si>
    <t>12/23/2019 12:53:20</t>
  </si>
  <si>
    <t>12/23/2019 12:50:55</t>
  </si>
  <si>
    <t>12/23/2019 12:52:25</t>
  </si>
  <si>
    <t>12/23/2019 12:53:55</t>
  </si>
  <si>
    <t>12/23/2019 12:54:25</t>
  </si>
  <si>
    <t>12/23/2019 12:54:55</t>
  </si>
  <si>
    <t>12/23/2019 12:53:45</t>
  </si>
  <si>
    <t>12/23/2019 12:56:20</t>
  </si>
  <si>
    <t>3568216c-6020-4171-9e1c-34c4be252a5c.tmp</t>
  </si>
  <si>
    <t>\\acsfs\profiles$\YASMINSC\Downloads\3568216c-6020-4171-9e1c-34c4be252a5c.tmp</t>
  </si>
  <si>
    <t>12/23/2019 12:54:07</t>
  </si>
  <si>
    <t>cb63457a-ef27-4a47-909a-3e6e5bf2bc62.tmp</t>
  </si>
  <si>
    <t>\\acsfs\profiles$\paulovadc\Downloads\cb63457a-ef27-4a47-909a-3e6e5bf2bc62.tmp</t>
  </si>
  <si>
    <t>12/23/2019 12:53:47</t>
  </si>
  <si>
    <t>12/23/2019 12:54:47</t>
  </si>
  <si>
    <t>12/23/2019 12:51:15</t>
  </si>
  <si>
    <t>12/23/2019 12:51:17</t>
  </si>
  <si>
    <t>12/23/2019 12:55:30</t>
  </si>
  <si>
    <t>12/23/2019 12:55:01</t>
  </si>
  <si>
    <t>12/23/2019 12:58:20</t>
  </si>
  <si>
    <t>12/23/2019 12:56:37</t>
  </si>
  <si>
    <t>12/23/2019 12:59:20</t>
  </si>
  <si>
    <t>12/23/2019 12:55:09</t>
  </si>
  <si>
    <t>12/23/2019 13:00:20</t>
  </si>
  <si>
    <t>12/23/2019 13:01:20</t>
  </si>
  <si>
    <t>7af05685-6251-49c0-9abc-19ac8141dfc1.tmp</t>
  </si>
  <si>
    <t>\\acsfs\profiles$\YASMINSC\Downloads\7af05685-6251-49c0-9abc-19ac8141dfc1.tmp</t>
  </si>
  <si>
    <t>12/23/2019 12:59:57</t>
  </si>
  <si>
    <t>12/23/2019 12:59:47</t>
  </si>
  <si>
    <t>12/23/2019 13:01:56</t>
  </si>
  <si>
    <t>12/23/2019 13:03:20</t>
  </si>
  <si>
    <t>12/23/2019 13:01:58</t>
  </si>
  <si>
    <t>lu113329gu7t.tmp</t>
  </si>
  <si>
    <t>\\acsfs\profiles$\jonatanls\My Documents\lu113329gu7t.tmp</t>
  </si>
  <si>
    <t>12/23/2019 13:01:34</t>
  </si>
  <si>
    <t>12/23/2019 13:05:21</t>
  </si>
  <si>
    <t>12/23/2019 13:04:13</t>
  </si>
  <si>
    <t>12/23/2019 13:00:42</t>
  </si>
  <si>
    <t>910b2aae-5803-467c-992f-fa688cfc2729.tmp</t>
  </si>
  <si>
    <t>\\acsfs\profiles$\leticiala\Downloads\910b2aae-5803-467c-992f-fa688cfc2729.tmp</t>
  </si>
  <si>
    <t>12/23/2019 13:02:27</t>
  </si>
  <si>
    <t>12/23/2019 13:02:57</t>
  </si>
  <si>
    <t>12/23/2019 13:01:07</t>
  </si>
  <si>
    <t>12/23/2019 13:06:21</t>
  </si>
  <si>
    <t>12/23/2019 13:01:08</t>
  </si>
  <si>
    <t>lu1738414ecgu.tmp</t>
  </si>
  <si>
    <t>\\acsfs\profiles$\LUCASBS\lu1738414ecgu.tmp</t>
  </si>
  <si>
    <t>\\acsfs\profiles$\LUCASBS\lu1738414ecgu.tmp\</t>
  </si>
  <si>
    <t>\\acsfs\profiles$\LUCASBS\lu1738414ecgu.tmp\META-INF\</t>
  </si>
  <si>
    <t>\\acsfs\profiles$\LUCASBS\lu1738414ecgu.tmp\Thumbnails\</t>
  </si>
  <si>
    <t>12/23/2019 13:05:09</t>
  </si>
  <si>
    <t>12/23/2019 13:05:10</t>
  </si>
  <si>
    <t>lu1738414ecgz.tmp</t>
  </si>
  <si>
    <t>\\acsfs\profiles$\LUCASBS\lu1738414ecgz.tmp</t>
  </si>
  <si>
    <t>\\acsfs\profiles$\LUCASBS\lu1738414ecgz.tmp\</t>
  </si>
  <si>
    <t>\\acsfs\profiles$\LUCASBS\lu1738414ecgz.tmp\META-INF\</t>
  </si>
  <si>
    <t>\\acsfs\profiles$\LUCASBS\lu1738414ecgz.tmp\Thumbnails\</t>
  </si>
  <si>
    <t>12/23/2019 13:00:47</t>
  </si>
  <si>
    <t>12/23/2019 13:00:52</t>
  </si>
  <si>
    <t>12/23/2019 13:01:04</t>
  </si>
  <si>
    <t>12/23/2019 13:01:05</t>
  </si>
  <si>
    <t>12/23/2019 13:01:35</t>
  </si>
  <si>
    <t>12/23/2019 13:04:21</t>
  </si>
  <si>
    <t>12/23/2019 13:09:20</t>
  </si>
  <si>
    <t>\\acsfs\profiles$\sayharaefs\Downloads\</t>
  </si>
  <si>
    <t>aca5ad86-ae18-4295-bdc9-5bb5c11bb124.tmp</t>
  </si>
  <si>
    <t>\\acsfs\profiles$\sayharaefs\Downloads\aca5ad86-ae18-4295-bdc9-5bb5c11bb124.tmp</t>
  </si>
  <si>
    <t>12/23/2019 13:08:00</t>
  </si>
  <si>
    <t>12/23/2019 13:11:21</t>
  </si>
  <si>
    <t>12/23/2019 13:08:01</t>
  </si>
  <si>
    <t>lu1738414ech4.tmp</t>
  </si>
  <si>
    <t>\\acsfs\profiles$\LUCASBS\lu1738414ech4.tmp</t>
  </si>
  <si>
    <t>\\acsfs\profiles$\LUCASBS\lu1738414ech4.tmp\</t>
  </si>
  <si>
    <t>\\acsfs\profiles$\LUCASBS\lu1738414ech4.tmp\META-INF\</t>
  </si>
  <si>
    <t>\\acsfs\profiles$\LUCASBS\lu1738414ech4.tmp\Thumbnails\</t>
  </si>
  <si>
    <t>12/23/2019 13:05:47</t>
  </si>
  <si>
    <t>12/23/2019 13:06:47</t>
  </si>
  <si>
    <t>12/23/2019 13:09:37</t>
  </si>
  <si>
    <t>12/23/2019 13:13:21</t>
  </si>
  <si>
    <t>4c16bf10-c180-4126-b327-1c9e20be1852.tmp</t>
  </si>
  <si>
    <t>\\acsfs\profiles$\websondsa\Downloads\4c16bf10-c180-4126-b327-1c9e20be1852.tmp</t>
  </si>
  <si>
    <t>12/23/2019 13:10:04</t>
  </si>
  <si>
    <t>f132b603-3928-4ee2-b4b9-9d7c9b8f7bf9.tmp</t>
  </si>
  <si>
    <t>\\acsfs\profiles$\websondsa\Downloads\f132b603-3928-4ee2-b4b9-9d7c9b8f7bf9.tmp</t>
  </si>
  <si>
    <t>12/23/2019 13:10:19</t>
  </si>
  <si>
    <t>e24ff5c7-7896-41ed-b426-1c2626482751.tmp</t>
  </si>
  <si>
    <t>\\acsfs\profiles$\websondsa\Downloads\e24ff5c7-7896-41ed-b426-1c2626482751.tmp</t>
  </si>
  <si>
    <t>12/23/2019 13:10:37</t>
  </si>
  <si>
    <t>83dc8404-df08-4812-a6a6-39cc067429fa.tmp</t>
  </si>
  <si>
    <t>\\acsfs\profiles$\websondsa\Downloads\83dc8404-df08-4812-a6a6-39cc067429fa.tmp</t>
  </si>
  <si>
    <t>12/23/2019 13:11:10</t>
  </si>
  <si>
    <t>6d378142-75e1-4282-859a-d3973e9aa185.tmp</t>
  </si>
  <si>
    <t>\\acsfs\profiles$\websondsa\Downloads\6d378142-75e1-4282-859a-d3973e9aa185.tmp</t>
  </si>
  <si>
    <t>12/23/2019 13:11:20</t>
  </si>
  <si>
    <t>04980ea0-55e8-4a09-bdd7-77d1e5b8eb9a.tmp</t>
  </si>
  <si>
    <t>\\acsfs\profiles$\websondsa\Downloads\04980ea0-55e8-4a09-bdd7-77d1e5b8eb9a.tmp</t>
  </si>
  <si>
    <t>12/23/2019 13:11:29</t>
  </si>
  <si>
    <t>5b6c55da-7487-4dc9-b2c3-f9fceccce80f.tmp</t>
  </si>
  <si>
    <t>\\acsfs\profiles$\websondsa\Downloads\5b6c55da-7487-4dc9-b2c3-f9fceccce80f.tmp</t>
  </si>
  <si>
    <t>12/23/2019 13:11:53</t>
  </si>
  <si>
    <t>6a52b44b-8d69-422d-b5d8-1aabe10c78fc.tmp</t>
  </si>
  <si>
    <t>\\acsfs\profiles$\websondsa\Downloads\6a52b44b-8d69-422d-b5d8-1aabe10c78fc.tmp</t>
  </si>
  <si>
    <t>12/23/2019 13:12:17</t>
  </si>
  <si>
    <t>29c0c0d2-f78b-4b2f-8d07-3a20315e3203.tmp</t>
  </si>
  <si>
    <t>\\acsfs\profiles$\websondsa\Downloads\29c0c0d2-f78b-4b2f-8d07-3a20315e3203.tmp</t>
  </si>
  <si>
    <t>12/23/2019 13:12:29</t>
  </si>
  <si>
    <t>d3d765e6-a08e-4560-bdce-67ab7236e88a.tmp</t>
  </si>
  <si>
    <t>\\acsfs\profiles$\websondsa\Downloads\d3d765e6-a08e-4560-bdce-67ab7236e88a.tmp</t>
  </si>
  <si>
    <t>12/23/2019 13:12:42</t>
  </si>
  <si>
    <t>da6439d7-cfff-434e-86f3-c78e6ac6cecc.tmp</t>
  </si>
  <si>
    <t>\\acsfs\profiles$\websondsa\Downloads\da6439d7-cfff-434e-86f3-c78e6ac6cecc.tmp</t>
  </si>
  <si>
    <t>12/23/2019 13:13:35</t>
  </si>
  <si>
    <t>12/23/2019 13:16:20</t>
  </si>
  <si>
    <t>10.200.66.18</t>
  </si>
  <si>
    <t>74-86-7A-FB-18-D0</t>
  </si>
  <si>
    <t>VOTORANT-GB013</t>
  </si>
  <si>
    <t>karinarm</t>
  </si>
  <si>
    <t>\\acsfs\profiles$\karinarm\Downloads\</t>
  </si>
  <si>
    <t>fc96599e-3d28-411c-b4bf-8a610bc4b0d4.tmp</t>
  </si>
  <si>
    <t>\\acsfs\profiles$\karinarm\Downloads\fc96599e-3d28-411c-b4bf-8a610bc4b0d4.tmp</t>
  </si>
  <si>
    <t>12/23/2019 13:14:00</t>
  </si>
  <si>
    <t>cc96dc3c-837c-4ac3-86a2-074c3d93828f.tmp</t>
  </si>
  <si>
    <t>\\acsfs\profiles$\karinarm\Downloads\cc96dc3c-837c-4ac3-86a2-074c3d93828f.tmp</t>
  </si>
  <si>
    <t>12/23/2019 13:14:12</t>
  </si>
  <si>
    <t>Não confirmado 824203.crdownload</t>
  </si>
  <si>
    <t>\\acsfs\profiles$\karinarm\Downloads\Não confirmado 824203.crdownload</t>
  </si>
  <si>
    <t>12/23/2019 13:14:15</t>
  </si>
  <si>
    <t>Não confirmado 454941.crdownload</t>
  </si>
  <si>
    <t>\\acsfs\profiles$\karinarm\Downloads\Não confirmado 454941.crdownload</t>
  </si>
  <si>
    <t>12/23/2019 13:14:19</t>
  </si>
  <si>
    <t>62e7e58d-8a14-4a08-846f-324f721e593a.tmp</t>
  </si>
  <si>
    <t>\\acsfs\profiles$\karinarm\Downloads\62e7e58d-8a14-4a08-846f-324f721e593a.tmp</t>
  </si>
  <si>
    <t>12/23/2019 13:14:20</t>
  </si>
  <si>
    <t>12/23/2019 13:14:21</t>
  </si>
  <si>
    <t>lu1738414ech9.tmp</t>
  </si>
  <si>
    <t>\\acsfs\profiles$\LUCASBS\lu1738414ech9.tmp</t>
  </si>
  <si>
    <t>\\acsfs\profiles$\LUCASBS\lu1738414ech9.tmp\</t>
  </si>
  <si>
    <t>\\acsfs\profiles$\LUCASBS\lu1738414ech9.tmp\META-INF\</t>
  </si>
  <si>
    <t>\\acsfs\profiles$\LUCASBS\lu1738414ech9.tmp\Thumbnails\</t>
  </si>
  <si>
    <t>12/23/2019 13:11:47</t>
  </si>
  <si>
    <t>12/23/2019 13:12:47</t>
  </si>
  <si>
    <t>12/23/2019 13:14:51</t>
  </si>
  <si>
    <t>12/23/2019 13:14:56</t>
  </si>
  <si>
    <t>12/23/2019 13:15:06</t>
  </si>
  <si>
    <t>12/23/2019 13:15:43</t>
  </si>
  <si>
    <t>12/23/2019 13:15:08</t>
  </si>
  <si>
    <t>12/23/2019 13:18:20</t>
  </si>
  <si>
    <t>12/23/2019 13:14:45</t>
  </si>
  <si>
    <t>76aa329a-3501-407f-a997-4f098d1a8e16.tmp</t>
  </si>
  <si>
    <t>\\acsfs\profiles$\websondsa\Downloads\76aa329a-3501-407f-a997-4f098d1a8e16.tmp</t>
  </si>
  <si>
    <t>12/23/2019 13:18:13</t>
  </si>
  <si>
    <t>12/23/2019 13:20:21</t>
  </si>
  <si>
    <t>bc2186e2-c41f-47bc-bc00-76cb8f2aa54a.tmp</t>
  </si>
  <si>
    <t>\\acsfs\profiles$\quindaizaagds\Downloads\bc2186e2-c41f-47bc-bc00-76cb8f2aa54a.tmp</t>
  </si>
  <si>
    <t>12/23/2019 13:18:51</t>
  </si>
  <si>
    <t>3a2f2657-b27e-46f5-af37-b393dce16a53.tmp</t>
  </si>
  <si>
    <t>\\acsfs\profiles$\quindaizaagds\Downloads\3a2f2657-b27e-46f5-af37-b393dce16a53.tmp</t>
  </si>
  <si>
    <t>12/23/2019 13:19:00</t>
  </si>
  <si>
    <t>c6e8f6a3-4510-4d16-acf2-ffa09056e3a7.tmp</t>
  </si>
  <si>
    <t>\\acsfs\profiles$\quindaizaagds\Downloads\c6e8f6a3-4510-4d16-acf2-ffa09056e3a7.tmp</t>
  </si>
  <si>
    <t>12/23/2019 13:18:46</t>
  </si>
  <si>
    <t>12/23/2019 13:18:48</t>
  </si>
  <si>
    <t>12/23/2019 13:18:37</t>
  </si>
  <si>
    <t>12/23/2019 13:21:21</t>
  </si>
  <si>
    <t>12/23/2019 13:18:38</t>
  </si>
  <si>
    <t>lu1738414eche.tmp</t>
  </si>
  <si>
    <t>\\acsfs\profiles$\LUCASBS\lu1738414eche.tmp</t>
  </si>
  <si>
    <t>\\acsfs\profiles$\LUCASBS\lu1738414eche.tmp\</t>
  </si>
  <si>
    <t>\\acsfs\profiles$\LUCASBS\lu1738414eche.tmp\META-INF\</t>
  </si>
  <si>
    <t>\\acsfs\profiles$\LUCASBS\lu1738414eche.tmp\Thumbnails\</t>
  </si>
  <si>
    <t>12/23/2019 13:17:47</t>
  </si>
  <si>
    <t>12/23/2019 13:18:47</t>
  </si>
  <si>
    <t>12/23/2019 13:15:56</t>
  </si>
  <si>
    <t>12/23/2019 13:17:25</t>
  </si>
  <si>
    <t>12/23/2019 13:17:27</t>
  </si>
  <si>
    <t>12/23/2019 13:18:23</t>
  </si>
  <si>
    <t>NATALIA CRISTINA DOS SANTOS LIMA_1_6771040891691941814_1_32.wav</t>
  </si>
  <si>
    <t>\\acsfs\Deptos\EDUCACAO EMPRESARIAL\KÉSIA\Ligações 3º ciclo - Késia\NATALIA CRISTINA DOS SANTOS LIMA_1_6771040891691941814_1_32.wav</t>
  </si>
  <si>
    <t>12/23/2019 13:21:29</t>
  </si>
  <si>
    <t>12/23/2019 13:22:21</t>
  </si>
  <si>
    <t>12/23/2019 13:22:28</t>
  </si>
  <si>
    <t>12/23/2019 13:23:22</t>
  </si>
  <si>
    <t>10.200.67.17</t>
  </si>
  <si>
    <t>78-2B-CB-C1-05-35</t>
  </si>
  <si>
    <t>VOTORANT-GB008</t>
  </si>
  <si>
    <t>danielpdl</t>
  </si>
  <si>
    <t>\\acsfs\profiles$\danielpdl\Downloads\</t>
  </si>
  <si>
    <t>433f5f63-9967-4ef2-bc74-8388bc60a4f6.tmp</t>
  </si>
  <si>
    <t>\\acsfs\profiles$\danielpdl\Downloads\433f5f63-9967-4ef2-bc74-8388bc60a4f6.tmp</t>
  </si>
  <si>
    <t>12/23/2019 13:18:41</t>
  </si>
  <si>
    <t>ebdc3a87-7064-408b-86af-e2921f090348.tmp</t>
  </si>
  <si>
    <t>\\acsfs\profiles$\websondsa\Downloads\ebdc3a87-7064-408b-86af-e2921f090348.tmp</t>
  </si>
  <si>
    <t>12/23/2019 13:18:53</t>
  </si>
  <si>
    <t>1b3ade2c-bb70-46b7-916d-b72c8480f7a5.tmp</t>
  </si>
  <si>
    <t>\\acsfs\profiles$\websondsa\Downloads\1b3ade2c-bb70-46b7-916d-b72c8480f7a5.tmp</t>
  </si>
  <si>
    <t>12/23/2019 13:19:05</t>
  </si>
  <si>
    <t>add5b3d7-a712-446d-b556-6c484a99e535.tmp</t>
  </si>
  <si>
    <t>\\acsfs\profiles$\websondsa\Downloads\add5b3d7-a712-446d-b556-6c484a99e535.tmp</t>
  </si>
  <si>
    <t>12/23/2019 13:21:37</t>
  </si>
  <si>
    <t>5969f736-c713-47ff-83ea-88979570f137.tmp</t>
  </si>
  <si>
    <t>\\acsfs\profiles$\websondsa\Downloads\5969f736-c713-47ff-83ea-88979570f137.tmp</t>
  </si>
  <si>
    <t>12/23/2019 13:21:45</t>
  </si>
  <si>
    <t>a70451aa-9238-4c61-b146-99cf68547ca1.tmp</t>
  </si>
  <si>
    <t>\\acsfs\profiles$\websondsa\Downloads\a70451aa-9238-4c61-b146-99cf68547ca1.tmp</t>
  </si>
  <si>
    <t>12/23/2019 13:22:15</t>
  </si>
  <si>
    <t>96f3d86e-c0c9-45da-a111-6881e53957e4.tmp</t>
  </si>
  <si>
    <t>\\acsfs\profiles$\websondsa\Downloads\96f3d86e-c0c9-45da-a111-6881e53957e4.tmp</t>
  </si>
  <si>
    <t>12/23/2019 13:22:22</t>
  </si>
  <si>
    <t>45491936-1410-4634-92ec-0a0bfe1ed896.tmp</t>
  </si>
  <si>
    <t>\\acsfs\profiles$\websondsa\Downloads\45491936-1410-4634-92ec-0a0bfe1ed896.tmp</t>
  </si>
  <si>
    <t>12/23/2019 13:22:29</t>
  </si>
  <si>
    <t>598c7d84-45db-43bf-abeb-ddd72f6a3e93.tmp</t>
  </si>
  <si>
    <t>\\acsfs\profiles$\websondsa\Downloads\598c7d84-45db-43bf-abeb-ddd72f6a3e93.tmp</t>
  </si>
  <si>
    <t>12/23/2019 13:22:38</t>
  </si>
  <si>
    <t>0c2f60ef-1856-4c3b-b0ef-8f82f8bf668a.tmp</t>
  </si>
  <si>
    <t>\\acsfs\profiles$\websondsa\Downloads\0c2f60ef-1856-4c3b-b0ef-8f82f8bf668a.tmp</t>
  </si>
  <si>
    <t>12/23/2019 13:22:45</t>
  </si>
  <si>
    <t>Não confirmado 486693.crdownload</t>
  </si>
  <si>
    <t>\\acsfs\profiles$\websondsa\Downloads\Não confirmado 486693.crdownload</t>
  </si>
  <si>
    <t>12/23/2019 13:23:07</t>
  </si>
  <si>
    <t>3aba2a39-e8bd-455c-afbd-c14ed964ffd9.tmp</t>
  </si>
  <si>
    <t>\\acsfs\profiles$\websondsa\Downloads\3aba2a39-e8bd-455c-afbd-c14ed964ffd9.tmp</t>
  </si>
  <si>
    <t>12/23/2019 13:19:10</t>
  </si>
  <si>
    <t>12/23/2019 13:24:21</t>
  </si>
  <si>
    <t>12/23/2019 13:20:56</t>
  </si>
  <si>
    <t>22c95c4d-4ef8-4b08-9bcc-10978c74fef8.tmp</t>
  </si>
  <si>
    <t>\\acsfs\profiles$\felipetds\Downloads\22c95c4d-4ef8-4b08-9bcc-10978c74fef8.tmp</t>
  </si>
  <si>
    <t>12/23/2019 13:20:49</t>
  </si>
  <si>
    <t>e0ddc896-fe0a-4b43-a5ce-2b3323b55631.tmp</t>
  </si>
  <si>
    <t>\\acsfs\profiles$\ayalabfi\Downloads\e0ddc896-fe0a-4b43-a5ce-2b3323b55631.tmp</t>
  </si>
  <si>
    <t>12/23/2019 13:20:05</t>
  </si>
  <si>
    <t>12/23/2019 13:25:22</t>
  </si>
  <si>
    <t>42fc5499-d51d-4f39-b2b8-b85239650d66.tmp</t>
  </si>
  <si>
    <t>\\acsfs\profiles$\quindaizaagds\Downloads\42fc5499-d51d-4f39-b2b8-b85239650d66.tmp</t>
  </si>
  <si>
    <t>12/23/2019 13:24:16</t>
  </si>
  <si>
    <t>12/23/2019 13:26:21</t>
  </si>
  <si>
    <t>12/23/2019 13:24:17</t>
  </si>
  <si>
    <t>lu1738414echj.tmp</t>
  </si>
  <si>
    <t>\\acsfs\profiles$\LUCASBS\lu1738414echj.tmp</t>
  </si>
  <si>
    <t>\\acsfs\profiles$\LUCASBS\lu1738414echj.tmp\</t>
  </si>
  <si>
    <t>\\acsfs\profiles$\LUCASBS\lu1738414echj.tmp\META-INF\</t>
  </si>
  <si>
    <t>\\acsfs\profiles$\LUCASBS\lu1738414echj.tmp\Thumbnails\</t>
  </si>
  <si>
    <t>12/23/2019 13:23:49</t>
  </si>
  <si>
    <t>\\acsfs\Deptos\EDUCACAO EMPRESARIAL\FERNANDA MONIT\Fernanda\RECLAMAÇÃO E OUVIDORIA\LAUDO PARA DEBORA.docx\</t>
  </si>
  <si>
    <t>image1.wmf</t>
  </si>
  <si>
    <t>\\acsfs\Deptos\EDUCACAO EMPRESARIAL\FERNANDA MONIT\Fernanda\RECLAMAÇÃO E OUVIDORIA\LAUDO PARA DEBORA.docx</t>
  </si>
  <si>
    <t>image2.wmf</t>
  </si>
  <si>
    <t>\\acsfs\Deptos\EDUCACAO EMPRESARIAL\FERNANDA MONIT\Fernanda\RECLAMAÇÃO E OUVIDORIA\</t>
  </si>
  <si>
    <t>LAUDO PARA DEBORA.docx</t>
  </si>
  <si>
    <t>12/23/2019 13:24:04</t>
  </si>
  <si>
    <t>12/23/2019 13:23:47</t>
  </si>
  <si>
    <t>12/23/2019 13:24:09</t>
  </si>
  <si>
    <t>mail.google.com/sync/u/0/i/s?hl=pt-BR&amp;c=341</t>
  </si>
  <si>
    <t>12/23/2019 13:24:47</t>
  </si>
  <si>
    <t>12/23/2019 13:24:20</t>
  </si>
  <si>
    <t>mail.google.com/sync/u/0/i/s?hl=pt-BR&amp;c=343</t>
  </si>
  <si>
    <t>12/23/2019 13:24:50</t>
  </si>
  <si>
    <t>12/23/2019 13:27:22</t>
  </si>
  <si>
    <t>ce802374-d34d-48bd-be60-b95bcad7302e.tmp</t>
  </si>
  <si>
    <t>\\acsfs\profiles$\deboraaa\Downloads\ce802374-d34d-48bd-be60-b95bcad7302e.tmp</t>
  </si>
  <si>
    <t>12/23/2019 13:26:32</t>
  </si>
  <si>
    <t>12/23/2019 13:28:22</t>
  </si>
  <si>
    <t>f5c48867-d5d5-4c67-aafe-c9ca128b7b0e.tmp</t>
  </si>
  <si>
    <t>\\acsfs\profiles$\gabrielafs\Downloads\f5c48867-d5d5-4c67-aafe-c9ca128b7b0e.tmp</t>
  </si>
  <si>
    <t>12/23/2019 13:23:25</t>
  </si>
  <si>
    <t>ddba83e8-a1f5-4710-aa10-5ebd2c3cc28a.tmp</t>
  </si>
  <si>
    <t>\\acsfs\profiles$\websondsa\Downloads\ddba83e8-a1f5-4710-aa10-5ebd2c3cc28a.tmp</t>
  </si>
  <si>
    <t>12/23/2019 13:24:45</t>
  </si>
  <si>
    <t>12/23/2019 13:29:22</t>
  </si>
  <si>
    <t>\\acsfs\profiles$\brendavdoa\My Documents\$RECYCLE.BIN\</t>
  </si>
  <si>
    <t>$I9H900U.txt</t>
  </si>
  <si>
    <t>\\acsfs\profiles$\brendavdoa\My Documents\$RECYCLE.BIN\$I9H900U.txt</t>
  </si>
  <si>
    <t>12/23/2019 13:24:55</t>
  </si>
  <si>
    <t>$IS4FVS7.txt</t>
  </si>
  <si>
    <t>\\acsfs\profiles$\brendavdoa\My Documents\$RECYCLE.BIN\$IS4FVS7.txt</t>
  </si>
  <si>
    <t>12/23/2019 13:25:09</t>
  </si>
  <si>
    <t>$IQ9TN6Q.txt</t>
  </si>
  <si>
    <t>\\acsfs\profiles$\brendavdoa\My Documents\$RECYCLE.BIN\$IQ9TN6Q.txt</t>
  </si>
  <si>
    <t>12/23/2019 13:25:17</t>
  </si>
  <si>
    <t>$I1X3JY4.txt</t>
  </si>
  <si>
    <t>\\acsfs\profiles$\brendavdoa\My Documents\$RECYCLE.BIN\$I1X3JY4.txt</t>
  </si>
  <si>
    <t>12/23/2019 13:25:24</t>
  </si>
  <si>
    <t>$I1PE4ES.txt</t>
  </si>
  <si>
    <t>\\acsfs\profiles$\brendavdoa\My Documents\$RECYCLE.BIN\$I1PE4ES.txt</t>
  </si>
  <si>
    <t>12/23/2019 13:25:29</t>
  </si>
  <si>
    <t>$I10JV7M.txt</t>
  </si>
  <si>
    <t>\\acsfs\profiles$\brendavdoa\My Documents\$RECYCLE.BIN\$I10JV7M.txt</t>
  </si>
  <si>
    <t>12/23/2019 13:25:33</t>
  </si>
  <si>
    <t>$IEBZK4E.txt</t>
  </si>
  <si>
    <t>\\acsfs\profiles$\brendavdoa\My Documents\$RECYCLE.BIN\$IEBZK4E.txt</t>
  </si>
  <si>
    <t>12/23/2019 13:25:38</t>
  </si>
  <si>
    <t>$I46UTGA.txt</t>
  </si>
  <si>
    <t>\\acsfs\profiles$\brendavdoa\My Documents\$RECYCLE.BIN\$I46UTGA.txt</t>
  </si>
  <si>
    <t>12/23/2019 13:25:45</t>
  </si>
  <si>
    <t>$I7LXNKD.txt</t>
  </si>
  <si>
    <t>\\acsfs\profiles$\brendavdoa\My Documents\$RECYCLE.BIN\$I7LXNKD.txt</t>
  </si>
  <si>
    <t>12/23/2019 13:25:50</t>
  </si>
  <si>
    <t>$I0NNF7Z.txt</t>
  </si>
  <si>
    <t>\\acsfs\profiles$\brendavdoa\My Documents\$RECYCLE.BIN\$I0NNF7Z.txt</t>
  </si>
  <si>
    <t>12/23/2019 13:26:01</t>
  </si>
  <si>
    <t>12/23/2019 13:30:22</t>
  </si>
  <si>
    <t>12/23/2019 13:29:51</t>
  </si>
  <si>
    <t>12/23/2019 13:31:22</t>
  </si>
  <si>
    <t>12/23/2019 13:29:52</t>
  </si>
  <si>
    <t>lu135922xa83.tmp</t>
  </si>
  <si>
    <t>\\acsfs\profiles$\Flaviojmm\My Documents\lu135922xa83.tmp</t>
  </si>
  <si>
    <t>\\acsfs\profiles$\Flaviojmm\My Documents\lu135922xa83.tmp\</t>
  </si>
  <si>
    <t>\\acsfs\profiles$\Flaviojmm\My Documents\lu135922xa83.tmp\META-INF\</t>
  </si>
  <si>
    <t>\\acsfs\profiles$\Flaviojmm\My Documents\lu135922xa83.tmp\Thumbnails\</t>
  </si>
  <si>
    <t>12/23/2019 13:29:47</t>
  </si>
  <si>
    <t>12/23/2019 13:30:15</t>
  </si>
  <si>
    <t>12/23/2019 13:32:22</t>
  </si>
  <si>
    <t>1cdd6ba8-80fa-4705-b2ef-176e6e4ed01f.tmp</t>
  </si>
  <si>
    <t>\\acsfs\profiles$\gabrielarb\Downloads\1cdd6ba8-80fa-4705-b2ef-176e6e4ed01f.tmp</t>
  </si>
  <si>
    <t>12/23/2019 13:32:02</t>
  </si>
  <si>
    <t>12/23/2019 13:35:22</t>
  </si>
  <si>
    <t>https://udpwfmniceap02/web/guest/home?p_auth=vkzj5txv&amp;p_p_id=58&amp;p_p_lifecycle=1&amp;p_p_state=maximized&amp;p_p_mode=view&amp;savelastpath=0&amp;_58_struts_action=/login/forgot_password</t>
  </si>
  <si>
    <t>12/23/2019 13:30:33</t>
  </si>
  <si>
    <t>12/23/2019 13:36:22</t>
  </si>
  <si>
    <t>d28b11aa-04fb-493a-8eac-34b78ee89ee3.tmp</t>
  </si>
  <si>
    <t>\\acsfs\profiles$\laianear\Downloads\d28b11aa-04fb-493a-8eac-34b78ee89ee3.tmp</t>
  </si>
  <si>
    <t>12/23/2019 13:33:04</t>
  </si>
  <si>
    <t>12/23/2019 13:33:05</t>
  </si>
  <si>
    <t>lu1738414echo.tmp</t>
  </si>
  <si>
    <t>\\acsfs\profiles$\LUCASBS\lu1738414echo.tmp</t>
  </si>
  <si>
    <t>\\acsfs\profiles$\LUCASBS\lu1738414echo.tmp\</t>
  </si>
  <si>
    <t>\\acsfs\profiles$\LUCASBS\lu1738414echo.tmp\META-INF\</t>
  </si>
  <si>
    <t>\\acsfs\profiles$\LUCASBS\lu1738414echo.tmp\Thumbnails\</t>
  </si>
  <si>
    <t>12/23/2019 13:30:47</t>
  </si>
  <si>
    <t>12/23/2019 13:35:15</t>
  </si>
  <si>
    <t>https://udpmailboxap01/h/search?si=0&amp;so=0&amp;sc=51798&amp;sfi=2&amp;st=message&amp;action=compose</t>
  </si>
  <si>
    <t>gustavodsil@algartech.com;</t>
  </si>
  <si>
    <t>https://gustavodsil@algartech.com</t>
  </si>
  <si>
    <t>12/23/2019 13:38:21</t>
  </si>
  <si>
    <t>12/23/2019 13:34:06</t>
  </si>
  <si>
    <t>cf664e56-d034-4ce0-9beb-5851686e48ae.tmp</t>
  </si>
  <si>
    <t>\\acsfs\profiles$\websondsa\Downloads\cf664e56-d034-4ce0-9beb-5851686e48ae.tmp</t>
  </si>
  <si>
    <t>12/23/2019 13:34:07</t>
  </si>
  <si>
    <t>1c2731c0-99ee-434a-ba88-e817bc2b2236.tmp</t>
  </si>
  <si>
    <t>\\acsfs\profiles$\websondsa\Downloads\1c2731c0-99ee-434a-ba88-e817bc2b2236.tmp</t>
  </si>
  <si>
    <t>12/23/2019 13:35:06</t>
  </si>
  <si>
    <t>12/23/2019 13:40:21</t>
  </si>
  <si>
    <t>12/23/2019 13:38:04</t>
  </si>
  <si>
    <t>12/23/2019 13:39:04</t>
  </si>
  <si>
    <t>12/23/2019 13:40:04</t>
  </si>
  <si>
    <t>12/23/2019 13:36:36</t>
  </si>
  <si>
    <t>12/23/2019 13:41:22</t>
  </si>
  <si>
    <t>0ec8ab1e-4b2d-4250-9ae8-711ece6fd1d7.tmp</t>
  </si>
  <si>
    <t>\\acsfs\profiles$\paulovadc\Downloads\0ec8ab1e-4b2d-4250-9ae8-711ece6fd1d7.tmp</t>
  </si>
  <si>
    <t>12/23/2019 13:35:47</t>
  </si>
  <si>
    <t>12/23/2019 13:36:48</t>
  </si>
  <si>
    <t>12/23/2019 13:37:23</t>
  </si>
  <si>
    <t>mail.google.com/sync/u/0/i/s?hl=pt-BR&amp;c=139</t>
  </si>
  <si>
    <t>12/23/2019 13:37:39</t>
  </si>
  <si>
    <t>mail.google.com/sync/u/0/i/s?hl=pt-BR&amp;c=141</t>
  </si>
  <si>
    <t>12/23/2019 13:39:50</t>
  </si>
  <si>
    <t>mail.google.com/sync/u/0/i/s?hl=pt-BR&amp;c=148</t>
  </si>
  <si>
    <t>12/23/2019 13:40:02</t>
  </si>
  <si>
    <t>mail.google.com/sync/u/0/i/s?hl=pt-BR&amp;c=150</t>
  </si>
  <si>
    <t>12/23/2019 13:40:09</t>
  </si>
  <si>
    <t>mail.google.com/sync/u/0/i/s?hl=pt-BR&amp;c=152</t>
  </si>
  <si>
    <t>12/23/2019 13:40:22</t>
  </si>
  <si>
    <t>mail.google.com/sync/u/0/i/s?hl=pt-BR&amp;c=154</t>
  </si>
  <si>
    <t>12/23/2019 13:39:54</t>
  </si>
  <si>
    <t>Laiane.txt</t>
  </si>
  <si>
    <t>\\acsfs\profiles$\laianear\Laiane.txt</t>
  </si>
  <si>
    <t>12/23/2019 13:39:34</t>
  </si>
  <si>
    <t>PEDRO HENRIQUE ALMEIDA BATISTA_1_6770317120983081220_1_32.wav</t>
  </si>
  <si>
    <t>\\acsfs\Deptos\EDUCACAO EMPRESARIAL\KÉSIA\Ligações 3º ciclo - Késia\PEDRO HENRIQUE ALMEIDA BATISTA_1_6770317120983081220_1_32.wav</t>
  </si>
  <si>
    <t>12/23/2019 13:39:11</t>
  </si>
  <si>
    <t>12/23/2019 13:43:21</t>
  </si>
  <si>
    <t>10.200.67.37</t>
  </si>
  <si>
    <t>78-2B-CB-C1-07-04</t>
  </si>
  <si>
    <t>VOTORANT-LB010</t>
  </si>
  <si>
    <t>brendadsl</t>
  </si>
  <si>
    <t>\\acsfs\profiles$\brendadsl\Downloads\</t>
  </si>
  <si>
    <t>09b7ef15-a239-4a22-9979-64802671ecb8.tmp</t>
  </si>
  <si>
    <t>\\acsfs\profiles$\brendadsl\Downloads\09b7ef15-a239-4a22-9979-64802671ecb8.tmp</t>
  </si>
  <si>
    <t>12/23/2019 13:39:13</t>
  </si>
  <si>
    <t>b6a7ddef-3e1c-4a00-8952-e570c356e239.tmp</t>
  </si>
  <si>
    <t>\\acsfs\profiles$\brendadsl\Downloads\b6a7ddef-3e1c-4a00-8952-e570c356e239.tmp</t>
  </si>
  <si>
    <t>12/23/2019 13:39:14</t>
  </si>
  <si>
    <t>ce6ebb35-8d23-4a84-924a-edb928e2eb03.tmp</t>
  </si>
  <si>
    <t>\\acsfs\profiles$\brendadsl\Downloads\ce6ebb35-8d23-4a84-924a-edb928e2eb03.tmp</t>
  </si>
  <si>
    <t>12/23/2019 13:39:17</t>
  </si>
  <si>
    <t>814395c9-3163-42a2-8faa-eb5d0e31680f.tmp</t>
  </si>
  <si>
    <t>\\acsfs\profiles$\brendadsl\Downloads\814395c9-3163-42a2-8faa-eb5d0e31680f.tmp</t>
  </si>
  <si>
    <t>12/23/2019 13:39:18</t>
  </si>
  <si>
    <t>58028397-3868-4fbb-a1a2-1f0243f7ca9f.tmp</t>
  </si>
  <si>
    <t>\\acsfs\profiles$\brendadsl\Downloads\58028397-3868-4fbb-a1a2-1f0243f7ca9f.tmp</t>
  </si>
  <si>
    <t>12/23/2019 13:41:45</t>
  </si>
  <si>
    <t>323d02ca-98df-4d2f-8f1e-d6e762ddf511.tmp</t>
  </si>
  <si>
    <t>\\acsfs\profiles$\brendadsl\Downloads\323d02ca-98df-4d2f-8f1e-d6e762ddf511.tmp</t>
  </si>
  <si>
    <t>12/23/2019 13:41:49</t>
  </si>
  <si>
    <t>7fcd10ff-efcc-4ac0-9fd5-c63916086f51.tmp</t>
  </si>
  <si>
    <t>\\acsfs\profiles$\brendadsl\Downloads\7fcd10ff-efcc-4ac0-9fd5-c63916086f51.tmp</t>
  </si>
  <si>
    <t>12/23/2019 13:39:53</t>
  </si>
  <si>
    <t>12/23/2019 13:45:21</t>
  </si>
  <si>
    <t>12/23/2019 13:43:14</t>
  </si>
  <si>
    <t>12/23/2019 13:40:34</t>
  </si>
  <si>
    <t>12/23/2019 13:41:14</t>
  </si>
  <si>
    <t>12/23/2019 13:46:21</t>
  </si>
  <si>
    <t>Alice Crispina Pereira Barbosa Coelho_1_6769205501842490902_1_32.wav</t>
  </si>
  <si>
    <t>\\acsfs\Deptos\EDUCACAO EMPRESARIAL\FERNANDA MONIT\Ligação para Mutant terceiro Ciclo\Alice Crispina Pereira Barbosa Coelho_1_6769205501842490902_1_32.wav</t>
  </si>
  <si>
    <t>12/23/2019 13:40:43</t>
  </si>
  <si>
    <t>mail.google.com/sync/u/0/i/s?hl=pt-BR&amp;c=157</t>
  </si>
  <si>
    <t>12/23/2019 13:40:52</t>
  </si>
  <si>
    <t>mail.google.com/sync/u/0/i/s?hl=pt-BR&amp;c=159</t>
  </si>
  <si>
    <t>12/23/2019 13:41:01</t>
  </si>
  <si>
    <t>12/23/2019 13:41:25</t>
  </si>
  <si>
    <t>mail.google.com/sync/u/0/i/s?hl=pt-BR&amp;c=163</t>
  </si>
  <si>
    <t>12/23/2019 13:41:47</t>
  </si>
  <si>
    <t>12/23/2019 13:42:47</t>
  </si>
  <si>
    <t>12/23/2019 13:46:56</t>
  </si>
  <si>
    <t>12/23/2019 13:48:20</t>
  </si>
  <si>
    <t>2d5aec82-1bf4-4306-a14c-984ebcbf1a19.tmp</t>
  </si>
  <si>
    <t>\\acsfs\profiles$\geovannasm\Downloads\2d5aec82-1bf4-4306-a14c-984ebcbf1a19.tmp</t>
  </si>
  <si>
    <t>12/23/2019 13:43:10</t>
  </si>
  <si>
    <t>10.200.67.122</t>
  </si>
  <si>
    <t>74-86-7A-FB-19-0C</t>
  </si>
  <si>
    <t>VOTORANT-GB010</t>
  </si>
  <si>
    <t>georgendsq</t>
  </si>
  <si>
    <t>\\acsfs\profiles$\georgendsq\Downloads\</t>
  </si>
  <si>
    <t>309c9706-e0f5-4a8a-9ff5-e07a246cfe47.tmp</t>
  </si>
  <si>
    <t>\\acsfs\profiles$\georgendsq\Downloads\309c9706-e0f5-4a8a-9ff5-e07a246cfe47.tmp</t>
  </si>
  <si>
    <t>12/23/2019 13:43:42</t>
  </si>
  <si>
    <t>b1820740-ae4a-4ea4-8139-9ef1aa24135c.tmp</t>
  </si>
  <si>
    <t>\\acsfs\profiles$\georgendsq\Downloads\b1820740-ae4a-4ea4-8139-9ef1aa24135c.tmp</t>
  </si>
  <si>
    <t>12/23/2019 13:43:58</t>
  </si>
  <si>
    <t>00b8cf0b-ff77-411e-9982-b8a511c09cee.tmp</t>
  </si>
  <si>
    <t>\\acsfs\profiles$\georgendsq\Downloads\00b8cf0b-ff77-411e-9982-b8a511c09cee.tmp</t>
  </si>
  <si>
    <t>12/23/2019 13:44:26</t>
  </si>
  <si>
    <t>3a7ba9c4-9c86-4671-b9ea-c1c1b634127b.tmp</t>
  </si>
  <si>
    <t>\\acsfs\profiles$\georgendsq\Downloads\3a7ba9c4-9c86-4671-b9ea-c1c1b634127b.tmp</t>
  </si>
  <si>
    <t>12/23/2019 13:44:40</t>
  </si>
  <si>
    <t>1609e2d7-dd91-40f4-b310-361c4ef7751a.tmp</t>
  </si>
  <si>
    <t>\\acsfs\profiles$\georgendsq\Downloads\1609e2d7-dd91-40f4-b310-361c4ef7751a.tmp</t>
  </si>
  <si>
    <t>12/23/2019 13:45:01</t>
  </si>
  <si>
    <t>48ac542b-f5fd-4048-8312-fc5e65f67ae9.tmp</t>
  </si>
  <si>
    <t>\\acsfs\profiles$\georgendsq\Downloads\48ac542b-f5fd-4048-8312-fc5e65f67ae9.tmp</t>
  </si>
  <si>
    <t>12/23/2019 13:44:21</t>
  </si>
  <si>
    <t>10.200.66.36</t>
  </si>
  <si>
    <t>78-2B-CB-C1-05-A0</t>
  </si>
  <si>
    <t>VOTORANT-IB016</t>
  </si>
  <si>
    <t>bernardopcm</t>
  </si>
  <si>
    <t>\\acsfs\profiles$\bernardopcm\Contacts\</t>
  </si>
  <si>
    <t>BERNARDO PATRICK CARNEIRO MOTA (25).contact</t>
  </si>
  <si>
    <t>\\acsfs\profiles$\bernardopcm\Contacts\BERNARDO PATRICK CARNEIRO MOTA (25).contact</t>
  </si>
  <si>
    <t>12/23/2019 13:44:37</t>
  </si>
  <si>
    <t>\\acsfs\profiles$\bernardopcm\My Documents\My Videos\</t>
  </si>
  <si>
    <t>\\acsfs\profiles$\bernardopcm\My Documents\My Videos\desktop.ini</t>
  </si>
  <si>
    <t>\\acsfs\profiles$\bernardopcm\My Documents\My Pictures\</t>
  </si>
  <si>
    <t>\\acsfs\profiles$\bernardopcm\My Documents\My Pictures\desktop.ini</t>
  </si>
  <si>
    <t>12/23/2019 13:44:38</t>
  </si>
  <si>
    <t>\\acsfs\profiles$\bernardopcm\Contacts\desktop.ini</t>
  </si>
  <si>
    <t>\\acsfs\profiles$\bernardopcm\Favorites\</t>
  </si>
  <si>
    <t>\\acsfs\profiles$\bernardopcm\Favorites\desktop.ini</t>
  </si>
  <si>
    <t>12/23/2019 13:44:39</t>
  </si>
  <si>
    <t>\\acsfs\profiles$\bernardopcm\My Documents\My Music\</t>
  </si>
  <si>
    <t>\\acsfs\profiles$\bernardopcm\My Documents\My Music\desktop.ini</t>
  </si>
  <si>
    <t>\\acsfs\profiles$\bernardopcm\Searches\</t>
  </si>
  <si>
    <t>\\acsfs\profiles$\bernardopcm\Searches\desktop.ini</t>
  </si>
  <si>
    <t>\\acsfs\profiles$\bernardopcm\Downloads\</t>
  </si>
  <si>
    <t>\\acsfs\profiles$\bernardopcm\Downloads\desktop.ini</t>
  </si>
  <si>
    <t>\\acsfs\profiles$\bernardopcm\My Documents\</t>
  </si>
  <si>
    <t>\\acsfs\profiles$\bernardopcm\My Documents\desktop.ini</t>
  </si>
  <si>
    <t>12/23/2019 13:48:21</t>
  </si>
  <si>
    <t>12/23/2019 13:44:41</t>
  </si>
  <si>
    <t>\\acsfs\profiles$\bernardopcm\Saved Games\</t>
  </si>
  <si>
    <t>\\acsfs\profiles$\bernardopcm\Saved Games\desktop.ini</t>
  </si>
  <si>
    <t>12/23/2019 13:44:57</t>
  </si>
  <si>
    <t>\\acsfs\profiles$\BERNARDOPCM\Favorites\Links for Brasil\</t>
  </si>
  <si>
    <t>\\acsfs\profiles$\BERNARDOPCM\Favorites\Links for Brasil\desktop.ini</t>
  </si>
  <si>
    <t>12/23/2019 13:44:58</t>
  </si>
  <si>
    <t>\\acsfs\profiles$\BERNARDOPCM\Favorites\Links for Brasil\Microsoft Brasil.url</t>
  </si>
  <si>
    <t>\\acsfs\profiles$\BERNARDOPCM\Favorites\Links for Brasil\Windows Brasil.url</t>
  </si>
  <si>
    <t>\\acsfs\profiles$\BERNARDOPCM\Favorites\Links for Brasil\MSN Brasil.url</t>
  </si>
  <si>
    <t>12/23/2019 13:44:59</t>
  </si>
  <si>
    <t>12/23/2019 13:46:54</t>
  </si>
  <si>
    <t>0337f584-bf3e-4f12-ad17-3e89b65dfc75.tmp</t>
  </si>
  <si>
    <t>\\acsfs\profiles$\bernardopcm\Downloads\0337f584-bf3e-4f12-ad17-3e89b65dfc75.tmp</t>
  </si>
  <si>
    <t>3666480b-06da-4a69-bac7-5b162894eefa.tmp</t>
  </si>
  <si>
    <t>\\acsfs\profiles$\bernardopcm\Downloads\3666480b-06da-4a69-bac7-5b162894eefa.tmp</t>
  </si>
  <si>
    <t>12/23/2019 13:47:02</t>
  </si>
  <si>
    <t>aab430f8-3c18-4d48-96fc-b7208d74a4ef.tmp</t>
  </si>
  <si>
    <t>\\acsfs\profiles$\bernardopcm\Downloads\aab430f8-3c18-4d48-96fc-b7208d74a4ef.tmp</t>
  </si>
  <si>
    <t>12/23/2019 13:47:01</t>
  </si>
  <si>
    <t>12/23/2019 13:49:21</t>
  </si>
  <si>
    <t>10.200.66.133</t>
  </si>
  <si>
    <t>74-86-7A-FB-16-FB</t>
  </si>
  <si>
    <t>VOTORANT-IB019</t>
  </si>
  <si>
    <t>karenjss</t>
  </si>
  <si>
    <t>\\acsfs\profiles$\KARENJSS\Downloads\</t>
  </si>
  <si>
    <t>8f5d90e9-26af-4040-bccb-45bf98adcdcc.tmp</t>
  </si>
  <si>
    <t>\\acsfs\profiles$\KARENJSS\Downloads\8f5d90e9-26af-4040-bccb-45bf98adcdcc.tmp</t>
  </si>
  <si>
    <t>457e9b3e-5a07-44a4-ab91-b55ab952dfe4.tmp</t>
  </si>
  <si>
    <t>\\acsfs\profiles$\KARENJSS\Downloads\457e9b3e-5a07-44a4-ab91-b55ab952dfe4.tmp</t>
  </si>
  <si>
    <t>39cbef92-060b-416c-867f-e074e3ebb726.tmp</t>
  </si>
  <si>
    <t>\\acsfs\profiles$\KARENJSS\Downloads\39cbef92-060b-416c-867f-e074e3ebb726.tmp</t>
  </si>
  <si>
    <t>12/23/2019 13:47:55</t>
  </si>
  <si>
    <t>ad6632d4-7c58-4d8f-a5a9-30d2b2ab2c17.tmp</t>
  </si>
  <si>
    <t>\\acsfs\profiles$\sarahbal\Downloads\ad6632d4-7c58-4d8f-a5a9-30d2b2ab2c17.tmp</t>
  </si>
  <si>
    <t>12/23/2019 13:46:33</t>
  </si>
  <si>
    <t>10.200.66.151</t>
  </si>
  <si>
    <t>74-86-7A-FB-1B-8E</t>
  </si>
  <si>
    <t>VOTORANT-YB009</t>
  </si>
  <si>
    <t>regisadsa</t>
  </si>
  <si>
    <t>\\acsfs\profiles$\regisadsa\Downloads\</t>
  </si>
  <si>
    <t>cd8d117d-6321-4550-b991-96d0061d4613.tmp</t>
  </si>
  <si>
    <t>\\acsfs\profiles$\regisadsa\Downloads\cd8d117d-6321-4550-b991-96d0061d4613.tmp</t>
  </si>
  <si>
    <t>12/23/2019 13:46:36</t>
  </si>
  <si>
    <t>6db05792-163e-4df1-8ade-f7fe8eac322e.tmp</t>
  </si>
  <si>
    <t>\\acsfs\profiles$\regisadsa\Downloads\6db05792-163e-4df1-8ade-f7fe8eac322e.tmp</t>
  </si>
  <si>
    <t>12/23/2019 13:47:44</t>
  </si>
  <si>
    <t>28214983-7c8d-4e74-8cc1-eac4a339da5b.tmp</t>
  </si>
  <si>
    <t>\\acsfs\profiles$\regisadsa\Downloads\28214983-7c8d-4e74-8cc1-eac4a339da5b.tmp</t>
  </si>
  <si>
    <t>12/23/2019 13:48:30</t>
  </si>
  <si>
    <t>7e76b099-f727-45a9-a59b-2a3927a42b8a.tmp</t>
  </si>
  <si>
    <t>\\acsfs\profiles$\regisadsa\Downloads\7e76b099-f727-45a9-a59b-2a3927a42b8a.tmp</t>
  </si>
  <si>
    <t>12/23/2019 13:48:45</t>
  </si>
  <si>
    <t>afee6891-8334-419c-ab8e-6a55c1960838.tmp</t>
  </si>
  <si>
    <t>\\acsfs\profiles$\regisadsa\Downloads\afee6891-8334-419c-ab8e-6a55c1960838.tmp</t>
  </si>
  <si>
    <t>12/23/2019 13:47:54</t>
  </si>
  <si>
    <t>12/23/2019 13:51:20</t>
  </si>
  <si>
    <t>4530e2d4-852e-4a59-8bb8-0412e6b95710.tmp</t>
  </si>
  <si>
    <t>\\acsfs\profiles$\paulovadc\Downloads\4530e2d4-852e-4a59-8bb8-0412e6b95710.tmp</t>
  </si>
  <si>
    <t>12/23/2019 13:48:22</t>
  </si>
  <si>
    <t>lu1738414echx.tmp</t>
  </si>
  <si>
    <t>\\acsfs\profiles$\LUCASBS\lu1738414echx.tmp</t>
  </si>
  <si>
    <t>\\acsfs\profiles$\LUCASBS\lu1738414echx.tmp\</t>
  </si>
  <si>
    <t>\\acsfs\profiles$\LUCASBS\lu1738414echx.tmp\META-INF\</t>
  </si>
  <si>
    <t>\\acsfs\profiles$\LUCASBS\lu1738414echx.tmp\Thumbnails\</t>
  </si>
  <si>
    <t>12/23/2019 13:47:33</t>
  </si>
  <si>
    <t>12/23/2019 13:47:34</t>
  </si>
  <si>
    <t>lu135922xa8g.tmp</t>
  </si>
  <si>
    <t>\\acsfs\profiles$\Flaviojmm\My Documents\lu135922xa8g.tmp</t>
  </si>
  <si>
    <t>\\acsfs\profiles$\Flaviojmm\My Documents\lu135922xa8g.tmp\</t>
  </si>
  <si>
    <t>\\acsfs\profiles$\Flaviojmm\My Documents\lu135922xa8g.tmp\META-INF\</t>
  </si>
  <si>
    <t>\\acsfs\profiles$\Flaviojmm\My Documents\lu135922xa8g.tmp\Thumbnails\</t>
  </si>
  <si>
    <t>12/23/2019 13:47:47</t>
  </si>
  <si>
    <t>12/23/2019 13:48:47</t>
  </si>
  <si>
    <t>10.200.66.169</t>
  </si>
  <si>
    <t>74-86-7A-FC-CF-64</t>
  </si>
  <si>
    <t>VOTORANT-YB007</t>
  </si>
  <si>
    <t>gabrieleods</t>
  </si>
  <si>
    <t>\\acsfs\profiles$\gabrieleods\Downloads\</t>
  </si>
  <si>
    <t>5d056484-35b7-4db6-bd30-5388a444fa7a.tmp</t>
  </si>
  <si>
    <t>\\acsfs\profiles$\gabrieleods\Downloads\5d056484-35b7-4db6-bd30-5388a444fa7a.tmp</t>
  </si>
  <si>
    <t>12/23/2019 13:49:31</t>
  </si>
  <si>
    <t>cfb09651-3db1-4c9a-8549-151cd293bf90.tmp</t>
  </si>
  <si>
    <t>\\acsfs\profiles$\gabrieleods\Downloads\cfb09651-3db1-4c9a-8549-151cd293bf90.tmp</t>
  </si>
  <si>
    <t>12/23/2019 13:49:52</t>
  </si>
  <si>
    <t>6a168589-7372-49c2-9bd4-268b24ff957e.tmp</t>
  </si>
  <si>
    <t>\\acsfs\profiles$\gabrieleods\Downloads\6a168589-7372-49c2-9bd4-268b24ff957e.tmp</t>
  </si>
  <si>
    <t>12/23/2019 13:48:13</t>
  </si>
  <si>
    <t>10.200.66.139</t>
  </si>
  <si>
    <t>74-86-7A-FB-1B-31</t>
  </si>
  <si>
    <t>VOTORANT-VB011</t>
  </si>
  <si>
    <t>layonmof</t>
  </si>
  <si>
    <t>\\acsfs\profiles$\layonmof\Downloads\</t>
  </si>
  <si>
    <t>f976e0d6-96ff-4063-83be-e908f62fc236.tmp</t>
  </si>
  <si>
    <t>\\acsfs\profiles$\layonmof\Downloads\f976e0d6-96ff-4063-83be-e908f62fc236.tmp</t>
  </si>
  <si>
    <t>12/23/2019 13:47:29</t>
  </si>
  <si>
    <t>12/23/2019 13:53:20</t>
  </si>
  <si>
    <t>da69a7c9-47e7-472c-9605-c467b6595e83.tmp</t>
  </si>
  <si>
    <t>\\acsfs\profiles$\geovannasm\Downloads\da69a7c9-47e7-472c-9605-c467b6595e83.tmp</t>
  </si>
  <si>
    <t>12/23/2019 13:50:02</t>
  </si>
  <si>
    <t>12/23/2019 13:54:20</t>
  </si>
  <si>
    <t>5b399df9-ad9a-4bb0-bcfc-dce7a799f6ef.tmp</t>
  </si>
  <si>
    <t>\\acsfs\profiles$\bernardopcm\Downloads\5b399df9-ad9a-4bb0-bcfc-dce7a799f6ef.tmp</t>
  </si>
  <si>
    <t>12/23/2019 13:49:22</t>
  </si>
  <si>
    <t>b0d1a97d-be77-423d-8f6b-c7c77d4e26d4.tmp</t>
  </si>
  <si>
    <t>\\acsfs\profiles$\KARENJSS\Downloads\b0d1a97d-be77-423d-8f6b-c7c77d4e26d4.tmp</t>
  </si>
  <si>
    <t>12/23/2019 13:51:41</t>
  </si>
  <si>
    <t>10.200.67.48</t>
  </si>
  <si>
    <t>74-86-7A-FB-1A-B0</t>
  </si>
  <si>
    <t>VOTORANT-GB007</t>
  </si>
  <si>
    <t>marcosvnds</t>
  </si>
  <si>
    <t>\\acsfs\profiles$\marcosvnds\Downloads\</t>
  </si>
  <si>
    <t>b0d4fb8c-b482-4ffc-82c5-ff30f1d97e4e.tmp</t>
  </si>
  <si>
    <t>\\acsfs\profiles$\marcosvnds\Downloads\b0d4fb8c-b482-4ffc-82c5-ff30f1d97e4e.tmp</t>
  </si>
  <si>
    <t>12/23/2019 13:53:04</t>
  </si>
  <si>
    <t>441d9133-8c9c-4562-b62c-f2bca5941838.tmp</t>
  </si>
  <si>
    <t>\\acsfs\profiles$\marcosvnds\Downloads\441d9133-8c9c-4562-b62c-f2bca5941838.tmp</t>
  </si>
  <si>
    <t>12/23/2019 13:53:13</t>
  </si>
  <si>
    <t>fefed9af-c469-4cc4-afac-e6ff283e09af.tmp</t>
  </si>
  <si>
    <t>\\acsfs\profiles$\marcosvnds\Downloads\fefed9af-c469-4cc4-afac-e6ff283e09af.tmp</t>
  </si>
  <si>
    <t>12/23/2019 13:52:34</t>
  </si>
  <si>
    <t>12/23/2019 13:55:20</t>
  </si>
  <si>
    <t>12/23/2019 13:52:36</t>
  </si>
  <si>
    <t>lu470085e6o3l.tmp</t>
  </si>
  <si>
    <t>\\acsfs\profiles$\CLAUDIAJCA\lu470085e6o3l.tmp</t>
  </si>
  <si>
    <t>\\acsfs\profiles$\CLAUDIAJCA\lu470085e6o3l.tmp\</t>
  </si>
  <si>
    <t>\\acsfs\profiles$\CLAUDIAJCA\lu470085e6o3l.tmp\META-INF\</t>
  </si>
  <si>
    <t>\\acsfs\profiles$\CLAUDIAJCA\lu470085e6o3l.tmp\Thumbnails\</t>
  </si>
  <si>
    <t>12/23/2019 13:50:31</t>
  </si>
  <si>
    <t>9403860b-1603-483f-8c65-f2f074b7c8be.tmp</t>
  </si>
  <si>
    <t>\\acsfs\profiles$\quindaizaagds\Downloads\9403860b-1603-483f-8c65-f2f074b7c8be.tmp</t>
  </si>
  <si>
    <t>12/23/2019 13:50:48</t>
  </si>
  <si>
    <t>f6fd0516-e72e-4c60-a018-85d30555797a.tmp</t>
  </si>
  <si>
    <t>\\acsfs\profiles$\quindaizaagds\Downloads\f6fd0516-e72e-4c60-a018-85d30555797a.tmp</t>
  </si>
  <si>
    <t>12/23/2019 13:51:25</t>
  </si>
  <si>
    <t>dddfd463-7d58-4078-8815-35b96ef0f65f.tmp</t>
  </si>
  <si>
    <t>\\acsfs\profiles$\quindaizaagds\Downloads\dddfd463-7d58-4078-8815-35b96ef0f65f.tmp</t>
  </si>
  <si>
    <t>12/23/2019 13:51:56</t>
  </si>
  <si>
    <t>472deb2c-a9e3-41fc-802a-9894a8e0b156.tmp</t>
  </si>
  <si>
    <t>\\acsfs\profiles$\quindaizaagds\Downloads\472deb2c-a9e3-41fc-802a-9894a8e0b156.tmp</t>
  </si>
  <si>
    <t>12/23/2019 13:53:03</t>
  </si>
  <si>
    <t>8639b8e2-3773-43f6-9495-6fcc561f7b72.tmp</t>
  </si>
  <si>
    <t>\\acsfs\profiles$\quindaizaagds\Downloads\8639b8e2-3773-43f6-9495-6fcc561f7b72.tmp</t>
  </si>
  <si>
    <t>12/23/2019 13:53:37</t>
  </si>
  <si>
    <t>fg;</t>
  </si>
  <si>
    <t>https://fg</t>
  </si>
  <si>
    <t>12/23/2019 13:54:07</t>
  </si>
  <si>
    <t>12/23/2019 13:54:37</t>
  </si>
  <si>
    <t>12/23/2019 13:55:08</t>
  </si>
  <si>
    <t>12/23/2019 13:52:18</t>
  </si>
  <si>
    <t>12/23/2019 13:56:20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</t>
  </si>
  <si>
    <t>C:\Users\robsonams\Desktop\</t>
  </si>
  <si>
    <t>advertencia Thiago Abdão.pdf</t>
  </si>
  <si>
    <t>12/23/2019 13:51:06</t>
  </si>
  <si>
    <t>12/23/2019 13:52:22</t>
  </si>
  <si>
    <t>http://erp.algartech.com/techonline/workflow/gravapost.aspx</t>
  </si>
  <si>
    <t>12/23/2019 13:52:06</t>
  </si>
  <si>
    <t>12/23/2019 13:52:07</t>
  </si>
  <si>
    <t>lu1738414eci2.tmp</t>
  </si>
  <si>
    <t>\\acsfs\profiles$\LUCASBS\lu1738414eci2.tmp</t>
  </si>
  <si>
    <t>\\acsfs\profiles$\LUCASBS\lu1738414eci2.tmp\</t>
  </si>
  <si>
    <t>\\acsfs\profiles$\LUCASBS\lu1738414eci2.tmp\META-INF\</t>
  </si>
  <si>
    <t>\\acsfs\profiles$\LUCASBS\lu1738414eci2.tmp\Thumbnails\</t>
  </si>
  <si>
    <t>Alyne Alves_1_6769941143840955313_1_32.wav</t>
  </si>
  <si>
    <t>\\acsfs\Deptos\EDUCACAO EMPRESARIAL\FERNANDA MONIT\Ligação para Mutant terceiro Ciclo\Alyne Alves_1_6769941143840955313_1_32.wav</t>
  </si>
  <si>
    <t>12/23/2019 13:53:54</t>
  </si>
  <si>
    <t>\\acsfs\Deptos\EDUCACAO EMPRESARIAL\10 - CQE M.I.S\</t>
  </si>
  <si>
    <t>Thumbs.db</t>
  </si>
  <si>
    <t>Algar_Linked and Embe</t>
  </si>
  <si>
    <t>\\acsfs\Deptos\EDUCACAO EMPRESARIAL\4 - Gestão de Educação\Thumbs.db</t>
  </si>
  <si>
    <t>12/23/2019 13:53:22</t>
  </si>
  <si>
    <t>12/23/2019 13:53:43</t>
  </si>
  <si>
    <t>12/23/2019 13:53:44</t>
  </si>
  <si>
    <t>12/23/2019 13:53:47</t>
  </si>
  <si>
    <t>12/23/2019 13:51:00</t>
  </si>
  <si>
    <t>507c36ec-1606-4260-9fe7-77a012d3c3db.tmp</t>
  </si>
  <si>
    <t>\\acsfs\profiles$\gabrieleods\Downloads\507c36ec-1606-4260-9fe7-77a012d3c3db.tmp</t>
  </si>
  <si>
    <t>12/23/2019 13:51:07</t>
  </si>
  <si>
    <t>0867fcd5-e9eb-4e16-a386-1e35cb3c0b54.tmp</t>
  </si>
  <si>
    <t>\\acsfs\profiles$\gabrieleods\Downloads\0867fcd5-e9eb-4e16-a386-1e35cb3c0b54.tmp</t>
  </si>
  <si>
    <t>12/23/2019 13:51:10</t>
  </si>
  <si>
    <t>6da38ea5-8869-4066-bac9-3464cad56c33.tmp</t>
  </si>
  <si>
    <t>\\acsfs\profiles$\gabrieleods\Downloads\6da38ea5-8869-4066-bac9-3464cad56c33.tmp</t>
  </si>
  <si>
    <t>12/23/2019 13:54:04</t>
  </si>
  <si>
    <t>76c1bde7-2750-4bcb-8240-0facd69b6170.tmp</t>
  </si>
  <si>
    <t>\\acsfs\profiles$\gabrieleods\Downloads\76c1bde7-2750-4bcb-8240-0facd69b6170.tmp</t>
  </si>
  <si>
    <t>12/23/2019 13:54:53</t>
  </si>
  <si>
    <t>abede8fb-d908-485f-9d1d-1ac857eadc0f.tmp</t>
  </si>
  <si>
    <t>\\acsfs\profiles$\gabrieleods\Downloads\abede8fb-d908-485f-9d1d-1ac857eadc0f.tmp</t>
  </si>
  <si>
    <t>12/23/2019 13:51:48</t>
  </si>
  <si>
    <t>93188432-3197-448b-90b8-3534a0b8e57e.tmp</t>
  </si>
  <si>
    <t>\\acsfs\profiles$\layonmof\Downloads\93188432-3197-448b-90b8-3534a0b8e57e.tmp</t>
  </si>
  <si>
    <t>12/23/2019 13:55:50</t>
  </si>
  <si>
    <t>a203c81d-c099-4c52-a11e-420cc096e169.tmp</t>
  </si>
  <si>
    <t>\\acsfs\profiles$\layonmof\Downloads\a203c81d-c099-4c52-a11e-420cc096e169.tmp</t>
  </si>
  <si>
    <t>12/23/2019 13:53:53</t>
  </si>
  <si>
    <t>12/23/2019 13:53:29</t>
  </si>
  <si>
    <t>12/23/2019 13:58:20</t>
  </si>
  <si>
    <t>a9aac031-4743-4bf0-82a9-c3564fdd2777.tmp</t>
  </si>
  <si>
    <t>\\acsfs\profiles$\gabrielafs\Downloads\a9aac031-4743-4bf0-82a9-c3564fdd2777.tmp</t>
  </si>
  <si>
    <t>12/23/2019 13:59:20</t>
  </si>
  <si>
    <t>12/23/2019 13:53:57</t>
  </si>
  <si>
    <t>05915036-d772-462c-aa1e-4c16418ac491.tmp</t>
  </si>
  <si>
    <t>\\acsfs\profiles$\marcosvnds\Downloads\05915036-d772-462c-aa1e-4c16418ac491.tmp</t>
  </si>
  <si>
    <t>12/23/2019 13:54:59</t>
  </si>
  <si>
    <t>b175ccf3-ec78-4c2a-a35f-156a7f45f064.tmp</t>
  </si>
  <si>
    <t>\\acsfs\profiles$\marcosvnds\Downloads\b175ccf3-ec78-4c2a-a35f-156a7f45f064.tmp</t>
  </si>
  <si>
    <t>12/23/2019 13:57:54</t>
  </si>
  <si>
    <t>12/23/2019 13:55:11</t>
  </si>
  <si>
    <t>12/23/2019 14:00:20</t>
  </si>
  <si>
    <t>12/23/2019 13:55:37</t>
  </si>
  <si>
    <t>98bb2562-3dde-455e-9dcd-b7d4429f68ba.tmp</t>
  </si>
  <si>
    <t>\\acsfs\profiles$\larissaad\Downloads\98bb2562-3dde-455e-9dcd-b7d4429f68ba.tmp</t>
  </si>
  <si>
    <t>cb1f096b-50a7-40cd-aea5-6349104c8d0a.tmp</t>
  </si>
  <si>
    <t>\\acsfs\profiles$\sarahbal\Downloads\cb1f096b-50a7-40cd-aea5-6349104c8d0a.tmp</t>
  </si>
  <si>
    <t>12/23/2019 13:56:08</t>
  </si>
  <si>
    <t>marianacgs</t>
  </si>
  <si>
    <t>12/23/2019 13:55:38</t>
  </si>
  <si>
    <t>12/23/2019 13:58:58</t>
  </si>
  <si>
    <t>12/23/2019 14:01:19</t>
  </si>
  <si>
    <t>078556e3-112c-407c-8e33-740b196ae291.tmp</t>
  </si>
  <si>
    <t>\\acsfs\profiles$\websondsa\Downloads\078556e3-112c-407c-8e33-740b196ae291.tmp</t>
  </si>
  <si>
    <t>12/23/2019 13:59:57</t>
  </si>
  <si>
    <t>12/23/2019 13:59:58</t>
  </si>
  <si>
    <t>lu1738414eci7.tmp</t>
  </si>
  <si>
    <t>\\acsfs\profiles$\LUCASBS\lu1738414eci7.tmp</t>
  </si>
  <si>
    <t>\\acsfs\profiles$\LUCASBS\lu1738414eci7.tmp\</t>
  </si>
  <si>
    <t>\\acsfs\profiles$\LUCASBS\lu1738414eci7.tmp\META-INF\</t>
  </si>
  <si>
    <t>\\acsfs\profiles$\LUCASBS\lu1738414eci7.tmp\Thumbnails\</t>
  </si>
  <si>
    <t>12/23/2019 14:00:16</t>
  </si>
  <si>
    <t>12/23/2019 14:00:17</t>
  </si>
  <si>
    <t>lu1738414ecic.tmp</t>
  </si>
  <si>
    <t>\\acsfs\profiles$\LUCASBS\lu1738414ecic.tmp</t>
  </si>
  <si>
    <t>\\acsfs\profiles$\LUCASBS\lu1738414ecic.tmp\</t>
  </si>
  <si>
    <t>\\acsfs\profiles$\LUCASBS\lu1738414ecic.tmp\META-INF\</t>
  </si>
  <si>
    <t>\\acsfs\profiles$\LUCASBS\lu1738414ecic.tmp\Thumbnails\</t>
  </si>
  <si>
    <t>12/23/2019 13:55:56</t>
  </si>
  <si>
    <t>12/23/2019 13:55:58</t>
  </si>
  <si>
    <t>12/23/2019 13:55:59</t>
  </si>
  <si>
    <t>12/23/2019 13:56:01</t>
  </si>
  <si>
    <t>12/23/2019 13:56:02</t>
  </si>
  <si>
    <t>12/23/2019 13:56:03</t>
  </si>
  <si>
    <t>12/23/2019 13:59:47</t>
  </si>
  <si>
    <t>12/23/2019 13:58:23</t>
  </si>
  <si>
    <t>12/23/2019 14:03:19</t>
  </si>
  <si>
    <t>12/23/2019 14:04:01</t>
  </si>
  <si>
    <t>12/23/2019 14:05:19</t>
  </si>
  <si>
    <t>424fa3e0-f1d1-42a9-96b6-3319b10fcfa4.tmp</t>
  </si>
  <si>
    <t>\\acsfs\profiles$\quindaizaagds\Downloads\424fa3e0-f1d1-42a9-96b6-3319b10fcfa4.tmp</t>
  </si>
  <si>
    <t>12/23/2019 14:04:36</t>
  </si>
  <si>
    <t>6ae48bd2-ffcc-422e-b166-5bfdd9e67e75.tmp</t>
  </si>
  <si>
    <t>\\acsfs\profiles$\sarahbal\Downloads\6ae48bd2-ffcc-422e-b166-5bfdd9e67e75.tmp</t>
  </si>
  <si>
    <t>12/23/2019 14:00:51</t>
  </si>
  <si>
    <t>12/23/2019 14:06:20</t>
  </si>
  <si>
    <t>12/23/2019 14:01:09</t>
  </si>
  <si>
    <t>12/23/2019 14:01:38</t>
  </si>
  <si>
    <t>12/23/2019 14:01:40</t>
  </si>
  <si>
    <t>lu79561cue7u.tmp</t>
  </si>
  <si>
    <t>\\acsfs\profiles$\LUCASBS\lu79561cue7u.tmp</t>
  </si>
  <si>
    <t>\\acsfs\profiles$\LUCASBS\lu79561cue7u.tmp\</t>
  </si>
  <si>
    <t>\\acsfs\profiles$\LUCASBS\lu79561cue7u.tmp\META-INF\</t>
  </si>
  <si>
    <t>\\acsfs\profiles$\LUCASBS\lu79561cue7u.tmp\Thumbnails\</t>
  </si>
  <si>
    <t>12/23/2019 14:01:47</t>
  </si>
  <si>
    <t>12/23/2019 14:06:49</t>
  </si>
  <si>
    <t>12/23/2019 14:09:20</t>
  </si>
  <si>
    <t>adilsonloj@algartech.com</t>
  </si>
  <si>
    <t>12/23/2019 14:06:53</t>
  </si>
  <si>
    <t>mail.google.com/sync/u/0/i/s?hl=pt-BR&amp;c=238</t>
  </si>
  <si>
    <t>12/23/2019 14:07:18</t>
  </si>
  <si>
    <t>12/23/2019 14:07:45</t>
  </si>
  <si>
    <t>12/23/2019 14:08:06</t>
  </si>
  <si>
    <t>mail.google.com/sync/u/0/i/s?hl=pt-BR&amp;c=246</t>
  </si>
  <si>
    <t>12/23/2019 14:05:25</t>
  </si>
  <si>
    <t>12/23/2019 14:10:19</t>
  </si>
  <si>
    <t>a700ac5d-b8dc-4ed6-8cbd-89d81b620470.tmp</t>
  </si>
  <si>
    <t>\\acsfs\profiles$\sarahbal\Downloads\a700ac5d-b8dc-4ed6-8cbd-89d81b620470.tmp</t>
  </si>
  <si>
    <t>12/23/2019 14:05:49</t>
  </si>
  <si>
    <t>1a5a457c-cd1c-4a62-8f3e-9a280b8f2d0a.tmp</t>
  </si>
  <si>
    <t>\\acsfs\profiles$\sarahbal\Downloads\1a5a457c-cd1c-4a62-8f3e-9a280b8f2d0a.tmp</t>
  </si>
  <si>
    <t>12/23/2019 14:06:15</t>
  </si>
  <si>
    <t>03c5695d-e564-477e-b9f0-d60671a34a3a.tmp</t>
  </si>
  <si>
    <t>\\acsfs\profiles$\sarahbal\Downloads\03c5695d-e564-477e-b9f0-d60671a34a3a.tmp</t>
  </si>
  <si>
    <t>12/23/2019 14:08:30</t>
  </si>
  <si>
    <t>12/23/2019 14:11:20</t>
  </si>
  <si>
    <t>mail.google.com/sync/u/0/i/s?hl=pt-BR&amp;c=10</t>
  </si>
  <si>
    <t>12/23/2019 14:09:45</t>
  </si>
  <si>
    <t>12/23/2019 14:08:35</t>
  </si>
  <si>
    <t>12/23/2019 14:10:21</t>
  </si>
  <si>
    <t>58e490eb-5ca3-4588-9b9f-2217f16986a3.tmp</t>
  </si>
  <si>
    <t>\\acsfs\profiles$\Flaviojmm\Downloads\58e490eb-5ca3-4588-9b9f-2217f16986a3.tmp</t>
  </si>
  <si>
    <t>12/23/2019 14:05:48</t>
  </si>
  <si>
    <t>12/23/2019 14:06:25</t>
  </si>
  <si>
    <t>mail.google.com/sync/u/0/i/s?hl=pt-BR&amp;c=79</t>
  </si>
  <si>
    <t>12/23/2019 14:06:27</t>
  </si>
  <si>
    <t>12/23/2019 14:06:48</t>
  </si>
  <si>
    <t>mail.google.com/sync/u/0/i/s?hl=pt-BR&amp;c=83</t>
  </si>
  <si>
    <t>12/23/2019 14:07:11</t>
  </si>
  <si>
    <t>12/23/2019 14:07:14</t>
  </si>
  <si>
    <t>mail.google.com/sync/u/0/i/s?hl=pt-BR&amp;c=88</t>
  </si>
  <si>
    <t>12/23/2019 14:07:37</t>
  </si>
  <si>
    <t>12/23/2019 14:07:48</t>
  </si>
  <si>
    <t>12/23/2019 14:07:58</t>
  </si>
  <si>
    <t>12/23/2019 14:08:07</t>
  </si>
  <si>
    <t>12/23/2019 14:08:23</t>
  </si>
  <si>
    <t>12/23/2019 14:08:57</t>
  </si>
  <si>
    <t>mail.google.com/sync/u/0/i/s?hl=pt-BR&amp;c=100</t>
  </si>
  <si>
    <t>12/23/2019 14:09:09</t>
  </si>
  <si>
    <t>12/23/2019 14:09:13</t>
  </si>
  <si>
    <t>12/23/2019 14:09:24</t>
  </si>
  <si>
    <t>12/23/2019 14:09:30</t>
  </si>
  <si>
    <t>12/23/2019 14:09:40</t>
  </si>
  <si>
    <t>12/23/2019 14:10:09</t>
  </si>
  <si>
    <t>12/23/2019 14:10:16</t>
  </si>
  <si>
    <t>12/23/2019 14:06:08</t>
  </si>
  <si>
    <t>PHILIPE GONCALVES SANTOS FERREIRA_1_6769611178683467834_1_32.wav</t>
  </si>
  <si>
    <t>\\acsfs\Deptos\EDUCACAO EMPRESARIAL\KÉSIA\Ligações 3º ciclo - Késia\PHILIPE GONCALVES SANTOS FERREIRA_1_6769611178683467834_1_32.wav</t>
  </si>
  <si>
    <t>12/23/2019 14:10:36</t>
  </si>
  <si>
    <t>Modelo Monitoria - 3º ciclo.txt</t>
  </si>
  <si>
    <t>\\acsfs\Deptos\EDUCACAO EMPRESARIAL\KÉSIA\Modelo Monitoria - 3º ciclo.txt</t>
  </si>
  <si>
    <t>12/23/2019 14:07:19</t>
  </si>
  <si>
    <t>b963738a-426e-4f29-a4ab-cc7c12284eb4.tmp</t>
  </si>
  <si>
    <t>\\acsfs\profiles$\layonmof\Downloads\b963738a-426e-4f29-a4ab-cc7c12284eb4.tmp</t>
  </si>
  <si>
    <t>12/23/2019 14:11:06</t>
  </si>
  <si>
    <t>12/23/2019 14:13:20</t>
  </si>
  <si>
    <t>0390d147-086f-4157-a63e-cebd21d1915f.tmp</t>
  </si>
  <si>
    <t>\\acsfs\profiles$\websondsa\Downloads\0390d147-086f-4157-a63e-cebd21d1915f.tmp</t>
  </si>
  <si>
    <t>12/23/2019 14:12:29</t>
  </si>
  <si>
    <t>cf16330e-7517-4b6d-b6a7-6a1628861d02.tmp</t>
  </si>
  <si>
    <t>\\acsfs\profiles$\websondsa\Downloads\cf16330e-7517-4b6d-b6a7-6a1628861d02.tmp</t>
  </si>
  <si>
    <t>12/23/2019 14:09:59</t>
  </si>
  <si>
    <t>12/23/2019 14:14:20</t>
  </si>
  <si>
    <t>mail.google.com/sync/u/0/i/s?hl=pt-BR&amp;c=250</t>
  </si>
  <si>
    <t>12/23/2019 14:10:11</t>
  </si>
  <si>
    <t>12/23/2019 14:10:24</t>
  </si>
  <si>
    <t>12/23/2019 14:10:37</t>
  </si>
  <si>
    <t>mail.google.com/sync/u/0/i/s?hl=pt-BR&amp;c=258</t>
  </si>
  <si>
    <t>12/23/2019 14:10:44</t>
  </si>
  <si>
    <t>mail.google.com/sync/u/0/i/s?hl=pt-BR&amp;c=260</t>
  </si>
  <si>
    <t>12/23/2019 14:10:50</t>
  </si>
  <si>
    <t>mail.google.com/sync/u/0/i/s?hl=pt-BR&amp;c=262</t>
  </si>
  <si>
    <t>12/23/2019 14:11:45</t>
  </si>
  <si>
    <t>12/23/2019 14:11:50</t>
  </si>
  <si>
    <t>12/23/2019 14:11:57</t>
  </si>
  <si>
    <t>mail.google.com/sync/u/0/i/s?hl=pt-BR&amp;c=270</t>
  </si>
  <si>
    <t>12/23/2019 14:12:04</t>
  </si>
  <si>
    <t>12/23/2019 14:12:11</t>
  </si>
  <si>
    <t>12/23/2019 14:12:14</t>
  </si>
  <si>
    <t>mail.google.com/sync/u/0/i/s?hl=pt-BR&amp;c=276</t>
  </si>
  <si>
    <t>12/23/2019 14:12:15</t>
  </si>
  <si>
    <t>12/23/2019 14:12:16</t>
  </si>
  <si>
    <t>mail.google.com/sync/u/0/i/s?hl=pt-BR&amp;c=278</t>
  </si>
  <si>
    <t>12/23/2019 14:12:51</t>
  </si>
  <si>
    <t>http://qlikview/qvajaxzfc/accesspoint.aspx?mark=&amp;platform=browser.chrome&amp;dpi=96</t>
  </si>
  <si>
    <t>12/23/2019 14:09:54</t>
  </si>
  <si>
    <t>e99e73b3-1a5c-4935-8119-c212759b6fc9.tmp</t>
  </si>
  <si>
    <t>\\acsfs\profiles$\philipegsf\Downloads\e99e73b3-1a5c-4935-8119-c212759b6fc9.tmp</t>
  </si>
  <si>
    <t>12/23/2019 14:12:02</t>
  </si>
  <si>
    <t>12/23/2019 14:15:20</t>
  </si>
  <si>
    <t>12/23/2019 14:11:41</t>
  </si>
  <si>
    <t>12/23/2019 14:16:20</t>
  </si>
  <si>
    <t>1c371418-f42a-4ca4-9ae4-ec9d9d415e13.tmp</t>
  </si>
  <si>
    <t>\\acsfs\profiles$\Flaviojmm\Downloads\1c371418-f42a-4ca4-9ae4-ec9d9d415e13.tmp</t>
  </si>
  <si>
    <t>12/23/2019 14:11:07</t>
  </si>
  <si>
    <t>12/23/2019 14:11:48</t>
  </si>
  <si>
    <t>12/23/2019 14:13:48</t>
  </si>
  <si>
    <t>12/23/2019 14:15:15</t>
  </si>
  <si>
    <t>12/23/2019 14:17:19</t>
  </si>
  <si>
    <t>\\acsfs\profiles$\luanarda\Pausas\</t>
  </si>
  <si>
    <t>Pausas.txt</t>
  </si>
  <si>
    <t>\\acsfs\profiles$\luanarda\Pausas\Pausas.txt</t>
  </si>
  <si>
    <t>12/23/2019 14:15:22</t>
  </si>
  <si>
    <t>12/23/2019 14:15:23</t>
  </si>
  <si>
    <t>lu13496nlexq.tmp</t>
  </si>
  <si>
    <t>\\acsfs\profiles$\luanarda\lu13496nlexq.tmp</t>
  </si>
  <si>
    <t>\\acsfs\profiles$\luanarda\lu13496nlexq.tmp\</t>
  </si>
  <si>
    <t>\\acsfs\profiles$\luanarda\lu13496nlexq.tmp\META-INF\</t>
  </si>
  <si>
    <t>12/23/2019 14:18:20</t>
  </si>
  <si>
    <t>\\acsfs\profiles$\luanarda\lu13496nlexq.tmp\Thumbnails\</t>
  </si>
  <si>
    <t>12/23/2019 14:13:54</t>
  </si>
  <si>
    <t>aecab324-029c-4691-9e2d-8d6611b287b7.tmp</t>
  </si>
  <si>
    <t>\\acsfs\profiles$\websondsa\Downloads\aecab324-029c-4691-9e2d-8d6611b287b7.tmp</t>
  </si>
  <si>
    <t>12/23/2019 14:14:50</t>
  </si>
  <si>
    <t>529f5ce0-6e89-42d4-b4dc-9f3eef456c73.tmp</t>
  </si>
  <si>
    <t>\\acsfs\profiles$\websondsa\Downloads\529f5ce0-6e89-42d4-b4dc-9f3eef456c73.tmp</t>
  </si>
  <si>
    <t>12/23/2019 14:15:14</t>
  </si>
  <si>
    <t>3bb125b1-35bf-4b2c-88f5-745248f99f8a.tmp</t>
  </si>
  <si>
    <t>\\acsfs\profiles$\websondsa\Downloads\3bb125b1-35bf-4b2c-88f5-745248f99f8a.tmp</t>
  </si>
  <si>
    <t>12/23/2019 14:16:12</t>
  </si>
  <si>
    <t>1db59151-2353-4e5b-bb06-643f880bfe92.tmp</t>
  </si>
  <si>
    <t>\\acsfs\profiles$\websondsa\Downloads\1db59151-2353-4e5b-bb06-643f880bfe92.tmp</t>
  </si>
  <si>
    <t>12/23/2019 14:16:34</t>
  </si>
  <si>
    <t>e96c2893-adea-4061-acc5-cc9924a2be98.tmp</t>
  </si>
  <si>
    <t>\\acsfs\profiles$\websondsa\Downloads\e96c2893-adea-4061-acc5-cc9924a2be98.tmp</t>
  </si>
  <si>
    <t>12/23/2019 14:17:45</t>
  </si>
  <si>
    <t>a5672e22-4bdd-4651-b86a-1a570abced24.tmp</t>
  </si>
  <si>
    <t>\\acsfs\profiles$\websondsa\Downloads\a5672e22-4bdd-4651-b86a-1a570abced24.tmp</t>
  </si>
  <si>
    <t>12/23/2019 14:16:06</t>
  </si>
  <si>
    <t>12/23/2019 14:19:20</t>
  </si>
  <si>
    <t>\\acsfs\profiles$\regisadsa\My Documents\$RECYCLE.BIN\</t>
  </si>
  <si>
    <t>$IWYC9M8.txt</t>
  </si>
  <si>
    <t>\\acsfs\profiles$\regisadsa\My Documents\$RECYCLE.BIN\$IWYC9M8.txt</t>
  </si>
  <si>
    <t>$IGU2L57.txt</t>
  </si>
  <si>
    <t>\\acsfs\profiles$\regisadsa\My Documents\$RECYCLE.BIN\$IGU2L57.txt</t>
  </si>
  <si>
    <t>$IJD1LXC.txt</t>
  </si>
  <si>
    <t>\\acsfs\profiles$\regisadsa\My Documents\$RECYCLE.BIN\$IJD1LXC.txt</t>
  </si>
  <si>
    <t>$I1PXT56.png</t>
  </si>
  <si>
    <t>\\acsfs\profiles$\regisadsa\My Documents\$RECYCLE.BIN\$I1PXT56.png</t>
  </si>
  <si>
    <t>12/23/2019 14:16:07</t>
  </si>
  <si>
    <t>$I0RBETB.pdf</t>
  </si>
  <si>
    <t>\\acsfs\profiles$\regisadsa\My Documents\$RECYCLE.BIN\$I0RBETB.pdf</t>
  </si>
  <si>
    <t>$ISGJ25G.txt</t>
  </si>
  <si>
    <t>\\acsfs\profiles$\regisadsa\My Documents\$RECYCLE.BIN\$ISGJ25G.txt</t>
  </si>
  <si>
    <t>$IBLVG8M.zip</t>
  </si>
  <si>
    <t>\\acsfs\profiles$\regisadsa\My Documents\$RECYCLE.BIN\$IBLVG8M.zip</t>
  </si>
  <si>
    <t>$IO1RVRF.txt</t>
  </si>
  <si>
    <t>\\acsfs\profiles$\regisadsa\My Documents\$RECYCLE.BIN\$IO1RVRF.txt</t>
  </si>
  <si>
    <t>12/23/2019 14:16:08</t>
  </si>
  <si>
    <t>$IWBLD0C.txt</t>
  </si>
  <si>
    <t>\\acsfs\profiles$\regisadsa\My Documents\$RECYCLE.BIN\$IWBLD0C.txt</t>
  </si>
  <si>
    <t>$IX5RY2K.txt</t>
  </si>
  <si>
    <t>\\acsfs\profiles$\regisadsa\My Documents\$RECYCLE.BIN\$IX5RY2K.txt</t>
  </si>
  <si>
    <t>$I53LVA7.txt</t>
  </si>
  <si>
    <t>\\acsfs\profiles$\regisadsa\My Documents\$RECYCLE.BIN\$I53LVA7.txt</t>
  </si>
  <si>
    <t>$IR16YMB.txt</t>
  </si>
  <si>
    <t>\\acsfs\profiles$\regisadsa\My Documents\$RECYCLE.BIN\$IR16YMB.txt</t>
  </si>
  <si>
    <t>12/23/2019 14:16:09</t>
  </si>
  <si>
    <t>$IJQEUEG.txt</t>
  </si>
  <si>
    <t>\\acsfs\profiles$\regisadsa\My Documents\$RECYCLE.BIN\$IJQEUEG.txt</t>
  </si>
  <si>
    <t>12/23/2019 14:17:41</t>
  </si>
  <si>
    <t>12/23/2019 14:20:20</t>
  </si>
  <si>
    <t>https://udpmailboxap01/h/search?si=0&amp;so=0&amp;sfi=6&amp;csi=0&amp;action=compose&amp;id=2320&amp;cso=0</t>
  </si>
  <si>
    <t>12/23/2019 14:19:15</t>
  </si>
  <si>
    <t>12/23/2019 14:18:04</t>
  </si>
  <si>
    <t>\\acsfs\profiles$\marcellewdl\My Documents\</t>
  </si>
  <si>
    <t>vendas.txt</t>
  </si>
  <si>
    <t>\\acsfs\profiles$\marcellewdl\My Documents\vendas.txt</t>
  </si>
  <si>
    <t>12/23/2019 14:15:08</t>
  </si>
  <si>
    <t>12/23/2019 14:17:54</t>
  </si>
  <si>
    <t>marianacgs@algartech.com</t>
  </si>
  <si>
    <t>mail.google.com/sync/u/0/i/s?hl=pt-BR&amp;c=24</t>
  </si>
  <si>
    <t>ouvidoria@algar.com.br;</t>
  </si>
  <si>
    <t>ouvidoria@algar.com.br</t>
  </si>
  <si>
    <t>12/23/2019 14:18:40</t>
  </si>
  <si>
    <t>mail.google.com/sync/u/0/i/s?hl=pt-BR&amp;c=33</t>
  </si>
  <si>
    <t>12/23/2019 14:18:43</t>
  </si>
  <si>
    <t>mail.google.com/sync/u/0/i/s?hl=pt-BR&amp;c=35</t>
  </si>
  <si>
    <t>12/23/2019 14:18:45</t>
  </si>
  <si>
    <t>mail.google.com/sync/u/0/i/s?hl=pt-BR&amp;c=37</t>
  </si>
  <si>
    <t>12/23/2019 14:18:59</t>
  </si>
  <si>
    <t>12/23/2019 14:16:58</t>
  </si>
  <si>
    <t>12/23/2019 14:21:20</t>
  </si>
  <si>
    <t>12/23/2019 14:15:56</t>
  </si>
  <si>
    <t>12/23/2019 14:15:57</t>
  </si>
  <si>
    <t>lu79561cue83.tmp</t>
  </si>
  <si>
    <t>\\acsfs\profiles$\LUCASBS\lu79561cue83.tmp</t>
  </si>
  <si>
    <t>\\acsfs\profiles$\LUCASBS\lu79561cue83.tmp\</t>
  </si>
  <si>
    <t>\\acsfs\profiles$\LUCASBS\lu79561cue83.tmp\META-INF\</t>
  </si>
  <si>
    <t>\\acsfs\profiles$\LUCASBS\lu79561cue83.tmp\Thumbnails\</t>
  </si>
  <si>
    <t>12/23/2019 14:17:48</t>
  </si>
  <si>
    <t>12/23/2019 14:18:39</t>
  </si>
  <si>
    <t>12/23/2019 14:18:55</t>
  </si>
  <si>
    <t>12/23/2019 14:19:27</t>
  </si>
  <si>
    <t>12/23/2019 14:19:29</t>
  </si>
  <si>
    <t>12/23/2019 14:19:42</t>
  </si>
  <si>
    <t>mail.google.com/sync/u/0/i/s?hl=pt-BR&amp;c=134</t>
  </si>
  <si>
    <t>12/23/2019 14:19:48</t>
  </si>
  <si>
    <t>mail.google.com/sync/u/0/i/s?hl=pt-BR&amp;c=136</t>
  </si>
  <si>
    <t>12/23/2019 14:20:11</t>
  </si>
  <si>
    <t>12/23/2019 14:20:26</t>
  </si>
  <si>
    <t>12/23/2019 14:20:30</t>
  </si>
  <si>
    <t>12/23/2019 14:20:10</t>
  </si>
  <si>
    <t>QUINDAIZA APARECIDA GUEDES DA SILVA_1_6771368443077795608_1_32.wav</t>
  </si>
  <si>
    <t>\\acsfs\Deptos\EDUCACAO EMPRESARIAL\KÉSIA\Ligações 3º ciclo - Késia\QUINDAIZA APARECIDA GUEDES DA SILVA_1_6771368443077795608_1_32.wav</t>
  </si>
  <si>
    <t>12/23/2019 14:21:14</t>
  </si>
  <si>
    <t>12/23/2019 14:22:20</t>
  </si>
  <si>
    <t>12/23/2019 14:21:34</t>
  </si>
  <si>
    <t>joycemmdl</t>
  </si>
  <si>
    <t>\\acsfs\profiles$\joycemmdl\Downloads\</t>
  </si>
  <si>
    <t>815bf3cb-6365-427c-9334-1b0f52fa676b.tmp</t>
  </si>
  <si>
    <t>\\acsfs\profiles$\joycemmdl\Downloads\815bf3cb-6365-427c-9334-1b0f52fa676b.tmp</t>
  </si>
  <si>
    <t>12/23/2019 14:23:20</t>
  </si>
  <si>
    <t>https://record.foresee.com/rec/corsservice?action=data&amp;metadata=datalen:6828785,time:1577121545520&amp;encoding=utf-8&amp;session_id=af33aef00cc9b90e435749d0d4188325&amp;global_session_id=738353c5a921d51eac18ab86fd8066bc&amp;domain=www.magazineluiza.com.br&amp;site_id=magazineluizacombr&amp;version=5.0&amp;cachebust=0.0016447797588854396</t>
  </si>
  <si>
    <t>12/23/2019 14:20:43</t>
  </si>
  <si>
    <t>https://record.foresee.com/rec/corsservice?action=data&amp;metadata=datalen:7465373,time:1577121593538&amp;encoding=utf-8&amp;session_id=af33aef00cc9b90e435749d0d4188325&amp;global_session_id=738353c5a921d51eac18ab86fd8066bc&amp;domain=www.magazineluiza.com.br&amp;site_id=magazineluizacombr&amp;version=5.0&amp;cachebust=0.41613023235377167</t>
  </si>
  <si>
    <t>12/23/2019 14:18:50</t>
  </si>
  <si>
    <t>86250232-7f67-4a09-a7f7-91d252351461.tmp</t>
  </si>
  <si>
    <t>\\acsfs\profiles$\websondsa\Downloads\86250232-7f67-4a09-a7f7-91d252351461.tmp</t>
  </si>
  <si>
    <t>12/23/2019 14:19:43</t>
  </si>
  <si>
    <t>e51cee31-2cf5-4733-875c-46171d29548e.tmp</t>
  </si>
  <si>
    <t>\\acsfs\profiles$\websondsa\Downloads\e51cee31-2cf5-4733-875c-46171d29548e.tmp</t>
  </si>
  <si>
    <t>12/23/2019 14:20:14</t>
  </si>
  <si>
    <t>132fa267-c562-46da-93cf-5bab44f4df70.tmp</t>
  </si>
  <si>
    <t>\\acsfs\profiles$\websondsa\Downloads\132fa267-c562-46da-93cf-5bab44f4df70.tmp</t>
  </si>
  <si>
    <t>12/23/2019 14:22:05</t>
  </si>
  <si>
    <t>0d4c65ec-171e-4366-9e34-520b2a21474a.tmp</t>
  </si>
  <si>
    <t>\\acsfs\profiles$\websondsa\Downloads\0d4c65ec-171e-4366-9e34-520b2a21474a.tmp</t>
  </si>
  <si>
    <t>12/23/2019 14:22:35</t>
  </si>
  <si>
    <t>10.200.66.9</t>
  </si>
  <si>
    <t>74-86-7A-FB-17-35</t>
  </si>
  <si>
    <t>VOTORANT-GB018</t>
  </si>
  <si>
    <t>vanessavn</t>
  </si>
  <si>
    <t>\\acsfs\profiles$\vanessavn\Documents\</t>
  </si>
  <si>
    <t>nota 2.txt</t>
  </si>
  <si>
    <t>\\acsfs\profiles$\vanessavn\Documents\nota 2.txt</t>
  </si>
  <si>
    <t>12/23/2019 14:22:18</t>
  </si>
  <si>
    <t>12/23/2019 14:24:20</t>
  </si>
  <si>
    <t>10.200.66.162</t>
  </si>
  <si>
    <t>74-86-7A-FB-19-1A</t>
  </si>
  <si>
    <t>VOTORANT-GB015</t>
  </si>
  <si>
    <t>vivianibfs</t>
  </si>
  <si>
    <t>\\acsfs\profiles$\vivianibfs\Downloads\</t>
  </si>
  <si>
    <t>15d074be-c1d3-4f67-971f-49fb75cb0295.tmp</t>
  </si>
  <si>
    <t>\\acsfs\profiles$\vivianibfs\Downloads\15d074be-c1d3-4f67-971f-49fb75cb0295.tmp</t>
  </si>
  <si>
    <t>12/23/2019 14:22:22</t>
  </si>
  <si>
    <t>7c3eb437-43a1-4e73-b972-7463f373a97f.tmp</t>
  </si>
  <si>
    <t>\\acsfs\profiles$\vivianibfs\Downloads\7c3eb437-43a1-4e73-b972-7463f373a97f.tmp</t>
  </si>
  <si>
    <t>12/23/2019 14:22:45</t>
  </si>
  <si>
    <t>840bdc0b-3f5a-451a-b268-7945e4ee5bd1.tmp</t>
  </si>
  <si>
    <t>\\acsfs\profiles$\vivianibfs\Downloads\840bdc0b-3f5a-451a-b268-7945e4ee5bd1.tmp</t>
  </si>
  <si>
    <t>12/23/2019 14:21:59</t>
  </si>
  <si>
    <t>$I24W6H6.txt</t>
  </si>
  <si>
    <t>\\acsfs\profiles$\regisadsa\My Documents\$RECYCLE.BIN\$I24W6H6.txt</t>
  </si>
  <si>
    <t>12/23/2019 14:22:00</t>
  </si>
  <si>
    <t>$IXE0GMR.txt</t>
  </si>
  <si>
    <t>\\acsfs\profiles$\regisadsa\My Documents\$RECYCLE.BIN\$IXE0GMR.txt</t>
  </si>
  <si>
    <t>$IEOSG9J.txt</t>
  </si>
  <si>
    <t>\\acsfs\profiles$\regisadsa\My Documents\$RECYCLE.BIN\$IEOSG9J.txt</t>
  </si>
  <si>
    <t>$IKAVYT0.txt</t>
  </si>
  <si>
    <t>\\acsfs\profiles$\regisadsa\My Documents\$RECYCLE.BIN\$IKAVYT0.txt</t>
  </si>
  <si>
    <t>$I86YK1M.txt</t>
  </si>
  <si>
    <t>\\acsfs\profiles$\regisadsa\My Documents\$RECYCLE.BIN\$I86YK1M.txt</t>
  </si>
  <si>
    <t>$IP5OACS.png</t>
  </si>
  <si>
    <t>\\acsfs\profiles$\regisadsa\My Documents\$RECYCLE.BIN\$IP5OACS.png</t>
  </si>
  <si>
    <t>12/23/2019 14:22:01</t>
  </si>
  <si>
    <t>$IAS0E16.pdf</t>
  </si>
  <si>
    <t>\\acsfs\profiles$\regisadsa\My Documents\$RECYCLE.BIN\$IAS0E16.pdf</t>
  </si>
  <si>
    <t>$ITZLTNM.txt</t>
  </si>
  <si>
    <t>\\acsfs\profiles$\regisadsa\My Documents\$RECYCLE.BIN\$ITZLTNM.txt</t>
  </si>
  <si>
    <t>$I8SI5Y1.zip</t>
  </si>
  <si>
    <t>\\acsfs\profiles$\regisadsa\My Documents\$RECYCLE.BIN\$I8SI5Y1.zip</t>
  </si>
  <si>
    <t>$I3IFC8O.txt</t>
  </si>
  <si>
    <t>\\acsfs\profiles$\regisadsa\My Documents\$RECYCLE.BIN\$I3IFC8O.txt</t>
  </si>
  <si>
    <t>$IN4P8GN.txt</t>
  </si>
  <si>
    <t>\\acsfs\profiles$\regisadsa\My Documents\$RECYCLE.BIN\$IN4P8GN.txt</t>
  </si>
  <si>
    <t>$I0C3ZRB.txt</t>
  </si>
  <si>
    <t>\\acsfs\profiles$\regisadsa\My Documents\$RECYCLE.BIN\$I0C3ZRB.txt</t>
  </si>
  <si>
    <t>$IQBXPLM.txt</t>
  </si>
  <si>
    <t>\\acsfs\profiles$\regisadsa\My Documents\$RECYCLE.BIN\$IQBXPLM.txt</t>
  </si>
  <si>
    <t>12/23/2019 14:22:09</t>
  </si>
  <si>
    <t>$IUZBIZQ.txt</t>
  </si>
  <si>
    <t>\\acsfs\profiles$\regisadsa\My Documents\$RECYCLE.BIN\$IUZBIZQ.txt</t>
  </si>
  <si>
    <t>$I7FP0AZ.txt</t>
  </si>
  <si>
    <t>\\acsfs\profiles$\regisadsa\My Documents\$RECYCLE.BIN\$I7FP0AZ.txt</t>
  </si>
  <si>
    <t>12/23/2019 14:22:10</t>
  </si>
  <si>
    <t>$IND3S2L.txt</t>
  </si>
  <si>
    <t>\\acsfs\profiles$\regisadsa\My Documents\$RECYCLE.BIN\$IND3S2L.txt</t>
  </si>
  <si>
    <t>$I4M1JDF.txt</t>
  </si>
  <si>
    <t>\\acsfs\profiles$\regisadsa\My Documents\$RECYCLE.BIN\$I4M1JDF.txt</t>
  </si>
  <si>
    <t>$I32H1L3.txt</t>
  </si>
  <si>
    <t>\\acsfs\profiles$\regisadsa\My Documents\$RECYCLE.BIN\$I32H1L3.txt</t>
  </si>
  <si>
    <t>12/23/2019 14:22:11</t>
  </si>
  <si>
    <t>$I71LAJP.txt</t>
  </si>
  <si>
    <t>\\acsfs\profiles$\regisadsa\My Documents\$RECYCLE.BIN\$I71LAJP.txt</t>
  </si>
  <si>
    <t>$I54WVWH.lnk</t>
  </si>
  <si>
    <t>\\acsfs\profiles$\regisadsa\My Documents\$RECYCLE.BIN\$I54WVWH.lnk</t>
  </si>
  <si>
    <t>$IIUT2TT.txt</t>
  </si>
  <si>
    <t>\\acsfs\profiles$\regisadsa\My Documents\$RECYCLE.BIN\$IIUT2TT.txt</t>
  </si>
  <si>
    <t>$I7H75N8.pdf</t>
  </si>
  <si>
    <t>\\acsfs\profiles$\regisadsa\My Documents\$RECYCLE.BIN\$I7H75N8.pdf</t>
  </si>
  <si>
    <t>$IQ1WZP6.txt</t>
  </si>
  <si>
    <t>\\acsfs\profiles$\regisadsa\My Documents\$RECYCLE.BIN\$IQ1WZP6.txt</t>
  </si>
  <si>
    <t>12/23/2019 14:22:32</t>
  </si>
  <si>
    <t>$IWD126M.log</t>
  </si>
  <si>
    <t>\\acsfs\profiles$\regisadsa\My Documents\$RECYCLE.BIN\$IWD126M.log</t>
  </si>
  <si>
    <t>12/23/2019 14:22:41</t>
  </si>
  <si>
    <t>$ICUY0Y2.pdf</t>
  </si>
  <si>
    <t>\\acsfs\profiles$\regisadsa\My Documents\$RECYCLE.BIN\$ICUY0Y2.pdf</t>
  </si>
  <si>
    <t>12/23/2019 14:22:42</t>
  </si>
  <si>
    <t>$IH7Q1TD.txt</t>
  </si>
  <si>
    <t>\\acsfs\profiles$\regisadsa\My Documents\$RECYCLE.BIN\$IH7Q1TD.txt</t>
  </si>
  <si>
    <t>$IE84ZJT.txt</t>
  </si>
  <si>
    <t>\\acsfs\profiles$\regisadsa\My Documents\$RECYCLE.BIN\$IE84ZJT.txt</t>
  </si>
  <si>
    <t>$IW3R5Q6.txt</t>
  </si>
  <si>
    <t>\\acsfs\profiles$\regisadsa\My Documents\$RECYCLE.BIN\$IW3R5Q6.txt</t>
  </si>
  <si>
    <t>$IAEVAEH.txt</t>
  </si>
  <si>
    <t>\\acsfs\profiles$\regisadsa\My Documents\$RECYCLE.BIN\$IAEVAEH.txt</t>
  </si>
  <si>
    <t>12/23/2019 14:22:43</t>
  </si>
  <si>
    <t>$I3NA3V1.txt</t>
  </si>
  <si>
    <t>\\acsfs\profiles$\regisadsa\My Documents\$RECYCLE.BIN\$I3NA3V1.txt</t>
  </si>
  <si>
    <t>$IS4NRA2.txt</t>
  </si>
  <si>
    <t>\\acsfs\profiles$\regisadsa\My Documents\$RECYCLE.BIN\$IS4NRA2.txt</t>
  </si>
  <si>
    <t>$IGIXI08.txt</t>
  </si>
  <si>
    <t>\\acsfs\profiles$\regisadsa\My Documents\$RECYCLE.BIN\$IGIXI08.txt</t>
  </si>
  <si>
    <t>$IRB9U22.txt</t>
  </si>
  <si>
    <t>\\acsfs\profiles$\regisadsa\My Documents\$RECYCLE.BIN\$IRB9U22.txt</t>
  </si>
  <si>
    <t>12/23/2019 14:22:44</t>
  </si>
  <si>
    <t>$IGLHOJ7</t>
  </si>
  <si>
    <t>\\acsfs\profiles$\regisadsa\My Documents\$RECYCLE.BIN\$IGLHOJ7</t>
  </si>
  <si>
    <t>$ILC8V1X</t>
  </si>
  <si>
    <t>\\acsfs\profiles$\regisadsa\My Documents\$RECYCLE.BIN\$ILC8V1X</t>
  </si>
  <si>
    <t>$ITQAXSP.txt</t>
  </si>
  <si>
    <t>\\acsfs\profiles$\regisadsa\My Documents\$RECYCLE.BIN\$ITQAXSP.txt</t>
  </si>
  <si>
    <t>$I6Z9U65.txt</t>
  </si>
  <si>
    <t>\\acsfs\profiles$\regisadsa\My Documents\$RECYCLE.BIN\$I6Z9U65.txt</t>
  </si>
  <si>
    <t>12/23/2019 14:23:37</t>
  </si>
  <si>
    <t>\\acsfs\profiles$\regisadsa\My Documents\novos roteiros\</t>
  </si>
  <si>
    <t>novos roteiros.7z.tmp</t>
  </si>
  <si>
    <t>\\acsfs\profiles$\regisadsa\My Documents\novos roteiros\novos roteiros.7z.tmp</t>
  </si>
  <si>
    <t>\\acsfs\profiles$\regisadsa\My Documents\novos roteiros\novos roteiros.7z.tmp\</t>
  </si>
  <si>
    <t>odonto bv reformulado.txt</t>
  </si>
  <si>
    <t>odonto bv reformulado1.txt</t>
  </si>
  <si>
    <t>odonto bv reformulado10.txt</t>
  </si>
  <si>
    <t>odonto bv reformulado11.txt</t>
  </si>
  <si>
    <t>odonto bv reformulado12.txt</t>
  </si>
  <si>
    <t>odonto bv reformulado13.txt</t>
  </si>
  <si>
    <t>odonto bv reformulado14.txt</t>
  </si>
  <si>
    <t>odonto bv reformulado15.txt</t>
  </si>
  <si>
    <t>odonto bv reformulado16.txt</t>
  </si>
  <si>
    <t>odonto bv reformulado17.txt</t>
  </si>
  <si>
    <t>odonto bv reformulado18.txt</t>
  </si>
  <si>
    <t>odonto bv reformulado19.txt</t>
  </si>
  <si>
    <t>odonto bv reformulado2.txt</t>
  </si>
  <si>
    <t>odonto bv reformulado20.txt</t>
  </si>
  <si>
    <t>odonto bv reformulado21.txt</t>
  </si>
  <si>
    <t>odonto bv reformulado22.txt</t>
  </si>
  <si>
    <t>odonto bv reformulado23.txt</t>
  </si>
  <si>
    <t>odonto bv reformulado24.txt</t>
  </si>
  <si>
    <t>odonto bv reformulado25.txt</t>
  </si>
  <si>
    <t>odonto bv reformulado26.txt</t>
  </si>
  <si>
    <t>odonto bv reformulado27.txt</t>
  </si>
  <si>
    <t>odonto bv reformulado28.txt</t>
  </si>
  <si>
    <t>odonto bv reformulado29.txt</t>
  </si>
  <si>
    <t>odonto bv reformulado3.txt</t>
  </si>
  <si>
    <t>odonto bv reformulado30.txt</t>
  </si>
  <si>
    <t>odonto bv reformulado4.txt</t>
  </si>
  <si>
    <t>12/23/2019 14:23:38</t>
  </si>
  <si>
    <t>odonto bv reformulado5.txt</t>
  </si>
  <si>
    <t>odonto bv reformulado6.txt</t>
  </si>
  <si>
    <t>odonto bv reformulado7.txt</t>
  </si>
  <si>
    <t>odonto bv reformulado8.txt</t>
  </si>
  <si>
    <t>odonto bv reformulado9.txt</t>
  </si>
  <si>
    <t>script para vendas do seguro da Icatu-01.txt</t>
  </si>
  <si>
    <t>script para vendas do seguro da Icatu-02.txt</t>
  </si>
  <si>
    <t>script para vendas do seguro da Icatu-03.txt</t>
  </si>
  <si>
    <t>script para vendas do seguro da Icatu-04.txt</t>
  </si>
  <si>
    <t>script para vendas do seguro da Icatu-05.txt</t>
  </si>
  <si>
    <t>script para vendas do seguro da Icatu-06.txt</t>
  </si>
  <si>
    <t>script para vendas do seguro da Icatu-07.txt</t>
  </si>
  <si>
    <t>script para vendas do seguro da Icatu-08.txt</t>
  </si>
  <si>
    <t>script para vendas do seguro da Icatu-09.txt</t>
  </si>
  <si>
    <t>script para vendas do seguro da Icatu-10.txt</t>
  </si>
  <si>
    <t>script para vendas do seguro da Icatu-11.txt</t>
  </si>
  <si>
    <t>script para vendas do seguro da Icatu-12.txt</t>
  </si>
  <si>
    <t>script para vendas do seguro da Icatu-13.txt</t>
  </si>
  <si>
    <t>script para vendas do seguro da Icatu-14.txt</t>
  </si>
  <si>
    <t>script para vendas do seguro da Icatu-15.txt</t>
  </si>
  <si>
    <t>script para vendas do seguro da Icatu-16.txt</t>
  </si>
  <si>
    <t>script para vendas do seguro da Icatu-17.txt</t>
  </si>
  <si>
    <t>script para vendas do seguro da Icatu-18.txt</t>
  </si>
  <si>
    <t>script para vendas do seguro da Icatu-19.txt</t>
  </si>
  <si>
    <t>script para vendas do seguro da Icatu-20.txt</t>
  </si>
  <si>
    <t>script para vendas do seguro da Icatu-21.txt</t>
  </si>
  <si>
    <t>script para vendas do seguro da Icatu-22.txt</t>
  </si>
  <si>
    <t>script para vendas do seguro da Icatu-23.txt</t>
  </si>
  <si>
    <t>script para vendas do seguro da Icatu-24.txt</t>
  </si>
  <si>
    <t>script para vendas do seguro da Icatu-25.txt</t>
  </si>
  <si>
    <t>script para vendas do seguro da Icatu-26.txt</t>
  </si>
  <si>
    <t>script para vendas do seguro da Icatu-27.txt</t>
  </si>
  <si>
    <t>script para vendas do seguro da Icatu-28.txt</t>
  </si>
  <si>
    <t>script para vendas do seguro da Icatu-29.txt</t>
  </si>
  <si>
    <t>script para vendas do seguro da Icatu-30.txt</t>
  </si>
  <si>
    <t>script para vendas do seguro da Icatu-31.txt</t>
  </si>
  <si>
    <t>script para vendas do seguro da Icatu-32.txt</t>
  </si>
  <si>
    <t>script para vendas do seguro da Icatu-33.txt</t>
  </si>
  <si>
    <t>script para vendas do seguro da Icatu-34.txt</t>
  </si>
  <si>
    <t>script para vendas do seguro da Icatu-35.txt</t>
  </si>
  <si>
    <t>script para vendas do seguro da Icatu-36.txt</t>
  </si>
  <si>
    <t>script para vendas do seguro da Icatu-37.txt</t>
  </si>
  <si>
    <t>script para vendas do seguro da Icatu-38.txt</t>
  </si>
  <si>
    <t>script para vendas do seguro da Icatu-39.txt</t>
  </si>
  <si>
    <t>script para vendas do seguro da Icatu-40.txt</t>
  </si>
  <si>
    <t>script para vendas do seguro da Icatu-41.txt</t>
  </si>
  <si>
    <t>script para vendas do seguro da Icatu-42.txt</t>
  </si>
  <si>
    <t>script para vendas do seguro da Icatu-43.txt</t>
  </si>
  <si>
    <t>script para vendas do seguro da Icatu-44.txt</t>
  </si>
  <si>
    <t>script para vendas do seguro da Icatu-45.txt</t>
  </si>
  <si>
    <t>script para vendas do seguro da Icatu-46.txt</t>
  </si>
  <si>
    <t>script para vendas do seguro da Icatu-47.txt</t>
  </si>
  <si>
    <t>script para vendas do seguro da Icatu-48.txt</t>
  </si>
  <si>
    <t>script para vendas do seguro da Icatu-49.txt</t>
  </si>
  <si>
    <t>12/23/2019 14:23:35</t>
  </si>
  <si>
    <t>12/23/2019 14:25:20</t>
  </si>
  <si>
    <t>12/23/2019 14:24:26</t>
  </si>
  <si>
    <t>130ad854-d8f9-4092-8e44-aaf19b740999.tmp</t>
  </si>
  <si>
    <t>\\acsfs\profiles$\sarahbal\Downloads\130ad854-d8f9-4092-8e44-aaf19b740999.tmp</t>
  </si>
  <si>
    <t>12/23/2019 14:20:38</t>
  </si>
  <si>
    <t>12/23/2019 14:26:20</t>
  </si>
  <si>
    <t>12/23/2019 14:20:40</t>
  </si>
  <si>
    <t>lu79561cue88.tmp</t>
  </si>
  <si>
    <t>\\acsfs\profiles$\LUCASBS\lu79561cue88.tmp</t>
  </si>
  <si>
    <t>\\acsfs\profiles$\LUCASBS\lu79561cue88.tmp\</t>
  </si>
  <si>
    <t>\\acsfs\profiles$\LUCASBS\lu79561cue88.tmp\META-INF\</t>
  </si>
  <si>
    <t>\\acsfs\profiles$\LUCASBS\lu79561cue88.tmp\Thumbnails\</t>
  </si>
  <si>
    <t>12/23/2019 14:20:59</t>
  </si>
  <si>
    <t>mail.google.com/sync/u/0/i/s?hl=pt-BR&amp;c=147</t>
  </si>
  <si>
    <t>12/23/2019 14:21:03</t>
  </si>
  <si>
    <t>mail.google.com/sync/u/0/i/s?hl=pt-BR&amp;c=149</t>
  </si>
  <si>
    <t>12/23/2019 14:21:12</t>
  </si>
  <si>
    <t>12/23/2019 14:21:17</t>
  </si>
  <si>
    <t>12/23/2019 14:21:25</t>
  </si>
  <si>
    <t>12/23/2019 14:21:35</t>
  </si>
  <si>
    <t>mail.google.com/sync/u/0/i/s?hl=pt-BR&amp;c=158</t>
  </si>
  <si>
    <t>12/23/2019 14:21:37</t>
  </si>
  <si>
    <t>mail.google.com/sync/u/0/i/s?hl=pt-BR&amp;c=160</t>
  </si>
  <si>
    <t>12/23/2019 14:21:44</t>
  </si>
  <si>
    <t>mail.google.com/sync/u/0/i/s?hl=pt-BR&amp;c=162</t>
  </si>
  <si>
    <t>12/23/2019 14:22:03</t>
  </si>
  <si>
    <t>12/23/2019 14:22:07</t>
  </si>
  <si>
    <t>mail.google.com/sync/u/0/i/s?hl=pt-BR&amp;c=167</t>
  </si>
  <si>
    <t>12/23/2019 14:22:29</t>
  </si>
  <si>
    <t>12/23/2019 14:22:51</t>
  </si>
  <si>
    <t>12/23/2019 14:22:56</t>
  </si>
  <si>
    <t>12/23/2019 14:23:00</t>
  </si>
  <si>
    <t>12/23/2019 14:23:06</t>
  </si>
  <si>
    <t>12/23/2019 14:23:16</t>
  </si>
  <si>
    <t>12/23/2019 14:23:48</t>
  </si>
  <si>
    <t>12/23/2019 14:24:10</t>
  </si>
  <si>
    <t>12/23/2019 14:24:25</t>
  </si>
  <si>
    <t>mail.google.com/sync/u/0/i/s?hl=pt-BR&amp;c=185</t>
  </si>
  <si>
    <t>12/23/2019 14:24:31</t>
  </si>
  <si>
    <t>mail.google.com/sync/u/0/i/s?hl=pt-BR&amp;c=187</t>
  </si>
  <si>
    <t>12/23/2019 14:25:27</t>
  </si>
  <si>
    <t>10.200.67.82</t>
  </si>
  <si>
    <t>74-86-7A-FC-D0-0E</t>
  </si>
  <si>
    <t>VOTORANT-JB011</t>
  </si>
  <si>
    <t>gabrielbmdl</t>
  </si>
  <si>
    <t>\\acsfs\profiles$\gabrielbmdl\My Documents\My Pictures\</t>
  </si>
  <si>
    <t>\\acsfs\profiles$\gabrielbmdl\My Documents\My Pictures\Thumbs.db</t>
  </si>
  <si>
    <t>12/23/2019 14:23:56</t>
  </si>
  <si>
    <t>db5a5645-7e58-4885-a4ec-d82ed48d4663.tmp</t>
  </si>
  <si>
    <t>\\acsfs\profiles$\layonmof\Downloads\db5a5645-7e58-4885-a4ec-d82ed48d4663.tmp</t>
  </si>
  <si>
    <t>12/23/2019 14:22:15</t>
  </si>
  <si>
    <t>12/23/2019 14:27:20</t>
  </si>
  <si>
    <t>10.200.66.22</t>
  </si>
  <si>
    <t>74-86-7A-FB-17-B1</t>
  </si>
  <si>
    <t>VOTORANT-YB005</t>
  </si>
  <si>
    <t>vitoriaams</t>
  </si>
  <si>
    <t>\\acsfs\Deptos\Operacao\Banco_Votorantim\Comum\00 - COMUM - BV CARTÕES\</t>
  </si>
  <si>
    <t>\\acsfs\Deptos\Operacao\Banco_Votorantim\Comum\00 - COMUM - BV CARTÕES\Thumbs.db</t>
  </si>
  <si>
    <t>fa826e44-4d76-4712-abf4-13c9c6ade783.tmp</t>
  </si>
  <si>
    <t>\\acsfs\profiles$\joycemmdl\Downloads\fa826e44-4d76-4712-abf4-13c9c6ade783.tmp</t>
  </si>
  <si>
    <t>12/23/2019 14:23:02</t>
  </si>
  <si>
    <t>d7734af4-24a0-430e-8ced-ccd4d79b82fb.tmp</t>
  </si>
  <si>
    <t>\\acsfs\profiles$\joycemmdl\Downloads\d7734af4-24a0-430e-8ced-ccd4d79b82fb.tmp</t>
  </si>
  <si>
    <t>12/23/2019 14:24:08</t>
  </si>
  <si>
    <t>12/23/2019 14:29:20</t>
  </si>
  <si>
    <t>6b558c63-17f8-49b8-b71a-f9ef683eabde.tmp</t>
  </si>
  <si>
    <t>\\acsfs\profiles$\vivianibfs\Downloads\6b558c63-17f8-49b8-b71a-f9ef683eabde.tmp</t>
  </si>
  <si>
    <t>12/23/2019 14:24:14</t>
  </si>
  <si>
    <t>937acb59-182d-4dc8-8303-2a3bbef345ae.tmp</t>
  </si>
  <si>
    <t>\\acsfs\profiles$\vivianibfs\Downloads\937acb59-182d-4dc8-8303-2a3bbef345ae.tmp</t>
  </si>
  <si>
    <t>script para vendas do seguro da Icatu-50.txt</t>
  </si>
  <si>
    <t>script para vendas do seguro da Icatu-51.txt</t>
  </si>
  <si>
    <t>script para vendas do seguro da Icatu-52.txt</t>
  </si>
  <si>
    <t>script para vendas do seguro da Icatu-53.txt</t>
  </si>
  <si>
    <t>script para vendas do seguro da Icatu-54.txt</t>
  </si>
  <si>
    <t>12/23/2019 14:27:02</t>
  </si>
  <si>
    <t>$I7IVCK0</t>
  </si>
  <si>
    <t>\\acsfs\profiles$\regisadsa\My Documents\$RECYCLE.BIN\$I7IVCK0</t>
  </si>
  <si>
    <t>12/23/2019 14:27:14</t>
  </si>
  <si>
    <t>$IJURKSH</t>
  </si>
  <si>
    <t>\\acsfs\profiles$\regisadsa\My Documents\$RECYCLE.BIN\$IJURKSH</t>
  </si>
  <si>
    <t>12/23/2019 14:27:18</t>
  </si>
  <si>
    <t>$IFG6QI4</t>
  </si>
  <si>
    <t>\\acsfs\profiles$\regisadsa\My Documents\$RECYCLE.BIN\$IFG6QI4</t>
  </si>
  <si>
    <t>12/23/2019 14:27:23</t>
  </si>
  <si>
    <t>$IA6FPJO</t>
  </si>
  <si>
    <t>\\acsfs\profiles$\regisadsa\My Documents\$RECYCLE.BIN\$IA6FPJO</t>
  </si>
  <si>
    <t>12/23/2019 14:27:32</t>
  </si>
  <si>
    <t>$IZUACEB.txt</t>
  </si>
  <si>
    <t>\\acsfs\profiles$\regisadsa\My Documents\$RECYCLE.BIN\$IZUACEB.txt</t>
  </si>
  <si>
    <t>$ITDH47P.txt</t>
  </si>
  <si>
    <t>\\acsfs\profiles$\regisadsa\My Documents\$RECYCLE.BIN\$ITDH47P.txt</t>
  </si>
  <si>
    <t>12/23/2019 14:27:33</t>
  </si>
  <si>
    <t>$IF941SX.txt</t>
  </si>
  <si>
    <t>\\acsfs\profiles$\regisadsa\My Documents\$RECYCLE.BIN\$IF941SX.txt</t>
  </si>
  <si>
    <t>$IY04ESM.txt</t>
  </si>
  <si>
    <t>\\acsfs\profiles$\regisadsa\My Documents\$RECYCLE.BIN\$IY04ESM.txt</t>
  </si>
  <si>
    <t>$IBO3MSU.txt</t>
  </si>
  <si>
    <t>\\acsfs\profiles$\regisadsa\My Documents\$RECYCLE.BIN\$IBO3MSU.txt</t>
  </si>
  <si>
    <t>$IB15VK1.txt</t>
  </si>
  <si>
    <t>\\acsfs\profiles$\regisadsa\My Documents\$RECYCLE.BIN\$IB15VK1.txt</t>
  </si>
  <si>
    <t>12/23/2019 14:27:34</t>
  </si>
  <si>
    <t>$IZB6UIP.txt</t>
  </si>
  <si>
    <t>\\acsfs\profiles$\regisadsa\My Documents\$RECYCLE.BIN\$IZB6UIP.txt</t>
  </si>
  <si>
    <t>$I2E4AQU.txt</t>
  </si>
  <si>
    <t>\\acsfs\profiles$\regisadsa\My Documents\$RECYCLE.BIN\$I2E4AQU.txt</t>
  </si>
  <si>
    <t>$I4LTYQ7.7z</t>
  </si>
  <si>
    <t>\\acsfs\profiles$\regisadsa\My Documents\$RECYCLE.BIN\$I4LTYQ7.7z</t>
  </si>
  <si>
    <t>$I77CW4R.txt</t>
  </si>
  <si>
    <t>\\acsfs\profiles$\regisadsa\My Documents\$RECYCLE.BIN\$I77CW4R.txt</t>
  </si>
  <si>
    <t>12/23/2019 14:27:35</t>
  </si>
  <si>
    <t>$I9F0XTZ.txt</t>
  </si>
  <si>
    <t>\\acsfs\profiles$\regisadsa\My Documents\$RECYCLE.BIN\$I9F0XTZ.txt</t>
  </si>
  <si>
    <t>$I0XBBVT.txt</t>
  </si>
  <si>
    <t>\\acsfs\profiles$\regisadsa\My Documents\$RECYCLE.BIN\$I0XBBVT.txt</t>
  </si>
  <si>
    <t>$IOJWS22.txt</t>
  </si>
  <si>
    <t>\\acsfs\profiles$\regisadsa\My Documents\$RECYCLE.BIN\$IOJWS22.txt</t>
  </si>
  <si>
    <t>$IS655OS.txt</t>
  </si>
  <si>
    <t>\\acsfs\profiles$\regisadsa\My Documents\$RECYCLE.BIN\$IS655OS.txt</t>
  </si>
  <si>
    <t>12/23/2019 14:27:36</t>
  </si>
  <si>
    <t>$I5CBIMZ.txt</t>
  </si>
  <si>
    <t>\\acsfs\profiles$\regisadsa\My Documents\$RECYCLE.BIN\$I5CBIMZ.txt</t>
  </si>
  <si>
    <t>$IPDN9GS.txt</t>
  </si>
  <si>
    <t>\\acsfs\profiles$\regisadsa\My Documents\$RECYCLE.BIN\$IPDN9GS.txt</t>
  </si>
  <si>
    <t>$IYN30FP.txt</t>
  </si>
  <si>
    <t>\\acsfs\profiles$\regisadsa\My Documents\$RECYCLE.BIN\$IYN30FP.txt</t>
  </si>
  <si>
    <t>12/23/2019 14:27:37</t>
  </si>
  <si>
    <t>$IRHCVYU.txt</t>
  </si>
  <si>
    <t>\\acsfs\profiles$\regisadsa\My Documents\$RECYCLE.BIN\$IRHCVYU.txt</t>
  </si>
  <si>
    <t>$I5V8W64.txt</t>
  </si>
  <si>
    <t>\\acsfs\profiles$\regisadsa\My Documents\$RECYCLE.BIN\$I5V8W64.txt</t>
  </si>
  <si>
    <t>$IBU228Q.txt</t>
  </si>
  <si>
    <t>\\acsfs\profiles$\regisadsa\My Documents\$RECYCLE.BIN\$IBU228Q.txt</t>
  </si>
  <si>
    <t>$IGN8B4K.txt</t>
  </si>
  <si>
    <t>\\acsfs\profiles$\regisadsa\My Documents\$RECYCLE.BIN\$IGN8B4K.txt</t>
  </si>
  <si>
    <t>12/23/2019 14:27:38</t>
  </si>
  <si>
    <t>$I177UJQ.txt</t>
  </si>
  <si>
    <t>\\acsfs\profiles$\regisadsa\My Documents\$RECYCLE.BIN\$I177UJQ.txt</t>
  </si>
  <si>
    <t>$IHHW430.txt</t>
  </si>
  <si>
    <t>\\acsfs\profiles$\regisadsa\My Documents\$RECYCLE.BIN\$IHHW430.txt</t>
  </si>
  <si>
    <t>12/23/2019 14:27:39</t>
  </si>
  <si>
    <t>$IIUWEHN.txt</t>
  </si>
  <si>
    <t>\\acsfs\profiles$\regisadsa\My Documents\$RECYCLE.BIN\$IIUWEHN.txt</t>
  </si>
  <si>
    <t>12/23/2019 14:27:40</t>
  </si>
  <si>
    <t>$IOBNIBP.txt</t>
  </si>
  <si>
    <t>\\acsfs\profiles$\regisadsa\My Documents\$RECYCLE.BIN\$IOBNIBP.txt</t>
  </si>
  <si>
    <t>$ITDU2GX.txt</t>
  </si>
  <si>
    <t>\\acsfs\profiles$\regisadsa\My Documents\$RECYCLE.BIN\$ITDU2GX.txt</t>
  </si>
  <si>
    <t>$IQ10DJ4.txt</t>
  </si>
  <si>
    <t>\\acsfs\profiles$\regisadsa\My Documents\$RECYCLE.BIN\$IQ10DJ4.txt</t>
  </si>
  <si>
    <t>$IFE66GQ.txt</t>
  </si>
  <si>
    <t>\\acsfs\profiles$\regisadsa\My Documents\$RECYCLE.BIN\$IFE66GQ.txt</t>
  </si>
  <si>
    <t>$IO8REJH.txt</t>
  </si>
  <si>
    <t>\\acsfs\profiles$\regisadsa\My Documents\$RECYCLE.BIN\$IO8REJH.txt</t>
  </si>
  <si>
    <t>12/23/2019 14:27:41</t>
  </si>
  <si>
    <t>$IGGNE5W.txt</t>
  </si>
  <si>
    <t>\\acsfs\profiles$\regisadsa\My Documents\$RECYCLE.BIN\$IGGNE5W.txt</t>
  </si>
  <si>
    <t>$IP6CTXM.txt</t>
  </si>
  <si>
    <t>\\acsfs\profiles$\regisadsa\My Documents\$RECYCLE.BIN\$IP6CTXM.txt</t>
  </si>
  <si>
    <t>$I2IK1WU.txt</t>
  </si>
  <si>
    <t>\\acsfs\profiles$\regisadsa\My Documents\$RECYCLE.BIN\$I2IK1WU.txt</t>
  </si>
  <si>
    <t>$IJT6596.txt</t>
  </si>
  <si>
    <t>\\acsfs\profiles$\regisadsa\My Documents\$RECYCLE.BIN\$IJT6596.txt</t>
  </si>
  <si>
    <t>12/23/2019 14:27:42</t>
  </si>
  <si>
    <t>$IQIDRLK.txt</t>
  </si>
  <si>
    <t>\\acsfs\profiles$\regisadsa\My Documents\$RECYCLE.BIN\$IQIDRLK.txt</t>
  </si>
  <si>
    <t>$IP9GPNK.txt</t>
  </si>
  <si>
    <t>\\acsfs\profiles$\regisadsa\My Documents\$RECYCLE.BIN\$IP9GPNK.txt</t>
  </si>
  <si>
    <t>$IVWYEE6.txt</t>
  </si>
  <si>
    <t>\\acsfs\profiles$\regisadsa\My Documents\$RECYCLE.BIN\$IVWYEE6.txt</t>
  </si>
  <si>
    <t>$IDRBKEM.txt</t>
  </si>
  <si>
    <t>\\acsfs\profiles$\regisadsa\My Documents\$RECYCLE.BIN\$IDRBKEM.txt</t>
  </si>
  <si>
    <t>12/23/2019 14:27:43</t>
  </si>
  <si>
    <t>$I0T4DOC.txt</t>
  </si>
  <si>
    <t>\\acsfs\profiles$\regisadsa\My Documents\$RECYCLE.BIN\$I0T4DOC.txt</t>
  </si>
  <si>
    <t>$IDT755I.txt</t>
  </si>
  <si>
    <t>\\acsfs\profiles$\regisadsa\My Documents\$RECYCLE.BIN\$IDT755I.txt</t>
  </si>
  <si>
    <t>$IYVUF0V.txt</t>
  </si>
  <si>
    <t>\\acsfs\profiles$\regisadsa\My Documents\$RECYCLE.BIN\$IYVUF0V.txt</t>
  </si>
  <si>
    <t>12/23/2019 14:27:44</t>
  </si>
  <si>
    <t>$IUAQ2DP.txt</t>
  </si>
  <si>
    <t>\\acsfs\profiles$\regisadsa\My Documents\$RECYCLE.BIN\$IUAQ2DP.txt</t>
  </si>
  <si>
    <t>$IMUB2KN.txt</t>
  </si>
  <si>
    <t>\\acsfs\profiles$\regisadsa\My Documents\$RECYCLE.BIN\$IMUB2KN.txt</t>
  </si>
  <si>
    <t>12/23/2019 14:27:45</t>
  </si>
  <si>
    <t>$ITHL4UW.txt</t>
  </si>
  <si>
    <t>\\acsfs\profiles$\regisadsa\My Documents\$RECYCLE.BIN\$ITHL4UW.txt</t>
  </si>
  <si>
    <t>$IAWUB28.txt</t>
  </si>
  <si>
    <t>\\acsfs\profiles$\regisadsa\My Documents\$RECYCLE.BIN\$IAWUB28.txt</t>
  </si>
  <si>
    <t>$IOQIFD4.txt</t>
  </si>
  <si>
    <t>\\acsfs\profiles$\regisadsa\My Documents\$RECYCLE.BIN\$IOQIFD4.txt</t>
  </si>
  <si>
    <t>$IRN59LZ.txt</t>
  </si>
  <si>
    <t>\\acsfs\profiles$\regisadsa\My Documents\$RECYCLE.BIN\$IRN59LZ.txt</t>
  </si>
  <si>
    <t>12/23/2019 14:27:46</t>
  </si>
  <si>
    <t>$I425PD2.txt</t>
  </si>
  <si>
    <t>\\acsfs\profiles$\regisadsa\My Documents\$RECYCLE.BIN\$I425PD2.txt</t>
  </si>
  <si>
    <t>$IMCMZPO.txt</t>
  </si>
  <si>
    <t>\\acsfs\profiles$\regisadsa\My Documents\$RECYCLE.BIN\$IMCMZPO.txt</t>
  </si>
  <si>
    <t>$IJTY1ZX.txt</t>
  </si>
  <si>
    <t>\\acsfs\profiles$\regisadsa\My Documents\$RECYCLE.BIN\$IJTY1ZX.txt</t>
  </si>
  <si>
    <t>$IB4R1RZ.txt</t>
  </si>
  <si>
    <t>\\acsfs\profiles$\regisadsa\My Documents\$RECYCLE.BIN\$IB4R1RZ.txt</t>
  </si>
  <si>
    <t>12/23/2019 14:27:47</t>
  </si>
  <si>
    <t>$IKPK65U.txt</t>
  </si>
  <si>
    <t>\\acsfs\profiles$\regisadsa\My Documents\$RECYCLE.BIN\$IKPK65U.txt</t>
  </si>
  <si>
    <t>$IWQQKN2.txt</t>
  </si>
  <si>
    <t>\\acsfs\profiles$\regisadsa\My Documents\$RECYCLE.BIN\$IWQQKN2.txt</t>
  </si>
  <si>
    <t>$ISRS13I.txt</t>
  </si>
  <si>
    <t>\\acsfs\profiles$\regisadsa\My Documents\$RECYCLE.BIN\$ISRS13I.txt</t>
  </si>
  <si>
    <t>$I6WRJYR.txt</t>
  </si>
  <si>
    <t>\\acsfs\profiles$\regisadsa\My Documents\$RECYCLE.BIN\$I6WRJYR.txt</t>
  </si>
  <si>
    <t>12/23/2019 14:27:48</t>
  </si>
  <si>
    <t>$IQ3ATWI.txt</t>
  </si>
  <si>
    <t>\\acsfs\profiles$\regisadsa\My Documents\$RECYCLE.BIN\$IQ3ATWI.txt</t>
  </si>
  <si>
    <t>$IJJK0BB.txt</t>
  </si>
  <si>
    <t>\\acsfs\profiles$\regisadsa\My Documents\$RECYCLE.BIN\$IJJK0BB.txt</t>
  </si>
  <si>
    <t>$I6ZPG69.txt</t>
  </si>
  <si>
    <t>\\acsfs\profiles$\regisadsa\My Documents\$RECYCLE.BIN\$I6ZPG69.txt</t>
  </si>
  <si>
    <t>$II3RW9Y.txt</t>
  </si>
  <si>
    <t>\\acsfs\profiles$\regisadsa\My Documents\$RECYCLE.BIN\$II3RW9Y.txt</t>
  </si>
  <si>
    <t>12/23/2019 14:27:49</t>
  </si>
  <si>
    <t>$IB90LQ8.txt</t>
  </si>
  <si>
    <t>\\acsfs\profiles$\regisadsa\My Documents\$RECYCLE.BIN\$IB90LQ8.txt</t>
  </si>
  <si>
    <t>$ILW0E8L.txt</t>
  </si>
  <si>
    <t>\\acsfs\profiles$\regisadsa\My Documents\$RECYCLE.BIN\$ILW0E8L.txt</t>
  </si>
  <si>
    <t>12/23/2019 14:27:50</t>
  </si>
  <si>
    <t>$IKTJDJM.txt</t>
  </si>
  <si>
    <t>\\acsfs\profiles$\regisadsa\My Documents\$RECYCLE.BIN\$IKTJDJM.txt</t>
  </si>
  <si>
    <t>$I741HEC.txt</t>
  </si>
  <si>
    <t>\\acsfs\profiles$\regisadsa\My Documents\$RECYCLE.BIN\$I741HEC.txt</t>
  </si>
  <si>
    <t>$I8TQVP6.txt</t>
  </si>
  <si>
    <t>\\acsfs\profiles$\regisadsa\My Documents\$RECYCLE.BIN\$I8TQVP6.txt</t>
  </si>
  <si>
    <t>$IN18PPN.txt</t>
  </si>
  <si>
    <t>\\acsfs\profiles$\regisadsa\My Documents\$RECYCLE.BIN\$IN18PPN.txt</t>
  </si>
  <si>
    <t>12/23/2019 14:27:51</t>
  </si>
  <si>
    <t>$ID3S7MA.txt</t>
  </si>
  <si>
    <t>\\acsfs\profiles$\regisadsa\My Documents\$RECYCLE.BIN\$ID3S7MA.txt</t>
  </si>
  <si>
    <t>$IANK2UN.txt</t>
  </si>
  <si>
    <t>\\acsfs\profiles$\regisadsa\My Documents\$RECYCLE.BIN\$IANK2UN.txt</t>
  </si>
  <si>
    <t>$I55FDA3.txt</t>
  </si>
  <si>
    <t>\\acsfs\profiles$\regisadsa\My Documents\$RECYCLE.BIN\$I55FDA3.txt</t>
  </si>
  <si>
    <t>$IPVN5W1.txt</t>
  </si>
  <si>
    <t>\\acsfs\profiles$\regisadsa\My Documents\$RECYCLE.BIN\$IPVN5W1.txt</t>
  </si>
  <si>
    <t>12/23/2019 14:27:52</t>
  </si>
  <si>
    <t>$IL3ZNT6.txt</t>
  </si>
  <si>
    <t>\\acsfs\profiles$\regisadsa\My Documents\$RECYCLE.BIN\$IL3ZNT6.txt</t>
  </si>
  <si>
    <t>$IIJ2JXQ.txt</t>
  </si>
  <si>
    <t>\\acsfs\profiles$\regisadsa\My Documents\$RECYCLE.BIN\$IIJ2JXQ.txt</t>
  </si>
  <si>
    <t>$II8LYRS.txt</t>
  </si>
  <si>
    <t>\\acsfs\profiles$\regisadsa\My Documents\$RECYCLE.BIN\$II8LYRS.txt</t>
  </si>
  <si>
    <t>$I2EN3OF.txt</t>
  </si>
  <si>
    <t>\\acsfs\profiles$\regisadsa\My Documents\$RECYCLE.BIN\$I2EN3OF.txt</t>
  </si>
  <si>
    <t>12/23/2019 14:27:53</t>
  </si>
  <si>
    <t>$II7QN4S.txt</t>
  </si>
  <si>
    <t>\\acsfs\profiles$\regisadsa\My Documents\$RECYCLE.BIN\$II7QN4S.txt</t>
  </si>
  <si>
    <t>$IN7GITR.txt</t>
  </si>
  <si>
    <t>\\acsfs\profiles$\regisadsa\My Documents\$RECYCLE.BIN\$IN7GITR.txt</t>
  </si>
  <si>
    <t>$I47IN2R.txt</t>
  </si>
  <si>
    <t>\\acsfs\profiles$\regisadsa\My Documents\$RECYCLE.BIN\$I47IN2R.txt</t>
  </si>
  <si>
    <t>$IZKQRI2.txt</t>
  </si>
  <si>
    <t>\\acsfs\profiles$\regisadsa\My Documents\$RECYCLE.BIN\$IZKQRI2.txt</t>
  </si>
  <si>
    <t>12/23/2019 14:27:54</t>
  </si>
  <si>
    <t>$I7T61WZ.txt</t>
  </si>
  <si>
    <t>\\acsfs\profiles$\regisadsa\My Documents\$RECYCLE.BIN\$I7T61WZ.txt</t>
  </si>
  <si>
    <t>$IN54OGE.txt</t>
  </si>
  <si>
    <t>\\acsfs\profiles$\regisadsa\My Documents\$RECYCLE.BIN\$IN54OGE.txt</t>
  </si>
  <si>
    <t>$I3UDY1U.txt</t>
  </si>
  <si>
    <t>\\acsfs\profiles$\regisadsa\My Documents\$RECYCLE.BIN\$I3UDY1U.txt</t>
  </si>
  <si>
    <t>12/23/2019 14:27:55</t>
  </si>
  <si>
    <t>$IOI03SW.txt</t>
  </si>
  <si>
    <t>\\acsfs\profiles$\regisadsa\My Documents\$RECYCLE.BIN\$IOI03SW.txt</t>
  </si>
  <si>
    <t>$IUDVU30.txt</t>
  </si>
  <si>
    <t>\\acsfs\profiles$\regisadsa\My Documents\$RECYCLE.BIN\$IUDVU30.txt</t>
  </si>
  <si>
    <t>$IIHIFNU.txt</t>
  </si>
  <si>
    <t>\\acsfs\profiles$\regisadsa\My Documents\$RECYCLE.BIN\$IIHIFNU.txt</t>
  </si>
  <si>
    <t>$ICK2GAS.txt</t>
  </si>
  <si>
    <t>\\acsfs\profiles$\regisadsa\My Documents\$RECYCLE.BIN\$ICK2GAS.txt</t>
  </si>
  <si>
    <t>12/23/2019 14:27:56</t>
  </si>
  <si>
    <t>$IUWZ0QG.txt</t>
  </si>
  <si>
    <t>\\acsfs\profiles$\regisadsa\My Documents\$RECYCLE.BIN\$IUWZ0QG.txt</t>
  </si>
  <si>
    <t>$IYG9ZVD.txt</t>
  </si>
  <si>
    <t>\\acsfs\profiles$\regisadsa\My Documents\$RECYCLE.BIN\$IYG9ZVD.txt</t>
  </si>
  <si>
    <t>$I9C6FHV.txt</t>
  </si>
  <si>
    <t>\\acsfs\profiles$\regisadsa\My Documents\$RECYCLE.BIN\$I9C6FHV.txt</t>
  </si>
  <si>
    <t>12/23/2019 14:28:05</t>
  </si>
  <si>
    <t>$IS65C2G</t>
  </si>
  <si>
    <t>\\acsfs\profiles$\regisadsa\My Documents\$RECYCLE.BIN\$IS65C2G</t>
  </si>
  <si>
    <t>12/23/2019 14:28:12</t>
  </si>
  <si>
    <t>$IUTSW0R</t>
  </si>
  <si>
    <t>\\acsfs\profiles$\regisadsa\My Documents\$RECYCLE.BIN\$IUTSW0R</t>
  </si>
  <si>
    <t>12/23/2019 14:28:33</t>
  </si>
  <si>
    <t>\\acsfs\profiles$\regisadsa\Downloads\$RECYCLE.BIN\</t>
  </si>
  <si>
    <t>$I9X8GC8.partial</t>
  </si>
  <si>
    <t>\\acsfs\profiles$\regisadsa\Downloads\$RECYCLE.BIN\$I9X8GC8.partial</t>
  </si>
  <si>
    <t>$I5SF7LF.pdf</t>
  </si>
  <si>
    <t>\\acsfs\profiles$\regisadsa\Downloads\$RECYCLE.BIN\$I5SF7LF.pdf</t>
  </si>
  <si>
    <t>12/23/2019 14:28:34</t>
  </si>
  <si>
    <t>$ILS4XSQ.crdownload</t>
  </si>
  <si>
    <t>\\acsfs\profiles$\regisadsa\Downloads\$RECYCLE.BIN\$ILS4XSQ.crdownload</t>
  </si>
  <si>
    <t>$ISOLYQ2.crdownload</t>
  </si>
  <si>
    <t>\\acsfs\profiles$\regisadsa\Downloads\$RECYCLE.BIN\$ISOLYQ2.crdownload</t>
  </si>
  <si>
    <t>$I5EIXNH.tmp</t>
  </si>
  <si>
    <t>\\acsfs\profiles$\regisadsa\Downloads\$RECYCLE.BIN\$I5EIXNH.tmp</t>
  </si>
  <si>
    <t>$I3ZAQJ7.tmp</t>
  </si>
  <si>
    <t>\\acsfs\profiles$\regisadsa\Downloads\$RECYCLE.BIN\$I3ZAQJ7.tmp</t>
  </si>
  <si>
    <t>12/23/2019 14:29:05</t>
  </si>
  <si>
    <t>12/23/2019 14:30:20</t>
  </si>
  <si>
    <t>12/23/2019 14:27:28</t>
  </si>
  <si>
    <t>mail.google.com/sync/u/0/i/s?hl=pt-BR&amp;c=58</t>
  </si>
  <si>
    <t>mail.google.com/sync/u/0/i/s?hl=pt-BR&amp;c=60</t>
  </si>
  <si>
    <t>mail.google.com/sync/u/0/i/s?hl=pt-BR&amp;c=62</t>
  </si>
  <si>
    <t>12/23/2019 14:30:16</t>
  </si>
  <si>
    <t>12/23/2019 14:31:21</t>
  </si>
  <si>
    <t>fabianafv</t>
  </si>
  <si>
    <t>\\acsfs\profiles$\fabianafv\Downloads\</t>
  </si>
  <si>
    <t>691c4218-7d5e-4e78-86ef-308352d1080d.tmp</t>
  </si>
  <si>
    <t>\\acsfs\profiles$\fabianafv\Downloads\691c4218-7d5e-4e78-86ef-308352d1080d.tmp</t>
  </si>
  <si>
    <t>12/23/2019 14:27:29</t>
  </si>
  <si>
    <t>12/23/2019 14:27:30</t>
  </si>
  <si>
    <t>lu79561cue8d.tmp</t>
  </si>
  <si>
    <t>\\acsfs\profiles$\LUCASBS\lu79561cue8d.tmp</t>
  </si>
  <si>
    <t>\\acsfs\profiles$\LUCASBS\lu79561cue8d.tmp\</t>
  </si>
  <si>
    <t>\\acsfs\profiles$\LUCASBS\lu79561cue8d.tmp\META-INF\</t>
  </si>
  <si>
    <t>\\acsfs\profiles$\LUCASBS\lu79561cue8d.tmp\Thumbnails\</t>
  </si>
  <si>
    <t>12/23/2019 14:25:48</t>
  </si>
  <si>
    <t>mail.google.com/sync/u/0/i/s?hl=pt-BR&amp;c=190</t>
  </si>
  <si>
    <t>mail.google.com/sync/u/0/i/s?hl=pt-BR&amp;c=192</t>
  </si>
  <si>
    <t>12/23/2019 14:28:13</t>
  </si>
  <si>
    <t>mail.google.com/sync/u/0/i/s?hl=pt-BR&amp;c=195</t>
  </si>
  <si>
    <t>12/23/2019 14:28:35</t>
  </si>
  <si>
    <t>12/23/2019 14:28:43</t>
  </si>
  <si>
    <t>mail.google.com/sync/u/0/i/s?hl=pt-BR&amp;c=199</t>
  </si>
  <si>
    <t>12/23/2019 14:28:45</t>
  </si>
  <si>
    <t>mail.google.com/sync/u/0/i/s?hl=pt-BR&amp;c=201</t>
  </si>
  <si>
    <t>12/23/2019 14:28:52</t>
  </si>
  <si>
    <t>mail.google.com/sync/u/0/i/s?hl=pt-BR&amp;c=203</t>
  </si>
  <si>
    <t>12/23/2019 14:29:14</t>
  </si>
  <si>
    <t>mail.google.com/sync/u/0/i/s?hl=pt-BR&amp;c=206</t>
  </si>
  <si>
    <t>12/23/2019 14:29:17</t>
  </si>
  <si>
    <t>mail.google.com/sync/u/0/i/s?hl=pt-BR&amp;c=208</t>
  </si>
  <si>
    <t>mail.google.com/sync/u/0/i/s?hl=pt-BR&amp;c=210</t>
  </si>
  <si>
    <t>12/23/2019 14:29:23</t>
  </si>
  <si>
    <t>mail.google.com/sync/u/0/i/s?hl=pt-BR&amp;c=212</t>
  </si>
  <si>
    <t>12/23/2019 14:29:48</t>
  </si>
  <si>
    <t>12/23/2019 14:30:15</t>
  </si>
  <si>
    <t>mail.google.com/sync/u/0/i/s?hl=pt-BR&amp;c=215</t>
  </si>
  <si>
    <t>12/23/2019 14:30:25</t>
  </si>
  <si>
    <t>mail.google.com/sync/u/0/i/s?hl=pt-BR&amp;c=217</t>
  </si>
  <si>
    <t>12/23/2019 14:30:27</t>
  </si>
  <si>
    <t>mail.google.com/sync/u/0/i/s?hl=pt-BR&amp;c=219</t>
  </si>
  <si>
    <t>12/23/2019 14:30:35</t>
  </si>
  <si>
    <t>mail.google.com/sync/u/0/i/s?hl=pt-BR&amp;c=221</t>
  </si>
  <si>
    <t>12/23/2019 14:30:39</t>
  </si>
  <si>
    <t>mail.google.com/sync/u/0/i/s?hl=pt-BR&amp;c=223</t>
  </si>
  <si>
    <t>12/23/2019 14:30:45</t>
  </si>
  <si>
    <t>mail.google.com/sync/u/0/i/s?hl=pt-BR&amp;c=225</t>
  </si>
  <si>
    <t>12/23/2019 14:32:20</t>
  </si>
  <si>
    <t>\\acsfs\Deptos\Operacao\Banco_Votorantim\Comum\COMUNICADOS\</t>
  </si>
  <si>
    <t>\\acsfs\Deptos\Operacao\Banco_Votorantim\Comum\COMUNICADOS\Thumbs.db</t>
  </si>
  <si>
    <t>12/23/2019 14:29:35</t>
  </si>
  <si>
    <t>12/23/2019 14:35:20</t>
  </si>
  <si>
    <t>12/23/2019 14:31:22</t>
  </si>
  <si>
    <t>12/23/2019 14:31:29</t>
  </si>
  <si>
    <t>mail.google.com/sync/u/0/i/s?hl=pt-BR&amp;c=57</t>
  </si>
  <si>
    <t>12/23/2019 14:36:20</t>
  </si>
  <si>
    <t>12/23/2019 14:30:48</t>
  </si>
  <si>
    <t>12/23/2019 14:30:53</t>
  </si>
  <si>
    <t>mail.google.com/sync/u/0/i/s?hl=pt-BR&amp;c=229</t>
  </si>
  <si>
    <t>12/23/2019 14:31:10</t>
  </si>
  <si>
    <t>mail.google.com/sync/u/0/i/s?hl=pt-BR&amp;c=232</t>
  </si>
  <si>
    <t>12/23/2019 14:31:32</t>
  </si>
  <si>
    <t>12/23/2019 14:30:51</t>
  </si>
  <si>
    <t>12/23/2019 14:31:09</t>
  </si>
  <si>
    <t>12/23/2019 14:33:28</t>
  </si>
  <si>
    <t>12/23/2019 14:33:17</t>
  </si>
  <si>
    <t>12/23/2019 14:37:21</t>
  </si>
  <si>
    <t>10.200.67.4</t>
  </si>
  <si>
    <t>64-1C-67-9D-1B-E2</t>
  </si>
  <si>
    <t>VOTORANT-FB007</t>
  </si>
  <si>
    <t>\\acsfs\profiles$\Angelicacldr\Contacts\</t>
  </si>
  <si>
    <t>ANGELICA CRISTINA LIMA DOS REIS (29).contact</t>
  </si>
  <si>
    <t>\\acsfs\profiles$\Angelicacldr\Contacts\ANGELICA CRISTINA LIMA DOS REIS (29).contact</t>
  </si>
  <si>
    <t>12/23/2019 14:33:44</t>
  </si>
  <si>
    <t>\\acsfs\profiles$\Angelicacldr\My Documents\My Videos\</t>
  </si>
  <si>
    <t>\\acsfs\profiles$\Angelicacldr\My Documents\My Videos\desktop.ini</t>
  </si>
  <si>
    <t>12/23/2019 14:33:45</t>
  </si>
  <si>
    <t>\\acsfs\profiles$\Angelicacldr\My Documents\My Pictures\</t>
  </si>
  <si>
    <t>\\acsfs\profiles$\Angelicacldr\My Documents\My Pictures\desktop.ini</t>
  </si>
  <si>
    <t>12/23/2019 14:33:46</t>
  </si>
  <si>
    <t>\\acsfs\profiles$\Angelicacldr\Contacts\desktop.ini</t>
  </si>
  <si>
    <t>\\acsfs\profiles$\Angelicacldr\Favorites\</t>
  </si>
  <si>
    <t>\\acsfs\profiles$\Angelicacldr\Favorites\desktop.ini</t>
  </si>
  <si>
    <t>12/23/2019 14:33:47</t>
  </si>
  <si>
    <t>\\acsfs\profiles$\Angelicacldr\My Documents\My Music\</t>
  </si>
  <si>
    <t>\\acsfs\profiles$\Angelicacldr\My Documents\My Music\desktop.ini</t>
  </si>
  <si>
    <t>12/23/2019 14:33:48</t>
  </si>
  <si>
    <t>\\acsfs\profiles$\Angelicacldr\Searches\</t>
  </si>
  <si>
    <t>\\acsfs\profiles$\Angelicacldr\Searches\desktop.ini</t>
  </si>
  <si>
    <t>\\acsfs\profiles$\Angelicacldr\Downloads\</t>
  </si>
  <si>
    <t>\\acsfs\profiles$\Angelicacldr\Downloads\desktop.ini</t>
  </si>
  <si>
    <t>12/23/2019 14:33:49</t>
  </si>
  <si>
    <t>\\acsfs\profiles$\Angelicacldr\My Documents\</t>
  </si>
  <si>
    <t>\\acsfs\profiles$\Angelicacldr\My Documents\desktop.ini</t>
  </si>
  <si>
    <t>\\acsfs\profiles$\Angelicacldr\Saved Games\</t>
  </si>
  <si>
    <t>\\acsfs\profiles$\Angelicacldr\Saved Games\desktop.ini</t>
  </si>
  <si>
    <t>12/23/2019 14:33:50</t>
  </si>
  <si>
    <t>12/23/2019 14:34:14</t>
  </si>
  <si>
    <t>\\acsfs\profiles$\angelicacldr\Favorites\Links for Brasil\</t>
  </si>
  <si>
    <t>\\acsfs\profiles$\angelicacldr\Favorites\Links for Brasil\desktop.ini</t>
  </si>
  <si>
    <t>\\acsfs\profiles$\angelicacldr\Favorites\Links for Brasil\Microsoft Brasil.url</t>
  </si>
  <si>
    <t>\\acsfs\profiles$\angelicacldr\Favorites\Links for Brasil\Windows Brasil.url</t>
  </si>
  <si>
    <t>12/23/2019 14:34:15</t>
  </si>
  <si>
    <t>\\acsfs\profiles$\angelicacldr\Favorites\Links for Brasil\MSN Brasil.url</t>
  </si>
  <si>
    <t>12/23/2019 14:36:48</t>
  </si>
  <si>
    <t>12/23/2019 14:38:20</t>
  </si>
  <si>
    <t>rosileiam</t>
  </si>
  <si>
    <t>\\acsfs\profiles$\rosileiam\Downloads\</t>
  </si>
  <si>
    <t>22829993-42cc-40c4-834d-0200ead68ae4.tmp</t>
  </si>
  <si>
    <t>\\acsfs\profiles$\rosileiam\Downloads\22829993-42cc-40c4-834d-0200ead68ae4.tmp</t>
  </si>
  <si>
    <t>fd035207-c902-428b-b10a-1e666b854b5a.tmp</t>
  </si>
  <si>
    <t>\\acsfs\profiles$\brendadsl\Downloads\fd035207-c902-428b-b10a-1e666b854b5a.tmp</t>
  </si>
  <si>
    <t>12/23/2019 14:37:38</t>
  </si>
  <si>
    <t>88d96b3f-437c-4ea4-ab86-9041d1f1f5c4.tmp</t>
  </si>
  <si>
    <t>\\acsfs\profiles$\websondsa\Downloads\88d96b3f-437c-4ea4-ab86-9041d1f1f5c4.tmp</t>
  </si>
  <si>
    <t>12/23/2019 14:36:23</t>
  </si>
  <si>
    <t>12/23/2019 14:39:21</t>
  </si>
  <si>
    <t>33f4ae39-62f7-45b9-a0ef-df0e08d0e96c.tmp</t>
  </si>
  <si>
    <t>\\acsfs\profiles$\geovannasm\Downloads\33f4ae39-62f7-45b9-a0ef-df0e08d0e96c.tmp</t>
  </si>
  <si>
    <t>12/23/2019 14:36:29</t>
  </si>
  <si>
    <t>c2bee272-951e-432a-9783-5fd4a734d550.tmp</t>
  </si>
  <si>
    <t>\\acsfs\profiles$\geovannasm\Downloads\c2bee272-951e-432a-9783-5fd4a734d550.tmp</t>
  </si>
  <si>
    <t>12/23/2019 14:34:46</t>
  </si>
  <si>
    <t>10.200.66.42</t>
  </si>
  <si>
    <t>74-86-7A-FB-17-DD</t>
  </si>
  <si>
    <t>VOTORANT-VB007</t>
  </si>
  <si>
    <t>alinepp</t>
  </si>
  <si>
    <t>\\acsfs\profiles$\alinepp\Downloads\</t>
  </si>
  <si>
    <t>50f0779a-36cd-47e9-9672-b4bd00fbe052.tmp</t>
  </si>
  <si>
    <t>\\acsfs\profiles$\alinepp\Downloads\50f0779a-36cd-47e9-9672-b4bd00fbe052.tmp</t>
  </si>
  <si>
    <t>12/23/2019 14:34:51</t>
  </si>
  <si>
    <t>3285f7de-2259-4792-9b9c-fd1235d2a01d.tmp</t>
  </si>
  <si>
    <t>\\acsfs\profiles$\alinepp\Downloads\3285f7de-2259-4792-9b9c-fd1235d2a01d.tmp</t>
  </si>
  <si>
    <t>12/23/2019 14:35:58</t>
  </si>
  <si>
    <t>12/23/2019 14:40:20</t>
  </si>
  <si>
    <t>12/23/2019 14:39:10</t>
  </si>
  <si>
    <t>henriqueco</t>
  </si>
  <si>
    <t>\\acsfs\profiles$\henriqueco\Downloads\</t>
  </si>
  <si>
    <t>2f66a708-25a0-4c98-9e6c-7f85e3ce231c.tmp</t>
  </si>
  <si>
    <t>\\acsfs\profiles$\henriqueco\Downloads\2f66a708-25a0-4c98-9e6c-7f85e3ce231c.tmp</t>
  </si>
  <si>
    <t>12/23/2019 14:39:22</t>
  </si>
  <si>
    <t>533d75b6-43fc-4478-b144-ff79ece8ab8a.tmp</t>
  </si>
  <si>
    <t>\\acsfs\profiles$\henriqueco\Downloads\533d75b6-43fc-4478-b144-ff79ece8ab8a.tmp</t>
  </si>
  <si>
    <t>12/23/2019 14:39:30</t>
  </si>
  <si>
    <t>f2ccce59-6a31-47f0-ba06-ec6eb62f1d0f.tmp</t>
  </si>
  <si>
    <t>\\acsfs\profiles$\henriqueco\Downloads\f2ccce59-6a31-47f0-ba06-ec6eb62f1d0f.tmp</t>
  </si>
  <si>
    <t>12/23/2019 14:37:49</t>
  </si>
  <si>
    <t>12/23/2019 14:38:06</t>
  </si>
  <si>
    <t>12/23/2019 14:41:21</t>
  </si>
  <si>
    <t>e42a094b-fe70-4e47-8b8b-fdc463a19e81.tmp</t>
  </si>
  <si>
    <t>\\acsfs\profiles$\fabianafv\Downloads\e42a094b-fe70-4e47-8b8b-fdc463a19e81.tmp</t>
  </si>
  <si>
    <t>12/23/2019 14:35:40</t>
  </si>
  <si>
    <t>Welido Cristina de Jesus_1_6771513471238473529_1_32.wav</t>
  </si>
  <si>
    <t>\\acsfs\Deptos\EDUCACAO EMPRESARIAL\FERNANDA MONIT\Ligação para Mutant terceiro Ciclo\Welido Cristina de Jesus_1_6771513471238473529_1_32.wav</t>
  </si>
  <si>
    <t>12/23/2019 14:38:18</t>
  </si>
  <si>
    <t>RAFAELA MARQUES SOUZA VALIM_1_6769199939859852122_1_32.wav</t>
  </si>
  <si>
    <t>\\acsfs\Deptos\EDUCACAO EMPRESARIAL\KÉSIA\Ligações 3º ciclo - Késia\RAFAELA MARQUES SOUZA VALIM_1_6769199939859852122_1_32.wav</t>
  </si>
  <si>
    <t>12/23/2019 14:39:58</t>
  </si>
  <si>
    <t>12/23/2019 14:43:20</t>
  </si>
  <si>
    <t>2e516b9b-212f-4b5c-bb60-efb7238711c7.tmp</t>
  </si>
  <si>
    <t>\\acsfs\profiles$\rosileiam\Downloads\2e516b9b-212f-4b5c-bb60-efb7238711c7.tmp</t>
  </si>
  <si>
    <t>12/23/2019 14:41:27</t>
  </si>
  <si>
    <t>12/23/2019 14:38:05</t>
  </si>
  <si>
    <t>e01966c7-a2ef-4610-9d76-f146ff62af09.tmp</t>
  </si>
  <si>
    <t>\\acsfs\profiles$\websondsa\Downloads\e01966c7-a2ef-4610-9d76-f146ff62af09.tmp</t>
  </si>
  <si>
    <t>12/23/2019 14:39:32</t>
  </si>
  <si>
    <t>766448e6-f250-434c-8297-9ce18512a386.tmp</t>
  </si>
  <si>
    <t>\\acsfs\profiles$\websondsa\Downloads\766448e6-f250-434c-8297-9ce18512a386.tmp</t>
  </si>
  <si>
    <t>12/23/2019 14:41:11</t>
  </si>
  <si>
    <t>82bd9516-ae64-4e40-841a-eb0148c79215.tmp</t>
  </si>
  <si>
    <t>\\acsfs\profiles$\bernardopcm\Downloads\82bd9516-ae64-4e40-841a-eb0148c79215.tmp</t>
  </si>
  <si>
    <t>12/23/2019 14:42:15</t>
  </si>
  <si>
    <t>60da2e33-580b-4b83-a3b8-3544a51bbee5.tmp</t>
  </si>
  <si>
    <t>\\acsfs\profiles$\bernardopcm\Downloads\60da2e33-580b-4b83-a3b8-3544a51bbee5.tmp</t>
  </si>
  <si>
    <t>12/23/2019 14:42:56</t>
  </si>
  <si>
    <t>12/23/2019 14:44:20</t>
  </si>
  <si>
    <t>12/23/2019 14:42:24</t>
  </si>
  <si>
    <t>\\acsfs\DEPTOS\Operacao\Banco_Votorantim\Supervisao\SUPERS BV CARTÕES\ADILSON\Escalas Feriados\</t>
  </si>
  <si>
    <t>Escala Operadores Natal e Ano Novo Alterações.xlsx</t>
  </si>
  <si>
    <t>\\acsfs\DEPTOS\Operacao\Banco_Votorantim\Supervisao\SUPERS BV CARTÕES\ADILSON\Escalas Feriados\Escala Operadores Natal e Ano Novo Alterações.xlsx</t>
  </si>
  <si>
    <t>12/23/2019 14:40:43</t>
  </si>
  <si>
    <t>12/23/2019 14:45:20</t>
  </si>
  <si>
    <t>12/23/2019 14:40:44</t>
  </si>
  <si>
    <t>lu470085e6o3y.tmp</t>
  </si>
  <si>
    <t>\\acsfs\profiles$\CLAUDIAJCA\lu470085e6o3y.tmp</t>
  </si>
  <si>
    <t>\\acsfs\profiles$\CLAUDIAJCA\lu470085e6o3y.tmp\</t>
  </si>
  <si>
    <t>12/23/2019 14:40:45</t>
  </si>
  <si>
    <t>\\acsfs\profiles$\CLAUDIAJCA\lu470085e6o3y.tmp\META-INF\</t>
  </si>
  <si>
    <t>\\acsfs\profiles$\CLAUDIAJCA\lu470085e6o3y.tmp\Thumbnails\</t>
  </si>
  <si>
    <t>12/23/2019 14:43:01</t>
  </si>
  <si>
    <t>81a11e61-a0db-4b37-92a6-24eb5dad62aa.tmp</t>
  </si>
  <si>
    <t>\\acsfs\profiles$\quindaizaagds\Downloads\81a11e61-a0db-4b37-92a6-24eb5dad62aa.tmp</t>
  </si>
  <si>
    <t>7a66a04b-1f03-4f98-b87a-ec7f5c915dca.tmp</t>
  </si>
  <si>
    <t>\\acsfs\profiles$\henriqueco\Downloads\7a66a04b-1f03-4f98-b87a-ec7f5c915dca.tmp</t>
  </si>
  <si>
    <t>12/23/2019 14:41:50</t>
  </si>
  <si>
    <t>12/23/2019 14:42:21</t>
  </si>
  <si>
    <t>12/23/2019 14:46:20</t>
  </si>
  <si>
    <t>12/23/2019 14:42:25</t>
  </si>
  <si>
    <t>lu135922xa8p.tmp</t>
  </si>
  <si>
    <t>\\acsfs\profiles$\Flaviojmm\My Documents\lu135922xa8p.tmp</t>
  </si>
  <si>
    <t>\\acsfs\profiles$\Flaviojmm\My Documents\lu135922xa8p.tmp\</t>
  </si>
  <si>
    <t>\\acsfs\profiles$\Flaviojmm\My Documents\lu135922xa8p.tmp\META-INF\</t>
  </si>
  <si>
    <t>\\acsfs\profiles$\Flaviojmm\My Documents\lu135922xa8p.tmp\Thumbnails\</t>
  </si>
  <si>
    <t>12/23/2019 14:41:26</t>
  </si>
  <si>
    <t>12/23/2019 14:44:27</t>
  </si>
  <si>
    <t>12/23/2019 14:41:34</t>
  </si>
  <si>
    <t>12/23/2019 14:47:20</t>
  </si>
  <si>
    <t>59d52108-f196-413c-8c1a-ab92596ccb45.tmp</t>
  </si>
  <si>
    <t>\\acsfs\profiles$\KARENDSR\Downloads\59d52108-f196-413c-8c1a-ab92596ccb45.tmp</t>
  </si>
  <si>
    <t>12/23/2019 14:42:01</t>
  </si>
  <si>
    <t>3cd2c368-5b8d-4eec-a3b5-a37620623a00.tmp</t>
  </si>
  <si>
    <t>\\acsfs\profiles$\KARENDSR\Downloads\3cd2c368-5b8d-4eec-a3b5-a37620623a00.tmp</t>
  </si>
  <si>
    <t>52a8fe76-4ab3-458e-a65e-81d782d1a0ed.tmp</t>
  </si>
  <si>
    <t>\\acsfs\profiles$\JOAOVAL\Downloads\52a8fe76-4ab3-458e-a65e-81d782d1a0ed.tmp</t>
  </si>
  <si>
    <t>12/23/2019 14:45:05</t>
  </si>
  <si>
    <t>348ab774-b1e7-4e68-b5f7-23d36c69dc3d.tmp</t>
  </si>
  <si>
    <t>\\acsfs\profiles$\JOAOVAL\Downloads\348ab774-b1e7-4e68-b5f7-23d36c69dc3d.tmp</t>
  </si>
  <si>
    <t>12/23/2019 14:43:45</t>
  </si>
  <si>
    <t>cd06501d-b048-4e12-a1c3-c02ab2f2a681.tmp</t>
  </si>
  <si>
    <t>\\acsfs\profiles$\bernardopcm\Downloads\cd06501d-b048-4e12-a1c3-c02ab2f2a681.tmp</t>
  </si>
  <si>
    <t>12/23/2019 14:42:32</t>
  </si>
  <si>
    <t>12/23/2019 14:48:20</t>
  </si>
  <si>
    <t>12/23/2019 14:45:19</t>
  </si>
  <si>
    <t>12/23/2019 14:49:21</t>
  </si>
  <si>
    <t>f60d3d62-c75f-4675-ac8d-c1b0c29bc3e7.tmp</t>
  </si>
  <si>
    <t>\\acsfs\profiles$\marcosvnds\Downloads\f60d3d62-c75f-4675-ac8d-c1b0c29bc3e7.tmp</t>
  </si>
  <si>
    <t>12/23/2019 14:46:23</t>
  </si>
  <si>
    <t>12/23/2019 14:50:20</t>
  </si>
  <si>
    <t>12/23/2019 14:48:32</t>
  </si>
  <si>
    <t>12/23/2019 14:51:20</t>
  </si>
  <si>
    <t>e473af2a-d19b-4019-a9c0-5b845e0a0a7a.tmp</t>
  </si>
  <si>
    <t>\\acsfs\profiles$\fabianafv\Downloads\e473af2a-d19b-4019-a9c0-5b845e0a0a7a.tmp</t>
  </si>
  <si>
    <t>12/23/2019 14:46:09</t>
  </si>
  <si>
    <t>mail.google.com/sync/u/0/i/s?hl=pt-BR&amp;c=12</t>
  </si>
  <si>
    <t>12/23/2019 14:50:07</t>
  </si>
  <si>
    <t>24925f42-3f2a-473e-b02b-c5bc1e198deb.tmp</t>
  </si>
  <si>
    <t>\\acsfs\profiles$\deborahsi\Downloads\24925f42-3f2a-473e-b02b-c5bc1e198deb.tmp</t>
  </si>
  <si>
    <t>12/23/2019 14:48:45</t>
  </si>
  <si>
    <t>12/23/2019 14:48:53</t>
  </si>
  <si>
    <t>12/23/2019 14:47:07</t>
  </si>
  <si>
    <t>12/23/2019 14:52:20</t>
  </si>
  <si>
    <t>12/23/2019 14:50:09</t>
  </si>
  <si>
    <t>f329cf76-589e-4b10-91e2-ab050363dcf4.tmp</t>
  </si>
  <si>
    <t>\\acsfs\profiles$\bernardopcm\Downloads\f329cf76-589e-4b10-91e2-ab050363dcf4.tmp</t>
  </si>
  <si>
    <t>95908224-1183-4dab-bd10-733477afb806.tmp</t>
  </si>
  <si>
    <t>\\acsfs\profiles$\bernardopcm\Downloads\95908224-1183-4dab-bd10-733477afb806.tmp</t>
  </si>
  <si>
    <t>12/23/2019 14:51:15</t>
  </si>
  <si>
    <t>12/23/2019 14:53:21</t>
  </si>
  <si>
    <t>ab96143c-fb38-4d00-90eb-ea771862d6d3.tmp</t>
  </si>
  <si>
    <t>\\acsfs\profiles$\JOAOVAL\Downloads\ab96143c-fb38-4d00-90eb-ea771862d6d3.tmp</t>
  </si>
  <si>
    <t>12/23/2019 14:52:24</t>
  </si>
  <si>
    <t>06e25c78-729b-4dc8-9eef-c688121a79e1.tmp</t>
  </si>
  <si>
    <t>\\acsfs\profiles$\JOAOVAL\Downloads\06e25c78-729b-4dc8-9eef-c688121a79e1.tmp</t>
  </si>
  <si>
    <t>12/23/2019 14:52:38</t>
  </si>
  <si>
    <t>afd4b467-1d6f-4648-9c6f-ed2c73669634.tmp</t>
  </si>
  <si>
    <t>\\acsfs\profiles$\JOAOVAL\Downloads\afd4b467-1d6f-4648-9c6f-ed2c73669634.tmp</t>
  </si>
  <si>
    <t>12/23/2019 14:50:51</t>
  </si>
  <si>
    <t>12/23/2019 14:54:20</t>
  </si>
  <si>
    <t>712279c1-9a79-4948-86d0-0713b3522bf9.tmp</t>
  </si>
  <si>
    <t>\\acsfs\profiles$\geovannasm\Downloads\712279c1-9a79-4948-86d0-0713b3522bf9.tmp</t>
  </si>
  <si>
    <t>12/23/2019 14:52:37</t>
  </si>
  <si>
    <t>1a15ccb2-3ed8-47d2-8e5c-df3b17ba4dc0.tmp</t>
  </si>
  <si>
    <t>\\acsfs\profiles$\geovannasm\Downloads\1a15ccb2-3ed8-47d2-8e5c-df3b17ba4dc0.tmp</t>
  </si>
  <si>
    <t>12/23/2019 14:51:16</t>
  </si>
  <si>
    <t>bdbe39d1-44b6-4fef-8e74-4e711d28d9bc.tmp</t>
  </si>
  <si>
    <t>\\acsfs\profiles$\regisadsa\Downloads\bdbe39d1-44b6-4fef-8e74-4e711d28d9bc.tmp</t>
  </si>
  <si>
    <t>12/23/2019 14:52:34</t>
  </si>
  <si>
    <t>12/23/2019 14:55:20</t>
  </si>
  <si>
    <t>lu470085e6o47.tmp</t>
  </si>
  <si>
    <t>\\acsfs\profiles$\CLAUDIAJCA\lu470085e6o47.tmp</t>
  </si>
  <si>
    <t>\\acsfs\profiles$\CLAUDIAJCA\lu470085e6o47.tmp\</t>
  </si>
  <si>
    <t>\\acsfs\profiles$\CLAUDIAJCA\lu470085e6o47.tmp\META-INF\</t>
  </si>
  <si>
    <t>\\acsfs\profiles$\CLAUDIAJCA\lu470085e6o47.tmp\Thumbnails\</t>
  </si>
  <si>
    <t>12/23/2019 14:52:52</t>
  </si>
  <si>
    <t>12/23/2019 14:52:57</t>
  </si>
  <si>
    <t>12/23/2019 14:51:08</t>
  </si>
  <si>
    <t>d2edc0dd-2351-46d6-b665-3465b721aecf.tmp</t>
  </si>
  <si>
    <t>\\acsfs\profiles$\henriqueco\Downloads\d2edc0dd-2351-46d6-b665-3465b721aecf.tmp</t>
  </si>
  <si>
    <t>12/23/2019 14:50:27</t>
  </si>
  <si>
    <t>12/23/2019 14:56:20</t>
  </si>
  <si>
    <t>75b3e6fe-e0bc-43d3-8201-a8cd9a86c051.tmp</t>
  </si>
  <si>
    <t>\\acsfs\profiles$\websondsa\Downloads\75b3e6fe-e0bc-43d3-8201-a8cd9a86c051.tmp</t>
  </si>
  <si>
    <t>570a4c72-7bf1-4a6d-ab44-c984ed750384.tmp</t>
  </si>
  <si>
    <t>\\acsfs\profiles$\websondsa\Downloads\570a4c72-7bf1-4a6d-ab44-c984ed750384.tmp</t>
  </si>
  <si>
    <t>12/23/2019 14:51:10</t>
  </si>
  <si>
    <t>62c765fd-377c-497e-8b42-e21dfcaa7a95.tmp</t>
  </si>
  <si>
    <t>\\acsfs\profiles$\websondsa\Downloads\62c765fd-377c-497e-8b42-e21dfcaa7a95.tmp</t>
  </si>
  <si>
    <t>12/23/2019 14:51:46</t>
  </si>
  <si>
    <t>385df45b-4589-4e46-bf24-d8e2b30da576.tmp</t>
  </si>
  <si>
    <t>\\acsfs\profiles$\websondsa\Downloads\385df45b-4589-4e46-bf24-d8e2b30da576.tmp</t>
  </si>
  <si>
    <t>12/23/2019 14:53:00</t>
  </si>
  <si>
    <t>669fbdbc-ed0a-4fb5-84d3-928f6a943406.tmp</t>
  </si>
  <si>
    <t>\\acsfs\profiles$\websondsa\Downloads\669fbdbc-ed0a-4fb5-84d3-928f6a943406.tmp</t>
  </si>
  <si>
    <t>12/23/2019 14:53:25</t>
  </si>
  <si>
    <t>255d401c-472b-4ca2-a50f-165a1e425110.tmp</t>
  </si>
  <si>
    <t>\\acsfs\profiles$\websondsa\Downloads\255d401c-472b-4ca2-a50f-165a1e425110.tmp</t>
  </si>
  <si>
    <t>12/23/2019 14:53:53</t>
  </si>
  <si>
    <t>e6af3477-ab64-4d95-8607-46868f697c27.tmp</t>
  </si>
  <si>
    <t>\\acsfs\profiles$\websondsa\Downloads\e6af3477-ab64-4d95-8607-46868f697c27.tmp</t>
  </si>
  <si>
    <t>12/23/2019 14:54:07</t>
  </si>
  <si>
    <t>76f5b972-2858-4858-8041-815fa4de8b45.tmp</t>
  </si>
  <si>
    <t>\\acsfs\profiles$\websondsa\Downloads\76f5b972-2858-4858-8041-815fa4de8b45.tmp</t>
  </si>
  <si>
    <t>12/23/2019 14:55:26</t>
  </si>
  <si>
    <t>ef552180-b645-49b0-8fd7-d8f2e0c5e07e.tmp</t>
  </si>
  <si>
    <t>\\acsfs\profiles$\gabrieleods\Downloads\ef552180-b645-49b0-8fd7-d8f2e0c5e07e.tmp</t>
  </si>
  <si>
    <t>12/23/2019 14:56:22</t>
  </si>
  <si>
    <t>12/23/2019 14:57:20</t>
  </si>
  <si>
    <t>\\acsfs\profiles$\Angelicacldr\My Documents\xworkcenter\lex\</t>
  </si>
  <si>
    <t>\\acsfs\profiles$\Angelicacldr\My Documents\xworkcenter\lex\temp.tlx</t>
  </si>
  <si>
    <t>12/23/2019 14:56:23</t>
  </si>
  <si>
    <t>12/23/2019 14:56:24</t>
  </si>
  <si>
    <t>12/23/2019 14:56:25</t>
  </si>
  <si>
    <t>12/23/2019 14:56:26</t>
  </si>
  <si>
    <t>12/23/2019 14:56:27</t>
  </si>
  <si>
    <t>12/23/2019 14:56:28</t>
  </si>
  <si>
    <t>12/23/2019 14:56:29</t>
  </si>
  <si>
    <t>12/23/2019 14:56:30</t>
  </si>
  <si>
    <t>12/23/2019 14:56:31</t>
  </si>
  <si>
    <t>12/23/2019 14:56:32</t>
  </si>
  <si>
    <t>12/23/2019 14:56:33</t>
  </si>
  <si>
    <t>12/23/2019 14:56:34</t>
  </si>
  <si>
    <t>12/23/2019 14:56:35</t>
  </si>
  <si>
    <t>12/23/2019 14:56:36</t>
  </si>
  <si>
    <t>12/23/2019 14:56:37</t>
  </si>
  <si>
    <t>12/23/2019 14:56:38</t>
  </si>
  <si>
    <t>12/23/2019 14:56:39</t>
  </si>
  <si>
    <t>12/23/2019 14:56:40</t>
  </si>
  <si>
    <t>12/23/2019 14:56:41</t>
  </si>
  <si>
    <t>12/23/2019 14:56:42</t>
  </si>
  <si>
    <t>12/23/2019 14:56:43</t>
  </si>
  <si>
    <t>12/23/2019 14:55:27</t>
  </si>
  <si>
    <t>12/23/2019 14:59:20</t>
  </si>
  <si>
    <t>4a53f87d-5623-4bae-a63b-e1d9b8ecbead.tmp</t>
  </si>
  <si>
    <t>\\acsfs\profiles$\geovannasm\Downloads\4a53f87d-5623-4bae-a63b-e1d9b8ecbead.tmp</t>
  </si>
  <si>
    <t>12/23/2019 14:55:52</t>
  </si>
  <si>
    <t>f51d2264-45a7-44bf-95a9-63ab556e6e75.tmp</t>
  </si>
  <si>
    <t>\\acsfs\profiles$\geovannasm\Downloads\f51d2264-45a7-44bf-95a9-63ab556e6e75.tmp</t>
  </si>
  <si>
    <t>12/23/2019 14:58:07</t>
  </si>
  <si>
    <t>e6c06597-2a90-4d05-b084-bc7d80c89d95.tmp</t>
  </si>
  <si>
    <t>\\acsfs\profiles$\KARENJSS\Downloads\e6c06597-2a90-4d05-b084-bc7d80c89d95.tmp</t>
  </si>
  <si>
    <t>12/23/2019 14:56:15</t>
  </si>
  <si>
    <t>12/23/2019 14:56:14</t>
  </si>
  <si>
    <t>12/23/2019 15:00:20</t>
  </si>
  <si>
    <t>12/23/2019 14:55:25</t>
  </si>
  <si>
    <t>12/23/2019 15:00:02</t>
  </si>
  <si>
    <t>12/23/2019 15:01:20</t>
  </si>
  <si>
    <t>12/23/2019 15:00:03</t>
  </si>
  <si>
    <t>lu79561cue8i.tmp</t>
  </si>
  <si>
    <t>\\acsfs\profiles$\LUCASBS\lu79561cue8i.tmp</t>
  </si>
  <si>
    <t>\\acsfs\profiles$\LUCASBS\lu79561cue8i.tmp\</t>
  </si>
  <si>
    <t>\\acsfs\profiles$\LUCASBS\lu79561cue8i.tmp\META-INF\</t>
  </si>
  <si>
    <t>\\acsfs\profiles$\LUCASBS\lu79561cue8i.tmp\Thumbnails\</t>
  </si>
  <si>
    <t>12/23/2019 15:00:11</t>
  </si>
  <si>
    <t>f7f234df-dca0-4c32-87f8-03dc86366e5b.tmp</t>
  </si>
  <si>
    <t>\\acsfs\profiles$\gabrieleods\Downloads\f7f234df-dca0-4c32-87f8-03dc86366e5b.tmp</t>
  </si>
  <si>
    <t>12/23/2019 14:57:06</t>
  </si>
  <si>
    <t>12/23/2019 14:58:37</t>
  </si>
  <si>
    <t>12/23/2019 15:00:12</t>
  </si>
  <si>
    <t>fernandaab@algartech.com;</t>
  </si>
  <si>
    <t>12/23/2019 15:00:14</t>
  </si>
  <si>
    <t>12/23/2019 15:00:19</t>
  </si>
  <si>
    <t>mail.google.com/sync/u/0/i/s?hl=pt-BR&amp;c=46</t>
  </si>
  <si>
    <t>fernandaab@algartech.com;thiagord@algartech.com;</t>
  </si>
  <si>
    <t>fernandaab@algartech.com,thiagord@algartech.com</t>
  </si>
  <si>
    <t>12/23/2019 15:00:26</t>
  </si>
  <si>
    <t>mail.google.com/sync/u/0/i/s?hl=pt-BR&amp;c=48</t>
  </si>
  <si>
    <t>12/23/2019 15:00:33</t>
  </si>
  <si>
    <t>mail.google.com/sync/u/0/i/s?hl=pt-BR&amp;c=51</t>
  </si>
  <si>
    <t>12/23/2019 15:00:46</t>
  </si>
  <si>
    <t>mail.google.com/sync/u/0/i/s?hl=pt-BR&amp;c=54</t>
  </si>
  <si>
    <t>bvs-centralcartoes@bv.com.br;cintia.souza-domingues@dxc.com;eduardo.santana@bv.com.br;fernandaab@algartech.com;fernandorsju@algartech.com;larisacc@algartech.com;marianeps@algartech.com;marianerdo@algartech.com;mirianppb@algartech.com;severinojfds@algartech.com;talmaiardo@algartech.com;thiagord@algartech.com;thiagordu@algartech.com;</t>
  </si>
  <si>
    <t>bvs-centralcartoes@bv.com.br,cintia.souza-domingues@dxc.com,eduardo.santana@bv.com.br,fernandaab@algartech.com,fernandorsju@algartech.com,larisacc@algartech.com,marianeps@algartech.com,marianerdo@algartech.com,mirianppb@algartech.com,severinojfds@algartech.com,talmaiardo@algartech.com,thiagord@algartech.com,thiagordu@algartech.com</t>
  </si>
  <si>
    <t>12/23/2019 14:56:44</t>
  </si>
  <si>
    <t>12/23/2019 15:02:20</t>
  </si>
  <si>
    <t>12/23/2019 14:56:45</t>
  </si>
  <si>
    <t>12/23/2019 14:56:46</t>
  </si>
  <si>
    <t>12/23/2019 15:00:01</t>
  </si>
  <si>
    <t>c3485772-8f58-4a1a-841e-ec2b14bb1098.tmp</t>
  </si>
  <si>
    <t>\\acsfs\profiles$\bernardopcm\Downloads\c3485772-8f58-4a1a-841e-ec2b14bb1098.tmp</t>
  </si>
  <si>
    <t>12/23/2019 15:01:13</t>
  </si>
  <si>
    <t>c4d0e6e6-fead-4189-bd5d-080916fa3ca1.tmp</t>
  </si>
  <si>
    <t>\\acsfs\profiles$\bernardopcm\Downloads\c4d0e6e6-fead-4189-bd5d-080916fa3ca1.tmp</t>
  </si>
  <si>
    <t>12/23/2019 15:03:20</t>
  </si>
  <si>
    <t>12/23/2019 15:01:18</t>
  </si>
  <si>
    <t>113992b4-3369-4544-8edb-088a6e529093.tmp</t>
  </si>
  <si>
    <t>\\acsfs\profiles$\JOAOVAL\Downloads\113992b4-3369-4544-8edb-088a6e529093.tmp</t>
  </si>
  <si>
    <t>12/23/2019 15:02:56</t>
  </si>
  <si>
    <t>aad98f28-0d27-4b36-b879-de6bee54b32c.tmp</t>
  </si>
  <si>
    <t>\\acsfs\profiles$\JOAOVAL\Downloads\aad98f28-0d27-4b36-b879-de6bee54b32c.tmp</t>
  </si>
  <si>
    <t>12/23/2019 15:03:03</t>
  </si>
  <si>
    <t>12/23/2019 15:04:20</t>
  </si>
  <si>
    <t>b0c321dd-79b1-4a65-984e-604000bfedcd.tmp</t>
  </si>
  <si>
    <t>\\acsfs\profiles$\geovannasm\Downloads\b0c321dd-79b1-4a65-984e-604000bfedcd.tmp</t>
  </si>
  <si>
    <t>12/23/2019 14:58:41</t>
  </si>
  <si>
    <t>12/23/2019 15:00:32</t>
  </si>
  <si>
    <t>baab37e6-3d49-41a7-99e1-df6717929b69.tmp</t>
  </si>
  <si>
    <t>\\acsfs\profiles$\leticiala\Downloads\baab37e6-3d49-41a7-99e1-df6717929b69.tmp</t>
  </si>
  <si>
    <t>12/23/2019 15:01:05</t>
  </si>
  <si>
    <t>8fadb9dd-9032-48a9-b2f3-5acc3352f8c8.tmp</t>
  </si>
  <si>
    <t>\\acsfs\profiles$\leticiala\Downloads\8fadb9dd-9032-48a9-b2f3-5acc3352f8c8.tmp</t>
  </si>
  <si>
    <t>12/23/2019 15:03:32</t>
  </si>
  <si>
    <t>12/23/2019 15:05:20</t>
  </si>
  <si>
    <t>12/23/2019 15:02:59</t>
  </si>
  <si>
    <t>12/23/2019 15:06:20</t>
  </si>
  <si>
    <t>0f7c9b0e-3cf8-4c2f-99da-a464b511d1b2.tmp</t>
  </si>
  <si>
    <t>\\acsfs\profiles$\gabrielhca\Downloads\0f7c9b0e-3cf8-4c2f-99da-a464b511d1b2.tmp</t>
  </si>
  <si>
    <t>12/23/2019 15:04:41</t>
  </si>
  <si>
    <t>3a5ab126-0d87-4c95-9416-9ca05467e530.tmp</t>
  </si>
  <si>
    <t>\\acsfs\profiles$\gabrielhca\Downloads\3a5ab126-0d87-4c95-9416-9ca05467e530.tmp</t>
  </si>
  <si>
    <t>12/23/2019 15:05:04</t>
  </si>
  <si>
    <t>mail.google.com/sync/u/0/i/s?hl=pt-BR&amp;c=47</t>
  </si>
  <si>
    <t>12/23/2019 15:05:08</t>
  </si>
  <si>
    <t>mail.google.com/sync/u/0/i/s?hl=pt-BR&amp;c=49</t>
  </si>
  <si>
    <t>12/23/2019 15:05:19</t>
  </si>
  <si>
    <t>12/23/2019 15:02:26</t>
  </si>
  <si>
    <t>12/23/2019 15:02:27</t>
  </si>
  <si>
    <t>lu135922xa8y.tmp</t>
  </si>
  <si>
    <t>\\acsfs\profiles$\Flaviojmm\My Documents\lu135922xa8y.tmp</t>
  </si>
  <si>
    <t>\\acsfs\profiles$\Flaviojmm\My Documents\lu135922xa8y.tmp\</t>
  </si>
  <si>
    <t>\\acsfs\profiles$\Flaviojmm\My Documents\lu135922xa8y.tmp\META-INF\</t>
  </si>
  <si>
    <t>\\acsfs\profiles$\Flaviojmm\My Documents\lu135922xa8y.tmp\Thumbnails\</t>
  </si>
  <si>
    <t>12/23/2019 15:03:13</t>
  </si>
  <si>
    <t>12/23/2019 15:03:14</t>
  </si>
  <si>
    <t>lu79561cue8p.tmp</t>
  </si>
  <si>
    <t>\\acsfs\profiles$\LUCASBS\lu79561cue8p.tmp</t>
  </si>
  <si>
    <t>\\acsfs\profiles$\LUCASBS\lu79561cue8p.tmp\</t>
  </si>
  <si>
    <t>\\acsfs\profiles$\LUCASBS\lu79561cue8p.tmp\META-INF\</t>
  </si>
  <si>
    <t>\\acsfs\profiles$\LUCASBS\lu79561cue8p.tmp\Thumbnails\</t>
  </si>
  <si>
    <t>12/23/2019 15:04:33</t>
  </si>
  <si>
    <t>12/23/2019 15:04:34</t>
  </si>
  <si>
    <t>12/23/2019 15:04:42</t>
  </si>
  <si>
    <t>12/23/2019 15:04:44</t>
  </si>
  <si>
    <t>12/23/2019 15:04:46</t>
  </si>
  <si>
    <t>12/23/2019 15:04:55</t>
  </si>
  <si>
    <t>12/23/2019 15:05:34</t>
  </si>
  <si>
    <t>12/23/2019 15:07:20</t>
  </si>
  <si>
    <t>\\acsfs\profiles$\gabrielarb\</t>
  </si>
  <si>
    <t>GRB.txt</t>
  </si>
  <si>
    <t>\\acsfs\profiles$\gabrielarb\GRB.txt</t>
  </si>
  <si>
    <t>12/23/2019 15:03:43</t>
  </si>
  <si>
    <t>12/23/2019 15:08:20</t>
  </si>
  <si>
    <t>df4662dd-a517-4539-9d12-9b24777a316d.tmp</t>
  </si>
  <si>
    <t>\\acsfs\profiles$\JOAOVAL\Downloads\df4662dd-a517-4539-9d12-9b24777a316d.tmp</t>
  </si>
  <si>
    <t>12/23/2019 15:07:03</t>
  </si>
  <si>
    <t>https://udpwfmniceap02/web/guest/home?p_auth=dvgki4ze&amp;p_p_id=58&amp;p_p_lifecycle=1&amp;p_p_state=maximized&amp;p_p_mode=view&amp;savelastpath=0&amp;_58_struts_action=/login/forgot_password</t>
  </si>
  <si>
    <t>12/23/2019 15:06:23</t>
  </si>
  <si>
    <t>12/23/2019 15:09:21</t>
  </si>
  <si>
    <t>12/23/2019 15:07:18</t>
  </si>
  <si>
    <t>12/23/2019 15:05:27</t>
  </si>
  <si>
    <t>12/23/2019 15:10:20</t>
  </si>
  <si>
    <t>12/23/2019 15:06:53</t>
  </si>
  <si>
    <t>12/23/2019 15:11:21</t>
  </si>
  <si>
    <t>ba3d82e5-ec0d-4916-9968-7fecd75b0ace.tmp</t>
  </si>
  <si>
    <t>\\acsfs\profiles$\gabrielhca\Downloads\ba3d82e5-ec0d-4916-9968-7fecd75b0ace.tmp</t>
  </si>
  <si>
    <t>12/23/2019 15:08:11</t>
  </si>
  <si>
    <t>12/23/2019 15:06:21</t>
  </si>
  <si>
    <t>12/23/2019 15:06:22</t>
  </si>
  <si>
    <t>lu135922xa97.tmp</t>
  </si>
  <si>
    <t>\\acsfs\profiles$\Flaviojmm\My Documents\lu135922xa97.tmp</t>
  </si>
  <si>
    <t>\\acsfs\profiles$\Flaviojmm\My Documents\lu135922xa97.tmp\</t>
  </si>
  <si>
    <t>\\acsfs\profiles$\Flaviojmm\My Documents\lu135922xa97.tmp\META-INF\</t>
  </si>
  <si>
    <t>12/23/2019 15:10:21</t>
  </si>
  <si>
    <t>Andressa Gomes Rodrigues_1_6771041359843361284_1_32.wav</t>
  </si>
  <si>
    <t>\\acsfs\Deptos\EDUCACAO EMPRESARIAL\FERNANDA MONIT\Ligação para Mutant terceiro Ciclo\Andressa Gomes Rodrigues_1_6771041359843361284_1_32.wav</t>
  </si>
  <si>
    <t>\\acsfs\profiles$\Flaviojmm\My Documents\lu135922xa97.tmp\Thumbnails\</t>
  </si>
  <si>
    <t>12/23/2019 15:07:38</t>
  </si>
  <si>
    <t>12/23/2019 15:07:39</t>
  </si>
  <si>
    <t>lu79561cue8u.tmp</t>
  </si>
  <si>
    <t>\\acsfs\profiles$\LUCASBS\lu79561cue8u.tmp</t>
  </si>
  <si>
    <t>\\acsfs\profiles$\LUCASBS\lu79561cue8u.tmp\</t>
  </si>
  <si>
    <t>\\acsfs\profiles$\LUCASBS\lu79561cue8u.tmp\META-INF\</t>
  </si>
  <si>
    <t>\\acsfs\profiles$\LUCASBS\lu79561cue8u.tmp\Thumbnails\</t>
  </si>
  <si>
    <t>12/23/2019 15:10:19</t>
  </si>
  <si>
    <t>10.200.67.38</t>
  </si>
  <si>
    <t>74-86-7A-FB-1B-51</t>
  </si>
  <si>
    <t>VOTORANT-PB010</t>
  </si>
  <si>
    <t>joaopnbg</t>
  </si>
  <si>
    <t>\\acsfs\profiles$\joaopnbg\Desktop\</t>
  </si>
  <si>
    <t>dados e script.txt</t>
  </si>
  <si>
    <t>\\acsfs\profiles$\joaopnbg\Desktop\dados e script.txt</t>
  </si>
  <si>
    <t>12/23/2019 15:07:12</t>
  </si>
  <si>
    <t>12/23/2019 15:07:13</t>
  </si>
  <si>
    <t>12/23/2019 15:07:17</t>
  </si>
  <si>
    <t>12/23/2019 15:07:19</t>
  </si>
  <si>
    <t>12/23/2019 15:10:29</t>
  </si>
  <si>
    <t>12/23/2019 15:13:21</t>
  </si>
  <si>
    <t>12/23/2019 15:11:48</t>
  </si>
  <si>
    <t>12/23/2019 15:14:20</t>
  </si>
  <si>
    <t>\\acsfs\profiles$\vanessacgs\My Documents\xworkcenter\logs\</t>
  </si>
  <si>
    <t>XLOG_vanessacgs_23122019_083740.log</t>
  </si>
  <si>
    <t>\\acsfs\profiles$\vanessacgs\My Documents\xworkcenter\logs\XLOG_vanessacgs_23122019_083740.log</t>
  </si>
  <si>
    <t>12/23/2019 15:10:53</t>
  </si>
  <si>
    <t>12/23/2019 15:11:22</t>
  </si>
  <si>
    <t>Relatorio de Vendas - Auditoria BV Cartoes (Dezembro)1.xlsx</t>
  </si>
  <si>
    <t>\\acsfs\DEPTOS\Operacao\Banco_Votorantim\Qualidade\Anderson\Jose\Atualizado\Relatorio de Vendas - Auditoria BV Cartoes (Dezembro)1.xlsx</t>
  </si>
  <si>
    <t>12/23/2019 15:11:54</t>
  </si>
  <si>
    <t>Relatorio de Vendas - Auditoria BV Cartoes (Dezembro)SUPERVISOR.xlsx</t>
  </si>
  <si>
    <t>\\acsfs\DEPTOS\Operacao\Banco_Votorantim\Qualidade\Anderson\Jose\Atualizado\Relatorio de Vendas - Auditoria BV Cartoes (Dezembro)SUPERVISOR.xlsx</t>
  </si>
  <si>
    <t>12/23/2019 15:12:24</t>
  </si>
  <si>
    <t>12/23/2019 15:15:21</t>
  </si>
  <si>
    <t>12/23/2019 15:12:25</t>
  </si>
  <si>
    <t>lu470085e6o4c.tmp</t>
  </si>
  <si>
    <t>\\acsfs\profiles$\CLAUDIAJCA\lu470085e6o4c.tmp</t>
  </si>
  <si>
    <t>\\acsfs\profiles$\CLAUDIAJCA\lu470085e6o4c.tmp\</t>
  </si>
  <si>
    <t>\\acsfs\profiles$\CLAUDIAJCA\lu470085e6o4c.tmp\META-INF\</t>
  </si>
  <si>
    <t>\\acsfs\profiles$\CLAUDIAJCA\lu470085e6o4c.tmp\Thumbnails\</t>
  </si>
  <si>
    <t>12/23/2019 15:14:15</t>
  </si>
  <si>
    <t>12/23/2019 15:14:16</t>
  </si>
  <si>
    <t>lu470085e6o4h.tmp</t>
  </si>
  <si>
    <t>\\acsfs\profiles$\CLAUDIAJCA\lu470085e6o4h.tmp</t>
  </si>
  <si>
    <t>\\acsfs\profiles$\CLAUDIAJCA\lu470085e6o4h.tmp\</t>
  </si>
  <si>
    <t>\\acsfs\profiles$\CLAUDIAJCA\lu470085e6o4h.tmp\META-INF\</t>
  </si>
  <si>
    <t>12/23/2019 15:11:53</t>
  </si>
  <si>
    <t>\\acsfs\profiles$\CLAUDIAJCA\lu470085e6o4h.tmp\Thumbnails\</t>
  </si>
  <si>
    <t>12/23/2019 15:10:30</t>
  </si>
  <si>
    <t>12/23/2019 15:11:30</t>
  </si>
  <si>
    <t>12/23/2019 15:12:00</t>
  </si>
  <si>
    <t>12/23/2019 15:12:31</t>
  </si>
  <si>
    <t>12/23/2019 15:12:43</t>
  </si>
  <si>
    <t>12/23/2019 15:16:20</t>
  </si>
  <si>
    <t>20dac88e-d91a-48c5-8ba9-d6705369f726.tmp</t>
  </si>
  <si>
    <t>\\acsfs\profiles$\websondsa\Downloads\20dac88e-d91a-48c5-8ba9-d6705369f726.tmp</t>
  </si>
  <si>
    <t>12/23/2019 15:13:43</t>
  </si>
  <si>
    <t>afe16b93-9f54-4b93-ab05-cabfe1bacf6e.tmp</t>
  </si>
  <si>
    <t>\\acsfs\profiles$\websondsa\Downloads\afe16b93-9f54-4b93-ab05-cabfe1bacf6e.tmp</t>
  </si>
  <si>
    <t>12/23/2019 15:14:01</t>
  </si>
  <si>
    <t>d477fd93-7504-4a2d-bfcb-71228cd011e6.tmp</t>
  </si>
  <si>
    <t>\\acsfs\profiles$\websondsa\Downloads\d477fd93-7504-4a2d-bfcb-71228cd011e6.tmp</t>
  </si>
  <si>
    <t>12/23/2019 15:12:30</t>
  </si>
  <si>
    <t>lu79561cue8z.tmp</t>
  </si>
  <si>
    <t>\\acsfs\profiles$\LUCASBS\lu79561cue8z.tmp</t>
  </si>
  <si>
    <t>\\acsfs\profiles$\LUCASBS\lu79561cue8z.tmp\</t>
  </si>
  <si>
    <t>\\acsfs\profiles$\LUCASBS\lu79561cue8z.tmp\META-INF\</t>
  </si>
  <si>
    <t>\\acsfs\profiles$\LUCASBS\lu79561cue8z.tmp\Thumbnails\</t>
  </si>
  <si>
    <t>12/23/2019 15:15:07</t>
  </si>
  <si>
    <t>mail.google.com/sync/u/0/i/s?hl=pt-BR&amp;c=77</t>
  </si>
  <si>
    <t>12/23/2019 15:15:08</t>
  </si>
  <si>
    <t>12/23/2019 15:15:42</t>
  </si>
  <si>
    <t>12/23/2019 15:15:36</t>
  </si>
  <si>
    <t>12/23/2019 15:17:21</t>
  </si>
  <si>
    <t>\\acsfs\profiles$\ISABELLEGTDS\Nova pasta\</t>
  </si>
  <si>
    <t>.~lock.isabelle 23.12.ods#</t>
  </si>
  <si>
    <t>\\acsfs\profiles$\ISABELLEGTDS\Nova pasta\.~lock.isabelle 23.12.ods#</t>
  </si>
  <si>
    <t>12/23/2019 15:15:37</t>
  </si>
  <si>
    <t>lu330363z7m99.tmp</t>
  </si>
  <si>
    <t>\\acsfs\profiles$\ISABELLEGTDS\Nova pasta\lu330363z7m99.tmp</t>
  </si>
  <si>
    <t>\\acsfs\profiles$\ISABELLEGTDS\Nova pasta\lu330363z7m99.tmp\</t>
  </si>
  <si>
    <t>\\acsfs\profiles$\ISABELLEGTDS\Nova pasta\lu330363z7m99.tmp\META-INF\</t>
  </si>
  <si>
    <t>\\acsfs\profiles$\ISABELLEGTDS\Nova pasta\lu330363z7m99.tmp\Thumbnails\</t>
  </si>
  <si>
    <t>12/23/2019 15:15:27</t>
  </si>
  <si>
    <t>12/23/2019 15:18:20</t>
  </si>
  <si>
    <t>12/23/2019 15:15:28</t>
  </si>
  <si>
    <t>lu208202laf01.tmp</t>
  </si>
  <si>
    <t>\\acsfs\profiles$\geovanaasa\My Documents\lu208202laf01.tmp</t>
  </si>
  <si>
    <t>\\acsfs\profiles$\geovanaasa\My Documents\lu208202laf01.tmp\</t>
  </si>
  <si>
    <t>\\acsfs\profiles$\geovanaasa\My Documents\lu208202laf01.tmp\META-INF\</t>
  </si>
  <si>
    <t>\\acsfs\profiles$\geovanaasa\My Documents\lu208202laf01.tmp\Thumbnails\</t>
  </si>
  <si>
    <t>12/23/2019 15:19:21</t>
  </si>
  <si>
    <t>\\acsfs\profiles$\vanessacgs\Documents\</t>
  </si>
  <si>
    <t>pastass.txt</t>
  </si>
  <si>
    <t>\\acsfs\profiles$\vanessacgs\Documents\pastass.txt</t>
  </si>
  <si>
    <t>12/23/2019 15:18:35</t>
  </si>
  <si>
    <t>12/23/2019 15:21:21</t>
  </si>
  <si>
    <t>34270bce-54bf-4210-853e-83c0da258659.tmp</t>
  </si>
  <si>
    <t>\\acsfs\profiles$\gabrieleods\Downloads\34270bce-54bf-4210-853e-83c0da258659.tmp</t>
  </si>
  <si>
    <t>12/23/2019 15:19:25</t>
  </si>
  <si>
    <t>72562aec-b4c2-460d-bf79-174af7864afc.tmp</t>
  </si>
  <si>
    <t>\\acsfs\profiles$\gabrieleods\Downloads\72562aec-b4c2-460d-bf79-174af7864afc.tmp</t>
  </si>
  <si>
    <t>12/23/2019 15:18:22</t>
  </si>
  <si>
    <t>12/23/2019 15:18:23</t>
  </si>
  <si>
    <t>lu211162zdjel.tmp</t>
  </si>
  <si>
    <t>\\acsfs\profiles$\kellzylenneasr\My Documents\lu211162zdjel.tmp</t>
  </si>
  <si>
    <t>\\acsfs\profiles$\kellzylenneasr\My Documents\lu211162zdjel.tmp\</t>
  </si>
  <si>
    <t>\\acsfs\profiles$\kellzylenneasr\My Documents\lu211162zdjel.tmp\META-INF\</t>
  </si>
  <si>
    <t>\\acsfs\profiles$\kellzylenneasr\My Documents\lu211162zdjel.tmp\Thumbnails\</t>
  </si>
  <si>
    <t>12/23/2019 15:18:32</t>
  </si>
  <si>
    <t>\\acsfs\profiles$\KELLZYLENNEASR\My Documents\</t>
  </si>
  <si>
    <t>.~lock.Sem título 1.ods#</t>
  </si>
  <si>
    <t>\\acsfs\profiles$\KELLZYLENNEASR\My Documents\.~lock.Sem título 1.ods#</t>
  </si>
  <si>
    <t>12/23/2019 15:18:33</t>
  </si>
  <si>
    <t>lu211162zdjep.tmp</t>
  </si>
  <si>
    <t>\\acsfs\profiles$\KELLZYLENNEASR\My Documents\lu211162zdjep.tmp</t>
  </si>
  <si>
    <t>\\acsfs\profiles$\KELLZYLENNEASR\My Documents\lu211162zdjep.tmp\</t>
  </si>
  <si>
    <t>\\acsfs\profiles$\KELLZYLENNEASR\My Documents\lu211162zdjep.tmp\META-INF\</t>
  </si>
  <si>
    <t>\\acsfs\profiles$\KELLZYLENNEASR\My Documents\lu211162zdjep.tmp\Thumbnails\</t>
  </si>
  <si>
    <t>12/23/2019 15:17:00</t>
  </si>
  <si>
    <t>12/23/2019 15:17:12</t>
  </si>
  <si>
    <t>12/23/2019 15:17:27</t>
  </si>
  <si>
    <t>12/23/2019 15:22:21</t>
  </si>
  <si>
    <t>12/23/2019 15:17:04</t>
  </si>
  <si>
    <t>\\acsfs\profiles$\FLAVIOJMM\My Documents\</t>
  </si>
  <si>
    <t>\\acsfs\profiles$\FLAVIOJMM\My Documents\.~lock.Reneg Vcto 26.ods#</t>
  </si>
  <si>
    <t>12/23/2019 15:23:20</t>
  </si>
  <si>
    <t>12/23/2019 15:25:20</t>
  </si>
  <si>
    <t>12/23/2019 15:23:06</t>
  </si>
  <si>
    <t>9e648718-5dd1-442a-b3be-c6c69c94b553.tmp</t>
  </si>
  <si>
    <t>\\acsfs\profiles$\wenderbnm\Downloads\9e648718-5dd1-442a-b3be-c6c69c94b553.tmp</t>
  </si>
  <si>
    <t>12/23/2019 15:24:35</t>
  </si>
  <si>
    <t>12/23/2019 15:25:05</t>
  </si>
  <si>
    <t>12/23/2019 15:26:21</t>
  </si>
  <si>
    <t>c198d01f-7c5f-4e25-ab17-45064ef9e29c.tmp</t>
  </si>
  <si>
    <t>\\acsfs\profiles$\websondsa\Downloads\c198d01f-7c5f-4e25-ab17-45064ef9e29c.tmp</t>
  </si>
  <si>
    <t>12/23/2019 15:22:18</t>
  </si>
  <si>
    <t>mail.google.com/sync/u/0/i/s?hl=pt-BR&amp;c=385</t>
  </si>
  <si>
    <t>12/23/2019 15:22:59</t>
  </si>
  <si>
    <t>12/23/2019 15:23:13</t>
  </si>
  <si>
    <t>mail.google.com/sync/u/0/i/s?hl=pt-BR&amp;c=391</t>
  </si>
  <si>
    <t>mirianppb@algartech.com;thiagordu@algartech.com;</t>
  </si>
  <si>
    <t>mirianppb@algartech.com,thiagordu@algartech.com</t>
  </si>
  <si>
    <t>12/23/2019 15:23:17</t>
  </si>
  <si>
    <t>mail.google.com/sync/u/0/i/s?hl=pt-BR&amp;c=393</t>
  </si>
  <si>
    <t>larisacc@algartech.com;mirianppb@algartech.com;thiagordu@algartech.com;</t>
  </si>
  <si>
    <t>larisacc@algartech.com,mirianppb@algartech.com,thiagordu@algartech.com</t>
  </si>
  <si>
    <t>12/23/2019 15:23:45</t>
  </si>
  <si>
    <t>larisacc@algartech.com;marianerdo@algartech.com;mirianppb@algartech.com;thiagordu@algartech.com;</t>
  </si>
  <si>
    <t>larisacc@algartech.com,marianerdo@algartech.com,mirianppb@algartech.com,thiagordu@algartech.com</t>
  </si>
  <si>
    <t>12/23/2019 15:22:26</t>
  </si>
  <si>
    <t>12/23/2019 15:24:21</t>
  </si>
  <si>
    <t>12/23/2019 15:24:28</t>
  </si>
  <si>
    <t>12/23/2019 15:24:33</t>
  </si>
  <si>
    <t>thiagord@algartech.com;</t>
  </si>
  <si>
    <t>thiagord@algartech.com</t>
  </si>
  <si>
    <t>12/23/2019 15:24:39</t>
  </si>
  <si>
    <t>12/23/2019 15:24:53</t>
  </si>
  <si>
    <t>12/23/2019 15:23:22</t>
  </si>
  <si>
    <t>12/23/2019 15:27:21</t>
  </si>
  <si>
    <t>12/23/2019 15:23:31</t>
  </si>
  <si>
    <t>\\acsfs\profiles$\deboraaa\My Documents\</t>
  </si>
  <si>
    <t>DEBORA.txt</t>
  </si>
  <si>
    <t>\\acsfs\profiles$\deboraaa\My Documents\DEBORA.txt</t>
  </si>
  <si>
    <t>12/23/2019 15:23:36</t>
  </si>
  <si>
    <t>12/23/2019 15:26:48</t>
  </si>
  <si>
    <t>12/23/2019 15:23:18</t>
  </si>
  <si>
    <t>12/23/2019 15:28:21</t>
  </si>
  <si>
    <t>12/23/2019 15:30:20</t>
  </si>
  <si>
    <t>12/23/2019 15:28:09</t>
  </si>
  <si>
    <t>c7da34bd-3a7a-4466-bd6a-04f4985b0e0e.tmp</t>
  </si>
  <si>
    <t>\\acsfs\profiles$\sarahbal\Downloads\c7da34bd-3a7a-4466-bd6a-04f4985b0e0e.tmp</t>
  </si>
  <si>
    <t>12/23/2019 15:28:33</t>
  </si>
  <si>
    <t>a4c2d9e7-1355-426c-90dc-c00e40860acf.tmp</t>
  </si>
  <si>
    <t>\\acsfs\profiles$\sarahbal\Downloads\a4c2d9e7-1355-426c-90dc-c00e40860acf.tmp</t>
  </si>
  <si>
    <t>12/23/2019 15:28:50</t>
  </si>
  <si>
    <t>12/23/2019 15:31:21</t>
  </si>
  <si>
    <t>99d4af98-aff2-416f-84e8-7f5f33e8af89.tmp</t>
  </si>
  <si>
    <t>\\acsfs\profiles$\fabianafv\Downloads\99d4af98-aff2-416f-84e8-7f5f33e8af89.tmp</t>
  </si>
  <si>
    <t>12/23/2019 15:25:50</t>
  </si>
  <si>
    <t>c0bf0352-8e60-4883-aa75-5e7d0964432e.tmp</t>
  </si>
  <si>
    <t>\\acsfs\profiles$\gabrieleods\Downloads\c0bf0352-8e60-4883-aa75-5e7d0964432e.tmp</t>
  </si>
  <si>
    <t>12/23/2019 15:26:50</t>
  </si>
  <si>
    <t>538a88f7-bb1f-4369-8881-8ade2eb226c7.tmp</t>
  </si>
  <si>
    <t>\\acsfs\profiles$\gabrieleods\Downloads\538a88f7-bb1f-4369-8881-8ade2eb226c7.tmp</t>
  </si>
  <si>
    <t>12/23/2019 15:26:56</t>
  </si>
  <si>
    <t>990b8b01-71be-47c0-b744-77ae5598ff8f.tmp</t>
  </si>
  <si>
    <t>\\acsfs\profiles$\gabrieleods\Downloads\990b8b01-71be-47c0-b744-77ae5598ff8f.tmp</t>
  </si>
  <si>
    <t>12/23/2019 15:28:10</t>
  </si>
  <si>
    <t>00673536-3daf-471d-ab9b-9e9692edec24.tmp</t>
  </si>
  <si>
    <t>\\acsfs\profiles$\gabrieleods\Downloads\00673536-3daf-471d-ab9b-9e9692edec24.tmp</t>
  </si>
  <si>
    <t>12/23/2019 15:28:13</t>
  </si>
  <si>
    <t>12/23/2019 15:27:01</t>
  </si>
  <si>
    <t>12/23/2019 15:29:10</t>
  </si>
  <si>
    <t>12/23/2019 15:29:11</t>
  </si>
  <si>
    <t>12/23/2019 15:29:44</t>
  </si>
  <si>
    <t>12/23/2019 15:30:04</t>
  </si>
  <si>
    <t>12/23/2019 15:30:07</t>
  </si>
  <si>
    <t>12/23/2019 15:28:03</t>
  </si>
  <si>
    <t>12/23/2019 15:32:21</t>
  </si>
  <si>
    <t>10.200.67.81</t>
  </si>
  <si>
    <t>74-86-7A-FC-CF-F2</t>
  </si>
  <si>
    <t>VOTORANT-GB011</t>
  </si>
  <si>
    <t>mail.google.com/sync/u/0/i/s?hl=pt-BR&amp;c=45</t>
  </si>
  <si>
    <t>backofficebv@dxc.com;bvs-centralcartoes@bvfinanceira.com.br;fabianacscg@algartech.com;fernandorsju@algartech.com;jean.loiola@bv.com.br;larissa.alcantara@bv.com.br;marianeps@algartech.com;talmaiardo@algartech.com;thiagordu@algartech.com;</t>
  </si>
  <si>
    <t>backofficebv@dxc.com,bvs-centralcartoes@bvfinanceira.com.br,fabianacscg@algartech.com,fernandorsju@algartech.com,jean.loiola@bv.com.br,larissa.alcantara@bv.com.br,marianeps@algartech.com,talmaiardo@algartech.com,thiagordu@algartech.com</t>
  </si>
  <si>
    <t>12/23/2019 15:28:08</t>
  </si>
  <si>
    <t>12/23/2019 15:28:17</t>
  </si>
  <si>
    <t>mail.google.com/sync/u/0/i/s?hl=pt-BR&amp;c=52</t>
  </si>
  <si>
    <t>12/23/2019 15:31:22</t>
  </si>
  <si>
    <t>12/23/2019 15:27:42</t>
  </si>
  <si>
    <t>10.200.67.165</t>
  </si>
  <si>
    <t>74-86-7A-FB-17-2D</t>
  </si>
  <si>
    <t>VOTORANT-LB007</t>
  </si>
  <si>
    <t>lorenacagf</t>
  </si>
  <si>
    <t>lorenacagf@bv.algartech.com</t>
  </si>
  <si>
    <t>https://udpmailboxap01.acs.com.br:8443/h/search?si=14&amp;so=0&amp;sc=52034&amp;sfi=6&amp;st=conversation&amp;action=compose&amp;paction=rowview2</t>
  </si>
  <si>
    <t>gabrielbmdl@bv.algartech.com;</t>
  </si>
  <si>
    <t>https://gabrielbmdl@bv.algartech.com</t>
  </si>
  <si>
    <t>12/23/2019 15:30:12</t>
  </si>
  <si>
    <t>12/23/2019 15:35:21</t>
  </si>
  <si>
    <t>12/23/2019 15:30:27</t>
  </si>
  <si>
    <t>julianeas</t>
  </si>
  <si>
    <t>\\acsfs\profiles$\julianeas\My Documents\My Pictures\</t>
  </si>
  <si>
    <t>\\acsfs\profiles$\julianeas\My Documents\My Videos\desktop.ini</t>
  </si>
  <si>
    <t>12/23/2019 15:30:31</t>
  </si>
  <si>
    <t>\\acsfs\profiles$\julianeas\My Documents\My Videos\</t>
  </si>
  <si>
    <t>12/23/2019 15:30:32</t>
  </si>
  <si>
    <t>12/23/2019 15:30:33</t>
  </si>
  <si>
    <t>12/23/2019 15:30:34</t>
  </si>
  <si>
    <t>12/23/2019 15:30:35</t>
  </si>
  <si>
    <t>\\acsfs\profiles$\julianeas\My Documents\My Music\</t>
  </si>
  <si>
    <t>\\acsfs\profiles$\julianeas\My Documents\My Pictures\desktop.ini</t>
  </si>
  <si>
    <t>12/23/2019 15:30:36</t>
  </si>
  <si>
    <t>12/23/2019 15:30:37</t>
  </si>
  <si>
    <t>12/23/2019 15:30:38</t>
  </si>
  <si>
    <t>\\acsfs\profiles$\julianeas\Contacts\</t>
  </si>
  <si>
    <t>\\acsfs\profiles$\julianeas\Contacts\desktop.ini</t>
  </si>
  <si>
    <t>12/23/2019 15:30:39</t>
  </si>
  <si>
    <t>12/23/2019 15:30:40</t>
  </si>
  <si>
    <t>12/23/2019 15:30:41</t>
  </si>
  <si>
    <t>12/23/2019 15:30:42</t>
  </si>
  <si>
    <t>12/23/2019 15:30:43</t>
  </si>
  <si>
    <t>\\acsfs\profiles$\julianeas\My Documents\</t>
  </si>
  <si>
    <t>\\acsfs\profiles$\julianeas\Favorites\desktop.ini</t>
  </si>
  <si>
    <t>12/23/2019 15:30:44</t>
  </si>
  <si>
    <t>12/23/2019 15:30:46</t>
  </si>
  <si>
    <t>12/23/2019 15:30:47</t>
  </si>
  <si>
    <t>12/23/2019 15:30:48</t>
  </si>
  <si>
    <t>12/23/2019 15:30:49</t>
  </si>
  <si>
    <t>\\acsfs\profiles$\julianeas\My Documents\My Music\desktop.ini</t>
  </si>
  <si>
    <t>12/23/2019 15:30:51</t>
  </si>
  <si>
    <t>12/23/2019 15:30:52</t>
  </si>
  <si>
    <t>12/23/2019 15:30:53</t>
  </si>
  <si>
    <t>12/23/2019 15:30:54</t>
  </si>
  <si>
    <t>12/23/2019 15:30:56</t>
  </si>
  <si>
    <t>\\acsfs\profiles$\julianeas\Searches\</t>
  </si>
  <si>
    <t>\\acsfs\profiles$\julianeas\Searches\desktop.ini</t>
  </si>
  <si>
    <t>12/23/2019 15:30:58</t>
  </si>
  <si>
    <t>12/23/2019 15:30:59</t>
  </si>
  <si>
    <t>12/23/2019 15:31:00</t>
  </si>
  <si>
    <t>12/23/2019 15:31:02</t>
  </si>
  <si>
    <t>\\acsfs\profiles$\julianeas\Downloads\</t>
  </si>
  <si>
    <t>\\acsfs\profiles$\julianeas\Downloads\desktop.ini</t>
  </si>
  <si>
    <t>12/23/2019 15:31:03</t>
  </si>
  <si>
    <t>12/23/2019 15:31:04</t>
  </si>
  <si>
    <t>\\acsfs\profiles$\julianeas\Favorites\</t>
  </si>
  <si>
    <t>\\acsfs\profiles$\julianeas\My Documents\desktop.ini</t>
  </si>
  <si>
    <t>12/23/2019 15:31:07</t>
  </si>
  <si>
    <t>12/23/2019 15:31:08</t>
  </si>
  <si>
    <t>12/23/2019 15:31:09</t>
  </si>
  <si>
    <t>12/23/2019 15:31:11</t>
  </si>
  <si>
    <t>12/23/2019 15:31:12</t>
  </si>
  <si>
    <t>12/23/2019 15:31:14</t>
  </si>
  <si>
    <t>\\acsfs\profiles$\julianeas\Saved Games\desktop.ini</t>
  </si>
  <si>
    <t>12/23/2019 15:31:29</t>
  </si>
  <si>
    <t>winrt--{S-1-5-21-602162358-764733703-839522115-358578}-.searchconnector-ms</t>
  </si>
  <si>
    <t>\\acsfs\profiles$\julianeas\Searches\winrt--{S-1-5-21-602162358-764733703-839522115-358578}-.searchconnector-ms</t>
  </si>
  <si>
    <t>12/23/2019 15:33:38</t>
  </si>
  <si>
    <t>12/23/2019 15:34:08</t>
  </si>
  <si>
    <t>12/23/2019 15:34:38</t>
  </si>
  <si>
    <t>12/23/2019 15:35:08</t>
  </si>
  <si>
    <t>12/23/2019 15:33:30</t>
  </si>
  <si>
    <t>12/23/2019 15:36:20</t>
  </si>
  <si>
    <t>12/23/2019 15:34:14</t>
  </si>
  <si>
    <t>12/23/2019 15:34:29</t>
  </si>
  <si>
    <t>12/23/2019 15:35:00</t>
  </si>
  <si>
    <t>12/23/2019 15:35:11</t>
  </si>
  <si>
    <t>mail.google.com/sync/u/0/i/s?hl=pt-BR&amp;c=113</t>
  </si>
  <si>
    <t>12/23/2019 15:32:26</t>
  </si>
  <si>
    <t>12/23/2019 15:32:29</t>
  </si>
  <si>
    <t>12/23/2019 15:35:12</t>
  </si>
  <si>
    <t>mail.google.com/sync/u/0/i/s?hl=pt-BR&amp;c=418</t>
  </si>
  <si>
    <t>12/23/2019 15:35:06</t>
  </si>
  <si>
    <t>12/23/2019 15:35:23</t>
  </si>
  <si>
    <t>12/23/2019 15:32:27</t>
  </si>
  <si>
    <t>ROSILEIA MARIA DA CRUZ_1_6770051387061516885_1_32.wav</t>
  </si>
  <si>
    <t>\\acsfs\Deptos\EDUCACAO EMPRESARIAL\KÉSIA\Ligações 3º ciclo - Késia\ROSILEIA MARIA DA CRUZ_1_6770051387061516885_1_32.wav</t>
  </si>
  <si>
    <t>12/23/2019 15:37:00</t>
  </si>
  <si>
    <t>12/23/2019 15:38:20</t>
  </si>
  <si>
    <t>b15a14d3-6152-4ce9-b8b3-b13312b8bc63.tmp</t>
  </si>
  <si>
    <t>\\acsfs\profiles$\brendadsl\Downloads\b15a14d3-6152-4ce9-b8b3-b13312b8bc63.tmp</t>
  </si>
  <si>
    <t>12/23/2019 15:37:28</t>
  </si>
  <si>
    <t>5f938c21-0a3b-4b25-8b46-b05b4979e172.tmp</t>
  </si>
  <si>
    <t>\\acsfs\profiles$\brendadsl\Downloads\5f938c21-0a3b-4b25-8b46-b05b4979e172.tmp</t>
  </si>
  <si>
    <t>12/23/2019 15:35:35</t>
  </si>
  <si>
    <t>12/23/2019 15:35:24</t>
  </si>
  <si>
    <t>12/23/2019 15:39:20</t>
  </si>
  <si>
    <t>13fec250-8fa0-4a42-9990-1e8ef54cb716.tmp</t>
  </si>
  <si>
    <t>\\acsfs\profiles$\wedersonbadr\My Documents\My Music\13fec250-8fa0-4a42-9990-1e8ef54cb716.tmp</t>
  </si>
  <si>
    <t>12/23/2019 15:37:45</t>
  </si>
  <si>
    <t>12/23/2019 15:40:20</t>
  </si>
  <si>
    <t>2778d4e8-dd35-461a-b918-346afb3540f5.tmp</t>
  </si>
  <si>
    <t>\\acsfs\profiles$\valeriasda\Downloads\2778d4e8-dd35-461a-b918-346afb3540f5.tmp</t>
  </si>
  <si>
    <t>12/23/2019 15:35:39</t>
  </si>
  <si>
    <t>12/23/2019 15:37:39</t>
  </si>
  <si>
    <t>12/23/2019 15:36:26</t>
  </si>
  <si>
    <t>12/23/2019 15:41:20</t>
  </si>
  <si>
    <t>12/23/2019 15:36:30</t>
  </si>
  <si>
    <t>12/23/2019 15:36:40</t>
  </si>
  <si>
    <t>12/23/2019 15:37:05</t>
  </si>
  <si>
    <t>12/23/2019 15:37:13</t>
  </si>
  <si>
    <t>12/23/2019 15:37:41</t>
  </si>
  <si>
    <t>12/23/2019 15:37:55</t>
  </si>
  <si>
    <t>12/23/2019 15:38:18</t>
  </si>
  <si>
    <t>12/23/2019 15:38:21</t>
  </si>
  <si>
    <t>12/23/2019 15:39:13</t>
  </si>
  <si>
    <t>12/23/2019 15:39:36</t>
  </si>
  <si>
    <t>12/23/2019 15:39:49</t>
  </si>
  <si>
    <t>12/23/2019 15:39:04</t>
  </si>
  <si>
    <t>Andressa Macedo Ferreira_1_6769297495747003587_1_32.wav</t>
  </si>
  <si>
    <t>\\acsfs\Deptos\EDUCACAO EMPRESARIAL\FERNANDA MONIT\Ligação para Mutant terceiro Ciclo\Andressa Macedo Ferreira_1_6769297495747003587_1_32.wav</t>
  </si>
  <si>
    <t>12/23/2019 15:36:07</t>
  </si>
  <si>
    <t>12/23/2019 15:40:32</t>
  </si>
  <si>
    <t>12/23/2019 15:44:21</t>
  </si>
  <si>
    <t>12/23/2019 15:44:22</t>
  </si>
  <si>
    <t>12/23/2019 15:46:21</t>
  </si>
  <si>
    <t>paulohaf</t>
  </si>
  <si>
    <t>\\acsfs\profiles$\paulohaf\Downloads\</t>
  </si>
  <si>
    <t>3edcdc46-70b7-4a04-9c11-4d36abc3275b.tmp</t>
  </si>
  <si>
    <t>\\acsfs\profiles$\paulohaf\Downloads\3edcdc46-70b7-4a04-9c11-4d36abc3275b.tmp</t>
  </si>
  <si>
    <t>12/23/2019 15:45:08</t>
  </si>
  <si>
    <t>88749697-c4ab-4def-8cbd-531125ef6bdd.tmp</t>
  </si>
  <si>
    <t>\\acsfs\profiles$\paulohaf\Downloads\88749697-c4ab-4def-8cbd-531125ef6bdd.tmp</t>
  </si>
  <si>
    <t>12/23/2019 15:43:33</t>
  </si>
  <si>
    <t>12/23/2019 15:41:14</t>
  </si>
  <si>
    <t>ROZENCA MAIOLINO_1_6769494067810209046_1_32.wav</t>
  </si>
  <si>
    <t>\\acsfs\Deptos\EDUCACAO EMPRESARIAL\KÉSIA\Ligações 3º ciclo - Késia\ROZENCA MAIOLINO_1_6769494067810209046_1_32.wav</t>
  </si>
  <si>
    <t>12/23/2019 15:45:34</t>
  </si>
  <si>
    <t>12/23/2019 15:47:20</t>
  </si>
  <si>
    <t>12/23/2019 15:45:16</t>
  </si>
  <si>
    <t>12/23/2019 15:48:21</t>
  </si>
  <si>
    <t>\\acsfs\ACS\001 - Qualidade Lilian\PAULO\MONITORIAS\DEZEMBRO\</t>
  </si>
  <si>
    <t>CRBV_3º_CICLO.txt</t>
  </si>
  <si>
    <t>\\acsfs\ACS\001 - Qualidade Lilian\PAULO\MONITORIAS\DEZEMBRO\CRBV_3º_CICLO.txt</t>
  </si>
  <si>
    <t>12/23/2019 15:44:37</t>
  </si>
  <si>
    <t>12/23/2019 15:45:59</t>
  </si>
  <si>
    <t>bc11fc7f-dd31-4698-b8b0-b99417aa173a.tmp</t>
  </si>
  <si>
    <t>\\acsfs\profiles$\brendadsl\Downloads\bc11fc7f-dd31-4698-b8b0-b99417aa173a.tmp</t>
  </si>
  <si>
    <t>12/23/2019 15:44:29</t>
  </si>
  <si>
    <t>12/23/2019 15:49:20</t>
  </si>
  <si>
    <t>b2038c8b-8c49-4328-aebd-7384f8d50127.tmp</t>
  </si>
  <si>
    <t>\\acsfs\profiles$\leticiala\Downloads\b2038c8b-8c49-4328-aebd-7384f8d50127.tmp</t>
  </si>
  <si>
    <t>12/23/2019 15:44:36</t>
  </si>
  <si>
    <t>Não confirmado 674668.crdownload</t>
  </si>
  <si>
    <t>\\acsfs\profiles$\leticiala\Downloads\Não confirmado 674668.crdownload</t>
  </si>
  <si>
    <t>9c66e685-39b5-4350-ac3d-d8959b98670a.tmp</t>
  </si>
  <si>
    <t>\\acsfs\profiles$\leticiala\Downloads\9c66e685-39b5-4350-ac3d-d8959b98670a.tmp</t>
  </si>
  <si>
    <t>12/23/2019 15:44:47</t>
  </si>
  <si>
    <t>Não confirmado 237944.crdownload</t>
  </si>
  <si>
    <t>\\acsfs\profiles$\leticiala\Downloads\Não confirmado 237944.crdownload</t>
  </si>
  <si>
    <t>12/23/2019 15:49:28</t>
  </si>
  <si>
    <t>12/23/2019 15:50:20</t>
  </si>
  <si>
    <t>12/23/2019 15:46:12</t>
  </si>
  <si>
    <t>12/23/2019 15:51:20</t>
  </si>
  <si>
    <t>a5d6aeb4-f915-4ec5-ae04-ace23c931734.tmp</t>
  </si>
  <si>
    <t>\\acsfs\profiles$\paulohaf\Downloads\a5d6aeb4-f915-4ec5-ae04-ace23c931734.tmp</t>
  </si>
  <si>
    <t>12/23/2019 15:47:29</t>
  </si>
  <si>
    <t>21350b04-addc-42d9-ad6a-f59d10aba271.tmp</t>
  </si>
  <si>
    <t>\\acsfs\profiles$\paulohaf\Downloads\21350b04-addc-42d9-ad6a-f59d10aba271.tmp</t>
  </si>
  <si>
    <t>12/23/2019 15:47:43</t>
  </si>
  <si>
    <t>3475f2bc-17c2-48f6-a94f-48fbdb2337aa.tmp</t>
  </si>
  <si>
    <t>\\acsfs\profiles$\paulohaf\Downloads\3475f2bc-17c2-48f6-a94f-48fbdb2337aa.tmp</t>
  </si>
  <si>
    <t>12/23/2019 15:47:52</t>
  </si>
  <si>
    <t>2ec19e24-68fa-4666-a053-26d4d1c4fb9c.tmp</t>
  </si>
  <si>
    <t>\\acsfs\profiles$\paulohaf\Downloads\2ec19e24-68fa-4666-a053-26d4d1c4fb9c.tmp</t>
  </si>
  <si>
    <t>12/23/2019 15:48:04</t>
  </si>
  <si>
    <t>a58c52a1-6609-4fff-84d0-f56e8eb17dfe.tmp</t>
  </si>
  <si>
    <t>\\acsfs\profiles$\paulohaf\Downloads\a58c52a1-6609-4fff-84d0-f56e8eb17dfe.tmp</t>
  </si>
  <si>
    <t>12/23/2019 15:48:11</t>
  </si>
  <si>
    <t>10d9bea1-abdb-4e3d-a798-726766b820cc.tmp</t>
  </si>
  <si>
    <t>\\acsfs\profiles$\paulohaf\Downloads\10d9bea1-abdb-4e3d-a798-726766b820cc.tmp</t>
  </si>
  <si>
    <t>12/23/2019 15:48:16</t>
  </si>
  <si>
    <t>741ae6ef-9a75-48f3-a9da-de38d72f385b.tmp</t>
  </si>
  <si>
    <t>\\acsfs\profiles$\paulohaf\Downloads\741ae6ef-9a75-48f3-a9da-de38d72f385b.tmp</t>
  </si>
  <si>
    <t>12/23/2019 15:48:27</t>
  </si>
  <si>
    <t>0c92c8fa-3576-4220-877a-590f28e6286a.tmp</t>
  </si>
  <si>
    <t>\\acsfs\profiles$\paulohaf\Downloads\0c92c8fa-3576-4220-877a-590f28e6286a.tmp</t>
  </si>
  <si>
    <t>12/23/2019 15:47:44</t>
  </si>
  <si>
    <t>Mateus DE jESUS mORAIS_1_6771411916736762304_1_32.wav</t>
  </si>
  <si>
    <t>\\acsfs\Deptos\EDUCACAO EMPRESARIAL\FERNANDA MONIT\Ligação para Mutant terceiro Ciclo\Mateus DE jESUS mORAIS_1_6771411916736762304_1_32.wav</t>
  </si>
  <si>
    <t>12/23/2019 15:48:00</t>
  </si>
  <si>
    <t>12/23/2019 15:49:19</t>
  </si>
  <si>
    <t>https://udpmailboxap01/h/search?si=0&amp;so=0&amp;sc=52122&amp;sfi=2&amp;st=message&amp;action=compose</t>
  </si>
  <si>
    <t>12/23/2019 15:50:00</t>
  </si>
  <si>
    <t>12/23/2019 15:49:31</t>
  </si>
  <si>
    <t>12/23/2019 15:54:20</t>
  </si>
  <si>
    <t>9df0db68-ee15-4636-8c6c-66ce4ad9f319.tmp</t>
  </si>
  <si>
    <t>\\acsfs\profiles$\vivianibfs\Downloads\9df0db68-ee15-4636-8c6c-66ce4ad9f319.tmp</t>
  </si>
  <si>
    <t>12/23/2019 15:49:22</t>
  </si>
  <si>
    <t>613e2cf5-e77f-4d46-aca5-0b30bd16cf8c.tmp</t>
  </si>
  <si>
    <t>\\acsfs\profiles$\leticiala\Downloads\613e2cf5-e77f-4d46-aca5-0b30bd16cf8c.tmp</t>
  </si>
  <si>
    <t>12/23/2019 15:50:31</t>
  </si>
  <si>
    <t>cd9e2bcc-2e3f-451f-ab9c-25ec3d2e07f8.tmp</t>
  </si>
  <si>
    <t>\\acsfs\profiles$\leticiala\Downloads\cd9e2bcc-2e3f-451f-ab9c-25ec3d2e07f8.tmp</t>
  </si>
  <si>
    <t>12/23/2019 15:53:23</t>
  </si>
  <si>
    <t>12/23/2019 15:52:12</t>
  </si>
  <si>
    <t>12/23/2019 15:55:20</t>
  </si>
  <si>
    <t>12/23/2019 15:50:25</t>
  </si>
  <si>
    <t>12/23/2019 15:56:21</t>
  </si>
  <si>
    <t>12/23/2019 15:54:45</t>
  </si>
  <si>
    <t>paulacn@algartech.com</t>
  </si>
  <si>
    <t>mail.google.com/sync/u/0/i/s?hl=pt-BR&amp;c=18</t>
  </si>
  <si>
    <t>12/23/2019 15:55:00</t>
  </si>
  <si>
    <t>\\acsfs\DEPTOS\Operacao\PCP\5 - Comum\PLANEJAMENTO BV\14 - ACOMPANHAMENTO\1 - REPORT ACOMPANHAMENTO\12 - Dezembro\CARTÕES\</t>
  </si>
  <si>
    <t>Acompanhamento improdutividade BV Cartões.xlsx</t>
  </si>
  <si>
    <t>\\acsfs\DEPTOS\Operacao\PCP\5 - Comum\PLANEJAMENTO BV\14 - ACOMPANHAMENTO\1 - REPORT ACOMPANHAMENTO\12 - Dezembro\CARTÕES\Acompanhamento improdutividade BV Cartões.xlsx</t>
  </si>
  <si>
    <t>12/23/2019 15:55:18</t>
  </si>
  <si>
    <t>12/23/2019 15:51:17</t>
  </si>
  <si>
    <t>THYAGO SANTANA PASETTO_1_6769186655526003490_1_32.wav</t>
  </si>
  <si>
    <t>\\acsfs\Deptos\EDUCACAO EMPRESARIAL\KÉSIA\Ligações 3º ciclo - Késia\THYAGO SANTANA PASETTO_1_6769186655526003490_1_32.wav</t>
  </si>
  <si>
    <t>12/23/2019 15:55:36</t>
  </si>
  <si>
    <t>12/23/2019 15:58:21</t>
  </si>
  <si>
    <t>2f8837c4-abe2-4342-87f2-677bc6039a77.tmp</t>
  </si>
  <si>
    <t>\\acsfs\profiles$\brendadsl\Downloads\2f8837c4-abe2-4342-87f2-677bc6039a77.tmp</t>
  </si>
  <si>
    <t>12/23/2019 15:56:53</t>
  </si>
  <si>
    <t>12/23/2019 15:59:20</t>
  </si>
  <si>
    <t>12/23/2019 15:57:05</t>
  </si>
  <si>
    <t>12/23/2019 15:56:00</t>
  </si>
  <si>
    <t>12/23/2019 16:01:20</t>
  </si>
  <si>
    <t>12/23/2019 15:56:05</t>
  </si>
  <si>
    <t>mail.google.com/sync/u/0/i/s?hl=pt-BR&amp;c=26</t>
  </si>
  <si>
    <t>12/23/2019 15:56:11</t>
  </si>
  <si>
    <t>12/23/2019 15:56:17</t>
  </si>
  <si>
    <t>mail.google.com/sync/u/0/i/s?hl=pt-BR&amp;c=30</t>
  </si>
  <si>
    <t>12/23/2019 15:56:24</t>
  </si>
  <si>
    <t>mail.google.com/sync/u/0/i/s?hl=pt-BR&amp;c=32</t>
  </si>
  <si>
    <t>12/23/2019 15:56:38</t>
  </si>
  <si>
    <t>12/23/2019 15:58:23</t>
  </si>
  <si>
    <t>12/23/2019 16:03:20</t>
  </si>
  <si>
    <t>12/23/2019 16:00:45</t>
  </si>
  <si>
    <t>12/23/2019 16:04:21</t>
  </si>
  <si>
    <t>12/23/2019 16:01:55</t>
  </si>
  <si>
    <t>12/23/2019 16:06:21</t>
  </si>
  <si>
    <t>a2c494a2-1e1f-4424-bf8a-f04917150f04.tmp</t>
  </si>
  <si>
    <t>\\acsfs\profiles$\deborahsi\Downloads\a2c494a2-1e1f-4424-bf8a-f04917150f04.tmp</t>
  </si>
  <si>
    <t>12/23/2019 16:01:59</t>
  </si>
  <si>
    <t>3d70c813-c20c-4f1b-bd19-ab0d9f659906.tmp</t>
  </si>
  <si>
    <t>\\acsfs\profiles$\deborahsi\Downloads\3d70c813-c20c-4f1b-bd19-ab0d9f659906.tmp</t>
  </si>
  <si>
    <t>12/23/2019 16:01:13</t>
  </si>
  <si>
    <t>12/23/2019 16:02:05</t>
  </si>
  <si>
    <t>VALERIA SENA DE ARAUJO_1_6769155736056439919_1_32.wav</t>
  </si>
  <si>
    <t>\\acsfs\Deptos\EDUCACAO EMPRESARIAL\KÉSIA\Ligações 3º ciclo - Késia\VALERIA SENA DE ARAUJO_1_6769155736056439919_1_32.wav</t>
  </si>
  <si>
    <t>12/23/2019 16:02:32</t>
  </si>
  <si>
    <t>12/23/2019 16:07:20</t>
  </si>
  <si>
    <t>mail.google.com/sync/u/0/i/s?hl=pt-BR&amp;c=72</t>
  </si>
  <si>
    <t>12/23/2019 16:04:37</t>
  </si>
  <si>
    <t>\\acsfs\profiles$\tiagosno\My Documents\xworkcenter\logs\</t>
  </si>
  <si>
    <t>XLOG_tiagosno_23122019_083838.log</t>
  </si>
  <si>
    <t>\\acsfs\profiles$\tiagosno\My Documents\xworkcenter\logs\XLOG_tiagosno_23122019_083838.log</t>
  </si>
  <si>
    <t>12/23/2019 16:07:02</t>
  </si>
  <si>
    <t>12/23/2019 16:11:21</t>
  </si>
  <si>
    <t>12/23/2019 16:11:05</t>
  </si>
  <si>
    <t>12/23/2019 16:13:21</t>
  </si>
  <si>
    <t>larissapdr</t>
  </si>
  <si>
    <t>\\acsfs\profiles$\larissapdr\Contacts\</t>
  </si>
  <si>
    <t>LARISSA PEREIRA DA ROCHA (12561).contact</t>
  </si>
  <si>
    <t>\\acsfs\profiles$\larissapdr\Contacts\LARISSA PEREIRA DA ROCHA (12561).contact</t>
  </si>
  <si>
    <t>12/23/2019 16:11:19</t>
  </si>
  <si>
    <t>\\acsfs\profiles$\larissapdr\My Documents\My Videos\</t>
  </si>
  <si>
    <t>\\acsfs\profiles$\larissapdr\My Documents\My Videos\desktop.ini</t>
  </si>
  <si>
    <t>12/23/2019 16:11:20</t>
  </si>
  <si>
    <t>\\acsfs\profiles$\larissapdr\My Documents\My Pictures\</t>
  </si>
  <si>
    <t>\\acsfs\profiles$\larissapdr\My Documents\My Pictures\desktop.ini</t>
  </si>
  <si>
    <t>12/23/2019 16:11:22</t>
  </si>
  <si>
    <t>12/23/2019 16:11:23</t>
  </si>
  <si>
    <t>\\acsfs\profiles$\larissapdr\Contacts\desktop.ini</t>
  </si>
  <si>
    <t>12/23/2019 16:11:24</t>
  </si>
  <si>
    <t>\\acsfs\profiles$\larissapdr\Favorites\</t>
  </si>
  <si>
    <t>\\acsfs\profiles$\larissapdr\Favorites\desktop.ini</t>
  </si>
  <si>
    <t>12/23/2019 16:11:25</t>
  </si>
  <si>
    <t>\\acsfs\profiles$\larissapdr\My Documents\My Music\</t>
  </si>
  <si>
    <t>\\acsfs\profiles$\larissapdr\My Documents\My Music\desktop.ini</t>
  </si>
  <si>
    <t>12/23/2019 16:11:26</t>
  </si>
  <si>
    <t>12/23/2019 16:11:27</t>
  </si>
  <si>
    <t>12/23/2019 16:11:28</t>
  </si>
  <si>
    <t>\\acsfs\profiles$\larissapdr\Searches\</t>
  </si>
  <si>
    <t>\\acsfs\profiles$\larissapdr\Searches\desktop.ini</t>
  </si>
  <si>
    <t>\\acsfs\profiles$\larissapdr\Downloads\</t>
  </si>
  <si>
    <t>\\acsfs\profiles$\larissapdr\Downloads\desktop.ini</t>
  </si>
  <si>
    <t>12/23/2019 16:11:29</t>
  </si>
  <si>
    <t>12/23/2019 16:11:30</t>
  </si>
  <si>
    <t>\\acsfs\profiles$\larissapdr\My Documents\</t>
  </si>
  <si>
    <t>\\acsfs\profiles$\larissapdr\My Documents\desktop.ini</t>
  </si>
  <si>
    <t>12/23/2019 16:11:31</t>
  </si>
  <si>
    <t>12/23/2019 16:11:32</t>
  </si>
  <si>
    <t>\\acsfs\profiles$\larissapdr\Saved Games\</t>
  </si>
  <si>
    <t>\\acsfs\profiles$\larissapdr\Saved Games\desktop.ini</t>
  </si>
  <si>
    <t>12/23/2019 16:11:45</t>
  </si>
  <si>
    <t>\\acsfs\profiles$\larissapdr\Favorites\Links for Brasil\</t>
  </si>
  <si>
    <t>\\acsfs\profiles$\larissapdr\Favorites\Links for Brasil\desktop.ini</t>
  </si>
  <si>
    <t>\\acsfs\profiles$\larissapdr\Favorites\Links for Brasil\Microsoft Brasil.url</t>
  </si>
  <si>
    <t>12/23/2019 16:11:46</t>
  </si>
  <si>
    <t>\\acsfs\profiles$\larissapdr\Favorites\Links for Brasil\Windows Brasil.url</t>
  </si>
  <si>
    <t>12/23/2019 16:11:47</t>
  </si>
  <si>
    <t>\\acsfs\profiles$\larissapdr\Favorites\Links for Brasil\MSN Brasil.url</t>
  </si>
  <si>
    <t>12/23/2019 16:09:58</t>
  </si>
  <si>
    <t>12/23/2019 16:14:21</t>
  </si>
  <si>
    <t>2397b845-012d-4a53-acc3-f572c17b37fa.tmp</t>
  </si>
  <si>
    <t>\\acsfs\profiles$\leticiala\Downloads\2397b845-012d-4a53-acc3-f572c17b37fa.tmp</t>
  </si>
  <si>
    <t>12/23/2019 16:15:08</t>
  </si>
  <si>
    <t>12/23/2019 16:16:21</t>
  </si>
  <si>
    <t>29e1e65a-913a-4c0d-ba56-12c13104fe6a.tmp</t>
  </si>
  <si>
    <t>\\acsfs\profiles$\deborahsi\Downloads\29e1e65a-913a-4c0d-ba56-12c13104fe6a.tmp</t>
  </si>
  <si>
    <t>12/23/2019 16:12:47</t>
  </si>
  <si>
    <t>12/23/2019 16:12:54</t>
  </si>
  <si>
    <t>12/23/2019 16:15:22</t>
  </si>
  <si>
    <t>12/23/2019 16:15:50</t>
  </si>
  <si>
    <t>12/23/2019 16:12:17</t>
  </si>
  <si>
    <t>7287e52d-1201-48c8-b9dc-4a8573cbef66.tmp</t>
  </si>
  <si>
    <t>\\acsfs\profiles$\layonmof\Downloads\7287e52d-1201-48c8-b9dc-4a8573cbef66.tmp</t>
  </si>
  <si>
    <t>12/23/2019 16:13:43</t>
  </si>
  <si>
    <t>12/23/2019 16:18:21</t>
  </si>
  <si>
    <t>lu113329gu7z.tmp</t>
  </si>
  <si>
    <t>\\acsfs\profiles$\jonatanls\My Documents\lu113329gu7z.tmp</t>
  </si>
  <si>
    <t>12/23/2019 16:17:38</t>
  </si>
  <si>
    <t>12/23/2019 16:18:29</t>
  </si>
  <si>
    <t>12/23/2019 16:18:23</t>
  </si>
  <si>
    <t>12/23/2019 16:20:21</t>
  </si>
  <si>
    <t>paulacris</t>
  </si>
  <si>
    <t>https://outlook.office365.com/mapi/emsmdb/?mailboxid=62fbec23-6abc-4188-9ff8-31c473fb057b@algartech.com</t>
  </si>
  <si>
    <t>12/23/2019 16:18:24</t>
  </si>
  <si>
    <t>12/23/2019 16:18:25</t>
  </si>
  <si>
    <t>12/23/2019 16:18:26</t>
  </si>
  <si>
    <t>12/23/2019 16:18:27</t>
  </si>
  <si>
    <t>12/23/2019 16:18:28</t>
  </si>
  <si>
    <t>12/23/2019 16:18:30</t>
  </si>
  <si>
    <t>12/23/2019 16:18:31</t>
  </si>
  <si>
    <t>12/23/2019 16:18:32</t>
  </si>
  <si>
    <t>12/23/2019 16:18:33</t>
  </si>
  <si>
    <t>12/23/2019 16:18:35</t>
  </si>
  <si>
    <t>12/23/2019 16:18:41</t>
  </si>
  <si>
    <t>12/23/2019 16:18:42</t>
  </si>
  <si>
    <t>12/23/2019 16:18:49</t>
  </si>
  <si>
    <t>12/23/2019 16:18:59</t>
  </si>
  <si>
    <t>12/23/2019 16:19:00</t>
  </si>
  <si>
    <t>12/23/2019 16:19:01</t>
  </si>
  <si>
    <t>12/23/2019 16:19:06</t>
  </si>
  <si>
    <t>12/23/2019 16:19:07</t>
  </si>
  <si>
    <t>12/23/2019 16:19:11</t>
  </si>
  <si>
    <t>12/23/2019 16:19:30</t>
  </si>
  <si>
    <t>12/23/2019 16:15:51</t>
  </si>
  <si>
    <t>12/23/2019 16:21:21</t>
  </si>
  <si>
    <t>3bcd6e29-04e2-4c0a-9a05-67418116d308.tmp</t>
  </si>
  <si>
    <t>\\acsfs\profiles$\deborahsi\Downloads\3bcd6e29-04e2-4c0a-9a05-67418116d308.tmp</t>
  </si>
  <si>
    <t>12/23/2019 16:17:14</t>
  </si>
  <si>
    <t>12/23/2019 16:17:30</t>
  </si>
  <si>
    <t>12/23/2019 16:17:39</t>
  </si>
  <si>
    <t>12/23/2019 16:17:04</t>
  </si>
  <si>
    <t>12/23/2019 16:22:21</t>
  </si>
  <si>
    <t>12/23/2019 16:18:04</t>
  </si>
  <si>
    <t>12/23/2019 16:23:20</t>
  </si>
  <si>
    <t>49f2b1fa-b073-4c98-9847-f292aeb3331e.tmp</t>
  </si>
  <si>
    <t>\\acsfs\profiles$\rosileiam\Downloads\49f2b1fa-b073-4c98-9847-f292aeb3331e.tmp</t>
  </si>
  <si>
    <t>12/23/2019 16:21:57</t>
  </si>
  <si>
    <t>12/23/2019 16:24:21</t>
  </si>
  <si>
    <t>12/23/2019 16:23:23</t>
  </si>
  <si>
    <t>12/23/2019 16:20:02</t>
  </si>
  <si>
    <t>12/23/2019 16:25:20</t>
  </si>
  <si>
    <t>10.200.67.45</t>
  </si>
  <si>
    <t>74-86-7A-FB-17-99</t>
  </si>
  <si>
    <t>VOTORANT-LB009</t>
  </si>
  <si>
    <t>gabrielamdp</t>
  </si>
  <si>
    <t>\\acsfs\profiles$\gabrielamdp\Downloads\</t>
  </si>
  <si>
    <t>b7a16c9e-88c5-4217-90b1-b62fdeabd3eb.tmp</t>
  </si>
  <si>
    <t>\\acsfs\profiles$\gabrielamdp\Downloads\b7a16c9e-88c5-4217-90b1-b62fdeabd3eb.tmp</t>
  </si>
  <si>
    <t>12/23/2019 16:20:03</t>
  </si>
  <si>
    <t>b2f3575c-5c7d-4fae-ad44-d625ed4f7537.tmp</t>
  </si>
  <si>
    <t>\\acsfs\profiles$\gabrielamdp\Downloads\b2f3575c-5c7d-4fae-ad44-d625ed4f7537.tmp</t>
  </si>
  <si>
    <t>12/23/2019 16:20:04</t>
  </si>
  <si>
    <t>db8f19b7-a6f0-4f5c-9232-fa2d82e720a5.tmp</t>
  </si>
  <si>
    <t>\\acsfs\profiles$\gabrielamdp\Downloads\db8f19b7-a6f0-4f5c-9232-fa2d82e720a5.tmp</t>
  </si>
  <si>
    <t>d1da2306-c0f3-46d4-a9d2-51c1674ffb82.tmp</t>
  </si>
  <si>
    <t>\\acsfs\profiles$\gabrielamdp\Downloads\d1da2306-c0f3-46d4-a9d2-51c1674ffb82.tmp</t>
  </si>
  <si>
    <t>12/23/2019 16:20:05</t>
  </si>
  <si>
    <t>2da07ff2-dddf-4da2-b18f-ee19c428727b.tmp</t>
  </si>
  <si>
    <t>\\acsfs\profiles$\gabrielamdp\Downloads\2da07ff2-dddf-4da2-b18f-ee19c428727b.tmp</t>
  </si>
  <si>
    <t>12/23/2019 16:19:59</t>
  </si>
  <si>
    <t>\\acsfs\DEPTOS\Operacao\PCP\5 - Comum\ALESSANDRA GOMES DOS SANTOS BARROS\</t>
  </si>
  <si>
    <t>\\acsfs\DEPTOS\Operacao\PCP\5 - Comum\ALESSANDRA GOMES DOS SANTOS BARROS\Thumbs.db</t>
  </si>
  <si>
    <t>12/23/2019 16:23:37</t>
  </si>
  <si>
    <t>12/23/2019 16:24:37</t>
  </si>
  <si>
    <t>12/23/2019 16:26:50</t>
  </si>
  <si>
    <t>12/23/2019 16:30:21</t>
  </si>
  <si>
    <t>a929d09f-fcc1-4632-833e-841716bc9137.tmp</t>
  </si>
  <si>
    <t>\\acsfs\profiles$\gabrielamdp\Downloads\a929d09f-fcc1-4632-833e-841716bc9137.tmp</t>
  </si>
  <si>
    <t>12/23/2019 16:29:37</t>
  </si>
  <si>
    <t>12/23/2019 16:29:57</t>
  </si>
  <si>
    <t>12/23/2019 16:31:20</t>
  </si>
  <si>
    <t>12/23/2019 16:27:03</t>
  </si>
  <si>
    <t>12/23/2019 16:28:28</t>
  </si>
  <si>
    <t>12/23/2019 16:30:34</t>
  </si>
  <si>
    <t>12/23/2019 16:32:20</t>
  </si>
  <si>
    <t>12/23/2019 16:33:20</t>
  </si>
  <si>
    <t>12/23/2019 16:28:30</t>
  </si>
  <si>
    <t>12/23/2019 16:33:50</t>
  </si>
  <si>
    <t>12/23/2019 16:34:20</t>
  </si>
  <si>
    <t>12/23/2019 16:30:23</t>
  </si>
  <si>
    <t>12/23/2019 16:35:19</t>
  </si>
  <si>
    <t>12/23/2019 16:30:37</t>
  </si>
  <si>
    <t>12/23/2019 16:32:51</t>
  </si>
  <si>
    <t>12/23/2019 16:36:20</t>
  </si>
  <si>
    <t>12/23/2019 16:32:58</t>
  </si>
  <si>
    <t>mail.google.com/sync/u/0/i/s?hl=pt-BR&amp;c=50</t>
  </si>
  <si>
    <t>eduardo.santana@bv.com.br;fabio.ernest@bv.com.br;lilianls@algartech.com;marianerdo@algartech.com;mirianppb@algartech.com;thiagord@algartech.com;thiagordu@algartech.com;</t>
  </si>
  <si>
    <t>eduardo.santana@bv.com.br,fabio.ernest@bv.com.br,lilianls@algartech.com,marianerdo@algartech.com,mirianppb@algartech.com,thiagord@algartech.com,thiagordu@algartech.com</t>
  </si>
  <si>
    <t>12/23/2019 16:33:00</t>
  </si>
  <si>
    <t>eduardo.santana@bv.com.br;fabio.ernest@bv.com.br;larisacc@algartech.com;lilianls@algartech.com;marianerdo@algartech.com;mirianppb@algartech.com;thiagord@algartech.com;thiagordu@algartech.com;</t>
  </si>
  <si>
    <t>eduardo.santana@bv.com.br,fabio.ernest@bv.com.br,larisacc@algartech.com,lilianls@algartech.com,marianerdo@algartech.com,mirianppb@algartech.com,thiagord@algartech.com,thiagordu@algartech.com</t>
  </si>
  <si>
    <t>12/23/2019 16:33:07</t>
  </si>
  <si>
    <t>eduardo.santana@bv.com.br;fabio.ernest@bv.com.br;kesiadof@algartech.com;larisacc@algartech.com;lilianls@algartech.com;marianerdo@algartech.com;mirianppb@algartech.com;thiagord@algartech.com;thiagordu@algartech.com;</t>
  </si>
  <si>
    <t>eduardo.santana@bv.com.br,fabio.ernest@bv.com.br,kesiadof@algartech.com,larisacc@algartech.com,lilianls@algartech.com,marianerdo@algartech.com,mirianppb@algartech.com,thiagord@algartech.com,thiagordu@algartech.com</t>
  </si>
  <si>
    <t>12/23/2019 16:33:48</t>
  </si>
  <si>
    <t>kesiadof@algartech.com;larisacc@algartech.com;marianerdo@algartech.com;mirianppb@algartech.com;thiagordu@algartech.com;</t>
  </si>
  <si>
    <t>kesiadof@algartech.com,larisacc@algartech.com,marianerdo@algartech.com,mirianppb@algartech.com,thiagordu@algartech.com</t>
  </si>
  <si>
    <t>12/23/2019 16:34:53</t>
  </si>
  <si>
    <t>Mateus DE jESUS mORAIS_1_6771411916736762304_1_32_1_6771411916736762304_1_32.wav</t>
  </si>
  <si>
    <t>\\acsfs\Deptos\EDUCACAO EMPRESARIAL\FERNANDA MONIT\Ligação para Mutant terceiro Ciclo\Mateus DE jESUS mORAIS_1_6771411916736762304_1_32_1_6771411916736762304_1_32.wav</t>
  </si>
  <si>
    <t>12/23/2019 16:35:36</t>
  </si>
  <si>
    <t>Mateus de Jesus Morais_1_6771411916736762304_1_32.wav</t>
  </si>
  <si>
    <t>\\acsfs\Deptos\EDUCACAO EMPRESARIAL\FERNANDA MONIT\Ligação para Mutant terceiro Ciclo\Mateus de Jesus Morais_1_6771411916736762304_1_32.wav</t>
  </si>
  <si>
    <t>12/23/2019 16:33:21</t>
  </si>
  <si>
    <t>12/23/2019 16:33:26</t>
  </si>
  <si>
    <t>12/23/2019 16:34:27</t>
  </si>
  <si>
    <t>\\acsfs\Deptos\EDUCACAO EMPRESARIAL\KÉSIA\LIGAÇÕES 1220\</t>
  </si>
  <si>
    <t>CPF 39354016120 - OPERADORA NATALIA CRISTINA DOS SANTOS LIMA_1_6761037191305037546_1_32.wav</t>
  </si>
  <si>
    <t>\\acsfs\Deptos\EDUCACAO EMPRESARIAL\KÉSIA\LIGAÇÕES 1220\CPF 39354016120 - OPERADORA NATALIA CRISTINA DOS SANTOS LIMA_1_6761037191305037546_1_32.wav</t>
  </si>
  <si>
    <t>12/23/2019 16:33:33</t>
  </si>
  <si>
    <t>12/23/2019 16:38:20</t>
  </si>
  <si>
    <t>\\acsfs\profiles$\ellencds\My Documents\xworkcenter\logs\</t>
  </si>
  <si>
    <t>XLOG_ellencds_23122019_082910.log</t>
  </si>
  <si>
    <t>\\acsfs\profiles$\ellencds\My Documents\xworkcenter\logs\XLOG_ellencds_23122019_082910.log</t>
  </si>
  <si>
    <t>12/23/2019 16:33:45</t>
  </si>
  <si>
    <t>\\acsfs\profiles$\ellencds\Favorites\</t>
  </si>
  <si>
    <t>\\acsfs\profiles$\ellencds\Favorites\desktop.ini</t>
  </si>
  <si>
    <t>12/23/2019 16:33:46</t>
  </si>
  <si>
    <t>12/23/2019 16:34:17</t>
  </si>
  <si>
    <t>12/23/2019 16:39:19</t>
  </si>
  <si>
    <t>12/23/2019 16:35:01</t>
  </si>
  <si>
    <t>12/23/2019 16:38:13</t>
  </si>
  <si>
    <t>12/23/2019 16:40:20</t>
  </si>
  <si>
    <t>\\acsfs\profiles$\anacdos\My Documents\xworkcenter\logs\</t>
  </si>
  <si>
    <t>XLOG_anacdos_23122019_082047.log</t>
  </si>
  <si>
    <t>\\acsfs\profiles$\anacdos\My Documents\xworkcenter\logs\XLOG_anacdos_23122019_082047.log</t>
  </si>
  <si>
    <t>12/23/2019 16:35:37</t>
  </si>
  <si>
    <t>12/23/2019 16:36:37</t>
  </si>
  <si>
    <t>12/23/2019 16:37:52</t>
  </si>
  <si>
    <t>7691b8dd-c15c-40f1-b959-9b7fcf2e7b62.tmp</t>
  </si>
  <si>
    <t>\\acsfs\profiles$\henriqueco\Downloads\7691b8dd-c15c-40f1-b959-9b7fcf2e7b62.tmp</t>
  </si>
  <si>
    <t>12/23/2019 16:39:38</t>
  </si>
  <si>
    <t>12/23/2019 16:36:57</t>
  </si>
  <si>
    <t>12/23/2019 16:41:20</t>
  </si>
  <si>
    <t>2f31f72e-953c-44fc-b771-5988e3d6b74b.tmp</t>
  </si>
  <si>
    <t>\\acsfs\profiles$\gabrielhca\Downloads\2f31f72e-953c-44fc-b771-5988e3d6b74b.tmp</t>
  </si>
  <si>
    <t>12/23/2019 16:36:12</t>
  </si>
  <si>
    <t>12/23/2019 16:36:28</t>
  </si>
  <si>
    <t>12/23/2019 16:38:50</t>
  </si>
  <si>
    <t>12/23/2019 16:39:21</t>
  </si>
  <si>
    <t>mail.google.com/sync/u/0/i/s?hl=pt-BR&amp;c=63</t>
  </si>
  <si>
    <t>12/23/2019 16:39:29</t>
  </si>
  <si>
    <t>12/23/2019 16:39:57</t>
  </si>
  <si>
    <t>12/23/2019 16:43:20</t>
  </si>
  <si>
    <t>31d9ae20-b6bb-4475-b4ba-8c309ec5f04e.tmp</t>
  </si>
  <si>
    <t>\\acsfs\profiles$\brendadsl\Downloads\31d9ae20-b6bb-4475-b4ba-8c309ec5f04e.tmp</t>
  </si>
  <si>
    <t>12/23/2019 16:43:22</t>
  </si>
  <si>
    <t>12/23/2019 16:44:20</t>
  </si>
  <si>
    <t>068d9a79-bc9e-42b5-8576-82dc048e6093.tmp</t>
  </si>
  <si>
    <t>\\acsfs\profiles$\leonardobb\Downloads\068d9a79-bc9e-42b5-8576-82dc048e6093.tmp</t>
  </si>
  <si>
    <t>12/23/2019 16:41:33</t>
  </si>
  <si>
    <t>12/23/2019 16:45:20</t>
  </si>
  <si>
    <t>12/23/2019 16:41:37</t>
  </si>
  <si>
    <t>12/23/2019 16:42:37</t>
  </si>
  <si>
    <t>12/23/2019 16:41:10</t>
  </si>
  <si>
    <t>12/23/2019 16:46:20</t>
  </si>
  <si>
    <t>12/23/2019 16:43:35</t>
  </si>
  <si>
    <t>12/23/2019 16:42:54</t>
  </si>
  <si>
    <t>12/23/2019 16:47:20</t>
  </si>
  <si>
    <t>6f763792-df78-4793-90ab-d6d28e4a0a4d.tmp</t>
  </si>
  <si>
    <t>\\acsfs\profiles$\joycemmdl\Downloads\6f763792-df78-4793-90ab-d6d28e4a0a4d.tmp</t>
  </si>
  <si>
    <t>12/23/2019 16:47:03</t>
  </si>
  <si>
    <t>12/23/2019 16:48:20</t>
  </si>
  <si>
    <t>12/23/2019 16:46:09</t>
  </si>
  <si>
    <t>12/23/2019 16:49:21</t>
  </si>
  <si>
    <t>Escala TTV 24-12.xlsx</t>
  </si>
  <si>
    <t>\\acsfs\DEPTOS\Operacao\Banco_Votorantim\Supervisao\SUPERS BV CARTÕES\ADILSON\Escalas Feriados\Escala TTV 24-12.xlsx</t>
  </si>
  <si>
    <t>12/23/2019 16:48:52</t>
  </si>
  <si>
    <t>mail.google.com/sync/u/0/i/s?hl=pt-BR&amp;c=423</t>
  </si>
  <si>
    <t>12/23/2019 16:48:58</t>
  </si>
  <si>
    <t>mail.google.com/sync/u/0/i/s?hl=pt-BR&amp;c=425</t>
  </si>
  <si>
    <t>leonardoao@algartech.com;rafaelggs@algartech.com;thiagordu@algartech.com;</t>
  </si>
  <si>
    <t>leonardoao@algartech.com,rafaelggs@algartech.com,thiagordu@algartech.com</t>
  </si>
  <si>
    <t>12/23/2019 16:49:16</t>
  </si>
  <si>
    <t>mail.google.com/sync/u/0/i/s?hl=pt-BR&amp;c=429</t>
  </si>
  <si>
    <t>josiascdsj@algartech.com;leonardoao@algartech.com;paulacn@algartech.com;rafaelggs@algartech.com;thiagordu@algartech.com;</t>
  </si>
  <si>
    <t>josiascdsj@algartech.com,leonardoao@algartech.com,paulacn@algartech.com,rafaelggs@algartech.com,thiagordu@algartech.com</t>
  </si>
  <si>
    <t>12/23/2019 16:44:56</t>
  </si>
  <si>
    <t>12/23/2019 16:50:20</t>
  </si>
  <si>
    <t>12/23/2019 16:49:26</t>
  </si>
  <si>
    <t>12/23/2019 16:47:37</t>
  </si>
  <si>
    <t>12/23/2019 16:48:37</t>
  </si>
  <si>
    <t>12/23/2019 16:47:12</t>
  </si>
  <si>
    <t>\\acsfs\profiles$\valeriasda\My Documents\</t>
  </si>
  <si>
    <t>LIGAR AMANHA.txt</t>
  </si>
  <si>
    <t>\\acsfs\profiles$\valeriasda\My Documents\LIGAR AMANHA.txt</t>
  </si>
  <si>
    <t>12/23/2019 16:49:00</t>
  </si>
  <si>
    <t>12/23/2019 16:53:20</t>
  </si>
  <si>
    <t>12/23/2019 16:49:30</t>
  </si>
  <si>
    <t>12/23/2019 16:54:21</t>
  </si>
  <si>
    <t>mail.google.com/sync/u/0/i/s?hl=pt-BR&amp;c=431</t>
  </si>
  <si>
    <t>12/23/2019 16:49:49</t>
  </si>
  <si>
    <t>mail.google.com/sync/u/0/i/s?hl=pt-BR&amp;c=433</t>
  </si>
  <si>
    <t>12/23/2019 16:53:37</t>
  </si>
  <si>
    <t>12/23/2019 16:55:20</t>
  </si>
  <si>
    <t>12/23/2019 16:54:37</t>
  </si>
  <si>
    <t>12/23/2019 16:59:20</t>
  </si>
  <si>
    <t>12/23/2019 16:54:28</t>
  </si>
  <si>
    <t>12/23/2019 16:54:48</t>
  </si>
  <si>
    <t>mail.google.com/sync/u/0/i/s?hl=pt-BR&amp;c=437</t>
  </si>
  <si>
    <t>12/23/2019 16:55:03</t>
  </si>
  <si>
    <t>mail.google.com/sync/u/0/i/s?hl=pt-BR&amp;c=439</t>
  </si>
  <si>
    <t>12/23/2019 16:55:13</t>
  </si>
  <si>
    <t>mail.google.com/sync/u/0/i/s?hl=pt-BR&amp;c=441</t>
  </si>
  <si>
    <t>12/23/2019 16:55:29</t>
  </si>
  <si>
    <t>mail.google.com/sync/u/0/i/s?hl=pt-BR&amp;c=445</t>
  </si>
  <si>
    <t>12/23/2019 16:55:43</t>
  </si>
  <si>
    <t>mail.google.com/sync/u/0/i/s?hl=pt-BR&amp;c=447</t>
  </si>
  <si>
    <t>12/23/2019 16:56:06</t>
  </si>
  <si>
    <t>12/23/2019 16:56:13</t>
  </si>
  <si>
    <t>12/23/2019 16:56:16</t>
  </si>
  <si>
    <t>mail.google.com/sync/u/0/i/s?hl=pt-BR&amp;c=459</t>
  </si>
  <si>
    <t>12/23/2019 16:56:17</t>
  </si>
  <si>
    <t>12/23/2019 16:56:26</t>
  </si>
  <si>
    <t>mail.google.com/sync/u/0/i/s?hl=pt-BR&amp;c=461</t>
  </si>
  <si>
    <t>12/23/2019 16:57:48</t>
  </si>
  <si>
    <t>mail.google.com/sync/u/0/i/s?hl=pt-BR&amp;c=469</t>
  </si>
  <si>
    <t>12/23/2019 16:57:55</t>
  </si>
  <si>
    <t>mail.google.com/sync/u/0/i/s?hl=pt-BR&amp;c=471</t>
  </si>
  <si>
    <t>12/23/2019 16:58:09</t>
  </si>
  <si>
    <t>mail.google.com/sync/u/0/i/s?hl=pt-BR&amp;c=473</t>
  </si>
  <si>
    <t>12/23/2019 16:58:16</t>
  </si>
  <si>
    <t>mail.google.com/sync/u/0/i/s?hl=pt-BR&amp;c=476</t>
  </si>
  <si>
    <t>12/23/2019 16:58:46</t>
  </si>
  <si>
    <t>12/23/2019 16:59:37</t>
  </si>
  <si>
    <t>12/23/2019 17:00:20</t>
  </si>
  <si>
    <t>12/23/2019 16:58:42</t>
  </si>
  <si>
    <t>12/23/2019 17:02:20</t>
  </si>
  <si>
    <t>c5bc306a-7168-4253-97e9-0937ea91411e.tmp</t>
  </si>
  <si>
    <t>\\acsfs\profiles$\KARENDSR\Downloads\c5bc306a-7168-4253-97e9-0937ea91411e.tmp</t>
  </si>
  <si>
    <t>12/23/2019 17:00:41</t>
  </si>
  <si>
    <t>12/23/2019 17:04:20</t>
  </si>
  <si>
    <t>223fad95-cac4-4ffe-9f75-7b230890db14.tmp</t>
  </si>
  <si>
    <t>\\acsfs\profiles$\leticiala\Downloads\223fad95-cac4-4ffe-9f75-7b230890db14.tmp</t>
  </si>
  <si>
    <t>12/23/2019 17:03:01</t>
  </si>
  <si>
    <t>12/23/2019 17:03:35</t>
  </si>
  <si>
    <t>12/23/2019 17:00:05</t>
  </si>
  <si>
    <t>12/23/2019 17:05:20</t>
  </si>
  <si>
    <t>12/23/2019 17:00:37</t>
  </si>
  <si>
    <t>12/23/2019 17:02:26</t>
  </si>
  <si>
    <t>12/23/2019 17:00:30</t>
  </si>
  <si>
    <t>12/23/2019 17:02:14</t>
  </si>
  <si>
    <t>12/23/2019 17:06:20</t>
  </si>
  <si>
    <t>527108c8-cd3a-436d-891c-9a3b3cc5d7e6.tmp</t>
  </si>
  <si>
    <t>\\acsfs\profiles$\layonmof\Downloads\527108c8-cd3a-436d-891c-9a3b3cc5d7e6.tmp</t>
  </si>
  <si>
    <t>12/23/2019 17:01:46</t>
  </si>
  <si>
    <t>12/23/2019 17:02:30</t>
  </si>
  <si>
    <t>12/23/2019 17:02:44</t>
  </si>
  <si>
    <t>12/23/2019 17:02:46</t>
  </si>
  <si>
    <t>12/23/2019 17:02:54</t>
  </si>
  <si>
    <t>12/23/2019 17:04:34</t>
  </si>
  <si>
    <t>12/23/2019 17:05:17</t>
  </si>
  <si>
    <t>cdb4f2ee-a704-4cfc-ab44-ab4982f05593.tmp</t>
  </si>
  <si>
    <t>\\acsfs\profiles$\alessandraan\Downloads\cdb4f2ee-a704-4cfc-ab44-ab4982f05593.tmp</t>
  </si>
  <si>
    <t>12/23/2019 17:05:37</t>
  </si>
  <si>
    <t>12/23/2019 17:10:21</t>
  </si>
  <si>
    <t>12/23/2019 17:06:37</t>
  </si>
  <si>
    <t>12/23/2019 17:08:29</t>
  </si>
  <si>
    <t>12/23/2019 17:11:20</t>
  </si>
  <si>
    <t>12/23/2019 17:06:02</t>
  </si>
  <si>
    <t>12/23/2019 17:09:41</t>
  </si>
  <si>
    <t>12/23/2019 17:14:21</t>
  </si>
  <si>
    <t>12/23/2019 17:09:55</t>
  </si>
  <si>
    <t>12/23/2019 17:10:31</t>
  </si>
  <si>
    <t>mail.google.com/sync/u/0/i/s?hl=pt-BR&amp;c=496</t>
  </si>
  <si>
    <t>12/23/2019 17:10:36</t>
  </si>
  <si>
    <t>mail.google.com/sync/u/0/i/s?hl=pt-BR&amp;c=498</t>
  </si>
  <si>
    <t>12/23/2019 17:10:42</t>
  </si>
  <si>
    <t>mail.google.com/sync/u/0/i/s?hl=pt-BR&amp;c=500</t>
  </si>
  <si>
    <t>12/23/2019 17:11:10</t>
  </si>
  <si>
    <t>mail.google.com/sync/u/0/i/s?hl=pt-BR&amp;c=502</t>
  </si>
  <si>
    <t>12/23/2019 17:11:18</t>
  </si>
  <si>
    <t>mail.google.com/sync/u/0/i/s?hl=pt-BR&amp;c=505</t>
  </si>
  <si>
    <t>12/23/2019 17:11:21</t>
  </si>
  <si>
    <t>mail.google.com/sync/u/0/i/s?hl=pt-BR&amp;c=507</t>
  </si>
  <si>
    <t>12/23/2019 17:11:24</t>
  </si>
  <si>
    <t>mail.google.com/sync/u/0/i/s?hl=pt-BR&amp;c=509</t>
  </si>
  <si>
    <t>12/23/2019 17:11:44</t>
  </si>
  <si>
    <t>mail.google.com/sync/u/0/i/s?hl=pt-BR&amp;c=511</t>
  </si>
  <si>
    <t>12/23/2019 17:11:58</t>
  </si>
  <si>
    <t>mail.google.com/sync/u/0/i/s?hl=pt-BR&amp;c=513</t>
  </si>
  <si>
    <t>12/23/2019 17:12:14</t>
  </si>
  <si>
    <t>mail.google.com/sync/u/0/i/s?hl=pt-BR&amp;c=515</t>
  </si>
  <si>
    <t>12/23/2019 17:12:39</t>
  </si>
  <si>
    <t>mail.google.com/sync/u/0/i/s?hl=pt-BR&amp;c=518</t>
  </si>
  <si>
    <t>12/23/2019 17:13:00</t>
  </si>
  <si>
    <t>mail.google.com/sync/u/0/i/s?hl=pt-BR&amp;c=520</t>
  </si>
  <si>
    <t>12/23/2019 17:13:14</t>
  </si>
  <si>
    <t>mail.google.com/sync/u/0/i/s?hl=pt-BR&amp;c=522</t>
  </si>
  <si>
    <t>12/23/2019 17:13:15</t>
  </si>
  <si>
    <t>12/23/2019 17:13:19</t>
  </si>
  <si>
    <t>mail.google.com/sync/u/0/i/s?hl=pt-BR&amp;c=525</t>
  </si>
  <si>
    <t>12/23/2019 17:13:30</t>
  </si>
  <si>
    <t>mail.google.com/sync/u/0/i/s?hl=pt-BR&amp;c=527</t>
  </si>
  <si>
    <t>12/23/2019 17:13:45</t>
  </si>
  <si>
    <t>mail.google.com/sync/u/0/i/s?hl=pt-BR&amp;c=530</t>
  </si>
  <si>
    <t>12/23/2019 17:13:50</t>
  </si>
  <si>
    <t>mail.google.com/sync/u/0/i/s?hl=pt-BR&amp;c=532</t>
  </si>
  <si>
    <t>12/23/2019 17:13:53</t>
  </si>
  <si>
    <t>mail.google.com/sync/u/0/i/s?hl=pt-BR&amp;c=534</t>
  </si>
  <si>
    <t>12/23/2019 17:13:58</t>
  </si>
  <si>
    <t>mail.google.com/sync/u/0/i/s?hl=pt-BR&amp;c=536</t>
  </si>
  <si>
    <t>12/23/2019 17:14:06</t>
  </si>
  <si>
    <t>mail.google.com/sync/u/0/i/s?hl=pt-BR&amp;c=538</t>
  </si>
  <si>
    <t>12/23/2019 17:11:37</t>
  </si>
  <si>
    <t>12/23/2019 17:15:20</t>
  </si>
  <si>
    <t>12/23/2019 17:12:37</t>
  </si>
  <si>
    <t>12/23/2019 17:14:18</t>
  </si>
  <si>
    <t>12/23/2019 17:14:56</t>
  </si>
  <si>
    <t>12/23/2019 17:16:21</t>
  </si>
  <si>
    <t>12/23/2019 17:12:16</t>
  </si>
  <si>
    <t>12/23/2019 17:12:26</t>
  </si>
  <si>
    <t>12/23/2019 17:12:43</t>
  </si>
  <si>
    <t>12/23/2019 17:17:04</t>
  </si>
  <si>
    <t>12/23/2019 17:19:20</t>
  </si>
  <si>
    <t>211502e4-a57f-419e-9465-9e5f20ef1c67.tmp</t>
  </si>
  <si>
    <t>\\acsfs\profiles$\leonardobb\Downloads\211502e4-a57f-419e-9465-9e5f20ef1c67.tmp</t>
  </si>
  <si>
    <t>12/23/2019 17:15:23</t>
  </si>
  <si>
    <t>f08eb31e-80a1-4d0d-b072-56e858a79fe9.tmp</t>
  </si>
  <si>
    <t>\\acsfs\profiles$\leticiala\Downloads\f08eb31e-80a1-4d0d-b072-56e858a79fe9.tmp</t>
  </si>
  <si>
    <t>mail.google.com/sync/u/0/i/s?hl=pt-BR&amp;c=541</t>
  </si>
  <si>
    <t>12/23/2019 17:15:34</t>
  </si>
  <si>
    <t>12/23/2019 17:15:42</t>
  </si>
  <si>
    <t>12/23/2019 17:16:17</t>
  </si>
  <si>
    <t>mail.google.com/_/upload?authuser=0&amp;dcp=asu-n&amp;upload_id=AEnB2UqBleTTio64ZZSJ_38mNWcGySlRfghyR26e40vZPvPd3htFCJGkZPsu8HvmYUU0TQW4dOt0fMWFeP-YPy8HUAzo6ft5QRD89WKDiABn8ckzdGMZHJY&amp;upload_protocol=resumable</t>
  </si>
  <si>
    <t>12/23/2019 17:16:19</t>
  </si>
  <si>
    <t>mail.google.com/sync/u/0/i/s?hl=pt-BR&amp;c=545</t>
  </si>
  <si>
    <t>12/23/2019 17:16:32</t>
  </si>
  <si>
    <t>mail.google.com/sync/u/0/i/s?hl=pt-BR&amp;c=552</t>
  </si>
  <si>
    <t>12/23/2019 17:16:38</t>
  </si>
  <si>
    <t>mail.google.com/sync/u/0/i/s?hl=pt-BR&amp;c=554</t>
  </si>
  <si>
    <t>12/23/2019 17:16:39</t>
  </si>
  <si>
    <t>mail.google.com/sync/u/0/i/s?hl=pt-BR&amp;c=556</t>
  </si>
  <si>
    <t>12/23/2019 17:17:37</t>
  </si>
  <si>
    <t>12/23/2019 17:20:20</t>
  </si>
  <si>
    <t>12/23/2019 17:18:38</t>
  </si>
  <si>
    <t>12/23/2019 17:17:30</t>
  </si>
  <si>
    <t>7638e32c-3b18-41af-8c35-82d5dd950507.tmp</t>
  </si>
  <si>
    <t>\\acsfs\profiles$\valeriasda\Downloads\7638e32c-3b18-41af-8c35-82d5dd950507.tmp</t>
  </si>
  <si>
    <t>12/23/2019 17:20:10</t>
  </si>
  <si>
    <t>12/23/2019 17:21:20</t>
  </si>
  <si>
    <t>10.200.66.72</t>
  </si>
  <si>
    <t>74-86-7A-FB-18-7E</t>
  </si>
  <si>
    <t>VOTORANT-ZB008</t>
  </si>
  <si>
    <t>12/23/2019 17:18:00</t>
  </si>
  <si>
    <t>12/23/2019 17:18:18</t>
  </si>
  <si>
    <t>12/23/2019 17:18:26</t>
  </si>
  <si>
    <t>12/23/2019 17:18:43</t>
  </si>
  <si>
    <t>12/23/2019 17:19:09</t>
  </si>
  <si>
    <t>12/23/2019 17:22:20</t>
  </si>
  <si>
    <t>12/23/2019 17:24:20</t>
  </si>
  <si>
    <t>\\acsfs\profiles$\leonardobb\Contacts\</t>
  </si>
  <si>
    <t>LEONARDO BORGES BARCELOS (28).contact</t>
  </si>
  <si>
    <t>\\acsfs\profiles$\leonardobb\Contacts\LEONARDO BORGES BARCELOS (28).contact</t>
  </si>
  <si>
    <t>12/23/2019 17:19:58</t>
  </si>
  <si>
    <t>616ea266-d57c-43b5-89f4-30ff47413f44.tmp</t>
  </si>
  <si>
    <t>\\acsfs\profiles$\leticiala\Downloads\616ea266-d57c-43b5-89f4-30ff47413f44.tmp</t>
  </si>
  <si>
    <t>12/23/2019 17:23:37</t>
  </si>
  <si>
    <t>12/23/2019 17:25:20</t>
  </si>
  <si>
    <t>12/23/2019 17:24:37</t>
  </si>
  <si>
    <t>12/23/2019 17:23:56</t>
  </si>
  <si>
    <t>12/23/2019 17:26:21</t>
  </si>
  <si>
    <t>12/23/2019 17:24:05</t>
  </si>
  <si>
    <t>12/23/2019 17:24:17</t>
  </si>
  <si>
    <t>12/23/2019 17:25:56</t>
  </si>
  <si>
    <t>12/23/2019 17:23:16</t>
  </si>
  <si>
    <t>C:\Users\TEMP\Downloads\</t>
  </si>
  <si>
    <t>CPF 39354016120 DILMA LOPES SANTANA.pdf</t>
  </si>
  <si>
    <t>\\acsfs\Deptos\EDUCACAO EMPRESARIAL\KÉSIA\LIGAÇÕES 1220\CPF 39354016120 DILMA LOPES SANTANA.pdf</t>
  </si>
  <si>
    <t>\\acsfs\Deptos\EDUCACAO EMPRESARIAL\KÉSIA\LIGAÇÕES 1220\CPF 39354016120 DILMA LOPES SANTANA.pdf\</t>
  </si>
  <si>
    <t>\\acsfs\Deptos\EDUCACAO EMPRESARIAL\KÉSIA\LIGAÇÕES 1220\CPF 39354016120 DILMA LOPES SANTANA.pdf\:Zone.Identifier:$DATA</t>
  </si>
  <si>
    <t>12/23/2019 17:27:16</t>
  </si>
  <si>
    <t>12/23/2019 17:28:21</t>
  </si>
  <si>
    <t>34682a29-c82a-4d05-9b9f-b2fbe526e460.tmp</t>
  </si>
  <si>
    <t>\\acsfs\profiles$\georgendsq\Downloads\34682a29-c82a-4d05-9b9f-b2fbe526e460.tmp</t>
  </si>
  <si>
    <t>12/23/2019 17:27:19</t>
  </si>
  <si>
    <t>10.200.67.178</t>
  </si>
  <si>
    <t>74-86-7A-FB-1B-3B</t>
  </si>
  <si>
    <t>VOTORANT-FB017</t>
  </si>
  <si>
    <t>gisellyador</t>
  </si>
  <si>
    <t>\\acsfs\profiles$\gisellyador\My Documents\Clientes\</t>
  </si>
  <si>
    <t>23-12-19.txt</t>
  </si>
  <si>
    <t>\\acsfs\profiles$\gisellyador\My Documents\Clientes\23-12-19.txt</t>
  </si>
  <si>
    <t>12/23/2019 17:25:55</t>
  </si>
  <si>
    <t>12/23/2019 17:29:20</t>
  </si>
  <si>
    <t>d064d7f4-9b6f-45fb-91e1-5a168496f31e.tmp</t>
  </si>
  <si>
    <t>\\acsfs\profiles$\leonardobb\Downloads\d064d7f4-9b6f-45fb-91e1-5a168496f31e.tmp</t>
  </si>
  <si>
    <t>12/23/2019 17:28:18</t>
  </si>
  <si>
    <t>e4b05fb9-5b86-4b78-b09e-2001b1b17c6f.tmp</t>
  </si>
  <si>
    <t>\\acsfs\profiles$\leonardobb\Downloads\e4b05fb9-5b86-4b78-b09e-2001b1b17c6f.tmp</t>
  </si>
  <si>
    <t>12/23/2019 17:27:56</t>
  </si>
  <si>
    <t>12/23/2019 17:28:48</t>
  </si>
  <si>
    <t>12/23/2019 17:29:37</t>
  </si>
  <si>
    <t>12/23/2019 17:30:21</t>
  </si>
  <si>
    <t>12/23/2019 17:26:30</t>
  </si>
  <si>
    <t>12/23/2019 17:31:20</t>
  </si>
  <si>
    <t>12/23/2019 17:27:08</t>
  </si>
  <si>
    <t>12/23/2019 17:29:02</t>
  </si>
  <si>
    <t>12/23/2019 17:29:13</t>
  </si>
  <si>
    <t>12/23/2019 17:29:15</t>
  </si>
  <si>
    <t>12/23/2019 17:26:19</t>
  </si>
  <si>
    <t>mail.google.com/sync/u/0/i/s?hl=pt-BR&amp;c=16</t>
  </si>
  <si>
    <t>mail.google.com/sync/u/0/i/s?hl=pt-BR&amp;c=21</t>
  </si>
  <si>
    <t>backofficebv@dxc.com;bvs-centralcartoes@bvfinanceira.com.br;fabianacscg@algartech.com;fernandorsju@algartech.com;jean.loiola@bv.com.br;kesiadof@algartech.com;larissa.alcantara@bv.com.br;marianeps@algartech.com;talmaiardo@algartech.com;thiagordu@algartech.com;</t>
  </si>
  <si>
    <t>backofficebv@dxc.com,bvs-centralcartoes@bvfinanceira.com.br,fabianacscg@algartech.com,fernandorsju@algartech.com,jean.loiola@bv.com.br,kesiadof@algartech.com,larissa.alcantara@bv.com.br,marianeps@algartech.com,talmaiardo@algartech.com,thiagordu@algartech.com</t>
  </si>
  <si>
    <t>12/23/2019 17:28:07</t>
  </si>
  <si>
    <t>mail.google.com/_/upload?authuser=0&amp;dcp=asu-n&amp;upload_id=AEnB2UpdXxNQ13AZQPe5bVB1g3p0CbJCh6AZ7xal_OQBTgG8IDpEZsEn5q1_SJ_CAdlYuqECMPZtuihgCGG4X3WHso6MJtYqMAS_q7TIS-aXel12cptRqqg&amp;upload_protocol=resumable</t>
  </si>
  <si>
    <t>12/23/2019 17:27:30</t>
  </si>
  <si>
    <t>12/23/2019 17:32:20</t>
  </si>
  <si>
    <t>12/23/2019 17:30:37</t>
  </si>
  <si>
    <t>12/23/2019 17:34:20</t>
  </si>
  <si>
    <t>12/23/2019 17:31:01</t>
  </si>
  <si>
    <t>12/23/2019 17:32:37</t>
  </si>
  <si>
    <t>mail.google.com/sync/u/0/i/s?hl=pt-BR&amp;c=608</t>
  </si>
  <si>
    <t>12/23/2019 17:32:45</t>
  </si>
  <si>
    <t>mail.google.com/sync/u/0/i/s?hl=pt-BR&amp;c=610</t>
  </si>
  <si>
    <t>12/23/2019 17:32:59</t>
  </si>
  <si>
    <t>mail.google.com/sync/u/0/i/s?hl=pt-BR&amp;c=612</t>
  </si>
  <si>
    <t>12/23/2019 17:33:02</t>
  </si>
  <si>
    <t>mail.google.com/sync/u/0/i/s?hl=pt-BR&amp;c=614</t>
  </si>
  <si>
    <t>12/23/2019 17:33:12</t>
  </si>
  <si>
    <t>12/23/2019 17:33:18</t>
  </si>
  <si>
    <t>12/23/2019 17:35:20</t>
  </si>
  <si>
    <t>12/23/2019 17:31:17</t>
  </si>
  <si>
    <t>12/23/2019 17:36:20</t>
  </si>
  <si>
    <t>\\acsfs\Deptos\EDUCACAO EMPRESARIAL\FERNANDA MONIT\Fernanda\RECLAMAÇÃO E OUVIDORIA\MODELO DE LAUDO EM BRANCO(3) - Cópia - Cópia - Cópia.docx\</t>
  </si>
  <si>
    <t>\\acsfs\Deptos\EDUCACAO EMPRESARIAL\FERNANDA MONIT\Fernanda\RECLAMAÇÃO E OUVIDORIA\MODELO DE LAUDO EM BRANCO(3) - Cópia - Cópia - Cópia.docx</t>
  </si>
  <si>
    <t>MODELO DE LAUDO EM BRANCO(3) - Cópia - Cópia - Cópia.docx</t>
  </si>
  <si>
    <t>12/23/2019 17:36:17</t>
  </si>
  <si>
    <t>12/23/2019 17:39:21</t>
  </si>
  <si>
    <t>12/23/2019 17:35:37</t>
  </si>
  <si>
    <t>12/23/2019 17:40:20</t>
  </si>
  <si>
    <t>12/23/2019 17:36:37</t>
  </si>
  <si>
    <t>12/23/2019 17:41:20</t>
  </si>
  <si>
    <t>12/23/2019 17:38:54</t>
  </si>
  <si>
    <t>12/23/2019 17:43:20</t>
  </si>
  <si>
    <t>12/23/2019 17:41:37</t>
  </si>
  <si>
    <t>12/23/2019 17:45:21</t>
  </si>
  <si>
    <t>12/23/2019 17:42:37</t>
  </si>
  <si>
    <t>12/23/2019 17:45:17</t>
  </si>
  <si>
    <t>12/23/2019 17:46:20</t>
  </si>
  <si>
    <t>CPF 30879843888 - OPERADOR FERNANDO FREITAS SILVA_1_6762236479318067645_1_32.wav</t>
  </si>
  <si>
    <t>\\acsfs\Deptos\EDUCACAO EMPRESARIAL\KÉSIA\LIGAÇÕES 1220\CPF 30879843888 - OPERADOR FERNANDO FREITAS SILVA_1_6762236479318067645_1_32.wav</t>
  </si>
  <si>
    <t>12/23/2019 17:45:40</t>
  </si>
  <si>
    <t>12/23/2019 17:47:21</t>
  </si>
  <si>
    <t>\\acsfs\profiles$\Angelicacldr\My Documents\xworkcenter\logs\</t>
  </si>
  <si>
    <t>XLOG_Angelicacldr_23122019_145326.log</t>
  </si>
  <si>
    <t>\\acsfs\profiles$\Angelicacldr\My Documents\xworkcenter\logs\XLOG_Angelicacldr_23122019_145326.log</t>
  </si>
  <si>
    <t>12/23/2019 17:45:46</t>
  </si>
  <si>
    <t>12/23/2019 17:47:37</t>
  </si>
  <si>
    <t>12/23/2019 17:50:21</t>
  </si>
  <si>
    <t>12/23/2019 17:48:38</t>
  </si>
  <si>
    <t>12/23/2019 17:49:11</t>
  </si>
  <si>
    <t>12/23/2019 17:51:20</t>
  </si>
  <si>
    <t>CPF 52747760510 Amilton Moura Ferreira.pdf</t>
  </si>
  <si>
    <t>\\acsfs\Deptos\EDUCACAO EMPRESARIAL\FERNANDA MONIT\Fernanda\RECLAMAÇÃO E OUVIDORIA\CPF 52747760510 Amilton Moura Ferreira.pdf</t>
  </si>
  <si>
    <t>12/23/2019 17:49:03</t>
  </si>
  <si>
    <t>12/23/2019 17:52:02</t>
  </si>
  <si>
    <t>12/23/2019 17:55:20</t>
  </si>
  <si>
    <t>12/23/2019 17:52:28</t>
  </si>
  <si>
    <t>mail.google.com/sync/u/0/i/s?hl=pt-BR&amp;c=643</t>
  </si>
  <si>
    <t>12/23/2019 17:52:32</t>
  </si>
  <si>
    <t>mail.google.com/sync/u/0/i/s?hl=pt-BR&amp;c=646</t>
  </si>
  <si>
    <t>12/23/2019 17:52:51</t>
  </si>
  <si>
    <t>mail.google.com/sync/u/0/i/s?hl=pt-BR&amp;c=648</t>
  </si>
  <si>
    <t>12/23/2019 17:53:02</t>
  </si>
  <si>
    <t>mail.google.com/sync/u/0/i/s?hl=pt-BR&amp;c=650</t>
  </si>
  <si>
    <t>12/23/2019 17:53:16</t>
  </si>
  <si>
    <t>mail.google.com/sync/u/0/i/s?hl=pt-BR&amp;c=653</t>
  </si>
  <si>
    <t>12/23/2019 17:52:47</t>
  </si>
  <si>
    <t>12/23/2019 17:50:47</t>
  </si>
  <si>
    <t>vendas juliane.txt</t>
  </si>
  <si>
    <t>\\acsfs\profiles$\julianeas\My Documents\vendas juliane.txt</t>
  </si>
  <si>
    <t>12/23/2019 17:51:05</t>
  </si>
  <si>
    <t>Vendas em valores mes de Dezembro.txt</t>
  </si>
  <si>
    <t>\\acsfs\profiles$\julianeas\My Documents\Vendas em valores mes de Dezembro.txt</t>
  </si>
  <si>
    <t>12/23/2019 17:51:31</t>
  </si>
  <si>
    <t>12/23/2019 17:53:59</t>
  </si>
  <si>
    <t>12/23/2019 17:53:37</t>
  </si>
  <si>
    <t>12/23/2019 17:54:37</t>
  </si>
  <si>
    <t>12/23/2019 17:51:30</t>
  </si>
  <si>
    <t>12/23/2019 17:56:20</t>
  </si>
  <si>
    <t>backofficebv@dxc.com;bvs-centralcartoes@bvfinanceira.com.br;eduardo.santana@bv.com.br;fabianacscg@algartech.com;fabio.ernest@bv.com.br;fernandorsju@algartech.com;jean.loiola@bv.com.br;kesiadof@algartech.com;larisacc@algartech.com;larissa.alcantara@bv.com.br;lilianls@algartech.com;marianeps@algartech.com;marianerdo@algartech.com;mirianppb@algartech.com;talmaiardo@algartech.com;thiagord@algartech.com;thiagordu@algartech.com;</t>
  </si>
  <si>
    <t>backofficebv@dxc.com,bvs-centralcartoes@bvfinanceira.com.br,eduardo.santana@bv.com.br,fabianacscg@algartech.com,fabio.ernest@bv.com.br,fernandorsju@algartech.com,jean.loiola@bv.com.br,kesiadof@algartech.com,larisacc@algartech.com,larissa.alcantara@bv.com.br,lilianls@algartech.com,marianeps@algartech.com,marianerdo@algartech.com,mirianppb@algartech.com,talmaiardo@algartech.com,thiagord@algartech.com,thiagordu@algartech.com</t>
  </si>
  <si>
    <t>12/23/2019 17:51:43</t>
  </si>
  <si>
    <t>mail.google.com/_/upload?authuser=0&amp;dcp=asu-n&amp;upload_id=AEnB2Up6e-ezMFpIjUOjqRI84wvg2TqrXOplPKqmLrT4bnMpk6WwyknrX2fI0RNYhNcPkr0lTqHEClV28x6onxjjHb3z7jTT8mmp-5RtCDg7pX0b1gS4gk4&amp;upload_protocol=resumable</t>
  </si>
  <si>
    <t>C:\Users\TEMP.ACS.000\Desktop\</t>
  </si>
  <si>
    <t>CPF 52747760510Laura Nicolau de Oliveira Santos_1_6771124768108255343_1_32.wav</t>
  </si>
  <si>
    <t>12/23/2019 17:53:42</t>
  </si>
  <si>
    <t>12/23/2019 17:57:20</t>
  </si>
  <si>
    <t>18dc3f0e-f065-49ca-8b49-85eaf718633d.tmp</t>
  </si>
  <si>
    <t>\\acsfs\profiles$\bernardopcm\Downloads\18dc3f0e-f065-49ca-8b49-85eaf718633d.tmp</t>
  </si>
  <si>
    <t>12/23/2019 17:54:38</t>
  </si>
  <si>
    <t>12/23/2019 17:59:21</t>
  </si>
  <si>
    <t>49602024-c2a9-4844-b34e-4b8d3d0176df.tmp</t>
  </si>
  <si>
    <t>\\acsfs\profiles$\leonardobb\Downloads\49602024-c2a9-4844-b34e-4b8d3d0176df.tmp</t>
  </si>
  <si>
    <t>12/23/2019 17:59:37</t>
  </si>
  <si>
    <t>12/23/2019 18:00:20</t>
  </si>
  <si>
    <t>12/23/2019 17:57:18</t>
  </si>
  <si>
    <t>12/23/2019 18:01:21</t>
  </si>
  <si>
    <t>\\acsfs\Deptos\EDUCACAO EMPRESARIAL\FERNANDA MONIT\Ligaçoes operadores Ativos 23-12\</t>
  </si>
  <si>
    <t>Geovana Aline Santos E Silva_1_6773695533668186809_1_32.wav</t>
  </si>
  <si>
    <t>\\acsfs\Deptos\EDUCACAO EMPRESARIAL\FERNANDA MONIT\Ligaçoes operadores Ativos 23-12\Geovana Aline Santos E Silva_1_6773695533668186809_1_32.wav</t>
  </si>
  <si>
    <t>12/23/2019 17:57:35</t>
  </si>
  <si>
    <t>Geovana Aline Santos E Silva_2 1_6773695533668186809_1_32_1_6773692222248397456_1_32.wav</t>
  </si>
  <si>
    <t>\\acsfs\Deptos\EDUCACAO EMPRESARIAL\FERNANDA MONIT\Ligaçoes operadores Ativos 23-12\Geovana Aline Santos E Silva_2 1_6773695533668186809_1_32_1_6773692222248397456_1_32.wav</t>
  </si>
  <si>
    <t>12/23/2019 17:57:50</t>
  </si>
  <si>
    <t>Geovana Aline Santos E Silva_3 1_6773695533668186809_1_32_1_6773687149892014035_1_32.wav</t>
  </si>
  <si>
    <t>\\acsfs\Deptos\EDUCACAO EMPRESARIAL\FERNANDA MONIT\Ligaçoes operadores Ativos 23-12\Geovana Aline Santos E Silva_3 1_6773695533668186809_1_32_1_6773687149892014035_1_32.wav</t>
  </si>
  <si>
    <t>12/23/2019 17:58:10</t>
  </si>
  <si>
    <t>Geovana Aline Santos E Silva_14_6773695533668186809_1_32_1_6773670090281923650_1_32.wav</t>
  </si>
  <si>
    <t>\\acsfs\Deptos\EDUCACAO EMPRESARIAL\FERNANDA MONIT\Ligaçoes operadores Ativos 23-12\Geovana Aline Santos E Silva_14_6773695533668186809_1_32_1_6773670090281923650_1_32.wav</t>
  </si>
  <si>
    <t>12/23/2019 17:58:22</t>
  </si>
  <si>
    <t>Geovana Aline Santos E Silva_15 _6773695533668186809_1_32_1_6773665464602139726_1_32.wav</t>
  </si>
  <si>
    <t>\\acsfs\Deptos\EDUCACAO EMPRESARIAL\FERNANDA MONIT\Ligaçoes operadores Ativos 23-12\Geovana Aline Santos E Silva_15 _6773695533668186809_1_32_1_6773665464602139726_1_32.wav</t>
  </si>
  <si>
    <t>12/23/2019 17:58:47</t>
  </si>
  <si>
    <t>Geovana Aline Santos E Silva_16_6773695533668186809_1_32_1_6773639806467515800_1_32.wav</t>
  </si>
  <si>
    <t>\\acsfs\Deptos\EDUCACAO EMPRESARIAL\FERNANDA MONIT\Ligaçoes operadores Ativos 23-12\Geovana Aline Santos E Silva_16_6773695533668186809_1_32_1_6773639806467515800_1_32.wav</t>
  </si>
  <si>
    <t>12/23/2019 17:58:55</t>
  </si>
  <si>
    <t>Geovana Aline Santos E Silva_17_6773695533668186809_1_32_1_6773627879343336206_1_32.wav</t>
  </si>
  <si>
    <t>\\acsfs\Deptos\EDUCACAO EMPRESARIAL\FERNANDA MONIT\Ligaçoes operadores Ativos 23-12\Geovana Aline Santos E Silva_17_6773695533668186809_1_32_1_6773627879343336206_1_32.wav</t>
  </si>
  <si>
    <t>12/23/2019 17:59:34</t>
  </si>
  <si>
    <t>Geovana Aline Santos E Silva_1_7 6773695533668186809_1_32_1_6772575062600001836_1_32.wav</t>
  </si>
  <si>
    <t>\\acsfs\Deptos\EDUCACAO EMPRESARIAL\FERNANDA MONIT\Ligaçoes operadores Ativos 23-12\Geovana Aline Santos E Silva_1_7 6773695533668186809_1_32_1_6772575062600001836_1_32.wav</t>
  </si>
  <si>
    <t>12/23/2019 17:59:54</t>
  </si>
  <si>
    <t>Geovana Aline Santos E Silva 8_1_6773695533668186809_1_32_1_6772547506089832522_1_32.wav</t>
  </si>
  <si>
    <t>\\acsfs\Deptos\EDUCACAO EMPRESARIAL\FERNANDA MONIT\Ligaçoes operadores Ativos 23-12\Geovana Aline Santos E Silva 8_1_6773695533668186809_1_32_1_6772547506089832522_1_32.wav</t>
  </si>
  <si>
    <t>Geovana Aline Santos E Silva_1 8_7 6773695533668186809_1_32_1_6772575062600001836_1_32_1_6772533332697755140_1_32.wav</t>
  </si>
  <si>
    <t>\\acsfs\Deptos\EDUCACAO EMPRESARIAL\FERNANDA MONIT\Ligaçoes operadores Ativos 23-12\Geovana Aline Santos E Silva_1 8_7 6773695533668186809_1_32_1_6772575062600001836_1_32_1_6772533332697755140_1_32.wav</t>
  </si>
  <si>
    <t>12/23/2019 18:00:36</t>
  </si>
  <si>
    <t>Geovana Aline Santos E Silva_1 9 8_7 6773695533668186809_1_32_1_6772575062600001836_1_32_1_6772533332697755140_1_32_1_6772527998348367389_1_32.wav</t>
  </si>
  <si>
    <t>\\acsfs\Deptos\EDUCACAO EMPRESARIAL\FERNANDA MONIT\Ligaçoes operadores Ativos 23-12\Geovana Aline Santos E Silva_1 9 8_7 6773695533668186809_1_32_1_6772575062600001836_1_32_1_6772533332697755140_1_32_1_6772527998348367389_1_32.wav</t>
  </si>
  <si>
    <t>12/23/2019 18:01:34</t>
  </si>
  <si>
    <t>12/23/2019 18:02:21</t>
  </si>
  <si>
    <t>4ef00551-d042-4b47-91fd-d05b993f5f22.tmp</t>
  </si>
  <si>
    <t>\\acsfs\profiles$\rosileiam\Downloads\4ef00551-d042-4b47-91fd-d05b993f5f22.tmp</t>
  </si>
  <si>
    <t>12/23/2019 18:00:37</t>
  </si>
  <si>
    <t>12/23/2019 18:05:21</t>
  </si>
  <si>
    <t>12/23/2019 18:01:10</t>
  </si>
  <si>
    <t>12/23/2019 18:06:21</t>
  </si>
  <si>
    <t>Geovana Aline Santos E Silva_1 11 8_7 6773695533668186809_1_32_1_6772575062600001836_1_32_1_6772533332697755140_1_32_1_6772180436709874892_1_32.wav</t>
  </si>
  <si>
    <t>\\acsfs\Deptos\EDUCACAO EMPRESARIAL\FERNANDA MONIT\Ligaçoes operadores Ativos 23-12\Geovana Aline Santos E Silva_1 11 8_7 6773695533668186809_1_32_1_6772575062600001836_1_32_1_6772533332697755140_1_32_1_6772180436709874892_1_32.wav</t>
  </si>
  <si>
    <t>12/23/2019 18:02:07</t>
  </si>
  <si>
    <t>Flavio Junio Mendes Moreira_1_6773688687490308232_1_32.wav</t>
  </si>
  <si>
    <t>\\acsfs\Deptos\EDUCACAO EMPRESARIAL\FERNANDA MONIT\Ligaçoes operadores Ativos 23-12\Flavio Junio Mendes Moreira_1_6773688687490308232_1_32.wav</t>
  </si>
  <si>
    <t>12/23/2019 18:02:24</t>
  </si>
  <si>
    <t>Flavio Junio Mendes Moreira_12_6773688687490308232_1_32_1_6773667045150106680_1_32.wav</t>
  </si>
  <si>
    <t>\\acsfs\Deptos\EDUCACAO EMPRESARIAL\FERNANDA MONIT\Ligaçoes operadores Ativos 23-12\Flavio Junio Mendes Moreira_12_6773688687490308232_1_32_1_6773667045150106680_1_32.wav</t>
  </si>
  <si>
    <t>12/23/2019 18:02:42</t>
  </si>
  <si>
    <t>Flavio Junio Mendes Moreira_312_6773688687490308232_1_32_1_6773667045150106680_1_32_1_6773645016262851727_1_32.wav</t>
  </si>
  <si>
    <t>\\acsfs\Deptos\EDUCACAO EMPRESARIAL\FERNANDA MONIT\Ligaçoes operadores Ativos 23-12\Flavio Junio Mendes Moreira_312_6773688687490308232_1_32_1_6773667045150106680_1_32_1_6773645016262851727_1_32.wav</t>
  </si>
  <si>
    <t>12/23/2019 18:03:02</t>
  </si>
  <si>
    <t>Flavio Junio Mendes Moreira_1_36773688687490308232_1_32_1_6773634519362768318_1_32.wav</t>
  </si>
  <si>
    <t>\\acsfs\Deptos\EDUCACAO EMPRESARIAL\FERNANDA MONIT\Ligaçoes operadores Ativos 23-12\Flavio Junio Mendes Moreira_1_36773688687490308232_1_32_1_6773634519362768318_1_32.wav</t>
  </si>
  <si>
    <t>12/23/2019 18:03:24</t>
  </si>
  <si>
    <t>Flavio Junio Mendes Moreira_1_436773688687490308232_1_32_1_6773634519362768318_1_32_1_6772575127024511318_1_32.wav</t>
  </si>
  <si>
    <t>\\acsfs\Deptos\EDUCACAO EMPRESARIAL\FERNANDA MONIT\Ligaçoes operadores Ativos 23-12\Flavio Junio Mendes Moreira_1_436773688687490308232_1_32_1_6773634519362768318_1_32_1_6772575127024511318_1_32.wav</t>
  </si>
  <si>
    <t>12/23/2019 18:03:39</t>
  </si>
  <si>
    <t>Flavio Junio Mendes Moreira_1_5436773688687490308232_1_32_1_6773634519362768318_1_32_1_6772575127024511318_1_32_1_6772559570652964588_1_32.wav</t>
  </si>
  <si>
    <t>\\acsfs\Deptos\EDUCACAO EMPRESARIAL\FERNANDA MONIT\Ligaçoes operadores Ativos 23-12\Flavio Junio Mendes Moreira_1_5436773688687490308232_1_32_1_6773634519362768318_1_32_1_6772575127024511318_1_32_1_6772559570652964588_1_32.wav</t>
  </si>
  <si>
    <t>12/23/2019 18:04:14</t>
  </si>
  <si>
    <t>Flavio Junio Mendes Moreira_1_9436773688687490308232_1_32_1_6773634519362768318_1_32_1_6772575127024511318_1_32_1_6772520920242271687_1_32.wav</t>
  </si>
  <si>
    <t>\\acsfs\Deptos\EDUCACAO EMPRESARIAL\FERNANDA MONIT\Ligaçoes operadores Ativos 23-12\Flavio Junio Mendes Moreira_1_9436773688687490308232_1_32_1_6773634519362768318_1_32_1_6772575127024511318_1_32_1_6772520920242271687_1_32.wav</t>
  </si>
  <si>
    <t>12/23/2019 18:05:07</t>
  </si>
  <si>
    <t>Lucas Barbosa Da Silva_1_6773689731167362545_1_32.wav</t>
  </si>
  <si>
    <t>\\acsfs\Deptos\EDUCACAO EMPRESARIAL\FERNANDA MONIT\Ligaçoes operadores Ativos 23-12\Lucas Barbosa Da Silva_1_6773689731167362545_1_32.wav</t>
  </si>
  <si>
    <t>12/23/2019 18:05:36</t>
  </si>
  <si>
    <t>Lucas Barbosa Da Silva_2 1_6773689731167362545_1_32_1_6772565025261421298_1_32.wav</t>
  </si>
  <si>
    <t>\\acsfs\Deptos\EDUCACAO EMPRESARIAL\FERNANDA MONIT\Ligaçoes operadores Ativos 23-12\Lucas Barbosa Da Silva_2 1_6773689731167362545_1_32_1_6772565025261421298_1_32.wav</t>
  </si>
  <si>
    <t>12/23/2019 18:01:19</t>
  </si>
  <si>
    <t>https://udpmailboxap01/h/search?si=0&amp;so=0&amp;sc=52318&amp;sfi=2&amp;st=message&amp;action=compose</t>
  </si>
  <si>
    <t>12/23/2019 18:01:49</t>
  </si>
  <si>
    <t>12/23/2019 18:04:33</t>
  </si>
  <si>
    <t>12/23/2019 18:04:35</t>
  </si>
  <si>
    <t>12/23/2019 18:04:36</t>
  </si>
  <si>
    <t>12/23/2019 18:04:49</t>
  </si>
  <si>
    <t>12/23/2019 18:05:08</t>
  </si>
  <si>
    <t>12/23/2019 18:01:54</t>
  </si>
  <si>
    <t>12/23/2019 18:01:58</t>
  </si>
  <si>
    <t>mail.google.com/_/upload?authuser=0&amp;dcp=asu-n&amp;upload_id=AEnB2Uo_2fOjama4XHfXD0Q6R6EOf_TyqIow8v7z5DjoZU-hUVB1yQA4YzvCXq_ZltD5UKhTcJQkwQvayDHDNF1J4FzySRq3FA&amp;upload_protocol=resumable</t>
  </si>
  <si>
    <t>12/23/2019 18:02:53</t>
  </si>
  <si>
    <t>12/23/2019 18:07:21</t>
  </si>
  <si>
    <t>0bc2b21a-49ae-4093-9788-eef6ddd2e41e.tmp</t>
  </si>
  <si>
    <t>\\acsfs\profiles$\rosileiam\Downloads\0bc2b21a-49ae-4093-9788-eef6ddd2e41e.tmp</t>
  </si>
  <si>
    <t>12/23/2019 18:05:37</t>
  </si>
  <si>
    <t>12/23/2019 18:10:20</t>
  </si>
  <si>
    <t>12/23/2019 18:06:37</t>
  </si>
  <si>
    <t>12/23/2019 18:10:12</t>
  </si>
  <si>
    <t>12/23/2019 18:11:21</t>
  </si>
  <si>
    <t>12/23/2019 18:05:50</t>
  </si>
  <si>
    <t>Lucas Barbosa Da Silva_12 1_6773689731167362545_1_32_1_6772565025261421298_1_32_1_6772545319951476401_1_32.wav</t>
  </si>
  <si>
    <t>\\acsfs\Deptos\EDUCACAO EMPRESARIAL\FERNANDA MONIT\Ligaçoes operadores Ativos 23-12\Lucas Barbosa Da Silva_12 1_6773689731167362545_1_32_1_6772565025261421298_1_32_1_6772545319951476401_1_32.wav</t>
  </si>
  <si>
    <t>12/23/2019 18:06:06</t>
  </si>
  <si>
    <t>Lucas Barbosa Da Silva_12 1_96773689731167362545_1_32_1_6772565025261421298_1_32_1_6772545319951476401_1_32_1_6772532825891613666_1_32.wav</t>
  </si>
  <si>
    <t>\\acsfs\Deptos\EDUCACAO EMPRESARIAL\FERNANDA MONIT\Ligaçoes operadores Ativos 23-12\Lucas Barbosa Da Silva_12 1_96773689731167362545_1_32_1_6772565025261421298_1_32_1_6772545319951476401_1_32_1_6772532825891613666_1_32.wav</t>
  </si>
  <si>
    <t>12/23/2019 18:06:28</t>
  </si>
  <si>
    <t>Lucas Barbosa Da Silva_12 4 1_6773689731167362545_1_32_1_6772565025261421298_1_32_1_6772545319951476401_1_32_1_6772202877913993066_1_32.wav</t>
  </si>
  <si>
    <t>\\acsfs\Deptos\EDUCACAO EMPRESARIAL\FERNANDA MONIT\Ligaçoes operadores Ativos 23-12\Lucas Barbosa Da Silva_12 4 1_6773689731167362545_1_32_1_6772565025261421298_1_32_1_6772545319951476401_1_32_1_6772202877913993066_1_32.wav</t>
  </si>
  <si>
    <t>12/23/2019 18:07:33</t>
  </si>
  <si>
    <t>Claudio Janaina Celeste de Andrade_1_6773694558710609529_1_32.wav</t>
  </si>
  <si>
    <t>\\acsfs\Deptos\EDUCACAO EMPRESARIAL\FERNANDA MONIT\Ligaçoes operadores Ativos 23-12\Claudio Janaina Celeste de Andrade_1_6773694558710609529_1_32.wav</t>
  </si>
  <si>
    <t>12/23/2019 18:07:49</t>
  </si>
  <si>
    <t>Claudio Janaina Celeste de Andrade 2_1_6773694558710609529_1_32_1_6773681837017478050_1_32.wav</t>
  </si>
  <si>
    <t>\\acsfs\Deptos\EDUCACAO EMPRESARIAL\FERNANDA MONIT\Ligaçoes operadores Ativos 23-12\Claudio Janaina Celeste de Andrade 2_1_6773694558710609529_1_32_1_6773681837017478050_1_32.wav</t>
  </si>
  <si>
    <t>12/23/2019 18:08:05</t>
  </si>
  <si>
    <t>Claudio Janaina Celeste de Andrade 3 2_1_6773694558710609529_1_32_1_6773681837017478050_1_32_1_6773669686554997256_1_32.wav</t>
  </si>
  <si>
    <t>\\acsfs\Deptos\EDUCACAO EMPRESARIAL\FERNANDA MONIT\Ligaçoes operadores Ativos 23-12\Claudio Janaina Celeste de Andrade 3 2_1_6773694558710609529_1_32_1_6773681837017478050_1_32_1_6773669686554997256_1_32.wav</t>
  </si>
  <si>
    <t>12/23/2019 18:08:25</t>
  </si>
  <si>
    <t>Claudio Janaina Celeste de Andrade 4_1_6773694558710609529_1_32_1_6772523535877341926_1_32.wav</t>
  </si>
  <si>
    <t>\\acsfs\Deptos\EDUCACAO EMPRESARIAL\FERNANDA MONIT\Ligaçoes operadores Ativos 23-12\Claudio Janaina Celeste de Andrade 4_1_6773694558710609529_1_32_1_6772523535877341926_1_32.wav</t>
  </si>
  <si>
    <t>12/23/2019 18:09:30</t>
  </si>
  <si>
    <t>ISABELLE GOMES TEIXEIRA DOS SANTOS_1_6773643577448805988_1_32.wav</t>
  </si>
  <si>
    <t>\\acsfs\Deptos\EDUCACAO EMPRESARIAL\FERNANDA MONIT\Ligaçoes operadores Ativos 23-12\ISABELLE GOMES TEIXEIRA DOS SANTOS_1_6773643577448805988_1_32.wav</t>
  </si>
  <si>
    <t>12/23/2019 18:09:48</t>
  </si>
  <si>
    <t>ISABELLE GOMES TEIXEIRA DOS SANTOS 2_1_6773631547245411872_1_32.wav</t>
  </si>
  <si>
    <t>\\acsfs\Deptos\EDUCACAO EMPRESARIAL\FERNANDA MONIT\Ligaçoes operadores Ativos 23-12\ISABELLE GOMES TEIXEIRA DOS SANTOS 2_1_6773631547245411872_1_32.wav</t>
  </si>
  <si>
    <t>12/23/2019 18:10:04</t>
  </si>
  <si>
    <t>ISABELLE GOMES TEIXEIRA DOS SANTOS 4_1_6773623266548453761_1_32.wav</t>
  </si>
  <si>
    <t>\\acsfs\Deptos\EDUCACAO EMPRESARIAL\FERNANDA MONIT\Ligaçoes operadores Ativos 23-12\ISABELLE GOMES TEIXEIRA DOS SANTOS 4_1_6773623266548453761_1_32.wav</t>
  </si>
  <si>
    <t>12/23/2019 18:07:25</t>
  </si>
  <si>
    <t>0da88397-99f0-41f9-a9f6-a4b27f4d873e.tmp</t>
  </si>
  <si>
    <t>\\acsfs\profiles$\alessandraan\Downloads\0da88397-99f0-41f9-a9f6-a4b27f4d873e.tmp</t>
  </si>
  <si>
    <t>12/23/2019 18:07:37</t>
  </si>
  <si>
    <t>3a9b59a6-e996-4fd4-b86a-0d342fac5477.tmp</t>
  </si>
  <si>
    <t>\\acsfs\profiles$\alessandraan\Downloads\3a9b59a6-e996-4fd4-b86a-0d342fac5477.tmp</t>
  </si>
  <si>
    <t>12/23/2019 18:12:52</t>
  </si>
  <si>
    <t>12/23/2019 18:13:21</t>
  </si>
  <si>
    <t>12/23/2019 18:14:00</t>
  </si>
  <si>
    <t>12/23/2019 18:15:21</t>
  </si>
  <si>
    <t>12/23/2019 18:11:38</t>
  </si>
  <si>
    <t>12/23/2019 18:12:38</t>
  </si>
  <si>
    <t>12/23/2019 18:10:47</t>
  </si>
  <si>
    <t>12/23/2019 18:16:21</t>
  </si>
  <si>
    <t>ISABELLE GOMES TEIXEIRA DOS SANTOS 5_1_6772562495525697253_1_32.wav</t>
  </si>
  <si>
    <t>\\acsfs\Deptos\EDUCACAO EMPRESARIAL\FERNANDA MONIT\Ligaçoes operadores Ativos 23-12\ISABELLE GOMES TEIXEIRA DOS SANTOS 5_1_6772562495525697253_1_32.wav</t>
  </si>
  <si>
    <t>12/23/2019 18:10:58</t>
  </si>
  <si>
    <t>ISABELLE GOMES TEIXEIRA DOS SANTOS 8_1_6772549099522700918_1_32.wav</t>
  </si>
  <si>
    <t>\\acsfs\Deptos\EDUCACAO EMPRESARIAL\FERNANDA MONIT\Ligaçoes operadores Ativos 23-12\ISABELLE GOMES TEIXEIRA DOS SANTOS 8_1_6772549099522700918_1_32.wav</t>
  </si>
  <si>
    <t>12/23/2019 18:11:10</t>
  </si>
  <si>
    <t>ISABELLE GOMES TEIXEIRA DOS SANTOS 10_1_6772524863022237906_1_32.wav</t>
  </si>
  <si>
    <t>\\acsfs\Deptos\EDUCACAO EMPRESARIAL\FERNANDA MONIT\Ligaçoes operadores Ativos 23-12\ISABELLE GOMES TEIXEIRA DOS SANTOS 10_1_6772524863022237906_1_32.wav</t>
  </si>
  <si>
    <t>12/23/2019 18:16:49</t>
  </si>
  <si>
    <t>12/23/2019 18:17:21</t>
  </si>
  <si>
    <t>12/23/2019 18:17:38</t>
  </si>
  <si>
    <t>12/23/2019 18:20:21</t>
  </si>
  <si>
    <t>12/23/2019 18:18:39</t>
  </si>
  <si>
    <t>12/23/2019 18:18:49</t>
  </si>
  <si>
    <t>12/23/2019 18:19:09</t>
  </si>
  <si>
    <t>12/23/2019 18:19:30</t>
  </si>
  <si>
    <t>12/23/2019 18:20:24</t>
  </si>
  <si>
    <t>12/23/2019 18:23:21</t>
  </si>
  <si>
    <t>12/23/2019 18:18:56</t>
  </si>
  <si>
    <t>12/23/2019 18:24:21</t>
  </si>
  <si>
    <t>90477b32-87ce-43ef-886d-96bdec925c94.tmp</t>
  </si>
  <si>
    <t>\\acsfs\profiles$\vivianibfs\Downloads\90477b32-87ce-43ef-886d-96bdec925c94.tmp</t>
  </si>
  <si>
    <t>12/23/2019 18:23:38</t>
  </si>
  <si>
    <t>12/23/2019 18:25:20</t>
  </si>
  <si>
    <t>12/23/2019 18:24:38</t>
  </si>
  <si>
    <t>12/23/2019 18:21:09</t>
  </si>
  <si>
    <t>12/23/2019 18:26:21</t>
  </si>
  <si>
    <t>610cb949-e111-4497-bd12-47a8b2827bd7.tmp</t>
  </si>
  <si>
    <t>\\acsfs\profiles$\fabianafv\Downloads\610cb949-e111-4497-bd12-47a8b2827bd7.tmp</t>
  </si>
  <si>
    <t>12/23/2019 18:22:48</t>
  </si>
  <si>
    <t>\\acsfs\Deptos\EDUCACAO EMPRESARIAL\00\</t>
  </si>
  <si>
    <t>\\acsfs\Deptos\EDUCACAO EMPRESARIAL\00\Thumbs.db</t>
  </si>
  <si>
    <t>12/23/2019 18:22:53</t>
  </si>
  <si>
    <t>12/23/2019 18:23:01</t>
  </si>
  <si>
    <t>CPF 30879843888 VALERIA APARECIDA RIBEIRO SANTOS.pdf</t>
  </si>
  <si>
    <t>\\acsfs\Deptos\EDUCACAO EMPRESARIAL\KÉSIA\LIGAÇÕES 1220\CPF 30879843888 VALERIA APARECIDA RIBEIRO SANTOS.pdf</t>
  </si>
  <si>
    <t>\\acsfs\Deptos\EDUCACAO EMPRESARIAL\KÉSIA\LIGAÇÕES 1220\CPF 30879843888 VALERIA APARECIDA RIBEIRO SANTOS.pdf\</t>
  </si>
  <si>
    <t>\\acsfs\Deptos\EDUCACAO EMPRESARIAL\KÉSIA\LIGAÇÕES 1220\CPF 30879843888 VALERIA APARECIDA RIBEIRO SANTOS.pdf\:Zone.Identifier:$DATA</t>
  </si>
  <si>
    <t>12/23/2019 18:29:38</t>
  </si>
  <si>
    <t>12/23/2019 18:30:21</t>
  </si>
  <si>
    <t>12/23/2019 18:29:55</t>
  </si>
  <si>
    <t>12/23/2019 18:34:20</t>
  </si>
  <si>
    <t>\\acsfs\profiles$\marcosvnds\My Documents\xworkcenter\lex\</t>
  </si>
  <si>
    <t>\\acsfs\profiles$\marcosvnds\My Documents\xworkcenter\lex\temp.tlx</t>
  </si>
  <si>
    <t>12/23/2019 18:29:56</t>
  </si>
  <si>
    <t>12/23/2019 18:29:57</t>
  </si>
  <si>
    <t>12/23/2019 18:29:58</t>
  </si>
  <si>
    <t>12/23/2019 18:29:59</t>
  </si>
  <si>
    <t>12/23/2019 18:30:00</t>
  </si>
  <si>
    <t>12/23/2019 18:30:01</t>
  </si>
  <si>
    <t>12/23/2019 18:30:02</t>
  </si>
  <si>
    <t>12/23/2019 18:30:03</t>
  </si>
  <si>
    <t>12/23/2019 18:30:04</t>
  </si>
  <si>
    <t>12/23/2019 18:30:05</t>
  </si>
  <si>
    <t>12/23/2019 18:30:06</t>
  </si>
  <si>
    <t>12/23/2019 18:30:07</t>
  </si>
  <si>
    <t>12/23/2019 18:30:08</t>
  </si>
  <si>
    <t>12/23/2019 18:30:09</t>
  </si>
  <si>
    <t>12/23/2019 18:30:10</t>
  </si>
  <si>
    <t>12/23/2019 18:30:11</t>
  </si>
  <si>
    <t>12/23/2019 18:30:12</t>
  </si>
  <si>
    <t>12/23/2019 18:30:13</t>
  </si>
  <si>
    <t>12/23/2019 18:30:14</t>
  </si>
  <si>
    <t>12/23/2019 18:30:15</t>
  </si>
  <si>
    <t>12/23/2019 18:30:16</t>
  </si>
  <si>
    <t>12/23/2019 18:30:17</t>
  </si>
  <si>
    <t>12/23/2019 18:30:18</t>
  </si>
  <si>
    <t>12/23/2019 18:30:38</t>
  </si>
  <si>
    <t>12/23/2019 18:35:20</t>
  </si>
  <si>
    <t>12/23/2019 18:35:00</t>
  </si>
  <si>
    <t>12/23/2019 18:36:20</t>
  </si>
  <si>
    <t>CPF 23643632843 - OPERADOR FABIANO BRUNO MENDES FILHO_1_6771845790038037579_1_32.wav</t>
  </si>
  <si>
    <t>\\acsfs\Deptos\EDUCACAO EMPRESARIAL\KÉSIA\LIGAÇÕES 1220\CPF 23643632843 - OPERADOR FABIANO BRUNO MENDES FILHO_1_6771845790038037579_1_32.wav</t>
  </si>
  <si>
    <t>12/23/2019 18:32:52</t>
  </si>
  <si>
    <t>12/23/2019 18:37:21</t>
  </si>
  <si>
    <t>12/23/2019 18:35:38</t>
  </si>
  <si>
    <t>12/23/2019 18:40:20</t>
  </si>
  <si>
    <t>12/23/2019 18:36:38</t>
  </si>
  <si>
    <t>12/23/2019 18:36:58</t>
  </si>
  <si>
    <t>mail.google.com/sync/u/0/i/s?hl=pt-BR&amp;c=7</t>
  </si>
  <si>
    <t>12/23/2019 18:41:30</t>
  </si>
  <si>
    <t>12/23/2019 18:42:21</t>
  </si>
  <si>
    <t>5811536a-97f5-4eb1-8a4f-f2d99332560e.tmp</t>
  </si>
  <si>
    <t>\\acsfs\profiles$\joycemmdl\Downloads\5811536a-97f5-4eb1-8a4f-f2d99332560e.tmp</t>
  </si>
  <si>
    <t>12/23/2019 18:41:38</t>
  </si>
  <si>
    <t>12/23/2019 18:45:21</t>
  </si>
  <si>
    <t>12/23/2019 18:42:30</t>
  </si>
  <si>
    <t>12/23/2019 18:42:38</t>
  </si>
  <si>
    <t>12/23/2019 18:43:25</t>
  </si>
  <si>
    <t>mail.google.com/sync/u/0/i/s?hl=pt-BR&amp;c=23</t>
  </si>
  <si>
    <t>7;</t>
  </si>
  <si>
    <t>12/23/2019 18:44:22</t>
  </si>
  <si>
    <t>12/23/2019 18:44:26</t>
  </si>
  <si>
    <t>12/23/2019 18:44:46</t>
  </si>
  <si>
    <t>12/23/2019 18:44:55</t>
  </si>
  <si>
    <t>mail.google.com/sync/u/0/i/s?hl=pt-BR&amp;c=34</t>
  </si>
  <si>
    <t>12/23/2019 18:45:53</t>
  </si>
  <si>
    <t>12/23/2019 18:46:21</t>
  </si>
  <si>
    <t>backofficebv@dxc.com;jean.loiola@bv.com.br;kesiadof@algartech.com;larissa.alcantara@bv.com.br;marianeps@algartech.com;talmaiardo@algartech.com;thiagordu@algartech.com;</t>
  </si>
  <si>
    <t>backofficebv@dxc.com,jean.loiola@bv.com.br,kesiadof@algartech.com,larissa.alcantara@bv.com.br,marianeps@algartech.com,talmaiardo@algartech.com,thiagordu@algartech.com</t>
  </si>
  <si>
    <t>12/23/2019 18:45:56</t>
  </si>
  <si>
    <t>12/23/2019 18:46:14</t>
  </si>
  <si>
    <t>12/23/2019 18:50:21</t>
  </si>
  <si>
    <t>12/23/2019 18:47:38</t>
  </si>
  <si>
    <t>12/23/2019 18:48:38</t>
  </si>
  <si>
    <t>12/23/2019 18:49:13</t>
  </si>
  <si>
    <t>12/23/2019 18:49:36</t>
  </si>
  <si>
    <t>12/23/2019 18:49:53</t>
  </si>
  <si>
    <t>12/23/2019 18:45:17</t>
  </si>
  <si>
    <t>mail.google.com/sync/u/0/i/s?hl=pt-BR&amp;c=39</t>
  </si>
  <si>
    <t>12/23/2019 18:46:16</t>
  </si>
  <si>
    <t>12/23/2019 18:46:41</t>
  </si>
  <si>
    <t>12/23/2019 18:46:45</t>
  </si>
  <si>
    <t>12/23/2019 18:46:56</t>
  </si>
  <si>
    <t>12/23/2019 18:46:33</t>
  </si>
  <si>
    <t>12/23/2019 18:51:21</t>
  </si>
  <si>
    <t>mail.google.com/_/upload?authuser=0&amp;dcp=asu-n&amp;upload_id=AEnB2UqDE342EXeVDIM4OsFIRWFv3oMKkm43Zn_CxKWHXX3iHZIiMSXP-qGnwgu-hSARv3wvc172Np41Q9ddlb8uXDDefLYrWoMsPUktJ6t8RI3pyWE_KLQ&amp;upload_protocol=resumable</t>
  </si>
  <si>
    <t>CPF 23643632843 WILLIAM CAHUANA RAMOS.pdf</t>
  </si>
  <si>
    <t>12/23/2019 18:46:58</t>
  </si>
  <si>
    <t>\\acsfs\Deptos\EDUCACAO EMPRESARIAL\KÉSIA\LIGAÇÕES 1220\CPF 23643632843 WILLIAM CAHUANA RAMOS.pdf</t>
  </si>
  <si>
    <t>\\acsfs\Deptos\EDUCACAO EMPRESARIAL\KÉSIA\LIGAÇÕES 1220\CPF 23643632843 WILLIAM CAHUANA RAMOS.pdf\</t>
  </si>
  <si>
    <t>\\acsfs\Deptos\EDUCACAO EMPRESARIAL\KÉSIA\LIGAÇÕES 1220\CPF 23643632843 WILLIAM CAHUANA RAMOS.pdf\:Zone.Identifier:$DATA</t>
  </si>
  <si>
    <t>12/23/2019 18:53:38</t>
  </si>
  <si>
    <t>12/23/2019 18:55:22</t>
  </si>
  <si>
    <t>12/23/2019 18:54:38</t>
  </si>
  <si>
    <t>12/23/2019 18:52:14</t>
  </si>
  <si>
    <t>12/23/2019 18:56:22</t>
  </si>
  <si>
    <t>12/23/2019 18:59:38</t>
  </si>
  <si>
    <t>12/23/2019 19:00:23</t>
  </si>
  <si>
    <t>12/23/2019 19:00:12</t>
  </si>
  <si>
    <t>12/23/2019 19:01:22</t>
  </si>
  <si>
    <t>\\acsfs\profiles$\gabrielbmdl\Documents\anotações\</t>
  </si>
  <si>
    <t>script.txt</t>
  </si>
  <si>
    <t>\\acsfs\profiles$\gabrielbmdl\Documents\anotações\script.txt</t>
  </si>
  <si>
    <t>12/23/2019 19:00:13</t>
  </si>
  <si>
    <t>12/23/2019 18:58:45</t>
  </si>
  <si>
    <t>12/23/2019 19:04:22</t>
  </si>
  <si>
    <t>66437eee-34d4-4228-961b-92bbca1933d6.tmp</t>
  </si>
  <si>
    <t>\\acsfs\profiles$\KARENJSS\Downloads\66437eee-34d4-4228-961b-92bbca1933d6.tmp</t>
  </si>
  <si>
    <t>12/23/2019 19:00:38</t>
  </si>
  <si>
    <t>12/23/2019 19:05:22</t>
  </si>
  <si>
    <t>12/23/2019 19:05:38</t>
  </si>
  <si>
    <t>12/23/2019 19:10:22</t>
  </si>
  <si>
    <t>12/23/2019 19:06:38</t>
  </si>
  <si>
    <t>12/23/2019 19:09:51</t>
  </si>
  <si>
    <t>12/23/2019 19:13:22</t>
  </si>
  <si>
    <t>12/23/2019 19:11:27</t>
  </si>
  <si>
    <t>12/23/2019 19:15:21</t>
  </si>
  <si>
    <t>12/23/2019 19:11:32</t>
  </si>
  <si>
    <t>12/23/2019 19:11:38</t>
  </si>
  <si>
    <t>12/23/2019 19:12:38</t>
  </si>
  <si>
    <t>12/23/2019 19:14:55</t>
  </si>
  <si>
    <t>12/23/2019 19:20:22</t>
  </si>
  <si>
    <t>12/23/2019 19:17:38</t>
  </si>
  <si>
    <t>12/23/2019 19:18:39</t>
  </si>
  <si>
    <t>12/23/2019 19:16:20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</t>
  </si>
  <si>
    <t>C:\Users\marianacgs\Downloads\</t>
  </si>
  <si>
    <t>image2019-12-23-185507.pdf</t>
  </si>
  <si>
    <t>12/23/2019 19:16:41</t>
  </si>
  <si>
    <t>12/23/2019 19:23:38</t>
  </si>
  <si>
    <t>12/23/2019 19:25:23</t>
  </si>
  <si>
    <t>12/23/2019 19:24:38</t>
  </si>
  <si>
    <t>12/23/2019 19:25:10</t>
  </si>
  <si>
    <t>12/23/2019 19:26:22</t>
  </si>
  <si>
    <t>12/23/2019 19:27:30</t>
  </si>
  <si>
    <t>12/23/2019 19:28:23</t>
  </si>
  <si>
    <t>12/23/2019 19:29:27</t>
  </si>
  <si>
    <t>12/23/2019 19:30:24</t>
  </si>
  <si>
    <t>12/23/2019 19:29:38</t>
  </si>
  <si>
    <t>12/23/2019 19:26:21</t>
  </si>
  <si>
    <t>12/23/2019 19:30:38</t>
  </si>
  <si>
    <t>12/23/2019 19:35:24</t>
  </si>
  <si>
    <t>12/23/2019 19:35:13</t>
  </si>
  <si>
    <t>12/23/2019 19:38:25</t>
  </si>
  <si>
    <t>12/23/2019 19:39:27</t>
  </si>
  <si>
    <t>12/23/2019 19:40:24</t>
  </si>
  <si>
    <t>12/23/2019 19:38:46</t>
  </si>
  <si>
    <t>12/23/2019 19:35:38</t>
  </si>
  <si>
    <t>12/23/2019 19:36:38</t>
  </si>
  <si>
    <t>12/23/2019 19:41:38</t>
  </si>
  <si>
    <t>12/23/2019 19:45:24</t>
  </si>
  <si>
    <t>12/23/2019 19:42:38</t>
  </si>
  <si>
    <t>12/23/2019 19:44:10</t>
  </si>
  <si>
    <t>c391a74c-fb0e-4c9e-97f4-a7bc41499666.tmp</t>
  </si>
  <si>
    <t>\\acsfs\profiles$\henriqueco\Downloads\c391a74c-fb0e-4c9e-97f4-a7bc41499666.tmp</t>
  </si>
  <si>
    <t>12/23/2019 19:43:03</t>
  </si>
  <si>
    <t>12/23/2019 19:47:25</t>
  </si>
  <si>
    <t>10.200.66.16</t>
  </si>
  <si>
    <t>74-86-7A-FB-17-D6</t>
  </si>
  <si>
    <t>VOTORANT-GB014</t>
  </si>
  <si>
    <t>raphaelfb</t>
  </si>
  <si>
    <t>https://vimeo.com/undefined?action=log_promo_impression</t>
  </si>
  <si>
    <t>12/23/2019 19:43:21</t>
  </si>
  <si>
    <t>12/23/2019 19:44:17</t>
  </si>
  <si>
    <t>12/23/2019 19:47:38</t>
  </si>
  <si>
    <t>12/23/2019 19:50:24</t>
  </si>
  <si>
    <t>12/23/2019 19:48:38</t>
  </si>
  <si>
    <t>12/23/2019 19:46:55</t>
  </si>
  <si>
    <t>12/23/2019 19:52:24</t>
  </si>
  <si>
    <t>12/23/2019 19:48:36</t>
  </si>
  <si>
    <t>12/23/2019 19:49:15</t>
  </si>
  <si>
    <t>12/23/2019 19:50:40</t>
  </si>
  <si>
    <t>12/23/2019 19:53:38</t>
  </si>
  <si>
    <t>12/23/2019 19:55:24</t>
  </si>
  <si>
    <t>12/23/2019 19:54:38</t>
  </si>
  <si>
    <t>12/23/2019 19:55:08</t>
  </si>
  <si>
    <t>matheusts</t>
  </si>
  <si>
    <t>12/23/2019 19:55:52</t>
  </si>
  <si>
    <t>12/23/2019 19:57:24</t>
  </si>
  <si>
    <t>12/23/2019 19:56:45</t>
  </si>
  <si>
    <t>12/23/2019 19:58:37</t>
  </si>
  <si>
    <t>12/23/2019 20:00:24</t>
  </si>
  <si>
    <t>12/23/2019 19:59:38</t>
  </si>
  <si>
    <t>12/23/2019 19:58:40</t>
  </si>
  <si>
    <t>12/23/2019 20:01:24</t>
  </si>
  <si>
    <t>1ead20f3-ddc0-4a41-9d50-889aa064ca5e.tmp</t>
  </si>
  <si>
    <t>\\acsfs\profiles$\fabianafv\Downloads\1ead20f3-ddc0-4a41-9d50-889aa064ca5e.tmp</t>
  </si>
  <si>
    <t>12/23/2019 19:56:57</t>
  </si>
  <si>
    <t>12/23/2019 20:02:24</t>
  </si>
  <si>
    <t>12/23/2019 19:56:58</t>
  </si>
  <si>
    <t>12/23/2019 19:56:59</t>
  </si>
  <si>
    <t>12/23/2019 19:57:00</t>
  </si>
  <si>
    <t>12/23/2019 19:59:47</t>
  </si>
  <si>
    <t>12/23/2019 19:57:48</t>
  </si>
  <si>
    <t>12/23/2019 20:01:55</t>
  </si>
  <si>
    <t>12/23/2019 19:58:24</t>
  </si>
  <si>
    <t>12/23/2019 20:03:24</t>
  </si>
  <si>
    <t>cfbbef9c-15b6-4b20-9f21-3e403501077f.tmp</t>
  </si>
  <si>
    <t>\\acsfs\profiles$\brendadsl\Downloads\cfbbef9c-15b6-4b20-9f21-3e403501077f.tmp</t>
  </si>
  <si>
    <t>12/23/2019 20:04:24</t>
  </si>
  <si>
    <t>12/23/2019 19:59:44</t>
  </si>
  <si>
    <t>12/23/2019 20:01:11</t>
  </si>
  <si>
    <t>mail.google.com/sync/u/0/i/s?hl=pt-BR&amp;c=731</t>
  </si>
  <si>
    <t>12/23/2019 20:01:23</t>
  </si>
  <si>
    <t>mail.google.com/sync/u/0/i/s?hl=pt-BR&amp;c=734</t>
  </si>
  <si>
    <t>12/23/2019 20:01:29</t>
  </si>
  <si>
    <t>mail.google.com/sync/u/0/i/s?hl=pt-BR&amp;c=736</t>
  </si>
  <si>
    <t>12/23/2019 20:01:42</t>
  </si>
  <si>
    <t>mail.google.com/sync/u/0/i/s?hl=pt-BR&amp;c=738</t>
  </si>
  <si>
    <t>12/23/2019 20:02:00</t>
  </si>
  <si>
    <t>mail.google.com/sync/u/0/i/s?hl=pt-BR&amp;c=740</t>
  </si>
  <si>
    <t>12/23/2019 20:02:07</t>
  </si>
  <si>
    <t>mail.google.com/sync/u/0/i/s?hl=pt-BR&amp;c=742</t>
  </si>
  <si>
    <t>12/23/2019 20:02:11</t>
  </si>
  <si>
    <t>mail.google.com/sync/u/0/i/s?hl=pt-BR&amp;c=744</t>
  </si>
  <si>
    <t>12/23/2019 20:02:27</t>
  </si>
  <si>
    <t>12/23/2019 20:02:49</t>
  </si>
  <si>
    <t>mail.google.com/sync/u/0/i/s?hl=pt-BR&amp;c=750</t>
  </si>
  <si>
    <t>12/23/2019 20:03:09</t>
  </si>
  <si>
    <t>mail.google.com/sync/u/0/i/s?hl=pt-BR&amp;c=752</t>
  </si>
  <si>
    <t>12/23/2019 20:03:18</t>
  </si>
  <si>
    <t>mail.google.com/sync/u/0/i/s?hl=pt-BR&amp;c=754</t>
  </si>
  <si>
    <t>12/23/2019 20:03:39</t>
  </si>
  <si>
    <t>mail.google.com/sync/u/0/i/s?hl=pt-BR&amp;c=757</t>
  </si>
  <si>
    <t>12/23/2019 20:04:12</t>
  </si>
  <si>
    <t>mail.google.com/sync/u/0/i/s?hl=pt-BR&amp;c=762</t>
  </si>
  <si>
    <t>12/23/2019 20:04:16</t>
  </si>
  <si>
    <t>mail.google.com/sync/u/0/i/s?hl=pt-BR&amp;c=764</t>
  </si>
  <si>
    <t>12/23/2019 20:04:18</t>
  </si>
  <si>
    <t>12/23/2019 20:00:38</t>
  </si>
  <si>
    <t>12/23/2019 20:05:24</t>
  </si>
  <si>
    <t>12/23/2019 20:02:19</t>
  </si>
  <si>
    <t>12/23/2019 20:04:26</t>
  </si>
  <si>
    <t>12/23/2019 20:03:33</t>
  </si>
  <si>
    <t>12/23/2019 20:07:24</t>
  </si>
  <si>
    <t>12/23/2019 20:09:24</t>
  </si>
  <si>
    <t>12/23/2019 20:04:41</t>
  </si>
  <si>
    <t>mail.google.com/sync/u/0/i/s?hl=pt-BR&amp;c=770</t>
  </si>
  <si>
    <t>12/23/2019 20:09:09</t>
  </si>
  <si>
    <t>12/23/2019 20:09:33</t>
  </si>
  <si>
    <t>12/23/2019 20:10:23</t>
  </si>
  <si>
    <t>12/23/2019 20:05:38</t>
  </si>
  <si>
    <t>12/23/2019 20:06:38</t>
  </si>
  <si>
    <t>12/23/2019 20:08:59</t>
  </si>
  <si>
    <t>12/23/2019 20:11:24</t>
  </si>
  <si>
    <t>12/23/2019 20:09:29</t>
  </si>
  <si>
    <t>12/23/2019 20:14:23</t>
  </si>
  <si>
    <t>12/23/2019 20:11:38</t>
  </si>
  <si>
    <t>12/23/2019 20:15:23</t>
  </si>
  <si>
    <t>12/23/2019 20:12:38</t>
  </si>
  <si>
    <t>12/23/2019 20:12:14</t>
  </si>
  <si>
    <t>12/23/2019 20:16:24</t>
  </si>
  <si>
    <t>12/23/2019 20:17:38</t>
  </si>
  <si>
    <t>12/23/2019 20:20:23</t>
  </si>
  <si>
    <t>12/23/2019 20:18:40</t>
  </si>
  <si>
    <t>12/23/2019 20:19:16</t>
  </si>
  <si>
    <t>12/23/2019 20:19:31</t>
  </si>
  <si>
    <t>12/23/2019 20:20:05</t>
  </si>
  <si>
    <t>ca19eb85-968f-4dc1-8ef3-d4fb0814a75a.tmp</t>
  </si>
  <si>
    <t>\\acsfs\profiles$\layonmof\Downloads\ca19eb85-968f-4dc1-8ef3-d4fb0814a75a.tmp</t>
  </si>
  <si>
    <t>12/23/2019 20:16:19</t>
  </si>
  <si>
    <t>12/23/2019 20:21:24</t>
  </si>
  <si>
    <t>12/23/2019 20:20:03</t>
  </si>
  <si>
    <t>12/23/2019 20:15:28</t>
  </si>
  <si>
    <t>12/23/2019 20:16:59</t>
  </si>
  <si>
    <t>12/23/2019 20:22:23</t>
  </si>
  <si>
    <t>12/23/2019 20:20:43</t>
  </si>
  <si>
    <t>12/23/2019 20:17:22</t>
  </si>
  <si>
    <t>ba948279-7586-45a9-aed4-0c1f807fa3df.tmp</t>
  </si>
  <si>
    <t>\\acsfs\profiles$\rosileiam\Downloads\ba948279-7586-45a9-aed4-0c1f807fa3df.tmp</t>
  </si>
  <si>
    <t>12/23/2019 20:20:12</t>
  </si>
  <si>
    <t>12/23/2019 20:25:23</t>
  </si>
  <si>
    <t>12/23/2019 20:23:39</t>
  </si>
  <si>
    <t>12/23/2019 20:24:39</t>
  </si>
  <si>
    <t>12/23/2019 20:24:13</t>
  </si>
  <si>
    <t>9bf31092-b34e-4c8a-9d40-3216cc44b046.tmp</t>
  </si>
  <si>
    <t>\\acsfs\profiles$\henriqueco\Downloads\9bf31092-b34e-4c8a-9d40-3216cc44b046.tmp</t>
  </si>
  <si>
    <t>12/23/2019 20:20:47</t>
  </si>
  <si>
    <t>12/23/2019 20:26:23</t>
  </si>
  <si>
    <t>12/23/2019 20:21:58</t>
  </si>
  <si>
    <t>12/23/2019 20:24:53</t>
  </si>
  <si>
    <t>12/23/2019 20:27:23</t>
  </si>
  <si>
    <t>12/23/2019 20:29:39</t>
  </si>
  <si>
    <t>12/23/2019 20:30:23</t>
  </si>
  <si>
    <t>12/23/2019 20:27:52</t>
  </si>
  <si>
    <t>12/23/2019 20:32:24</t>
  </si>
  <si>
    <t>12/23/2019 20:28:21</t>
  </si>
  <si>
    <t>12/23/2019 20:33:23</t>
  </si>
  <si>
    <t>10.200.66.143</t>
  </si>
  <si>
    <t>78-2B-CB-C1-07-D7</t>
  </si>
  <si>
    <t>VOTORANT-IB015</t>
  </si>
  <si>
    <t>nicolasbsc</t>
  </si>
  <si>
    <t>12/23/2019 20:29:06</t>
  </si>
  <si>
    <t>12/23/2019 20:32:50</t>
  </si>
  <si>
    <t>12/23/2019 20:35:23</t>
  </si>
  <si>
    <t>12/23/2019 20:30:39</t>
  </si>
  <si>
    <t>12/23/2019 20:33:26</t>
  </si>
  <si>
    <t>12/23/2019 20:36:22</t>
  </si>
  <si>
    <t>12/23/2019 20:34:45</t>
  </si>
  <si>
    <t>12/23/2019 20:35:39</t>
  </si>
  <si>
    <t>12/23/2019 20:40:22</t>
  </si>
  <si>
    <t>12/23/2019 20:36:39</t>
  </si>
  <si>
    <t>12/23/2019 20:35:33</t>
  </si>
  <si>
    <t>12/23/2019 20:41:23</t>
  </si>
  <si>
    <t>12/23/2019 20:37:28</t>
  </si>
  <si>
    <t>12/23/2019 20:40:10</t>
  </si>
  <si>
    <t>12/23/2019 20:40:28</t>
  </si>
  <si>
    <t>12/23/2019 20:39:44</t>
  </si>
  <si>
    <t>12/23/2019 20:42:22</t>
  </si>
  <si>
    <t>12/23/2019 20:41:06</t>
  </si>
  <si>
    <t>12/23/2019 20:38:24</t>
  </si>
  <si>
    <t>12/23/2019 20:43:23</t>
  </si>
  <si>
    <t>12/23/2019 20:43:44</t>
  </si>
  <si>
    <t>12/23/2019 20:45:23</t>
  </si>
  <si>
    <t>12/23/2019 20:41:39</t>
  </si>
  <si>
    <t>12/23/2019 20:42:39</t>
  </si>
  <si>
    <t>12/23/2019 20:41:56</t>
  </si>
  <si>
    <t>12/23/2019 20:46:22</t>
  </si>
  <si>
    <t>12/23/2019 20:44:55</t>
  </si>
  <si>
    <t>12/23/2019 20:47:23</t>
  </si>
  <si>
    <t>12/23/2019 20:44:11</t>
  </si>
  <si>
    <t>12/23/2019 20:44:36</t>
  </si>
  <si>
    <t>12/23/2019 20:44:47</t>
  </si>
  <si>
    <t>12/23/2019 20:45:18</t>
  </si>
  <si>
    <t>12/23/2019 20:50:23</t>
  </si>
  <si>
    <t>12/23/2019 20:46:37</t>
  </si>
  <si>
    <t>12/23/2019 20:46:54</t>
  </si>
  <si>
    <t>Escala de Folga Natal e Ano Novo Consolidado Equipes.xls</t>
  </si>
  <si>
    <t>\\acsfs\DEPTOS\Operacao\Banco_Votorantim\Supervisao\SUPERS BV CARTÕES\ADILSON\Escalas Feriados\Escala de Folga Natal e Ano Novo Consolidado Equipes.xls</t>
  </si>
  <si>
    <t>12/23/2019 20:46:56</t>
  </si>
  <si>
    <t>12/23/2019 20:47:31</t>
  </si>
  <si>
    <t>Escala TTV 31-12.xlsx</t>
  </si>
  <si>
    <t>\\acsfs\DEPTOS\Operacao\Banco_Votorantim\Supervisao\SUPERS BV CARTÕES\ADILSON\Escalas Feriados\Escala TTV 31-12.xlsx</t>
  </si>
  <si>
    <t>12/23/2019 20:45:05</t>
  </si>
  <si>
    <t>12/23/2019 20:47:39</t>
  </si>
  <si>
    <t>12/23/2019 20:48:39</t>
  </si>
  <si>
    <t>12/23/2019 20:46:38</t>
  </si>
  <si>
    <t>12/23/2019 20:51:23</t>
  </si>
  <si>
    <t>12/23/2019 20:47:46</t>
  </si>
  <si>
    <t>12/23/2019 20:49:09</t>
  </si>
  <si>
    <t>12/23/2019 20:53:23</t>
  </si>
  <si>
    <t>12/23/2019 20:53:17</t>
  </si>
  <si>
    <t>12/23/2019 20:55:23</t>
  </si>
  <si>
    <t>mail.google.com/sync/u/0/i/s?hl=pt-BR&amp;c=15</t>
  </si>
  <si>
    <t>12/23/2019 20:53:21</t>
  </si>
  <si>
    <t>mail.google.com/sync/u/0/i/s?hl=pt-BR&amp;c=19</t>
  </si>
  <si>
    <t>12/23/2019 20:53:38</t>
  </si>
  <si>
    <t>12/23/2019 20:53:39</t>
  </si>
  <si>
    <t>12/23/2019 20:53:42</t>
  </si>
  <si>
    <t>12/23/2019 20:53:48</t>
  </si>
  <si>
    <t>12/23/2019 20:54:39</t>
  </si>
  <si>
    <t>12/23/2019 20:55:35</t>
  </si>
  <si>
    <t>12/23/2019 20:57:23</t>
  </si>
  <si>
    <t>\\acsfs\profiles$\anakcs\My Documents\xworkcenter\logs\</t>
  </si>
  <si>
    <t>XLOG_anakcs_23122019_124531.log</t>
  </si>
  <si>
    <t>\\acsfs\profiles$\anakcs\My Documents\xworkcenter\logs\XLOG_anakcs_23122019_124531.log</t>
  </si>
  <si>
    <t>12/23/2019 20:55:37</t>
  </si>
  <si>
    <t>wrapper.log</t>
  </si>
  <si>
    <t>\\acsfs\profiles$\anakcs\My Documents\xworkcenter\logs\wrapper.log</t>
  </si>
  <si>
    <t>12/23/2019 20:55:58</t>
  </si>
  <si>
    <t>12/23/2019 21:00:24</t>
  </si>
  <si>
    <t>12/23/2019 20:56:01</t>
  </si>
  <si>
    <t>mail.google.com/sync/u/0/i/s?hl=pt-BR&amp;c=53</t>
  </si>
  <si>
    <t>12/23/2019 20:56:06</t>
  </si>
  <si>
    <t>12/23/2019 20:56:20</t>
  </si>
  <si>
    <t>12/23/2019 20:55:39</t>
  </si>
  <si>
    <t>mail.google.com/sync/u/0/i/s?hl=pt-BR&amp;c=11</t>
  </si>
  <si>
    <t>12/23/2019 20:55:45</t>
  </si>
  <si>
    <t>mail.google.com/sync/u/0/i/s?hl=pt-BR&amp;c=13</t>
  </si>
  <si>
    <t>12/23/2019 20:55:53</t>
  </si>
  <si>
    <t>12/23/2019 20:55:59</t>
  </si>
  <si>
    <t>12/23/2019 20:56:11</t>
  </si>
  <si>
    <t>12/23/2019 20:56:22</t>
  </si>
  <si>
    <t>12/23/2019 20:58:23</t>
  </si>
  <si>
    <t>12/23/2019 21:01:23</t>
  </si>
  <si>
    <t>12/23/2019 21:03:32</t>
  </si>
  <si>
    <t>12/23/2019 21:05:24</t>
  </si>
  <si>
    <t>12/23/2019 21:01:22</t>
  </si>
  <si>
    <t>12/23/2019 21:06:23</t>
  </si>
  <si>
    <t>12/23/2019 21:04:27</t>
  </si>
  <si>
    <t>12/23/2019 21:01:55</t>
  </si>
  <si>
    <t>12/23/2019 21:07:24</t>
  </si>
  <si>
    <t>12/23/2019 21:05:17</t>
  </si>
  <si>
    <t>12/23/2019 21:10:24</t>
  </si>
  <si>
    <t>12/23/2019 21:07:56</t>
  </si>
  <si>
    <t>12/23/2019 21:11:24</t>
  </si>
  <si>
    <t>12/23/2019 21:09:39</t>
  </si>
  <si>
    <t>12/23/2019 21:11:20</t>
  </si>
  <si>
    <t>12/23/2019 21:13:24</t>
  </si>
  <si>
    <t>12/23/2019 21:11:46</t>
  </si>
  <si>
    <t>12/23/2019 21:15:24</t>
  </si>
  <si>
    <t>12/23/2019 21:10:47</t>
  </si>
  <si>
    <t>43da63e3-cb8d-4212-bebe-fe171d42e27e.tmp</t>
  </si>
  <si>
    <t>\\acsfs\profiles$\gabrielamdp\Downloads\43da63e3-cb8d-4212-bebe-fe171d42e27e.tmp</t>
  </si>
  <si>
    <t>12/23/2019 21:11:54</t>
  </si>
  <si>
    <t>33d516ac-446f-4a69-827d-068e0833ee8f.tmp</t>
  </si>
  <si>
    <t>\\acsfs\profiles$\gabrielamdp\Downloads\33d516ac-446f-4a69-827d-068e0833ee8f.tmp</t>
  </si>
  <si>
    <t>12/23/2019 21:15:11</t>
  </si>
  <si>
    <t>12/23/2019 21:16:24</t>
  </si>
  <si>
    <t>12/23/2019 21:16:00</t>
  </si>
  <si>
    <t>12/23/2019 21:21:24</t>
  </si>
  <si>
    <t>12/23/2019 21:16:27</t>
  </si>
  <si>
    <t>12/23/2019 21:20:16</t>
  </si>
  <si>
    <t>12/23/2019 21:25:24</t>
  </si>
  <si>
    <t>12/23/2019 21:23:36</t>
  </si>
  <si>
    <t>mail.google.com/sync/u/0/i/s?hl=pt-BR&amp;c=821</t>
  </si>
  <si>
    <t>12/23/2019 21:23:49</t>
  </si>
  <si>
    <t>mail.google.com/sync/u/0/i/s?hl=pt-BR&amp;c=825</t>
  </si>
  <si>
    <t>12/23/2019 21:23:57</t>
  </si>
  <si>
    <t>mail.google.com/sync/u/0/i/s?hl=pt-BR&amp;c=827</t>
  </si>
  <si>
    <t>12/23/2019 21:24:08</t>
  </si>
  <si>
    <t>mail.google.com/sync/u/0/i/s?hl=pt-BR&amp;c=829</t>
  </si>
  <si>
    <t>12/23/2019 21:24:17</t>
  </si>
  <si>
    <t>mail.google.com/sync/u/0/i/s?hl=pt-BR&amp;c=831</t>
  </si>
  <si>
    <t>12/23/2019 21:21:23</t>
  </si>
  <si>
    <t>12/23/2019 21:26:24</t>
  </si>
  <si>
    <t>12/23/2019 21:25:09</t>
  </si>
  <si>
    <t>12/23/2019 21:25:17</t>
  </si>
  <si>
    <t>12/23/2019 21:24:32</t>
  </si>
  <si>
    <t>12/23/2019 21:30:24</t>
  </si>
  <si>
    <t>mail.google.com/sync/u/0/i/s?hl=pt-BR&amp;c=833</t>
  </si>
  <si>
    <t>mail.google.com/sync/u/0/i/s?hl=pt-BR&amp;c=837</t>
  </si>
  <si>
    <t>12/23/2019 21:25:59</t>
  </si>
  <si>
    <t>12/23/2019 21:31:24</t>
  </si>
  <si>
    <t>12/23/2019 21:27:17</t>
  </si>
  <si>
    <t>12/23/2019 21:27:34</t>
  </si>
  <si>
    <t>12/23/2019 21:27:38</t>
  </si>
  <si>
    <t>12/23/2019 21:32:24</t>
  </si>
  <si>
    <t>12/23/2019 21:32:32</t>
  </si>
  <si>
    <t>12/23/2019 21:34:24</t>
  </si>
  <si>
    <t>3803adb8-7112-41d0-bc1e-7fcd733ba9e6.tmp</t>
  </si>
  <si>
    <t>\\acsfs\profiles$\marcosvnds\Downloads\3803adb8-7112-41d0-bc1e-7fcd733ba9e6.tmp</t>
  </si>
  <si>
    <t>12/23/2019 21:31:36</t>
  </si>
  <si>
    <t>12/23/2019 21:31:37</t>
  </si>
  <si>
    <t>12/23/2019 21:31:38</t>
  </si>
  <si>
    <t>12/23/2019 21:31:39</t>
  </si>
  <si>
    <t>12/23/2019 21:31:40</t>
  </si>
  <si>
    <t>12/23/2019 21:31:41</t>
  </si>
  <si>
    <t>12/23/2019 21:31:42</t>
  </si>
  <si>
    <t>12/23/2019 21:31:43</t>
  </si>
  <si>
    <t>12/23/2019 21:31:44</t>
  </si>
  <si>
    <t>12/23/2019 21:31:45</t>
  </si>
  <si>
    <t>12/23/2019 21:31:46</t>
  </si>
  <si>
    <t>12/23/2019 21:31:48</t>
  </si>
  <si>
    <t>12/23/2019 21:31:49</t>
  </si>
  <si>
    <t>12/23/2019 21:32:23</t>
  </si>
  <si>
    <t>12/23/2019 21:32:25</t>
  </si>
  <si>
    <t>12/23/2019 21:32:37</t>
  </si>
  <si>
    <t>12/23/2019 21:34:09</t>
  </si>
  <si>
    <t>12/23/2019 21:35:23</t>
  </si>
  <si>
    <t>12/23/2019 21:30:54</t>
  </si>
  <si>
    <t>12/23/2019 21:36:24</t>
  </si>
  <si>
    <t>12/23/2019 21:37:39</t>
  </si>
  <si>
    <t>12/23/2019 21:39:24</t>
  </si>
  <si>
    <t>12/23/2019 21:34:37</t>
  </si>
  <si>
    <t>12/23/2019 21:40:24</t>
  </si>
  <si>
    <t>mail.google.com/sync/u/0/i/s?hl=pt-BR&amp;c=845</t>
  </si>
  <si>
    <t>12/23/2019 21:34:48</t>
  </si>
  <si>
    <t>mail.google.com/sync/u/0/i/s?hl=pt-BR&amp;c=848</t>
  </si>
  <si>
    <t>12/23/2019 21:34:50</t>
  </si>
  <si>
    <t>12/23/2019 21:36:32</t>
  </si>
  <si>
    <t>mail.google.com/sync/u/0/i/s?hl=pt-BR&amp;c=851</t>
  </si>
  <si>
    <t>12/23/2019 21:36:40</t>
  </si>
  <si>
    <t>mail.google.com/sync/u/0/i/s?hl=pt-BR&amp;c=854</t>
  </si>
  <si>
    <t>12/23/2019 21:36:53</t>
  </si>
  <si>
    <t>mail.google.com/sync/u/0/i/s?hl=pt-BR&amp;c=857</t>
  </si>
  <si>
    <t>12/23/2019 21:37:00</t>
  </si>
  <si>
    <t>mail.google.com/sync/u/0/i/s?hl=pt-BR&amp;c=859</t>
  </si>
  <si>
    <t>12/23/2019 21:37:19</t>
  </si>
  <si>
    <t>mail.google.com/sync/u/0/i/s?hl=pt-BR&amp;c=861</t>
  </si>
  <si>
    <t>12/23/2019 21:37:26</t>
  </si>
  <si>
    <t>mail.google.com/sync/u/0/i/s?hl=pt-BR&amp;c=863</t>
  </si>
  <si>
    <t>12/23/2019 21:37:37</t>
  </si>
  <si>
    <t>mail.google.com/sync/u/0/i/s?hl=pt-BR&amp;c=865</t>
  </si>
  <si>
    <t>12/23/2019 21:43:39</t>
  </si>
  <si>
    <t>12/23/2019 21:44:23</t>
  </si>
  <si>
    <t>12/23/2019 21:43:40</t>
  </si>
  <si>
    <t>12/23/2019 21:41:55</t>
  </si>
  <si>
    <t>12/23/2019 21:45:24</t>
  </si>
  <si>
    <t>12/23/2019 21:43:25</t>
  </si>
  <si>
    <t>12/23/2019 21:44:01</t>
  </si>
  <si>
    <t>12/23/2019 21:41:30</t>
  </si>
  <si>
    <t>12/23/2019 21:46:23</t>
  </si>
  <si>
    <t>12/23/2019 21:42:39</t>
  </si>
  <si>
    <t>12/23/2019 21:44:09</t>
  </si>
  <si>
    <t>12/23/2019 21:44:34</t>
  </si>
  <si>
    <t>12/23/2019 21:44:40</t>
  </si>
  <si>
    <t>12/23/2019 21:50:23</t>
  </si>
  <si>
    <t>mail.google.com/_/upload?authuser=0&amp;dcp=asu-n&amp;upload_id=AEnB2UqPSNExlJgMBa3TUhYC6Nq7tc4p9Za1BbNbnbjuhR7c-Gb2XpzgPB015CL01IA7kKSSYJ79rPXu9Ksm0a5TJEgS5BWcyIJvH3yV1KVWQdhGHFBPGIs&amp;upload_protocol=resumable</t>
  </si>
  <si>
    <t>12/23/2019 21:48:27</t>
  </si>
  <si>
    <t>12/23/2019 21:46:14</t>
  </si>
  <si>
    <t>12/23/2019 21:45:27</t>
  </si>
  <si>
    <t>c:\users\marianacgs\appdata\local\google\chrome\user data\default\databases\https_mail.google.com_0\</t>
  </si>
  <si>
    <t>12/23/2019 21:46:02</t>
  </si>
  <si>
    <t>12/23/2019 21:51:24</t>
  </si>
  <si>
    <t>12/23/2019 21:48:37</t>
  </si>
  <si>
    <t>12/23/2019 21:47:53</t>
  </si>
  <si>
    <t>12/23/2019 21:49:39</t>
  </si>
  <si>
    <t>12/23/2019 21:54:24</t>
  </si>
  <si>
    <t>12/23/2019 21:50:53</t>
  </si>
  <si>
    <t>12/23/2019 21:55:24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</t>
  </si>
  <si>
    <t>12/23/2019 21:50:55</t>
  </si>
  <si>
    <t>12/23/2019 21:51:07</t>
  </si>
  <si>
    <t>mail.google.com/sync/u/0/i/s?hl=pt-BR&amp;c=900</t>
  </si>
  <si>
    <t>12/23/2019 21:51:38</t>
  </si>
  <si>
    <t>Folga TTV 31-12.xlsx</t>
  </si>
  <si>
    <t>\\acsfs\DEPTOS\Operacao\Banco_Votorantim\Supervisao\SUPERS BV CARTÕES\ADILSON\Escalas Feriados\Folga TTV 31-12.xlsx</t>
  </si>
  <si>
    <t>12/23/2019 21:53:39</t>
  </si>
  <si>
    <t>12/23/2019 21:51:13</t>
  </si>
  <si>
    <t>12/23/2019 21:51:10</t>
  </si>
  <si>
    <t>12/23/2019 21:56:24</t>
  </si>
  <si>
    <t>12/23/2019 21:52:57</t>
  </si>
  <si>
    <t>12/23/2019 21:54:23</t>
  </si>
  <si>
    <t>12/23/2019 21:57:24</t>
  </si>
  <si>
    <t>12/23/2019 21:54:30</t>
  </si>
  <si>
    <t>12/23/2019 21:55:39</t>
  </si>
  <si>
    <t>12/23/2019 21:59:24</t>
  </si>
  <si>
    <t>12/23/2019 21:58:28</t>
  </si>
  <si>
    <t>12/23/2019 22:00:25</t>
  </si>
  <si>
    <t>\\acsfs\profiles$\gabrielamdp\My Documents\</t>
  </si>
  <si>
    <t>IMPORTANTE.txt</t>
  </si>
  <si>
    <t>\\acsfs\profiles$\gabrielamdp\My Documents\IMPORTANTE.txt</t>
  </si>
  <si>
    <t>12/23/2019 21:56:54</t>
  </si>
  <si>
    <t>12/23/2019 21:56:58</t>
  </si>
  <si>
    <t>12/23/2019 21:57:16</t>
  </si>
  <si>
    <t>mail.google.com/sync/u/0/i/s?hl=pt-BR&amp;c=912</t>
  </si>
  <si>
    <t>12/23/2019 21:57:58</t>
  </si>
  <si>
    <t>mail.google.com/sync/u/0/i/s?hl=pt-BR&amp;c=916</t>
  </si>
  <si>
    <t>12/23/2019 21:58:44</t>
  </si>
  <si>
    <t>mail.google.com/sync/u/0/i/s?hl=pt-BR&amp;c=918</t>
  </si>
  <si>
    <t>12/23/2019 21:58:59</t>
  </si>
  <si>
    <t>mail.google.com/sync/u/0/i/s?hl=pt-BR&amp;c=921</t>
  </si>
  <si>
    <t>12/23/2019 21:59:09</t>
  </si>
  <si>
    <t>mail.google.com/sync/u/0/i/s?hl=pt-BR&amp;c=923</t>
  </si>
  <si>
    <t>12/23/2019 21:56:09</t>
  </si>
  <si>
    <t>12/23/2019 22:00:39</t>
  </si>
  <si>
    <t>12/23/2019 22:05:24</t>
  </si>
  <si>
    <t>12/23/2019 22:07:08</t>
  </si>
  <si>
    <t>12/23/2019 22:10:24</t>
  </si>
  <si>
    <t>12/23/2019 22:33:28</t>
  </si>
  <si>
    <t>12/23/2019 22:37:25</t>
  </si>
  <si>
    <t>12/23/2019 22:41:44</t>
  </si>
  <si>
    <t>12/23/2019 22:45:25</t>
  </si>
  <si>
    <t>12/23/2019 22:50:14</t>
  </si>
  <si>
    <t>12/23/2019 22:53:25</t>
  </si>
  <si>
    <t>12/23/2019 22:53:45</t>
  </si>
  <si>
    <t>12/23/2019 22:56:26</t>
  </si>
  <si>
    <t>12/23/2019 22:58:43</t>
  </si>
  <si>
    <t>12/23/2019 23:00:26</t>
  </si>
  <si>
    <t>12/23/2019 23:06:22</t>
  </si>
  <si>
    <t>12/23/2019 23:08:26</t>
  </si>
  <si>
    <t>12/23/2019 23:07:36</t>
  </si>
  <si>
    <t>12/23/2019 23:10:26</t>
  </si>
  <si>
    <t>12/23/2019 23:06:07</t>
  </si>
  <si>
    <t>12/23/2019 23:06:52</t>
  </si>
  <si>
    <t>12/23/2019 23:11:26</t>
  </si>
  <si>
    <t>12/23/2019 23:12:05</t>
  </si>
  <si>
    <t>12/23/2019 23:15:26</t>
  </si>
  <si>
    <t>12/23/2019 23:14:49</t>
  </si>
  <si>
    <t>12/23/2019 23:20:26</t>
  </si>
  <si>
    <t>mail.google.com/sync/u/0/i/s?hl=pt-BR&amp;c=1171</t>
  </si>
  <si>
    <t>12/23/2019 23:14:55</t>
  </si>
  <si>
    <t>mail.google.com/sync/u/0/i/s?hl=pt-BR&amp;c=1173</t>
  </si>
  <si>
    <t>12/23/2019 23:18:52</t>
  </si>
  <si>
    <t>mail.google.com/sync/u/0/i/s?hl=pt-BR&amp;c=1212</t>
  </si>
  <si>
    <t>bvcartes-supervisores@algarnet.onmicrosoft.com;josiascdsj@algartech.com;leonardoao@algartech.com;paulacn@algartech.com;rafaelggs@algartech.com;thiagordu@algartech.com;</t>
  </si>
  <si>
    <t>bvcartes-supervisores@algarnet.onmicrosoft.com,josiascdsj@algartech.com,leonardoao@algartech.com,paulacn@algartech.com,rafaelggs@algartech.com,thiagordu@algartech.com</t>
  </si>
  <si>
    <t>12/23/2019 23:18:56</t>
  </si>
  <si>
    <t>mail.google.com/sync/u/0/i/s?hl=pt-BR&amp;c=1214</t>
  </si>
  <si>
    <t>12/23/2019 23:15:28</t>
  </si>
  <si>
    <t>12/23/2019 23:24:33</t>
  </si>
  <si>
    <t>12/23/2019 23:27:28</t>
  </si>
  <si>
    <t>12/23/2019 23:24:53</t>
  </si>
  <si>
    <t>12/23/2019 23:30:27</t>
  </si>
  <si>
    <t>mail.google.com/sync/u/0/i/s?hl=pt-BR&amp;c=1221</t>
  </si>
  <si>
    <t>12/23/2019 23:24:57</t>
  </si>
  <si>
    <t>mail.google.com/sync/u/0/i/s?hl=pt-BR&amp;c=1223</t>
  </si>
  <si>
    <t>12/23/2019 23:25:09</t>
  </si>
  <si>
    <t>mail.google.com/sync/u/0/i/s?hl=pt-BR&amp;c=1225</t>
  </si>
  <si>
    <t>12/23/2019 23:25:28</t>
  </si>
  <si>
    <t>mail.google.com/sync/u/0/i/s?hl=pt-BR&amp;c=1228</t>
  </si>
  <si>
    <t>12/23/2019 23:25:31</t>
  </si>
  <si>
    <t>mail.google.com/sync/u/0/i/s?hl=pt-BR&amp;c=1230</t>
  </si>
  <si>
    <t>12/23/2019 23:26:16</t>
  </si>
  <si>
    <t>mail.google.com/sync/u/0/i/s?hl=pt-BR&amp;c=1233</t>
  </si>
  <si>
    <t>12/23/2019 23:28:29</t>
  </si>
  <si>
    <t>mail.google.com/sync/u/0/i/s?hl=pt-BR&amp;c=1237</t>
  </si>
  <si>
    <t>12/23/2019 23:27:00</t>
  </si>
  <si>
    <t>12/23/2019 23:32:35</t>
  </si>
  <si>
    <t>12/23/2019 23:35:27</t>
  </si>
  <si>
    <t>12/23/2019 23:36:49</t>
  </si>
  <si>
    <t>12/23/2019 23:40:26</t>
  </si>
  <si>
    <t>12/23/2019 23:37:05</t>
  </si>
  <si>
    <t>mail.google.com/sync/u/0/i/s?hl=pt-BR&amp;c=155</t>
  </si>
  <si>
    <t>12/23/2019 23:37:10</t>
  </si>
  <si>
    <t>12/23/2019 23:37:15</t>
  </si>
  <si>
    <t>12/23/2019 23:37:18</t>
  </si>
  <si>
    <t>12/23/2019 23:37:23</t>
  </si>
  <si>
    <t>12/23/2019 23:37:57</t>
  </si>
  <si>
    <t>bvcartes-supervisores@algarnet.onmicrosoft.com;</t>
  </si>
  <si>
    <t>bvcartes-supervisores@algarnet.onmicrosoft.com</t>
  </si>
  <si>
    <t>12/23/2019 23:38:02</t>
  </si>
  <si>
    <t>12/23/2019 23:38:15</t>
  </si>
  <si>
    <t>12/23/2019 23:38:19</t>
  </si>
  <si>
    <t>12/23/2019 23:38:26</t>
  </si>
  <si>
    <t>12/23/2019 23:38:44</t>
  </si>
  <si>
    <t>mail.google.com/sync/u/0/i/s?hl=pt-BR&amp;c=211</t>
  </si>
  <si>
    <t>12/23/2019 23:39:09</t>
  </si>
  <si>
    <t>12/23/2019 23:39:12</t>
  </si>
  <si>
    <t>mail.google.com/sync/u/0/i/s?hl=pt-BR&amp;c=222</t>
  </si>
  <si>
    <t>12/23/2019 23:48:51</t>
  </si>
  <si>
    <t>12/23/2019 23:50:26</t>
  </si>
  <si>
    <t>mail.google.com/sync/u/0/i/s?hl=pt-BR&amp;c=360</t>
  </si>
  <si>
    <t>12/23/2019 23:47:12</t>
  </si>
  <si>
    <t>12/23/2019 23:51:26</t>
  </si>
  <si>
    <t>12/23/2019 23:51:28</t>
  </si>
  <si>
    <t>12/23/2019 23:52:27</t>
  </si>
  <si>
    <t>12/23/2019 23:51:08</t>
  </si>
  <si>
    <t>12/23/2019 23:55:27</t>
  </si>
  <si>
    <t>mail.google.com/sync/u/0/i/s?hl=pt-BR&amp;c=364</t>
  </si>
  <si>
    <t>12/23/2019 23:53:12</t>
  </si>
  <si>
    <t>12/23/2019 23:53:16</t>
  </si>
  <si>
    <t>12/23/2019 23:54:15</t>
  </si>
  <si>
    <t>12/23/2019 23:54:21</t>
  </si>
  <si>
    <t>mail.google.com/sync/u/0/i/s?hl=pt-BR&amp;c=387</t>
  </si>
  <si>
    <t>12/23/2019 23:59:02</t>
  </si>
  <si>
    <t>12/24/2019 00:00:27</t>
  </si>
  <si>
    <t>12/23/2019 23:59:20</t>
  </si>
  <si>
    <t>mail.google.com/sync/u/0/i/s?hl=pt-BR&amp;c=394</t>
  </si>
  <si>
    <t>12/23/2019 23:59:40</t>
  </si>
  <si>
    <t>12/24/2019 00:05:27</t>
  </si>
  <si>
    <t>mail.google.com/sync/u/0/i/s?hl=pt-BR&amp;c=397</t>
  </si>
  <si>
    <t>12/23/2019 23:59:44</t>
  </si>
  <si>
    <t>mail.google.com/sync/u/0/i/s?hl=pt-BR&amp;c=399</t>
  </si>
  <si>
    <t>12/23/2019 23:59:50</t>
  </si>
  <si>
    <t>mail.google.com/sync/u/0/i/s?hl=pt-BR&amp;c=401</t>
  </si>
  <si>
    <t>12/24/2019 00:00:28</t>
  </si>
  <si>
    <t>\\acsfs\DEPTOS\Operacao\Banco_Votorantim\Supervisao\SUPERS BV CARTÕES\ADILSON\</t>
  </si>
  <si>
    <t>Links.txt</t>
  </si>
  <si>
    <t>\\acsfs\DEPTOS\Operacao\Banco_Votorantim\Supervisao\SUPERS BV CARTÕES\ADILSON\Links.txt</t>
  </si>
  <si>
    <t>12/24/2019 00:03:20</t>
  </si>
  <si>
    <t>12/24/2019 00:03:35</t>
  </si>
  <si>
    <t>12/24/2019 00:06:28</t>
  </si>
  <si>
    <t>12/24/2019 00:04:59</t>
  </si>
  <si>
    <t>12/24/2019 00:05:53</t>
  </si>
  <si>
    <t>12/24/2019 00:08:28</t>
  </si>
  <si>
    <t>12/24/2019 00:07:28</t>
  </si>
  <si>
    <t>12/24/2019 00:10:27</t>
  </si>
  <si>
    <t>12/24/2019 00:08:57</t>
  </si>
  <si>
    <t>12/24/2019 00:11:27</t>
  </si>
  <si>
    <t>12/24/2019 00:09:26</t>
  </si>
  <si>
    <t>12/24/2019 00:10:29</t>
  </si>
  <si>
    <t>12/24/2019 00:12:27</t>
  </si>
  <si>
    <t>12/24/2019 00:12:30</t>
  </si>
  <si>
    <t>12/24/2019 00:13:28</t>
  </si>
  <si>
    <t>12/24/2019 00:14:36</t>
  </si>
  <si>
    <t>12/24/2019 00:15:28</t>
  </si>
  <si>
    <t>12/24/2019 00:13:11</t>
  </si>
  <si>
    <t>12/24/2019 00:13:12</t>
  </si>
  <si>
    <t>12/24/2019 00:31:52</t>
  </si>
  <si>
    <t>12/24/2019 00:33:26</t>
  </si>
  <si>
    <t>12/24/2019 00:49:15</t>
  </si>
  <si>
    <t>12/24/2019 00:50:25</t>
  </si>
  <si>
    <t>12/24/2019 00:50:38</t>
  </si>
  <si>
    <t>12/24/2019 00:55:26</t>
  </si>
  <si>
    <t>12/24/2019 00:53:33</t>
  </si>
  <si>
    <t>12/24/2019 00:58:26</t>
  </si>
  <si>
    <t>12/24/2019 00:56:19</t>
  </si>
  <si>
    <t>12/24/2019 01:01:27</t>
  </si>
  <si>
    <t>12/24/2019 01:04:48</t>
  </si>
  <si>
    <t>12/24/2019 01:16:26</t>
  </si>
  <si>
    <t>12/24/2019 01:10:35</t>
  </si>
  <si>
    <t>12/24/2019 01:07:00</t>
  </si>
  <si>
    <t>12/24/2019 01:17:27</t>
  </si>
  <si>
    <t>12/24/2019 01:21:26</t>
  </si>
  <si>
    <t>12/24/2019 01:22:43</t>
  </si>
  <si>
    <t>12/24/2019 01:26:26</t>
  </si>
  <si>
    <t>12/24/2019 01:32:24</t>
  </si>
  <si>
    <t>12/24/2019 01:37:27</t>
  </si>
  <si>
    <t>12/24/2019 01:33:00</t>
  </si>
  <si>
    <t>12/24/2019 01:41:05</t>
  </si>
  <si>
    <t>12/24/2019 01:42:27</t>
  </si>
  <si>
    <t>12/24/2019 01:48:45</t>
  </si>
  <si>
    <t>12/24/2019 01:50:27</t>
  </si>
  <si>
    <t>12/24/2019 01:48:53</t>
  </si>
  <si>
    <t>12/24/2019 01:58:38</t>
  </si>
  <si>
    <t>12/24/2019 02:00:27</t>
  </si>
  <si>
    <t>12/24/2019 01:59:07</t>
  </si>
  <si>
    <t>12/24/2019 02:03:27</t>
  </si>
  <si>
    <t>12/24/2019 02:26:58</t>
  </si>
  <si>
    <t>12/24/2019 02:31:26</t>
  </si>
  <si>
    <t>12/24/2019 02:31:51</t>
  </si>
  <si>
    <t>12/24/2019 02:35:26</t>
  </si>
  <si>
    <t>12/24/2019 02:53:01</t>
  </si>
  <si>
    <t>12/24/2019 02:56:26</t>
  </si>
  <si>
    <t>12/24/2019 03:01:13</t>
  </si>
  <si>
    <t>12/24/2019 03:03:27</t>
  </si>
  <si>
    <t>12/24/2019 03:11:22</t>
  </si>
  <si>
    <t>12/24/2019 03:13:27</t>
  </si>
  <si>
    <t>12/24/2019 03:08:17</t>
  </si>
  <si>
    <t>12/24/2019 03:14:42</t>
  </si>
  <si>
    <t>12/24/2019 03:17:27</t>
  </si>
  <si>
    <t>12/24/2019 03:20:04</t>
  </si>
  <si>
    <t>12/24/2019 03:25:27</t>
  </si>
  <si>
    <t>12/24/2019 03:25:43</t>
  </si>
  <si>
    <t>12/24/2019 03:26:26</t>
  </si>
  <si>
    <t>12/24/2019 03:23:55</t>
  </si>
  <si>
    <t>12/24/2019 03:25:21</t>
  </si>
  <si>
    <t>12/24/2019 03:29:07</t>
  </si>
  <si>
    <t>12/24/2019 03:30:26</t>
  </si>
  <si>
    <t>12/24/2019 03:32:53</t>
  </si>
  <si>
    <t>12/24/2019 03:37:27</t>
  </si>
  <si>
    <t>12/24/2019 03:41:56</t>
  </si>
  <si>
    <t>12/24/2019 03:42:26</t>
  </si>
  <si>
    <t>12/24/2019 03:42:23</t>
  </si>
  <si>
    <t>12/24/2019 03:47:27</t>
  </si>
  <si>
    <t>12/24/2019 03:47:50</t>
  </si>
  <si>
    <t>12/24/2019 03:50:26</t>
  </si>
  <si>
    <t>12/24/2019 03:50:51</t>
  </si>
  <si>
    <t>12/24/2019 03:52:27</t>
  </si>
  <si>
    <t>12/24/2019 03:51:14</t>
  </si>
  <si>
    <t>12/24/2019 03:56:27</t>
  </si>
  <si>
    <t>12/24/2019 04:04:04</t>
  </si>
  <si>
    <t>12/24/2019 04:08:26</t>
  </si>
  <si>
    <t>12/24/2019 04:06:10</t>
  </si>
  <si>
    <t>12/24/2019 04:10:27</t>
  </si>
  <si>
    <t>12/24/2019 04:06:16</t>
  </si>
  <si>
    <t>12/24/2019 04:11:27</t>
  </si>
  <si>
    <t>12/24/2019 04:11:33</t>
  </si>
  <si>
    <t>12/24/2019 04:16:26</t>
  </si>
  <si>
    <t>12/24/2019 04:15:10</t>
  </si>
  <si>
    <t>12/24/2019 04:12:04</t>
  </si>
  <si>
    <t>12/24/2019 04:17:26</t>
  </si>
  <si>
    <t>12/24/2019 04:15:25</t>
  </si>
  <si>
    <t>12/24/2019 04:17:54</t>
  </si>
  <si>
    <t>12/24/2019 04:22:27</t>
  </si>
  <si>
    <t>12/24/2019 04:23:10</t>
  </si>
  <si>
    <t>12/24/2019 04:27:26</t>
  </si>
  <si>
    <t>12/24/2019 04:25:02</t>
  </si>
  <si>
    <t>12/24/2019 04:27:49</t>
  </si>
  <si>
    <t>12/24/2019 04:30:27</t>
  </si>
  <si>
    <t>12/24/2019 04:34:03</t>
  </si>
  <si>
    <t>12/24/2019 04:37:27</t>
  </si>
  <si>
    <t>12/24/2019 04:56:39</t>
  </si>
  <si>
    <t>12/24/2019 05:00:26</t>
  </si>
  <si>
    <t>12/24/2019 05:07:04</t>
  </si>
  <si>
    <t>12/24/2019 05:08:27</t>
  </si>
  <si>
    <t>12/24/2019 05:06:06</t>
  </si>
  <si>
    <t>12/24/2019 05:10:27</t>
  </si>
  <si>
    <t>12/24/2019 05:12:05</t>
  </si>
  <si>
    <t>12/24/2019 05:15:28</t>
  </si>
  <si>
    <t>12/24/2019 05:20:18</t>
  </si>
  <si>
    <t>12/24/2019 05:20:28</t>
  </si>
  <si>
    <t>12/24/2019 05:20:15</t>
  </si>
  <si>
    <t>12/24/2019 05:23:28</t>
  </si>
  <si>
    <t>12/24/2019 05:51:30</t>
  </si>
  <si>
    <t>12/24/2019 05:52:27</t>
  </si>
  <si>
    <t>12/24/2019 05:59:10</t>
  </si>
  <si>
    <t>12/24/2019 06:00:28</t>
  </si>
  <si>
    <t>12/24/2019 05:55:38</t>
  </si>
  <si>
    <t>12/24/2019 06:00:29</t>
  </si>
  <si>
    <t>12/24/2019 06:01:27</t>
  </si>
  <si>
    <t>12/24/2019 05:58:20</t>
  </si>
  <si>
    <t>12/24/2019 06:02:27</t>
  </si>
  <si>
    <t>12/24/2019 05:59:39</t>
  </si>
  <si>
    <t>12/24/2019 06:08:24</t>
  </si>
  <si>
    <t>12/24/2019 06:11:26</t>
  </si>
  <si>
    <t>12/24/2019 06:31:10</t>
  </si>
  <si>
    <t>12/24/2019 06:35:27</t>
  </si>
  <si>
    <t>12/24/2019 06:32:38</t>
  </si>
  <si>
    <t>12/24/2019 06:35:23</t>
  </si>
  <si>
    <t>12/24/2019 06:36:27</t>
  </si>
  <si>
    <t>12/24/2019 06:45:55</t>
  </si>
  <si>
    <t>12/24/2019 06:48:26</t>
  </si>
  <si>
    <t>12/24/2019 06:49:54</t>
  </si>
  <si>
    <t>12/24/2019 06:50:27</t>
  </si>
  <si>
    <t>c4fdf9bf-da8d-44c3-935e-9cb83f283d38.tmp</t>
  </si>
  <si>
    <t>\\acsfs\profiles$\vivianealda\Downloads\c4fdf9bf-da8d-44c3-935e-9cb83f283d38.tmp</t>
  </si>
  <si>
    <t>12/24/2019 06:52:32</t>
  </si>
  <si>
    <t>12/24/2019 06:55:27</t>
  </si>
  <si>
    <t>a34f1ea1-91ee-4f7a-b91b-91e2a4d84935.tmp</t>
  </si>
  <si>
    <t>\\acsfs\profiles$\vivianealda\Downloads\a34f1ea1-91ee-4f7a-b91b-91e2a4d84935.tmp</t>
  </si>
  <si>
    <t>12/24/2019 06:51:16</t>
  </si>
  <si>
    <t>12/24/2019 06:56:27</t>
  </si>
  <si>
    <t>840fc867-d94b-4093-9cb1-c86aa99c184e.tmp</t>
  </si>
  <si>
    <t>\\acsfs\profiles$\nathaliadf\Downloads\840fc867-d94b-4093-9cb1-c86aa99c184e.tmp</t>
  </si>
  <si>
    <t>12/24/2019 06:51:51</t>
  </si>
  <si>
    <t>147588a7-1c3e-4c00-a126-3233772c9810.tmp</t>
  </si>
  <si>
    <t>\\acsfs\profiles$\nathaliadf\Downloads\147588a7-1c3e-4c00-a126-3233772c9810.tmp</t>
  </si>
  <si>
    <t>12/24/2019 06:52:52</t>
  </si>
  <si>
    <t>4424fd57-5e17-49e6-a743-4e8827f2674c.tmp</t>
  </si>
  <si>
    <t>\\acsfs\profiles$\nathaliadf\Downloads\4424fd57-5e17-49e6-a743-4e8827f2674c.tmp</t>
  </si>
  <si>
    <t>12/24/2019 06:53:49</t>
  </si>
  <si>
    <t>eb704f16-1f41-48b5-96cf-fdef01929e32.tmp</t>
  </si>
  <si>
    <t>\\acsfs\profiles$\nathaliadf\Downloads\eb704f16-1f41-48b5-96cf-fdef01929e32.tmp</t>
  </si>
  <si>
    <t>12/24/2019 06:53:39</t>
  </si>
  <si>
    <t>12/24/2019 06:53:44</t>
  </si>
  <si>
    <t>12/24/2019 06:57:27</t>
  </si>
  <si>
    <t>12/24/2019 06:55:14</t>
  </si>
  <si>
    <t>12/24/2019 06:58:27</t>
  </si>
  <si>
    <t>12/24/2019 06:55:15</t>
  </si>
  <si>
    <t>12/24/2019 06:54:12</t>
  </si>
  <si>
    <t>12/24/2019 06:59:27</t>
  </si>
  <si>
    <t>12/24/2019 06:54:19</t>
  </si>
  <si>
    <t>12/24/2019 06:54:51</t>
  </si>
  <si>
    <t>12/24/2019 06:54:52</t>
  </si>
  <si>
    <t>12/24/2019 06:54:53</t>
  </si>
  <si>
    <t>12/24/2019 06:54:56</t>
  </si>
  <si>
    <t>12/24/2019 06:55:19</t>
  </si>
  <si>
    <t>12/24/2019 06:55:23</t>
  </si>
  <si>
    <t>12/24/2019 06:55:44</t>
  </si>
  <si>
    <t>12/24/2019 06:56:07</t>
  </si>
  <si>
    <t>12/24/2019 06:56:13</t>
  </si>
  <si>
    <t>12/24/2019 06:56:19</t>
  </si>
  <si>
    <t>12/24/2019 06:56:24</t>
  </si>
  <si>
    <t>12/24/2019 06:56:28</t>
  </si>
  <si>
    <t>12/24/2019 06:56:33</t>
  </si>
  <si>
    <t>12/24/2019 07:02:22</t>
  </si>
  <si>
    <t>12/24/2019 07:03:27</t>
  </si>
  <si>
    <t>12/24/2019 07:00:44</t>
  </si>
  <si>
    <t>12/24/2019 07:04:27</t>
  </si>
  <si>
    <t>12/24/2019 07:01:59</t>
  </si>
  <si>
    <t>12/24/2019 07:05:27</t>
  </si>
  <si>
    <t>12/24/2019 07:06:19</t>
  </si>
  <si>
    <t>12/24/2019 07:09:27</t>
  </si>
  <si>
    <t>12/24/2019 07:06:21</t>
  </si>
  <si>
    <t>12/24/2019 07:06:22</t>
  </si>
  <si>
    <t>12/24/2019 07:07:22</t>
  </si>
  <si>
    <t>12/24/2019 07:07:23</t>
  </si>
  <si>
    <t>12/24/2019 07:08:22</t>
  </si>
  <si>
    <t>12/24/2019 07:07:09</t>
  </si>
  <si>
    <t>12/24/2019 07:12:28</t>
  </si>
  <si>
    <t>12/24/2019 07:11:40</t>
  </si>
  <si>
    <t>12/24/2019 07:13:28</t>
  </si>
  <si>
    <t>12/24/2019 07:12:22</t>
  </si>
  <si>
    <t>12/24/2019 07:14:28</t>
  </si>
  <si>
    <t>12/24/2019 07:12:44</t>
  </si>
  <si>
    <t>12/24/2019 07:13:44</t>
  </si>
  <si>
    <t>12/24/2019 07:13:56</t>
  </si>
  <si>
    <t>12/24/2019 07:14:01</t>
  </si>
  <si>
    <t>12/24/2019 07:14:08</t>
  </si>
  <si>
    <t>12/24/2019 07:14:14</t>
  </si>
  <si>
    <t>12/24/2019 07:14:17</t>
  </si>
  <si>
    <t>mail.google.com/sync/u/0/i/s?hl=pt-BR&amp;c=65</t>
  </si>
  <si>
    <t>12/24/2019 07:15:04</t>
  </si>
  <si>
    <t>12/24/2019 07:16:27</t>
  </si>
  <si>
    <t>52f38b7b-773b-43fd-8483-862f2b86c87b.tmp</t>
  </si>
  <si>
    <t>\\acsfs\profiles$\nathaliadf\Downloads\52f38b7b-773b-43fd-8483-862f2b86c87b.tmp</t>
  </si>
  <si>
    <t>12/24/2019 07:12:09</t>
  </si>
  <si>
    <t>12/24/2019 07:17:28</t>
  </si>
  <si>
    <t>12/24/2019 07:12:27</t>
  </si>
  <si>
    <t>12/24/2019 07:13:18</t>
  </si>
  <si>
    <t>dcd435f5-3a2b-4ce0-a951-c1180b5dbc6e.tmp</t>
  </si>
  <si>
    <t>\\acsfs\profiles$\deboraaa\Downloads\dcd435f5-3a2b-4ce0-a951-c1180b5dbc6e.tmp</t>
  </si>
  <si>
    <t>12/24/2019 07:15:15</t>
  </si>
  <si>
    <t>9fce86fa-2457-4dfc-b7bc-55909d860081.tmp</t>
  </si>
  <si>
    <t>\\acsfs\profiles$\deboraaa\Downloads\9fce86fa-2457-4dfc-b7bc-55909d860081.tmp</t>
  </si>
  <si>
    <t>12/24/2019 07:16:32</t>
  </si>
  <si>
    <t>84b04e64-8587-45b5-a5ef-643a0fb0d32c.tmp</t>
  </si>
  <si>
    <t>\\acsfs\profiles$\deboraaa\Downloads\84b04e64-8587-45b5-a5ef-643a0fb0d32c.tmp</t>
  </si>
  <si>
    <t>12/24/2019 07:18:44</t>
  </si>
  <si>
    <t>12/24/2019 07:19:28</t>
  </si>
  <si>
    <t>12/24/2019 07:17:22</t>
  </si>
  <si>
    <t>12/24/2019 07:20:27</t>
  </si>
  <si>
    <t>12/24/2019 07:21:24</t>
  </si>
  <si>
    <t>12/24/2019 07:23:28</t>
  </si>
  <si>
    <t>12/24/2019 07:20:02</t>
  </si>
  <si>
    <t>12/24/2019 07:24:27</t>
  </si>
  <si>
    <t>12/24/2019 07:19:44</t>
  </si>
  <si>
    <t>12/24/2019 07:22:34</t>
  </si>
  <si>
    <t>12/24/2019 07:23:41</t>
  </si>
  <si>
    <t>12/24/2019 07:22:39</t>
  </si>
  <si>
    <t>12/24/2019 07:25:27</t>
  </si>
  <si>
    <t>929b7511-5da6-499f-9d35-98a3e65d4e26.tmp</t>
  </si>
  <si>
    <t>\\acsfs\profiles$\sarahbal\Downloads\929b7511-5da6-499f-9d35-98a3e65d4e26.tmp</t>
  </si>
  <si>
    <t>12/24/2019 07:23:47</t>
  </si>
  <si>
    <t>f592c16d-3875-4ed7-8c1e-d140305161b2.tmp</t>
  </si>
  <si>
    <t>\\acsfs\profiles$\sarahbal\Downloads\f592c16d-3875-4ed7-8c1e-d140305161b2.tmp</t>
  </si>
  <si>
    <t>12/24/2019 07:24:26</t>
  </si>
  <si>
    <t>89bdf246-0fe3-474c-9217-a2d3cda583e2.tmp</t>
  </si>
  <si>
    <t>\\acsfs\profiles$\sarahbal\Downloads\89bdf246-0fe3-474c-9217-a2d3cda583e2.tmp</t>
  </si>
  <si>
    <t>12/24/2019 07:25:17</t>
  </si>
  <si>
    <t>12/24/2019 07:27:27</t>
  </si>
  <si>
    <t>f269dfea-b48f-4bcc-ac77-d5e06e2ea975.tmp</t>
  </si>
  <si>
    <t>\\acsfs\profiles$\deboraaa\Downloads\f269dfea-b48f-4bcc-ac77-d5e06e2ea975.tmp</t>
  </si>
  <si>
    <t>12/24/2019 07:26:37</t>
  </si>
  <si>
    <t>75ebf3af-52f7-41ec-8f33-8302558ce7a1.tmp</t>
  </si>
  <si>
    <t>\\acsfs\profiles$\deboraaa\Downloads\75ebf3af-52f7-41ec-8f33-8302558ce7a1.tmp</t>
  </si>
  <si>
    <t>12/24/2019 07:25:31</t>
  </si>
  <si>
    <t>12/24/2019 07:30:28</t>
  </si>
  <si>
    <t>88997674-7ddb-498c-ad37-40d7973aa3ef.tmp</t>
  </si>
  <si>
    <t>\\acsfs\profiles$\sarahbal\Downloads\88997674-7ddb-498c-ad37-40d7973aa3ef.tmp</t>
  </si>
  <si>
    <t>12/24/2019 07:24:44</t>
  </si>
  <si>
    <t>12/24/2019 07:25:44</t>
  </si>
  <si>
    <t>12/24/2019 07:29:22</t>
  </si>
  <si>
    <t>12/24/2019 07:33:28</t>
  </si>
  <si>
    <t>12/24/2019 07:31:36</t>
  </si>
  <si>
    <t>430bbfb9-1183-47b1-a43a-69335da61b7f.tmp</t>
  </si>
  <si>
    <t>\\acsfs\profiles$\paulovadc\Downloads\430bbfb9-1183-47b1-a43a-69335da61b7f.tmp</t>
  </si>
  <si>
    <t>12/24/2019 07:30:35</t>
  </si>
  <si>
    <t>12/24/2019 07:34:27</t>
  </si>
  <si>
    <t>1397293c-d77d-44d5-a899-40af8c0949db.tmp</t>
  </si>
  <si>
    <t>\\acsfs\profiles$\websondsa\Downloads\1397293c-d77d-44d5-a899-40af8c0949db.tmp</t>
  </si>
  <si>
    <t>12/24/2019 07:30:41</t>
  </si>
  <si>
    <t>58551292-be68-4819-9037-070d722246af.tmp</t>
  </si>
  <si>
    <t>\\acsfs\profiles$\websondsa\Downloads\58551292-be68-4819-9037-070d722246af.tmp</t>
  </si>
  <si>
    <t>12/24/2019 07:32:13</t>
  </si>
  <si>
    <t>8a743ea1-28ab-4108-9731-d646f58659a2.tmp</t>
  </si>
  <si>
    <t>\\acsfs\profiles$\websondsa\Downloads\8a743ea1-28ab-4108-9731-d646f58659a2.tmp</t>
  </si>
  <si>
    <t>12/24/2019 07:32:16</t>
  </si>
  <si>
    <t>930bc1b5-0ea3-483d-8898-14f28e119bb5.tmp</t>
  </si>
  <si>
    <t>\\acsfs\profiles$\websondsa\Downloads\930bc1b5-0ea3-483d-8898-14f28e119bb5.tmp</t>
  </si>
  <si>
    <t>12/24/2019 07:32:29</t>
  </si>
  <si>
    <t>0cf51314-02e6-483d-ba2a-4c7b9ce283a2.tmp</t>
  </si>
  <si>
    <t>\\acsfs\profiles$\websondsa\Downloads\0cf51314-02e6-483d-ba2a-4c7b9ce283a2.tmp</t>
  </si>
  <si>
    <t>12/24/2019 07:33:00</t>
  </si>
  <si>
    <t>96c0dcda-3f43-4594-9eba-9e5926f641de.tmp</t>
  </si>
  <si>
    <t>\\acsfs\profiles$\websondsa\Downloads\96c0dcda-3f43-4594-9eba-9e5926f641de.tmp</t>
  </si>
  <si>
    <t>12/24/2019 07:33:20</t>
  </si>
  <si>
    <t>9d07c1b1-dafc-4b8b-acfd-77dc4e114a6e.tmp</t>
  </si>
  <si>
    <t>\\acsfs\profiles$\websondsa\Downloads\9d07c1b1-dafc-4b8b-acfd-77dc4e114a6e.tmp</t>
  </si>
  <si>
    <t>12/24/2019 07:31:31</t>
  </si>
  <si>
    <t>12/24/2019 07:35:27</t>
  </si>
  <si>
    <t>12/24/2019 07:34:17</t>
  </si>
  <si>
    <t>12/24/2019 07:36:27</t>
  </si>
  <si>
    <t>12/24/2019 07:35:02</t>
  </si>
  <si>
    <t>VIVIANA LEONEL DA SILVA_1_6770299296868807608_1_32.wav</t>
  </si>
  <si>
    <t>\\acsfs\Deptos\EDUCACAO EMPRESARIAL\KÉSIA\Ligações 3º ciclo - Késia\VIVIANA LEONEL DA SILVA_1_6770299296868807608_1_32.wav</t>
  </si>
  <si>
    <t>12/24/2019 07:33:31</t>
  </si>
  <si>
    <t>12/24/2019 07:37:27</t>
  </si>
  <si>
    <t>12/24/2019 07:32:50</t>
  </si>
  <si>
    <t>12/24/2019 07:38:27</t>
  </si>
  <si>
    <t>93c35c5b-d7e7-4359-af74-0d769af4c6a3.tmp</t>
  </si>
  <si>
    <t>\\acsfs\profiles$\paulovadc\Downloads\93c35c5b-d7e7-4359-af74-0d769af4c6a3.tmp</t>
  </si>
  <si>
    <t>12/24/2019 07:36:06</t>
  </si>
  <si>
    <t>12/24/2019 07:40:27</t>
  </si>
  <si>
    <t>https://webpoolbl20a29.infra.lync.com/webticket/webticketservice.svc/oauth</t>
  </si>
  <si>
    <t>12/24/2019 07:37:06</t>
  </si>
  <si>
    <t>https://outlook.office365.com/mapi/nspi/?mailboxid=62fbec23-6abc-4188-9ff8-31c473fb057b@algartech.com</t>
  </si>
  <si>
    <t>12/24/2019 07:37:07</t>
  </si>
  <si>
    <t>12/24/2019 07:37:16</t>
  </si>
  <si>
    <t>12/24/2019 07:37:17</t>
  </si>
  <si>
    <t>12/24/2019 07:37:18</t>
  </si>
  <si>
    <t>12/24/2019 07:37:19</t>
  </si>
  <si>
    <t>12/24/2019 07:36:52</t>
  </si>
  <si>
    <t>12/24/2019 07:37:20</t>
  </si>
  <si>
    <t>12/24/2019 07:41:27</t>
  </si>
  <si>
    <t>12/24/2019 07:37:21</t>
  </si>
  <si>
    <t>12/24/2019 07:37:51</t>
  </si>
  <si>
    <t>12/24/2019 07:37:52</t>
  </si>
  <si>
    <t>12/24/2019 07:37:54</t>
  </si>
  <si>
    <t>12/24/2019 07:36:41</t>
  </si>
  <si>
    <t>4d6f6c13-7c40-4e13-945b-9551c63629dc.tmp</t>
  </si>
  <si>
    <t>\\acsfs\profiles$\luanarda\Downloads\4d6f6c13-7c40-4e13-945b-9551c63629dc.tmp</t>
  </si>
  <si>
    <t>12/24/2019 07:38:22</t>
  </si>
  <si>
    <t>0f1e2409-599c-4c30-83bc-2f48ff612834.tmp</t>
  </si>
  <si>
    <t>\\acsfs\profiles$\luanarda\Downloads\0f1e2409-599c-4c30-83bc-2f48ff612834.tmp</t>
  </si>
  <si>
    <t>12/24/2019 07:40:01</t>
  </si>
  <si>
    <t>12/24/2019 07:43:27</t>
  </si>
  <si>
    <t>db14c38d-3607-411c-b17b-ec862d94648b.tmp</t>
  </si>
  <si>
    <t>\\acsfs\profiles$\paulovadc\Downloads\db14c38d-3607-411c-b17b-ec862d94648b.tmp</t>
  </si>
  <si>
    <t>12/24/2019 07:43:40</t>
  </si>
  <si>
    <t>12/24/2019 07:45:27</t>
  </si>
  <si>
    <t>13192375-9747-4371-9fd3-e6d1714aa03e.tmp</t>
  </si>
  <si>
    <t>\\acsfs\profiles$\vivianealda\Downloads\13192375-9747-4371-9fd3-e6d1714aa03e.tmp</t>
  </si>
  <si>
    <t>12/24/2019 07:42:44</t>
  </si>
  <si>
    <t>12/24/2019 07:46:28</t>
  </si>
  <si>
    <t>12/24/2019 07:43:44</t>
  </si>
  <si>
    <t>12/24/2019 07:45:04</t>
  </si>
  <si>
    <t>12/24/2019 07:44:02</t>
  </si>
  <si>
    <t>12/24/2019 07:47:27</t>
  </si>
  <si>
    <t>1a76d8f7-7ea7-4f67-aa00-c86ffd78c41e.tmp</t>
  </si>
  <si>
    <t>\\acsfs\profiles$\deboraaa\Downloads\1a76d8f7-7ea7-4f67-aa00-c86ffd78c41e.tmp</t>
  </si>
  <si>
    <t>12/24/2019 07:47:12</t>
  </si>
  <si>
    <t>12/24/2019 07:48:27</t>
  </si>
  <si>
    <t>0530da75-466d-4c7a-9423-e37549def16e.tmp</t>
  </si>
  <si>
    <t>\\acsfs\profiles$\geovannasm\Downloads\0530da75-466d-4c7a-9423-e37549def16e.tmp</t>
  </si>
  <si>
    <t>12/24/2019 07:47:49</t>
  </si>
  <si>
    <t>45547103-d26b-4506-aab1-9c3c9e662006.tmp</t>
  </si>
  <si>
    <t>\\acsfs\profiles$\ayalabfi\Downloads\45547103-d26b-4506-aab1-9c3c9e662006.tmp</t>
  </si>
  <si>
    <t>12/24/2019 07:47:50</t>
  </si>
  <si>
    <t>ed051c0b-1bdc-47d8-b228-305fccfe7d24.tmp</t>
  </si>
  <si>
    <t>\\acsfs\profiles$\ayalabfi\Downloads\ed051c0b-1bdc-47d8-b228-305fccfe7d24.tmp</t>
  </si>
  <si>
    <t>12/24/2019 07:47:52</t>
  </si>
  <si>
    <t>2bc421ca-8fc5-4be0-b0f5-3abcb8e28935.tmp</t>
  </si>
  <si>
    <t>\\acsfs\profiles$\ayalabfi\Downloads\2bc421ca-8fc5-4be0-b0f5-3abcb8e28935.tmp</t>
  </si>
  <si>
    <t>12/24/2019 07:47:40</t>
  </si>
  <si>
    <t>12/24/2019 07:51:27</t>
  </si>
  <si>
    <t>12/24/2019 07:48:04</t>
  </si>
  <si>
    <t>12/24/2019 07:48:44</t>
  </si>
  <si>
    <t>12/24/2019 07:49:15</t>
  </si>
  <si>
    <t>12/24/2019 07:49:21</t>
  </si>
  <si>
    <t>12/24/2019 07:49:44</t>
  </si>
  <si>
    <t>12/24/2019 07:46:32</t>
  </si>
  <si>
    <t>WENDER BRUNO NUNES MENESES_1_6769938605515279593_1_32.wav</t>
  </si>
  <si>
    <t>\\acsfs\Deptos\EDUCACAO EMPRESARIAL\KÉSIA\Ligações 3º ciclo - Késia\WENDER BRUNO NUNES MENESES_1_6769938605515279593_1_32.wav</t>
  </si>
  <si>
    <t>12/24/2019 07:49:19</t>
  </si>
  <si>
    <t>12/24/2019 07:52:28</t>
  </si>
  <si>
    <t>12/24/2019 07:49:53</t>
  </si>
  <si>
    <t>12/24/2019 07:48:02</t>
  </si>
  <si>
    <t>12/24/2019 07:53:27</t>
  </si>
  <si>
    <t>12/24/2019 07:52:27</t>
  </si>
  <si>
    <t>12/24/2019 07:52:29</t>
  </si>
  <si>
    <t>12/24/2019 07:52:30</t>
  </si>
  <si>
    <t>12/24/2019 07:52:31</t>
  </si>
  <si>
    <t>12/24/2019 07:52:32</t>
  </si>
  <si>
    <t>12/24/2019 07:52:33</t>
  </si>
  <si>
    <t>12/24/2019 07:52:34</t>
  </si>
  <si>
    <t>12/24/2019 07:52:35</t>
  </si>
  <si>
    <t>12/24/2019 07:52:36</t>
  </si>
  <si>
    <t>12/24/2019 07:52:37</t>
  </si>
  <si>
    <t>12/24/2019 07:48:26</t>
  </si>
  <si>
    <t>6a315893-fb93-4190-b69b-f5e5861b8945.tmp</t>
  </si>
  <si>
    <t>\\acsfs\profiles$\geovannasm\Downloads\6a315893-fb93-4190-b69b-f5e5861b8945.tmp</t>
  </si>
  <si>
    <t>12/24/2019 07:52:38</t>
  </si>
  <si>
    <t>12/24/2019 07:49:09</t>
  </si>
  <si>
    <t>37250c60-3460-46f6-9344-111f5d72899c.tmp</t>
  </si>
  <si>
    <t>\\acsfs\profiles$\geovannasm\Downloads\37250c60-3460-46f6-9344-111f5d72899c.tmp</t>
  </si>
  <si>
    <t>12/24/2019 07:52:39</t>
  </si>
  <si>
    <t>12/24/2019 07:53:23</t>
  </si>
  <si>
    <t>91dd2de9-a064-4d9d-8074-1a2bfb7a6b66.tmp</t>
  </si>
  <si>
    <t>\\acsfs\profiles$\geovannasm\Downloads\91dd2de9-a064-4d9d-8074-1a2bfb7a6b66.tmp</t>
  </si>
  <si>
    <t>12/24/2019 07:54:27</t>
  </si>
  <si>
    <t>12/24/2019 07:52:40</t>
  </si>
  <si>
    <t>12/24/2019 07:52:41</t>
  </si>
  <si>
    <t>12/24/2019 07:49:10</t>
  </si>
  <si>
    <t>60ebe302-5238-4a5c-a9ff-380747263832.tmp</t>
  </si>
  <si>
    <t>\\acsfs\profiles$\websondsa\Downloads\60ebe302-5238-4a5c-a9ff-380747263832.tmp</t>
  </si>
  <si>
    <t>12/24/2019 07:52:51</t>
  </si>
  <si>
    <t>12/24/2019 07:55:27</t>
  </si>
  <si>
    <t>fb38ced9-531c-4f40-9ed0-183ebacecd9c.tmp</t>
  </si>
  <si>
    <t>\\acsfs\profiles$\wenderbnm\Downloads\fb38ced9-531c-4f40-9ed0-183ebacecd9c.tmp</t>
  </si>
  <si>
    <t>12/24/2019 07:54:46</t>
  </si>
  <si>
    <t>3801cb89-53bb-41ae-bfa6-83ce5b3da060.tmp</t>
  </si>
  <si>
    <t>\\acsfs\profiles$\valeriasda\Downloads\3801cb89-53bb-41ae-bfa6-83ce5b3da060.tmp</t>
  </si>
  <si>
    <t>12/24/2019 07:52:59</t>
  </si>
  <si>
    <t>12/24/2019 07:56:27</t>
  </si>
  <si>
    <t>12/24/2019 07:54:45</t>
  </si>
  <si>
    <t>12/24/2019 07:51:25</t>
  </si>
  <si>
    <t>b75f28db-45c9-4d68-b692-a723df39ec1a.tmp</t>
  </si>
  <si>
    <t>\\acsfs\profiles$\deborahsi\Downloads\b75f28db-45c9-4d68-b692-a723df39ec1a.tmp</t>
  </si>
  <si>
    <t>12/24/2019 07:53:42</t>
  </si>
  <si>
    <t>4d73ce0c-b287-4114-8fd8-5884d75618f6.tmp</t>
  </si>
  <si>
    <t>\\acsfs\profiles$\deborahsi\Downloads\4d73ce0c-b287-4114-8fd8-5884d75618f6.tmp</t>
  </si>
  <si>
    <t>12/24/2019 07:55:35</t>
  </si>
  <si>
    <t>12/24/2019 07:52:13</t>
  </si>
  <si>
    <t>ddc4c786-cc95-42f6-a6c3-ccd99f5a8af1.tmp</t>
  </si>
  <si>
    <t>\\acsfs\profiles$\gabrielarb\Downloads\ddc4c786-cc95-42f6-a6c3-ccd99f5a8af1.tmp</t>
  </si>
  <si>
    <t>12/24/2019 07:53:20</t>
  </si>
  <si>
    <t>567537ec-f418-4e4c-8697-637b976512cb.tmp</t>
  </si>
  <si>
    <t>\\acsfs\profiles$\gabrielarb\Downloads\567537ec-f418-4e4c-8697-637b976512cb.tmp</t>
  </si>
  <si>
    <t>12/24/2019 07:53:44</t>
  </si>
  <si>
    <t>2a9ce739-0456-479a-922b-d29d6fb2391d.tmp</t>
  </si>
  <si>
    <t>\\acsfs\profiles$\gabrielarb\Downloads\2a9ce739-0456-479a-922b-d29d6fb2391d.tmp</t>
  </si>
  <si>
    <t>12/24/2019 07:54:20</t>
  </si>
  <si>
    <t>1a12ac31-61a2-4501-a33a-584ec4a4e279.tmp</t>
  </si>
  <si>
    <t>\\acsfs\profiles$\gabrielarb\Downloads\1a12ac31-61a2-4501-a33a-584ec4a4e279.tmp</t>
  </si>
  <si>
    <t>12/24/2019 07:54:32</t>
  </si>
  <si>
    <t>487f815f-f59a-477e-9c65-94703b7114c1.tmp</t>
  </si>
  <si>
    <t>\\acsfs\profiles$\gabrielarb\Downloads\487f815f-f59a-477e-9c65-94703b7114c1.tmp</t>
  </si>
  <si>
    <t>12/24/2019 07:57:27</t>
  </si>
  <si>
    <t>12/24/2019 07:56:28</t>
  </si>
  <si>
    <t>12/24/2019 07:56:29</t>
  </si>
  <si>
    <t>12/24/2019 07:56:30</t>
  </si>
  <si>
    <t>12/24/2019 07:56:31</t>
  </si>
  <si>
    <t>12/24/2019 07:56:32</t>
  </si>
  <si>
    <t>12/24/2019 07:56:33</t>
  </si>
  <si>
    <t>12/23/2019 21:04:50</t>
  </si>
  <si>
    <t>12/24/2019 07:58:28</t>
  </si>
  <si>
    <t>12/24/2019 07:54:47</t>
  </si>
  <si>
    <t>12/24/2019 08:00:28</t>
  </si>
  <si>
    <t>6c562afd-221d-42f4-80f9-670749ef86c8.tmp</t>
  </si>
  <si>
    <t>\\acsfs\profiles$\wenderbnm\Downloads\6c562afd-221d-42f4-80f9-670749ef86c8.tmp</t>
  </si>
  <si>
    <t>12/24/2019 07:56:03</t>
  </si>
  <si>
    <t>05c4a27e-a11e-40ad-a19b-698c9d96a75e.tmp</t>
  </si>
  <si>
    <t>\\acsfs\profiles$\wenderbnm\Downloads\05c4a27e-a11e-40ad-a19b-698c9d96a75e.tmp</t>
  </si>
  <si>
    <t>12/24/2019 07:58:39</t>
  </si>
  <si>
    <t>12/24/2019 07:58:04</t>
  </si>
  <si>
    <t>12/24/2019 07:56:38</t>
  </si>
  <si>
    <t>5d52b21a-835d-41d1-8b4c-088d69a16d2e.tmp</t>
  </si>
  <si>
    <t>\\acsfs\profiles$\valeriasda\Downloads\5d52b21a-835d-41d1-8b4c-088d69a16d2e.tmp</t>
  </si>
  <si>
    <t>12/24/2019 07:55:38</t>
  </si>
  <si>
    <t>8fbb4e8e-f278-4826-bb34-77690b97d759.tmp</t>
  </si>
  <si>
    <t>\\acsfs\profiles$\vivianealda\Downloads\8fbb4e8e-f278-4826-bb34-77690b97d759.tmp</t>
  </si>
  <si>
    <t>12/24/2019 07:55:44</t>
  </si>
  <si>
    <t>12/24/2019 08:01:27</t>
  </si>
  <si>
    <t>12/24/2019 07:57:37</t>
  </si>
  <si>
    <t>10.200.67.12</t>
  </si>
  <si>
    <t>D4-AE-52-FC-97-9E</t>
  </si>
  <si>
    <t>VOTORANT-ACB006</t>
  </si>
  <si>
    <t>gabriellalpr</t>
  </si>
  <si>
    <t>\\acsfs\profiles$\gabriellalpr\Downloads\</t>
  </si>
  <si>
    <t>d805501e-45fa-4c5f-b3cc-40d3b230b959.tmp</t>
  </si>
  <si>
    <t>\\acsfs\profiles$\gabriellalpr\Downloads\d805501e-45fa-4c5f-b3cc-40d3b230b959.tmp</t>
  </si>
  <si>
    <t>12/24/2019 07:58:15</t>
  </si>
  <si>
    <t>5baef488-c13d-435e-8fbe-c3e761b607c7.tmp</t>
  </si>
  <si>
    <t>\\acsfs\profiles$\gabriellalpr\Downloads\5baef488-c13d-435e-8fbe-c3e761b607c7.tmp</t>
  </si>
  <si>
    <t>12/24/2019 07:58:54</t>
  </si>
  <si>
    <t>0466f62d-2a90-4f5b-95f4-cb94282991cb.tmp</t>
  </si>
  <si>
    <t>\\acsfs\profiles$\gabriellalpr\Downloads\0466f62d-2a90-4f5b-95f4-cb94282991cb.tmp</t>
  </si>
  <si>
    <t>12/24/2019 07:58:59</t>
  </si>
  <si>
    <t>12/24/2019 08:00:51</t>
  </si>
  <si>
    <t>f921c79b-f729-421a-a3e8-2371738db5d1.tmp</t>
  </si>
  <si>
    <t>\\acsfs\profiles$\gabrielarb\Downloads\f921c79b-f729-421a-a3e8-2371738db5d1.tmp</t>
  </si>
  <si>
    <t>12/24/2019 08:02:28</t>
  </si>
  <si>
    <t>12/24/2019 07:56:34</t>
  </si>
  <si>
    <t>12/24/2019 07:56:35</t>
  </si>
  <si>
    <t>12/24/2019 07:56:36</t>
  </si>
  <si>
    <t>12/24/2019 07:56:37</t>
  </si>
  <si>
    <t>12/24/2019 07:56:39</t>
  </si>
  <si>
    <t>12/24/2019 07:56:40</t>
  </si>
  <si>
    <t>12/24/2019 07:56:41</t>
  </si>
  <si>
    <t>12/24/2019 07:56:42</t>
  </si>
  <si>
    <t>12/24/2019 07:56:43</t>
  </si>
  <si>
    <t>12/24/2019 07:56:44</t>
  </si>
  <si>
    <t>12/24/2019 07:56:45</t>
  </si>
  <si>
    <t>12/24/2019 07:56:46</t>
  </si>
  <si>
    <t>12/24/2019 07:56:47</t>
  </si>
  <si>
    <t>12/24/2019 07:56:48</t>
  </si>
  <si>
    <t>12/24/2019 07:56:49</t>
  </si>
  <si>
    <t>12/24/2019 07:56:50</t>
  </si>
  <si>
    <t>12/24/2019 07:56:51</t>
  </si>
  <si>
    <t>12/24/2019 07:58:01</t>
  </si>
  <si>
    <t>12/24/2019 08:03:27</t>
  </si>
  <si>
    <t>12/24/2019 07:58:23</t>
  </si>
  <si>
    <t>7f37e8d7-e335-4d2d-8320-856be5ad70c2.tmp</t>
  </si>
  <si>
    <t>\\acsfs\profiles$\marcellewdl\Downloads\7f37e8d7-e335-4d2d-8320-856be5ad70c2.tmp</t>
  </si>
  <si>
    <t>12/24/2019 07:59:30</t>
  </si>
  <si>
    <t>03c640fc-e25f-452e-9507-2d0d3bef6e0f.tmp</t>
  </si>
  <si>
    <t>\\acsfs\profiles$\marcellewdl\Downloads\03c640fc-e25f-452e-9507-2d0d3bef6e0f.tmp</t>
  </si>
  <si>
    <t>12/24/2019 08:00:50</t>
  </si>
  <si>
    <t>12/24/2019 07:58:00</t>
  </si>
  <si>
    <t>a1c6a05b-cd73-4f38-832b-c6c3a0762264.tmp</t>
  </si>
  <si>
    <t>\\acsfs\profiles$\jonatanls\Downloads\a1c6a05b-cd73-4f38-832b-c6c3a0762264.tmp</t>
  </si>
  <si>
    <t>12/24/2019 07:58:19</t>
  </si>
  <si>
    <t>eca985fa-d602-4559-bac2-1e5c256da34a.tmp</t>
  </si>
  <si>
    <t>\\acsfs\profiles$\jonatanls\Downloads\eca985fa-d602-4559-bac2-1e5c256da34a.tmp</t>
  </si>
  <si>
    <t>12/24/2019 08:01:02</t>
  </si>
  <si>
    <t>12/24/2019 07:59:57</t>
  </si>
  <si>
    <t>12/24/2019 08:05:28</t>
  </si>
  <si>
    <t>69dc45cf-ec9c-492f-b3cf-62c09edc43d3.tmp</t>
  </si>
  <si>
    <t>\\acsfs\profiles$\nataliacsl\Downloads\69dc45cf-ec9c-492f-b3cf-62c09edc43d3.tmp</t>
  </si>
  <si>
    <t>12/24/2019 08:01:11</t>
  </si>
  <si>
    <t>79d3c5a6-c046-4354-ad90-e865f29ec9f2.tmp</t>
  </si>
  <si>
    <t>\\acsfs\profiles$\nataliacsl\Downloads\79d3c5a6-c046-4354-ad90-e865f29ec9f2.tmp</t>
  </si>
  <si>
    <t>12/24/2019 08:00:44</t>
  </si>
  <si>
    <t>12/24/2019 08:06:27</t>
  </si>
  <si>
    <t>12/24/2019 08:01:44</t>
  </si>
  <si>
    <t>12/24/2019 08:01:46</t>
  </si>
  <si>
    <t>12/24/2019 08:01:48</t>
  </si>
  <si>
    <t>0cc575bb-314e-4dae-b307-7ce9cfc415ca.tmp</t>
  </si>
  <si>
    <t>\\acsfs\profiles$\quindaizaagds\Downloads\0cc575bb-314e-4dae-b307-7ce9cfc415ca.tmp</t>
  </si>
  <si>
    <t>12/24/2019 08:04:45</t>
  </si>
  <si>
    <t>47c7038e-70c6-4428-b23e-38600977e894.tmp</t>
  </si>
  <si>
    <t>\\acsfs\profiles$\quindaizaagds\Downloads\47c7038e-70c6-4428-b23e-38600977e894.tmp</t>
  </si>
  <si>
    <t>12/24/2019 08:02:57</t>
  </si>
  <si>
    <t>5a345c88-a4b3-45f9-8cde-a4e8f2d4873a.tmp</t>
  </si>
  <si>
    <t>\\acsfs\profiles$\deborahsi\Downloads\5a345c88-a4b3-45f9-8cde-a4e8f2d4873a.tmp</t>
  </si>
  <si>
    <t>12/24/2019 08:05:30</t>
  </si>
  <si>
    <t>12/24/2019 08:05:34</t>
  </si>
  <si>
    <t>mail.google.com/_/upload?authuser=0&amp;dcp=asu-n&amp;upload_id=AEnB2UrC1F3utqk_S4IKUblJznnUse1xWnWadfhhQl6JG1Jncv7Y5rgnBpfl2i6cIC-Ykc4MUgwAYSZY6Psjn7WVF7ulp00BAHYLvknTUDNB9wHcmuTl3AE&amp;upload_protocol=resumable</t>
  </si>
  <si>
    <t>12/24/2019 08:05:47</t>
  </si>
  <si>
    <t>12/24/2019 08:05:56</t>
  </si>
  <si>
    <t>fernandaab@algartech.com;mirianppb@algartech.com;thiagord@algartech.com;</t>
  </si>
  <si>
    <t>fernandaab@algartech.com,mirianppb@algartech.com,thiagord@algartech.com</t>
  </si>
  <si>
    <t>12/24/2019 08:06:02</t>
  </si>
  <si>
    <t>12/24/2019 08:06:34</t>
  </si>
  <si>
    <t>12/24/2019 08:08:28</t>
  </si>
  <si>
    <t>12/24/2019 08:06:52</t>
  </si>
  <si>
    <t>7079793a-2fcc-46eb-9c9a-d984365c2c58.tmp</t>
  </si>
  <si>
    <t>\\acsfs\profiles$\geovannasm\Downloads\7079793a-2fcc-46eb-9c9a-d984365c2c58.tmp</t>
  </si>
  <si>
    <t>12/24/2019 08:04:59</t>
  </si>
  <si>
    <t>12/24/2019 08:06:51</t>
  </si>
  <si>
    <t>12/24/2019 08:09:28</t>
  </si>
  <si>
    <t>347a145e-ee5d-4746-bdd4-3d7523bf3f2c.tmp</t>
  </si>
  <si>
    <t>\\acsfs\profiles$\websondsa\Downloads\347a145e-ee5d-4746-bdd4-3d7523bf3f2c.tmp</t>
  </si>
  <si>
    <t>12/24/2019 08:09:39</t>
  </si>
  <si>
    <t>12/24/2019 08:10:29</t>
  </si>
  <si>
    <t>12/24/2019 08:08:34</t>
  </si>
  <si>
    <t>52d0449f-fbfd-46e1-b27d-7d7bca405b4d.tmp</t>
  </si>
  <si>
    <t>\\acsfs\profiles$\vivianealda\Downloads\52d0449f-fbfd-46e1-b27d-7d7bca405b4d.tmp</t>
  </si>
  <si>
    <t>12/24/2019 08:06:31</t>
  </si>
  <si>
    <t>12/24/2019 08:11:28</t>
  </si>
  <si>
    <t>100014251170101;</t>
  </si>
  <si>
    <t>https://100014251170101</t>
  </si>
  <si>
    <t>12/24/2019 08:06:44</t>
  </si>
  <si>
    <t>12/24/2019 08:07:23</t>
  </si>
  <si>
    <t>12/24/2019 08:07:44</t>
  </si>
  <si>
    <t>12/24/2019 08:07:45</t>
  </si>
  <si>
    <t>12/24/2019 08:07:53</t>
  </si>
  <si>
    <t>12/24/2019 08:08:11</t>
  </si>
  <si>
    <t>12/24/2019 08:08:16</t>
  </si>
  <si>
    <t>12/24/2019 08:09:30</t>
  </si>
  <si>
    <t>12/24/2019 08:09:54</t>
  </si>
  <si>
    <t>12/24/2019 08:10:23</t>
  </si>
  <si>
    <t>12/24/2019 08:06:13</t>
  </si>
  <si>
    <t>12/24/2019 08:06:22</t>
  </si>
  <si>
    <t>12/24/2019 08:06:40</t>
  </si>
  <si>
    <t>12/24/2019 08:09:57</t>
  </si>
  <si>
    <t>YASMIN SOARES COSTA_1_6771041480102445691_1_32.wav</t>
  </si>
  <si>
    <t>\\acsfs\Deptos\EDUCACAO EMPRESARIAL\KÉSIA\Ligações 3º ciclo - Késia\YASMIN SOARES COSTA_1_6771041480102445691_1_32.wav</t>
  </si>
  <si>
    <t>12/24/2019 08:08:59</t>
  </si>
  <si>
    <t>12/24/2019 08:12:28</t>
  </si>
  <si>
    <t>12/24/2019 08:10:44</t>
  </si>
  <si>
    <t>12/24/2019 08:13:28</t>
  </si>
  <si>
    <t>12/24/2019 08:11:16</t>
  </si>
  <si>
    <t>cc9d0757-fddd-476e-9b45-a1874c2abacd.tmp</t>
  </si>
  <si>
    <t>\\acsfs\profiles$\jonatanls\Downloads\cc9d0757-fddd-476e-9b45-a1874c2abacd.tmp</t>
  </si>
  <si>
    <t>12/24/2019 08:10:33</t>
  </si>
  <si>
    <t>12/24/2019 08:15:28</t>
  </si>
  <si>
    <t>d5e7f8e2-d19e-471e-93b4-dde1fdb71c8f.tmp</t>
  </si>
  <si>
    <t>\\acsfs\profiles$\vivianealda\Downloads\d5e7f8e2-d19e-471e-93b4-dde1fdb71c8f.tmp</t>
  </si>
  <si>
    <t>12/24/2019 08:11:27</t>
  </si>
  <si>
    <t>12/24/2019 08:16:27</t>
  </si>
  <si>
    <t>12/24/2019 08:12:21</t>
  </si>
  <si>
    <t>12/24/2019 08:12:45</t>
  </si>
  <si>
    <t>12/24/2019 08:13:06</t>
  </si>
  <si>
    <t>12/24/2019 08:13:44</t>
  </si>
  <si>
    <t>12/24/2019 08:14:36</t>
  </si>
  <si>
    <t>9839a22b-5f1d-4243-a4cb-aa821b8cf620.tmp</t>
  </si>
  <si>
    <t>\\acsfs\profiles$\quindaizaagds\Downloads\9839a22b-5f1d-4243-a4cb-aa821b8cf620.tmp</t>
  </si>
  <si>
    <t>12/24/2019 08:11:52</t>
  </si>
  <si>
    <t>12/24/2019 08:12:16</t>
  </si>
  <si>
    <t>c1f87b12-5c27-4521-8134-9ba9d56b5736.tmp</t>
  </si>
  <si>
    <t>\\acsfs\profiles$\gabrielarb\Downloads\c1f87b12-5c27-4521-8134-9ba9d56b5736.tmp</t>
  </si>
  <si>
    <t>12/24/2019 08:14:53</t>
  </si>
  <si>
    <t>12/24/2019 08:18:27</t>
  </si>
  <si>
    <t>12/24/2019 08:19:14</t>
  </si>
  <si>
    <t>12/24/2019 08:20:27</t>
  </si>
  <si>
    <t>12/24/2019 08:19:15</t>
  </si>
  <si>
    <t>12/24/2019 08:19:16</t>
  </si>
  <si>
    <t>12/24/2019 08:19:17</t>
  </si>
  <si>
    <t>12/24/2019 08:19:18</t>
  </si>
  <si>
    <t>12/24/2019 08:19:19</t>
  </si>
  <si>
    <t>12/24/2019 08:19:20</t>
  </si>
  <si>
    <t>12/24/2019 08:19:21</t>
  </si>
  <si>
    <t>12/24/2019 08:19:22</t>
  </si>
  <si>
    <t>12/24/2019 08:19:23</t>
  </si>
  <si>
    <t>12/24/2019 08:19:24</t>
  </si>
  <si>
    <t>12/24/2019 08:19:25</t>
  </si>
  <si>
    <t>12/24/2019 08:19:26</t>
  </si>
  <si>
    <t>12/24/2019 08:19:27</t>
  </si>
  <si>
    <t>12/24/2019 08:19:28</t>
  </si>
  <si>
    <t>12/24/2019 08:19:29</t>
  </si>
  <si>
    <t>12/24/2019 08:19:30</t>
  </si>
  <si>
    <t>12/24/2019 08:19:31</t>
  </si>
  <si>
    <t>12/24/2019 08:19:32</t>
  </si>
  <si>
    <t>12/24/2019 08:18:44</t>
  </si>
  <si>
    <t>12/24/2019 08:21:28</t>
  </si>
  <si>
    <t>12/24/2019 08:19:44</t>
  </si>
  <si>
    <t>6012f9e2-36cf-487e-842d-f39a056ac6e0.tmp</t>
  </si>
  <si>
    <t>\\acsfs\profiles$\deborahsi\Downloads\6012f9e2-36cf-487e-842d-f39a056ac6e0.tmp</t>
  </si>
  <si>
    <t>12/24/2019 08:17:54</t>
  </si>
  <si>
    <t>12/24/2019 08:23:28</t>
  </si>
  <si>
    <t>12/24/2019 08:17:55</t>
  </si>
  <si>
    <t>12/24/2019 08:17:56</t>
  </si>
  <si>
    <t>12/24/2019 08:17:57</t>
  </si>
  <si>
    <t>12/24/2019 08:17:58</t>
  </si>
  <si>
    <t>12/24/2019 08:17:59</t>
  </si>
  <si>
    <t>12/24/2019 08:18:00</t>
  </si>
  <si>
    <t>12/24/2019 08:18:01</t>
  </si>
  <si>
    <t>12/24/2019 08:18:02</t>
  </si>
  <si>
    <t>12/24/2019 08:18:03</t>
  </si>
  <si>
    <t>12/24/2019 08:18:04</t>
  </si>
  <si>
    <t>12/24/2019 08:18:05</t>
  </si>
  <si>
    <t>12/24/2019 08:18:06</t>
  </si>
  <si>
    <t>12/24/2019 08:18:07</t>
  </si>
  <si>
    <t>12/24/2019 08:18:08</t>
  </si>
  <si>
    <t>12/24/2019 08:18:09</t>
  </si>
  <si>
    <t>12/24/2019 08:18:10</t>
  </si>
  <si>
    <t>12/24/2019 08:18:11</t>
  </si>
  <si>
    <t>12/24/2019 08:18:12</t>
  </si>
  <si>
    <t>12/24/2019 08:18:13</t>
  </si>
  <si>
    <t>12/24/2019 08:18:14</t>
  </si>
  <si>
    <t>12/24/2019 08:18:15</t>
  </si>
  <si>
    <t>12/24/2019 08:18:16</t>
  </si>
  <si>
    <t>12/24/2019 08:18:17</t>
  </si>
  <si>
    <t>12/24/2019 08:18:18</t>
  </si>
  <si>
    <t>12/24/2019 08:25:28</t>
  </si>
  <si>
    <t>12/24/2019 08:19:33</t>
  </si>
  <si>
    <t>12/24/2019 08:19:34</t>
  </si>
  <si>
    <t>12/24/2019 08:19:35</t>
  </si>
  <si>
    <t>12/24/2019 08:19:36</t>
  </si>
  <si>
    <t>12/24/2019 08:24:44</t>
  </si>
  <si>
    <t>12/24/2019 08:26:27</t>
  </si>
  <si>
    <t>12/24/2019 08:21:22</t>
  </si>
  <si>
    <t>715a7425-556e-40ea-b164-d621fd1c6ee8.tmp</t>
  </si>
  <si>
    <t>\\acsfs\profiles$\gabrieleods\Downloads\715a7425-556e-40ea-b164-d621fd1c6ee8.tmp</t>
  </si>
  <si>
    <t>12/24/2019 08:22:15</t>
  </si>
  <si>
    <t>4b66c5cf-d557-454c-93b7-1660a6110d78.tmp</t>
  </si>
  <si>
    <t>\\acsfs\profiles$\gabrieleods\Downloads\4b66c5cf-d557-454c-93b7-1660a6110d78.tmp</t>
  </si>
  <si>
    <t>12/24/2019 08:22:24</t>
  </si>
  <si>
    <t>aa1cae4e-5c4f-4a5d-bdfe-c0cc6984c623.tmp</t>
  </si>
  <si>
    <t>\\acsfs\profiles$\gabrieleods\Downloads\aa1cae4e-5c4f-4a5d-bdfe-c0cc6984c623.tmp</t>
  </si>
  <si>
    <t>12/24/2019 08:22:31</t>
  </si>
  <si>
    <t>5a7b10b3-82d6-4085-8100-b38f76fcc7fc.tmp</t>
  </si>
  <si>
    <t>\\acsfs\profiles$\gabrieleods\Downloads\5a7b10b3-82d6-4085-8100-b38f76fcc7fc.tmp</t>
  </si>
  <si>
    <t>12/24/2019 08:22:33</t>
  </si>
  <si>
    <t>7b4ad783-19f9-4c26-aa45-0117ec47598f.tmp</t>
  </si>
  <si>
    <t>\\acsfs\profiles$\gabrieleods\Downloads\7b4ad783-19f9-4c26-aa45-0117ec47598f.tmp</t>
  </si>
  <si>
    <t>12/24/2019 08:22:19</t>
  </si>
  <si>
    <t>e77a1e8f-d968-44cd-b7a4-9b9b568e4438.tmp</t>
  </si>
  <si>
    <t>\\acsfs\profiles$\laianear\Downloads\e77a1e8f-d968-44cd-b7a4-9b9b568e4438.tmp</t>
  </si>
  <si>
    <t>12/24/2019 08:22:22</t>
  </si>
  <si>
    <t>aed19b6f-604b-44cf-95fc-36009f8c39c0.tmp</t>
  </si>
  <si>
    <t>\\acsfs\profiles$\laianear\Downloads\aed19b6f-604b-44cf-95fc-36009f8c39c0.tmp</t>
  </si>
  <si>
    <t>12/24/2019 08:24:18</t>
  </si>
  <si>
    <t>99be4050-7d78-4608-a4d6-ef372ddb6d1f.tmp</t>
  </si>
  <si>
    <t>\\acsfs\profiles$\laianear\Downloads\99be4050-7d78-4608-a4d6-ef372ddb6d1f.tmp</t>
  </si>
  <si>
    <t>12/24/2019 08:25:13</t>
  </si>
  <si>
    <t>d8488c3b-fad6-4cbc-b3fa-b628068404af.tmp</t>
  </si>
  <si>
    <t>\\acsfs\profiles$\laianear\Downloads\d8488c3b-fad6-4cbc-b3fa-b628068404af.tmp</t>
  </si>
  <si>
    <t>12/24/2019 08:21:55</t>
  </si>
  <si>
    <t>12/24/2019 08:29:26</t>
  </si>
  <si>
    <t>12/24/2019 08:30:27</t>
  </si>
  <si>
    <t>8b0b1461-ac16-4eac-97d9-873480827fa2.tmp</t>
  </si>
  <si>
    <t>\\acsfs\profiles$\vivianealda\Downloads\8b0b1461-ac16-4eac-97d9-873480827fa2.tmp</t>
  </si>
  <si>
    <t>12/24/2019 08:30:07</t>
  </si>
  <si>
    <t>\\acsfs\profiles$\felipetds\My Documents\My Pictures\</t>
  </si>
  <si>
    <t>\\acsfs\profiles$\felipetds\My Documents\My Videos\desktop.ini</t>
  </si>
  <si>
    <t>12/24/2019 08:30:11</t>
  </si>
  <si>
    <t>\\acsfs\profiles$\felipetds\My Documents\My Videos\</t>
  </si>
  <si>
    <t>12/24/2019 08:30:12</t>
  </si>
  <si>
    <t>12/24/2019 08:30:13</t>
  </si>
  <si>
    <t>12/24/2019 08:30:14</t>
  </si>
  <si>
    <t>\\acsfs\profiles$\felipetds\My Documents\My Music\</t>
  </si>
  <si>
    <t>\\acsfs\profiles$\felipetds\My Documents\My Pictures\desktop.ini</t>
  </si>
  <si>
    <t>12/24/2019 08:30:17</t>
  </si>
  <si>
    <t>12/24/2019 08:30:18</t>
  </si>
  <si>
    <t>12/24/2019 08:30:19</t>
  </si>
  <si>
    <t>12/24/2019 08:31:28</t>
  </si>
  <si>
    <t>12/24/2019 08:30:21</t>
  </si>
  <si>
    <t>\\acsfs\profiles$\felipetds\Contacts\</t>
  </si>
  <si>
    <t>\\acsfs\profiles$\felipetds\Contacts\desktop.ini</t>
  </si>
  <si>
    <t>12/24/2019 08:30:22</t>
  </si>
  <si>
    <t>12/24/2019 08:30:24</t>
  </si>
  <si>
    <t>12/24/2019 08:30:25</t>
  </si>
  <si>
    <t>12/24/2019 08:30:26</t>
  </si>
  <si>
    <t>12/24/2019 08:25:44</t>
  </si>
  <si>
    <t>12/24/2019 08:27:00</t>
  </si>
  <si>
    <t>64860774-dc0f-40fa-8a50-e22a1e60a230.tmp</t>
  </si>
  <si>
    <t>\\acsfs\profiles$\gabrieleods\Downloads\64860774-dc0f-40fa-8a50-e22a1e60a230.tmp</t>
  </si>
  <si>
    <t>12/24/2019 08:28:00</t>
  </si>
  <si>
    <t>12/24/2019 08:32:27</t>
  </si>
  <si>
    <t>48c29493-eea8-4c8b-bc68-ede095ea30d4.tmp</t>
  </si>
  <si>
    <t>\\acsfs\profiles$\YASMINSC\Downloads\48c29493-eea8-4c8b-bc68-ede095ea30d4.tmp</t>
  </si>
  <si>
    <t>12/24/2019 08:28:31</t>
  </si>
  <si>
    <t>12/24/2019 08:31:41</t>
  </si>
  <si>
    <t>12/24/2019 08:29:04</t>
  </si>
  <si>
    <t>12/24/2019 08:28:53</t>
  </si>
  <si>
    <t>12/24/2019 08:33:28</t>
  </si>
  <si>
    <t>ec242ee9-eee8-4db1-80c3-6bdb6d9d7016.tmp</t>
  </si>
  <si>
    <t>\\acsfs\profiles$\geovannasm\Downloads\ec242ee9-eee8-4db1-80c3-6bdb6d9d7016.tmp</t>
  </si>
  <si>
    <t>12/24/2019 08:33:19</t>
  </si>
  <si>
    <t>12/24/2019 08:35:27</t>
  </si>
  <si>
    <t>12/24/2019 08:32:47</t>
  </si>
  <si>
    <t>2c306a5e-d839-4298-8743-37642faf4a6f.tmp</t>
  </si>
  <si>
    <t>\\acsfs\profiles$\vivianealda\Downloads\2c306a5e-d839-4298-8743-37642faf4a6f.tmp</t>
  </si>
  <si>
    <t>12/24/2019 08:36:28</t>
  </si>
  <si>
    <t>\\acsfs\profiles$\felipetds\My Documents\</t>
  </si>
  <si>
    <t>\\acsfs\profiles$\felipetds\Favorites\desktop.ini</t>
  </si>
  <si>
    <t>12/24/2019 08:30:28</t>
  </si>
  <si>
    <t>12/24/2019 08:30:30</t>
  </si>
  <si>
    <t>12/24/2019 08:30:31</t>
  </si>
  <si>
    <t>12/24/2019 08:30:33</t>
  </si>
  <si>
    <t>12/24/2019 08:30:34</t>
  </si>
  <si>
    <t>12/24/2019 08:30:37</t>
  </si>
  <si>
    <t>\\acsfs\profiles$\felipetds\My Documents\My Music\desktop.ini</t>
  </si>
  <si>
    <t>12/24/2019 08:30:38</t>
  </si>
  <si>
    <t>12/24/2019 08:30:39</t>
  </si>
  <si>
    <t>12/24/2019 08:30:41</t>
  </si>
  <si>
    <t>12/24/2019 08:30:42</t>
  </si>
  <si>
    <t>12/24/2019 08:30:43</t>
  </si>
  <si>
    <t>\\acsfs\profiles$\felipetds\Searches\</t>
  </si>
  <si>
    <t>\\acsfs\profiles$\felipetds\Searches\desktop.ini</t>
  </si>
  <si>
    <t>12/24/2019 08:30:45</t>
  </si>
  <si>
    <t>12/24/2019 08:30:47</t>
  </si>
  <si>
    <t>12/24/2019 08:30:48</t>
  </si>
  <si>
    <t>12/24/2019 08:30:49</t>
  </si>
  <si>
    <t>\\acsfs\profiles$\felipetds\Downloads\desktop.ini</t>
  </si>
  <si>
    <t>12/24/2019 08:30:50</t>
  </si>
  <si>
    <t>12/24/2019 08:30:53</t>
  </si>
  <si>
    <t>\\acsfs\profiles$\felipetds\Favorites\</t>
  </si>
  <si>
    <t>\\acsfs\profiles$\felipetds\My Documents\desktop.ini</t>
  </si>
  <si>
    <t>12/24/2019 08:30:54</t>
  </si>
  <si>
    <t>12/24/2019 08:30:55</t>
  </si>
  <si>
    <t>12/24/2019 08:30:56</t>
  </si>
  <si>
    <t>12/24/2019 08:30:57</t>
  </si>
  <si>
    <t>12/24/2019 08:30:58</t>
  </si>
  <si>
    <t>12/24/2019 08:30:59</t>
  </si>
  <si>
    <t>\\acsfs\profiles$\felipetds\Saved Games\desktop.ini</t>
  </si>
  <si>
    <t>12/24/2019 08:31:00</t>
  </si>
  <si>
    <t>12/24/2019 08:31:16</t>
  </si>
  <si>
    <t>winrt--{S-1-5-21-602162358-764733703-839522115-352980}-.searchconnector-ms</t>
  </si>
  <si>
    <t>\\acsfs\profiles$\felipetds\Searches\winrt--{S-1-5-21-602162358-764733703-839522115-352980}-.searchconnector-ms</t>
  </si>
  <si>
    <t>12/24/2019 08:32:32</t>
  </si>
  <si>
    <t>cbc7b23c-8c65-48a8-8ac3-4c825de9d3be.tmp</t>
  </si>
  <si>
    <t>\\acsfs\profiles$\felipetds\Downloads\cbc7b23c-8c65-48a8-8ac3-4c825de9d3be.tmp</t>
  </si>
  <si>
    <t>12/24/2019 08:33:31</t>
  </si>
  <si>
    <t>d027da0f-d618-47c3-a21b-645da9585b54.tmp</t>
  </si>
  <si>
    <t>\\acsfs\profiles$\felipetds\Downloads\d027da0f-d618-47c3-a21b-645da9585b54.tmp</t>
  </si>
  <si>
    <t>12/24/2019 08:31:45</t>
  </si>
  <si>
    <t>12/24/2019 08:33:36</t>
  </si>
  <si>
    <t>fÉrias;</t>
  </si>
  <si>
    <t>https://fÉrias</t>
  </si>
  <si>
    <t>12/24/2019 08:33:41</t>
  </si>
  <si>
    <t>12/24/2019 08:34:17</t>
  </si>
  <si>
    <t>12/24/2019 08:34:40</t>
  </si>
  <si>
    <t>12/24/2019 08:35:00</t>
  </si>
  <si>
    <t>12/24/2019 08:34:59</t>
  </si>
  <si>
    <t>Beatriz Pereira Mendes da Silva_1_6771033332549490041_1_32.wav</t>
  </si>
  <si>
    <t>\\acsfs\Deptos\EDUCACAO EMPRESARIAL\FERNANDA MONIT\Ligação para Mutant terceiro Ciclo\Beatriz Pereira Mendes da Silva_1_6771033332549490041_1_32.wav</t>
  </si>
  <si>
    <t>12/24/2019 08:32:05</t>
  </si>
  <si>
    <t>LAIS RIBEIRO_1_6769937033557247081_1_32.wav</t>
  </si>
  <si>
    <t>\\acsfs\Deptos\EDUCACAO EMPRESARIAL\KÉSIA\Ligações 3º ciclo - Késia\LAIS RIBEIRO_1_6769937033557247081_1_32.wav</t>
  </si>
  <si>
    <t>12/24/2019 08:31:53</t>
  </si>
  <si>
    <t>12/24/2019 08:37:27</t>
  </si>
  <si>
    <t>c273dc86-3785-4c99-9a2c-221473b5cd0b.tmp</t>
  </si>
  <si>
    <t>\\acsfs\profiles$\YASMINSC\Downloads\c273dc86-3785-4c99-9a2c-221473b5cd0b.tmp</t>
  </si>
  <si>
    <t>12/24/2019 08:32:57</t>
  </si>
  <si>
    <t>d25e47e0-d786-42bc-be55-c7a35ef04b4c.tmp</t>
  </si>
  <si>
    <t>\\acsfs\profiles$\YASMINSC\Downloads\d25e47e0-d786-42bc-be55-c7a35ef04b4c.tmp</t>
  </si>
  <si>
    <t>12/24/2019 08:37:36</t>
  </si>
  <si>
    <t>12/24/2019 08:40:27</t>
  </si>
  <si>
    <t>12/24/2019 08:36:45</t>
  </si>
  <si>
    <t>12/24/2019 08:41:28</t>
  </si>
  <si>
    <t>12/24/2019 08:37:14</t>
  </si>
  <si>
    <t>12/24/2019 08:37:45</t>
  </si>
  <si>
    <t>12/24/2019 08:38:37</t>
  </si>
  <si>
    <t>12/24/2019 08:39:05</t>
  </si>
  <si>
    <t>12/24/2019 08:40:33</t>
  </si>
  <si>
    <t>12/24/2019 08:42:27</t>
  </si>
  <si>
    <t>12/24/2019 08:38:33</t>
  </si>
  <si>
    <t>\\acsfs\DEPTOS\Operacao\Banco_Votorantim\Qualidade\Anderson\Jose\</t>
  </si>
  <si>
    <t>Laudo Marilia.docx</t>
  </si>
  <si>
    <t>\\acsfs\DEPTOS\Operacao\Banco_Votorantim\Qualidade\Anderson\Jose\Laudo Marilia.docx</t>
  </si>
  <si>
    <t>12/24/2019 08:39:30</t>
  </si>
  <si>
    <t>12/24/2019 08:41:27</t>
  </si>
  <si>
    <t>12/24/2019 08:41:30</t>
  </si>
  <si>
    <t>12/24/2019 08:45:28</t>
  </si>
  <si>
    <t>998dd959-bf94-4924-9446-b50ed11de5bf.tmp</t>
  </si>
  <si>
    <t>\\acsfs\profiles$\PEDROHAB\Downloads\998dd959-bf94-4924-9446-b50ed11de5bf.tmp</t>
  </si>
  <si>
    <t>eb0078cd-8ffe-4458-8653-2f518fb316ca.tmp</t>
  </si>
  <si>
    <t>\\acsfs\profiles$\PEDROHAB\Downloads\eb0078cd-8ffe-4458-8653-2f518fb316ca.tmp</t>
  </si>
  <si>
    <t>12/24/2019 08:44:15</t>
  </si>
  <si>
    <t>8228bdea-5758-425b-afdf-d9235f2ac1e7.tmp</t>
  </si>
  <si>
    <t>\\acsfs\profiles$\PEDROHAB\Downloads\8228bdea-5758-425b-afdf-d9235f2ac1e7.tmp</t>
  </si>
  <si>
    <t>12/24/2019 08:41:51</t>
  </si>
  <si>
    <t>12/24/2019 08:46:28</t>
  </si>
  <si>
    <t>12/24/2019 08:42:25</t>
  </si>
  <si>
    <t>12/24/2019 08:42:38</t>
  </si>
  <si>
    <t>12/24/2019 08:42:45</t>
  </si>
  <si>
    <t>12/24/2019 08:43:45</t>
  </si>
  <si>
    <t>12/24/2019 08:45:04</t>
  </si>
  <si>
    <t>12/24/2019 08:43:35</t>
  </si>
  <si>
    <t>10.200.67.170</t>
  </si>
  <si>
    <t>74-86-7A-FB-16-85</t>
  </si>
  <si>
    <t>VOTORANT-IB008</t>
  </si>
  <si>
    <t>thaisdss</t>
  </si>
  <si>
    <t>\\acsfs\profiles$\thaisdss\My Documents\xworkcenter\lex\</t>
  </si>
  <si>
    <t>\\acsfs\profiles$\thaisdss\My Documents\xworkcenter\lex\temp.tlx</t>
  </si>
  <si>
    <t>12/24/2019 08:43:36</t>
  </si>
  <si>
    <t>12/24/2019 08:43:37</t>
  </si>
  <si>
    <t>12/24/2019 08:43:38</t>
  </si>
  <si>
    <t>12/24/2019 08:43:39</t>
  </si>
  <si>
    <t>12/24/2019 08:43:40</t>
  </si>
  <si>
    <t>12/24/2019 08:43:41</t>
  </si>
  <si>
    <t>12/24/2019 08:43:42</t>
  </si>
  <si>
    <t>12/24/2019 08:43:43</t>
  </si>
  <si>
    <t>12/24/2019 08:43:44</t>
  </si>
  <si>
    <t>12/24/2019 08:43:46</t>
  </si>
  <si>
    <t>12/24/2019 08:43:47</t>
  </si>
  <si>
    <t>12/24/2019 08:43:48</t>
  </si>
  <si>
    <t>12/24/2019 08:43:49</t>
  </si>
  <si>
    <t>12/24/2019 08:43:50</t>
  </si>
  <si>
    <t>12/24/2019 08:43:51</t>
  </si>
  <si>
    <t>12/24/2019 08:43:52</t>
  </si>
  <si>
    <t>12/24/2019 08:43:53</t>
  </si>
  <si>
    <t>12/24/2019 08:43:54</t>
  </si>
  <si>
    <t>12/24/2019 08:43:55</t>
  </si>
  <si>
    <t>12/24/2019 08:43:56</t>
  </si>
  <si>
    <t>12/24/2019 08:43:57</t>
  </si>
  <si>
    <t>12/24/2019 08:43:58</t>
  </si>
  <si>
    <t>12/24/2019 08:43:59</t>
  </si>
  <si>
    <t>12/24/2019 08:44:00</t>
  </si>
  <si>
    <t>12/24/2019 08:44:01</t>
  </si>
  <si>
    <t>12/23/2019 22:06:22</t>
  </si>
  <si>
    <t>12/24/2019 08:47:28</t>
  </si>
  <si>
    <t>\\acsfs\profiles$\marcosvnds\My Documents\xworkcenter\logs\</t>
  </si>
  <si>
    <t>XLOG_marcosvnds_23122019_182944.log</t>
  </si>
  <si>
    <t>\\acsfs\profiles$\marcosvnds\My Documents\xworkcenter\logs\XLOG_marcosvnds_23122019_182944.log</t>
  </si>
  <si>
    <t>XLOG_marcosvnds_23122019_165928.log</t>
  </si>
  <si>
    <t>\\acsfs\profiles$\marcosvnds\My Documents\xworkcenter\logs\XLOG_marcosvnds_23122019_165928.log</t>
  </si>
  <si>
    <t>12/24/2019 08:43:15</t>
  </si>
  <si>
    <t>12/24/2019 08:47:18</t>
  </si>
  <si>
    <t>12/24/2019 08:48:28</t>
  </si>
  <si>
    <t>8bcbb91d-133b-45fd-87ff-c61695b67051.tmp</t>
  </si>
  <si>
    <t>\\acsfs\profiles$\brendadsl\Downloads\8bcbb91d-133b-45fd-87ff-c61695b67051.tmp</t>
  </si>
  <si>
    <t>12/24/2019 08:47:20</t>
  </si>
  <si>
    <t>5f425896-f50a-4b1e-8470-89982c8490fe.tmp</t>
  </si>
  <si>
    <t>\\acsfs\profiles$\brendadsl\Downloads\5f425896-f50a-4b1e-8470-89982c8490fe.tmp</t>
  </si>
  <si>
    <t>eb842fc5-f44f-48e0-bfe3-9129776b5d3d.tmp</t>
  </si>
  <si>
    <t>\\acsfs\profiles$\brendadsl\Downloads\eb842fc5-f44f-48e0-bfe3-9129776b5d3d.tmp</t>
  </si>
  <si>
    <t>12/24/2019 08:47:21</t>
  </si>
  <si>
    <t>a5eb268a-1a00-46f3-9a79-9d6e472cc62b.tmp</t>
  </si>
  <si>
    <t>\\acsfs\profiles$\brendadsl\Downloads\a5eb268a-1a00-46f3-9a79-9d6e472cc62b.tmp</t>
  </si>
  <si>
    <t>12/24/2019 08:47:23</t>
  </si>
  <si>
    <t>89f52ec7-3a1d-44bc-a9b7-888240f17e44.tmp</t>
  </si>
  <si>
    <t>\\acsfs\profiles$\brendadsl\Downloads\89f52ec7-3a1d-44bc-a9b7-888240f17e44.tmp</t>
  </si>
  <si>
    <t>12/24/2019 08:43:27</t>
  </si>
  <si>
    <t>63078a65-0498-4212-bfe7-8d9512d2bbe0.tmp</t>
  </si>
  <si>
    <t>\\acsfs\profiles$\geovannasm\Downloads\63078a65-0498-4212-bfe7-8d9512d2bbe0.tmp</t>
  </si>
  <si>
    <t>12/24/2019 08:49:53</t>
  </si>
  <si>
    <t>12/24/2019 08:50:28</t>
  </si>
  <si>
    <t>7e3fa1d0-b7a9-4e1a-ac70-fd06fa0c029f.tmp</t>
  </si>
  <si>
    <t>\\acsfs\profiles$\leticiala\Downloads\7e3fa1d0-b7a9-4e1a-ac70-fd06fa0c029f.tmp</t>
  </si>
  <si>
    <t>12/24/2019 08:50:17</t>
  </si>
  <si>
    <t>c93f5e15-f928-4e04-9db7-d3eeaa71ff47.tmp</t>
  </si>
  <si>
    <t>\\acsfs\profiles$\leticiala\Downloads\c93f5e15-f928-4e04-9db7-d3eeaa71ff47.tmp</t>
  </si>
  <si>
    <t>12/24/2019 08:49:13</t>
  </si>
  <si>
    <t>12/24/2019 08:51:28</t>
  </si>
  <si>
    <t>12/24/2019 08:48:45</t>
  </si>
  <si>
    <t>12/24/2019 08:49:45</t>
  </si>
  <si>
    <t>12/24/2019 08:49:24</t>
  </si>
  <si>
    <t>36a11db1-5b50-4ae8-8d31-c9c397ddaeaf.tmp</t>
  </si>
  <si>
    <t>\\acsfs\profiles$\alessandraan\Downloads\36a11db1-5b50-4ae8-8d31-c9c397ddaeaf.tmp</t>
  </si>
  <si>
    <t>12/24/2019 08:49:26</t>
  </si>
  <si>
    <t>f9aaf806-fd6c-4537-a739-e27e2e88dee5.tmp</t>
  </si>
  <si>
    <t>\\acsfs\profiles$\alessandraan\Downloads\f9aaf806-fd6c-4537-a739-e27e2e88dee5.tmp</t>
  </si>
  <si>
    <t>12/24/2019 08:49:27</t>
  </si>
  <si>
    <t>13b7a01d-ea50-4b3b-ab01-c63eb111862f.tmp</t>
  </si>
  <si>
    <t>\\acsfs\profiles$\alessandraan\Downloads\13b7a01d-ea50-4b3b-ab01-c63eb111862f.tmp</t>
  </si>
  <si>
    <t>12/24/2019 08:50:21</t>
  </si>
  <si>
    <t>f3363303-c38c-43e7-a6d6-9684e803d370.tmp</t>
  </si>
  <si>
    <t>\\acsfs\profiles$\alessandraan\Downloads\f3363303-c38c-43e7-a6d6-9684e803d370.tmp</t>
  </si>
  <si>
    <t>12/24/2019 08:51:03</t>
  </si>
  <si>
    <t>TALITA FERNANDES DA COSTA_1_6769599642401309374_1_32.wav</t>
  </si>
  <si>
    <t>\\acsfs\Deptos\EDUCACAO EMPRESARIAL\KÉSIA\Ligações 3º ciclo - Késia\TALITA FERNANDES DA COSTA_1_6769599642401309374_1_32.wav</t>
  </si>
  <si>
    <t>12/24/2019 08:50:20</t>
  </si>
  <si>
    <t>12/24/2019 08:52:28</t>
  </si>
  <si>
    <t>48064d4b-724c-4535-b7e3-75be1ad257ce.tmp</t>
  </si>
  <si>
    <t>\\acsfs\profiles$\marcosvnds\Downloads\48064d4b-724c-4535-b7e3-75be1ad257ce.tmp</t>
  </si>
  <si>
    <t>12/24/2019 08:51:14</t>
  </si>
  <si>
    <t>c7af4e0e-6771-4d1c-96f7-d075dece30df.tmp</t>
  </si>
  <si>
    <t>\\acsfs\profiles$\marcosvnds\Downloads\c7af4e0e-6771-4d1c-96f7-d075dece30df.tmp</t>
  </si>
  <si>
    <t>12/24/2019 08:50:22</t>
  </si>
  <si>
    <t>baca1e7c-b885-494c-87f4-45d1dc8ea443.tmp</t>
  </si>
  <si>
    <t>\\acsfs\profiles$\isabellegtds\Downloads\baca1e7c-b885-494c-87f4-45d1dc8ea443.tmp</t>
  </si>
  <si>
    <t>12/24/2019 08:51:32</t>
  </si>
  <si>
    <t>2583995b-735f-4d32-a47a-621e07a1bb07.tmp</t>
  </si>
  <si>
    <t>\\acsfs\profiles$\isabellegtds\Downloads\2583995b-735f-4d32-a47a-621e07a1bb07.tmp</t>
  </si>
  <si>
    <t>12/24/2019 08:50:52</t>
  </si>
  <si>
    <t>12/24/2019 08:53:27</t>
  </si>
  <si>
    <t>a47b467f-89e6-4c2e-a6c2-235bc57b7da5.tmp</t>
  </si>
  <si>
    <t>\\acsfs\profiles$\georgendsq\Downloads\a47b467f-89e6-4c2e-a6c2-235bc57b7da5.tmp</t>
  </si>
  <si>
    <t>bc42974c-8648-4747-b47f-34f75438ac82.tmp</t>
  </si>
  <si>
    <t>\\acsfs\profiles$\georgendsq\Downloads\bc42974c-8648-4747-b47f-34f75438ac82.tmp</t>
  </si>
  <si>
    <t>12/24/2019 08:51:57</t>
  </si>
  <si>
    <t>12/24/2019 08:50:47</t>
  </si>
  <si>
    <t>12/24/2019 08:55:27</t>
  </si>
  <si>
    <t>12/24/2019 08:51:13</t>
  </si>
  <si>
    <t>12/24/2019 08:56:28</t>
  </si>
  <si>
    <t>12/24/2019 08:53:06</t>
  </si>
  <si>
    <t>12/24/2019 08:54:46</t>
  </si>
  <si>
    <t>12/24/2019 08:54:17</t>
  </si>
  <si>
    <t>12/24/2019 08:54:27</t>
  </si>
  <si>
    <t>12/24/2019 08:54:28</t>
  </si>
  <si>
    <t>12/24/2019 08:52:59</t>
  </si>
  <si>
    <t>9a109143-7335-49ed-b8e1-1242164224b3.tmp</t>
  </si>
  <si>
    <t>\\acsfs\profiles$\KARENDSR\Downloads\9a109143-7335-49ed-b8e1-1242164224b3.tmp</t>
  </si>
  <si>
    <t>12/24/2019 08:54:01</t>
  </si>
  <si>
    <t>8f7f4631-41f2-45fc-a86c-bd42ecb2788f.tmp</t>
  </si>
  <si>
    <t>\\acsfs\profiles$\KARENDSR\Downloads\8f7f4631-41f2-45fc-a86c-bd42ecb2788f.tmp</t>
  </si>
  <si>
    <t>12/24/2019 08:54:09</t>
  </si>
  <si>
    <t>9ad2ab41-ae82-45b8-9283-8bf3137f2b4d.tmp</t>
  </si>
  <si>
    <t>\\acsfs\profiles$\KARENDSR\Downloads\9ad2ab41-ae82-45b8-9283-8bf3137f2b4d.tmp</t>
  </si>
  <si>
    <t>12/24/2019 08:52:02</t>
  </si>
  <si>
    <t>12/24/2019 08:57:28</t>
  </si>
  <si>
    <t>12/24/2019 08:52:03</t>
  </si>
  <si>
    <t>12/24/2019 08:52:04</t>
  </si>
  <si>
    <t>12/24/2019 08:52:05</t>
  </si>
  <si>
    <t>12/24/2019 08:52:40</t>
  </si>
  <si>
    <t>d3dd44e8-4fb6-436f-9455-a18bf0aa7ed3.tmp</t>
  </si>
  <si>
    <t>\\acsfs\profiles$\marcosvnds\Downloads\d3dd44e8-4fb6-436f-9455-a18bf0aa7ed3.tmp</t>
  </si>
  <si>
    <t>12/24/2019 08:53:23</t>
  </si>
  <si>
    <t>491e3ffb-6e51-4028-af9a-3a349bba5973.tmp</t>
  </si>
  <si>
    <t>\\acsfs\profiles$\marcosvnds\Downloads\491e3ffb-6e51-4028-af9a-3a349bba5973.tmp</t>
  </si>
  <si>
    <t>12/24/2019 08:54:21</t>
  </si>
  <si>
    <t>7e5d9c79-ee35-45f9-a9eb-be75449d8843.tmp</t>
  </si>
  <si>
    <t>\\acsfs\profiles$\marcosvnds\Downloads\7e5d9c79-ee35-45f9-a9eb-be75449d8843.tmp</t>
  </si>
  <si>
    <t>12/24/2019 08:53:12</t>
  </si>
  <si>
    <t>588be8f8-3357-4683-91ea-72bd6fce29a3.tmp</t>
  </si>
  <si>
    <t>\\acsfs\profiles$\claudiajca\Downloads\588be8f8-3357-4683-91ea-72bd6fce29a3.tmp</t>
  </si>
  <si>
    <t>12/24/2019 08:54:54</t>
  </si>
  <si>
    <t>12/24/2019 08:53:47</t>
  </si>
  <si>
    <t>12/24/2019 08:53:48</t>
  </si>
  <si>
    <t>12/24/2019 08:53:49</t>
  </si>
  <si>
    <t>12/24/2019 08:53:50</t>
  </si>
  <si>
    <t>12/24/2019 08:53:51</t>
  </si>
  <si>
    <t>12/24/2019 08:53:52</t>
  </si>
  <si>
    <t>12/24/2019 08:53:53</t>
  </si>
  <si>
    <t>12/24/2019 08:53:54</t>
  </si>
  <si>
    <t>12/24/2019 08:53:55</t>
  </si>
  <si>
    <t>12/24/2019 08:53:56</t>
  </si>
  <si>
    <t>12/24/2019 08:53:57</t>
  </si>
  <si>
    <t>12/24/2019 08:53:58</t>
  </si>
  <si>
    <t>12/24/2019 08:53:59</t>
  </si>
  <si>
    <t>12/24/2019 08:54:00</t>
  </si>
  <si>
    <t>12/24/2019 08:54:02</t>
  </si>
  <si>
    <t>12/24/2019 08:54:03</t>
  </si>
  <si>
    <t>12/24/2019 08:54:04</t>
  </si>
  <si>
    <t>12/24/2019 08:54:05</t>
  </si>
  <si>
    <t>12/24/2019 08:54:06</t>
  </si>
  <si>
    <t>12/24/2019 08:54:07</t>
  </si>
  <si>
    <t>12/24/2019 08:58:28</t>
  </si>
  <si>
    <t>12/24/2019 08:54:37</t>
  </si>
  <si>
    <t>51ddffa1-7790-4e44-9c07-08339b062719.tmp</t>
  </si>
  <si>
    <t>\\acsfs\profiles$\geovanaasa\Downloads\51ddffa1-7790-4e44-9c07-08339b062719.tmp</t>
  </si>
  <si>
    <t>12/24/2019 08:57:01</t>
  </si>
  <si>
    <t>0c289e6f-fc24-413c-aa84-ec8146819e84.tmp</t>
  </si>
  <si>
    <t>\\acsfs\profiles$\ayalabfi\Downloads\0c289e6f-fc24-413c-aa84-ec8146819e84.tmp</t>
  </si>
  <si>
    <t>12/24/2019 08:56:04</t>
  </si>
  <si>
    <t>12/24/2019 09:01:27</t>
  </si>
  <si>
    <t>12/24/2019 08:55:36</t>
  </si>
  <si>
    <t>12/24/2019 08:55:45</t>
  </si>
  <si>
    <t>12/24/2019 08:58:18</t>
  </si>
  <si>
    <t>12/24/2019 08:57:15</t>
  </si>
  <si>
    <t>0542a5e4-ee45-4ac9-b500-8d775499d4f1.tmp</t>
  </si>
  <si>
    <t>\\acsfs\profiles$\KARENDSR\Downloads\0542a5e4-ee45-4ac9-b500-8d775499d4f1.tmp</t>
  </si>
  <si>
    <t>12/24/2019 08:57:58</t>
  </si>
  <si>
    <t>12/24/2019 09:02:27</t>
  </si>
  <si>
    <t>325818f7-d8f7-485b-a49c-128fcd3f5fcc.tmp</t>
  </si>
  <si>
    <t>\\acsfs\profiles$\marcosvnds\Downloads\325818f7-d8f7-485b-a49c-128fcd3f5fcc.tmp</t>
  </si>
  <si>
    <t>12/24/2019 08:59:26</t>
  </si>
  <si>
    <t>3a413bbe-524e-4412-a56a-85125836f2db.tmp</t>
  </si>
  <si>
    <t>\\acsfs\profiles$\LUCASBS\Downloads\3a413bbe-524e-4412-a56a-85125836f2db.tmp</t>
  </si>
  <si>
    <t>12/24/2019 09:00:53</t>
  </si>
  <si>
    <t>12/24/2019 08:59:14</t>
  </si>
  <si>
    <t>7ffeb30b-4a8a-455b-859b-6b1055e303d5.tmp</t>
  </si>
  <si>
    <t>\\acsfs\profiles$\claudiajca\Downloads\7ffeb30b-4a8a-455b-859b-6b1055e303d5.tmp</t>
  </si>
  <si>
    <t>12/24/2019 08:58:22</t>
  </si>
  <si>
    <t>10.200.67.138</t>
  </si>
  <si>
    <t>74-86-7A-FB-18-48</t>
  </si>
  <si>
    <t>VOTORANT-IB009</t>
  </si>
  <si>
    <t>andrezacapf</t>
  </si>
  <si>
    <t>\\acsfs\profiles$\andrezacapf\Downloads\</t>
  </si>
  <si>
    <t>e5637567-2f61-49e0-b353-ee2e8ecd6dc5.tmp</t>
  </si>
  <si>
    <t>\\acsfs\profiles$\andrezacapf\Downloads\e5637567-2f61-49e0-b353-ee2e8ecd6dc5.tmp</t>
  </si>
  <si>
    <t>12/24/2019 08:58:31</t>
  </si>
  <si>
    <t>ac03e48f-5306-48c1-9106-c061856c8699.tmp</t>
  </si>
  <si>
    <t>\\acsfs\profiles$\andrezacapf\Downloads\ac03e48f-5306-48c1-9106-c061856c8699.tmp</t>
  </si>
  <si>
    <t>db9176bd-e633-4b50-b51e-fa9b6b441952.tmp</t>
  </si>
  <si>
    <t>\\acsfs\profiles$\andrezacapf\Downloads\db9176bd-e633-4b50-b51e-fa9b6b441952.tmp</t>
  </si>
  <si>
    <t>12/24/2019 08:58:32</t>
  </si>
  <si>
    <t>fb1c709d-ec2b-4f97-9761-566218fd6c4c.tmp</t>
  </si>
  <si>
    <t>\\acsfs\profiles$\andrezacapf\Downloads\fb1c709d-ec2b-4f97-9761-566218fd6c4c.tmp</t>
  </si>
  <si>
    <t>12/24/2019 08:58:38</t>
  </si>
  <si>
    <t>e2971eb6-60c3-4369-b432-315c0fc54641.tmp</t>
  </si>
  <si>
    <t>\\acsfs\profiles$\andrezacapf\Downloads\e2971eb6-60c3-4369-b432-315c0fc54641.tmp</t>
  </si>
  <si>
    <t>12/24/2019 08:59:02</t>
  </si>
  <si>
    <t>f73da3c1-470d-4ef5-a68c-8f1003b7380a.tmp</t>
  </si>
  <si>
    <t>\\acsfs\profiles$\andrezacapf\Downloads\f73da3c1-470d-4ef5-a68c-8f1003b7380a.tmp</t>
  </si>
  <si>
    <t>12/24/2019 08:59:30</t>
  </si>
  <si>
    <t>10f84147-7866-4b18-a6a0-d19d8e66e883.tmp</t>
  </si>
  <si>
    <t>\\acsfs\profiles$\andrezacapf\Downloads\10f84147-7866-4b18-a6a0-d19d8e66e883.tmp</t>
  </si>
  <si>
    <t>12/24/2019 08:59:32</t>
  </si>
  <si>
    <t>7ffd385b-6656-45a8-8bfd-8694fda398d5.tmp</t>
  </si>
  <si>
    <t>\\acsfs\profiles$\andrezacapf\Downloads\7ffd385b-6656-45a8-8bfd-8694fda398d5.tmp</t>
  </si>
  <si>
    <t>12/24/2019 09:01:09</t>
  </si>
  <si>
    <t>c8e4ee03-7a83-4b18-aecc-e62f42486938.tmp</t>
  </si>
  <si>
    <t>\\acsfs\profiles$\andrezacapf\Downloads\c8e4ee03-7a83-4b18-aecc-e62f42486938.tmp</t>
  </si>
  <si>
    <t>12/24/2019 08:56:54</t>
  </si>
  <si>
    <t>flaviojmm</t>
  </si>
  <si>
    <t>c1febac4-9920-4c19-9c03-0d185523343e.tmp</t>
  </si>
  <si>
    <t>\\acsfs\profiles$\Flaviojmm\Downloads\c1febac4-9920-4c19-9c03-0d185523343e.tmp</t>
  </si>
  <si>
    <t>12/24/2019 08:57:53</t>
  </si>
  <si>
    <t>4a9d2b1c-6517-45a4-b775-dd18e1618ca3.tmp</t>
  </si>
  <si>
    <t>\\acsfs\profiles$\Flaviojmm\Downloads\4a9d2b1c-6517-45a4-b775-dd18e1618ca3.tmp</t>
  </si>
  <si>
    <t>12/24/2019 08:58:54</t>
  </si>
  <si>
    <t>12/24/2019 08:58:07</t>
  </si>
  <si>
    <t>XLOG_Angelicacldr_24122019_085535.log</t>
  </si>
  <si>
    <t>\\acsfs\profiles$\Angelicacldr\My Documents\xworkcenter\logs\XLOG_Angelicacldr_24122019_085535.log</t>
  </si>
  <si>
    <t>12/24/2019 09:02:44</t>
  </si>
  <si>
    <t>12/24/2019 09:03:27</t>
  </si>
  <si>
    <t>88057c1d-85fe-4db6-b7aa-b283ab246067.tmp</t>
  </si>
  <si>
    <t>\\acsfs\profiles$\brendadsl\Downloads\88057c1d-85fe-4db6-b7aa-b283ab246067.tmp</t>
  </si>
  <si>
    <t>f7bfac5e-1feb-437b-a5fd-4946b8032ec6.tmp</t>
  </si>
  <si>
    <t>\\acsfs\profiles$\geovanaasa\Downloads\f7bfac5e-1feb-437b-a5fd-4946b8032ec6.tmp</t>
  </si>
  <si>
    <t>12/24/2019 09:00:47</t>
  </si>
  <si>
    <t>75ee5c9f-2d15-444a-9b32-4114a8eb807d.tmp</t>
  </si>
  <si>
    <t>\\acsfs\profiles$\ayalabfi\Downloads\75ee5c9f-2d15-444a-9b32-4114a8eb807d.tmp</t>
  </si>
  <si>
    <t>12/24/2019 09:04:28</t>
  </si>
  <si>
    <t>1572fcd2-20cb-4565-9f7a-2330957746ca.tmp</t>
  </si>
  <si>
    <t>\\acsfs\profiles$\regisadsa\Downloads\1572fcd2-20cb-4565-9f7a-2330957746ca.tmp</t>
  </si>
  <si>
    <t>12/24/2019 09:02:09</t>
  </si>
  <si>
    <t>2594bb14-2ad7-4084-a7c5-a51e434c2313.tmp</t>
  </si>
  <si>
    <t>\\acsfs\profiles$\regisadsa\Downloads\2594bb14-2ad7-4084-a7c5-a51e434c2313.tmp</t>
  </si>
  <si>
    <t>12/24/2019 09:02:55</t>
  </si>
  <si>
    <t>d042cbca-bcb3-429a-b065-32dac1334546.tmp</t>
  </si>
  <si>
    <t>\\acsfs\profiles$\regisadsa\Downloads\d042cbca-bcb3-429a-b065-32dac1334546.tmp</t>
  </si>
  <si>
    <t>12/24/2019 09:03:03</t>
  </si>
  <si>
    <t>e1a1cb28-764b-4235-af5e-13e816b16123.tmp</t>
  </si>
  <si>
    <t>\\acsfs\profiles$\regisadsa\Downloads\e1a1cb28-764b-4235-af5e-13e816b16123.tmp</t>
  </si>
  <si>
    <t>12/24/2019 09:02:07</t>
  </si>
  <si>
    <t>12/24/2019 09:05:27</t>
  </si>
  <si>
    <t>12/24/2019 09:02:08</t>
  </si>
  <si>
    <t>12/24/2019 09:02:10</t>
  </si>
  <si>
    <t>12/24/2019 09:02:19</t>
  </si>
  <si>
    <t>12/24/2019 09:02:21</t>
  </si>
  <si>
    <t>12/24/2019 09:00:05</t>
  </si>
  <si>
    <t>10.200.67.20</t>
  </si>
  <si>
    <t>74-86-7A-FC-CF-AB</t>
  </si>
  <si>
    <t>VOTORANT-GB004</t>
  </si>
  <si>
    <t>stefaniasdf</t>
  </si>
  <si>
    <t>\\acsfs\profiles$\stefaniasdf\My Documents\xworkcenter\logs\</t>
  </si>
  <si>
    <t>XLOG_stefaniasdf_16122019_145041.log</t>
  </si>
  <si>
    <t>\\acsfs\profiles$\stefaniasdf\My Documents\xworkcenter\logs\XLOG_stefaniasdf_16122019_145041.log</t>
  </si>
  <si>
    <t>12/24/2019 09:03:54</t>
  </si>
  <si>
    <t>\\acsfs\profiles$\stefaniasdf\My Documents\xworkcenter\lex\</t>
  </si>
  <si>
    <t>\\acsfs\profiles$\stefaniasdf\My Documents\xworkcenter\lex\temp.tlx</t>
  </si>
  <si>
    <t>12/24/2019 09:03:55</t>
  </si>
  <si>
    <t>12/24/2019 09:03:56</t>
  </si>
  <si>
    <t>12/24/2019 09:03:57</t>
  </si>
  <si>
    <t>12/24/2019 09:03:59</t>
  </si>
  <si>
    <t>12/24/2019 09:04:01</t>
  </si>
  <si>
    <t>12/24/2019 09:04:02</t>
  </si>
  <si>
    <t>12/24/2019 09:04:03</t>
  </si>
  <si>
    <t>12/24/2019 09:04:04</t>
  </si>
  <si>
    <t>12/24/2019 09:04:05</t>
  </si>
  <si>
    <t>12/24/2019 09:04:06</t>
  </si>
  <si>
    <t>12/24/2019 09:04:07</t>
  </si>
  <si>
    <t>12/24/2019 09:04:08</t>
  </si>
  <si>
    <t>12/24/2019 09:04:09</t>
  </si>
  <si>
    <t>12/24/2019 09:04:10</t>
  </si>
  <si>
    <t>12/24/2019 09:04:11</t>
  </si>
  <si>
    <t>12/24/2019 09:04:12</t>
  </si>
  <si>
    <t>12/24/2019 09:04:13</t>
  </si>
  <si>
    <t>12/24/2019 09:04:14</t>
  </si>
  <si>
    <t>12/24/2019 09:04:15</t>
  </si>
  <si>
    <t>12/24/2019 09:04:16</t>
  </si>
  <si>
    <t>12/24/2019 09:04:17</t>
  </si>
  <si>
    <t>12/24/2019 09:04:18</t>
  </si>
  <si>
    <t>12/24/2019 09:04:19</t>
  </si>
  <si>
    <t>12/24/2019 09:05:13</t>
  </si>
  <si>
    <t>8d77b11c-2e4c-49fe-927e-e7d3067e023e.tmp</t>
  </si>
  <si>
    <t>\\acsfs\profiles$\leticiala\Downloads\8d77b11c-2e4c-49fe-927e-e7d3067e023e.tmp</t>
  </si>
  <si>
    <t>12/24/2019 09:00:45</t>
  </si>
  <si>
    <t>12/24/2019 09:06:28</t>
  </si>
  <si>
    <t>12/24/2019 09:01:45</t>
  </si>
  <si>
    <t>12/24/2019 09:03:07</t>
  </si>
  <si>
    <t>12/24/2019 09:03:04</t>
  </si>
  <si>
    <t>12/24/2019 09:03:16</t>
  </si>
  <si>
    <t>12/24/2019 09:04:36</t>
  </si>
  <si>
    <t>CRICIA VITAL DE OLIVEIRA_1_6769155903560164851_1_32.wav</t>
  </si>
  <si>
    <t>\\acsfs\Deptos\EDUCACAO EMPRESARIAL\KÉSIA\Ligações 3º ciclo - Késia\CRICIA VITAL DE OLIVEIRA_1_6769155903560164851_1_32.wav</t>
  </si>
  <si>
    <t>12/24/2019 09:01:52</t>
  </si>
  <si>
    <t>8f59b2e2-2284-40dd-a051-39d764f8332e.tmp</t>
  </si>
  <si>
    <t>\\acsfs\profiles$\KARENDSR\Downloads\8f59b2e2-2284-40dd-a051-39d764f8332e.tmp</t>
  </si>
  <si>
    <t>12/24/2019 09:07:27</t>
  </si>
  <si>
    <t>12/24/2019 09:05:25</t>
  </si>
  <si>
    <t>20c45ae3-3559-4c1b-a446-a310e9a57879.tmp</t>
  </si>
  <si>
    <t>\\acsfs\profiles$\LUCASBS\Downloads\20c45ae3-3559-4c1b-a446-a310e9a57879.tmp</t>
  </si>
  <si>
    <t>12/24/2019 09:02:36</t>
  </si>
  <si>
    <t>12/24/2019 09:02:24</t>
  </si>
  <si>
    <t>\\acsfs\profiles$\andrezacapf\My Documents\xworkcenter\lex\</t>
  </si>
  <si>
    <t>\\acsfs\profiles$\andrezacapf\My Documents\xworkcenter\lex\temp.tlx</t>
  </si>
  <si>
    <t>12/24/2019 09:02:25</t>
  </si>
  <si>
    <t>12/24/2019 09:05:10</t>
  </si>
  <si>
    <t>a51f0965-a5c8-4968-ac6e-4499992444c6.tmp</t>
  </si>
  <si>
    <t>\\acsfs\profiles$\Flaviojmm\Downloads\a51f0965-a5c8-4968-ac6e-4499992444c6.tmp</t>
  </si>
  <si>
    <t>12/24/2019 09:02:26</t>
  </si>
  <si>
    <t>12/24/2019 09:05:22</t>
  </si>
  <si>
    <t>78f73a23-7228-4bdf-b8af-4091ba24758b.tmp</t>
  </si>
  <si>
    <t>\\acsfs\profiles$\Flaviojmm\Downloads\78f73a23-7228-4bdf-b8af-4091ba24758b.tmp</t>
  </si>
  <si>
    <t>12/24/2019 09:06:03</t>
  </si>
  <si>
    <t>83d0f957-b814-447a-a78a-48dd5c1b9bb4.tmp</t>
  </si>
  <si>
    <t>\\acsfs\profiles$\Flaviojmm\Downloads\83d0f957-b814-447a-a78a-48dd5c1b9bb4.tmp</t>
  </si>
  <si>
    <t>12/24/2019 09:02:28</t>
  </si>
  <si>
    <t>12/24/2019 09:02:29</t>
  </si>
  <si>
    <t>12/24/2019 09:02:30</t>
  </si>
  <si>
    <t>12/24/2019 09:02:31</t>
  </si>
  <si>
    <t>12/24/2019 09:02:32</t>
  </si>
  <si>
    <t>12/24/2019 09:02:33</t>
  </si>
  <si>
    <t>12/24/2019 09:02:34</t>
  </si>
  <si>
    <t>12/24/2019 09:02:35</t>
  </si>
  <si>
    <t>12/24/2019 09:02:37</t>
  </si>
  <si>
    <t>12/24/2019 09:02:38</t>
  </si>
  <si>
    <t>12/24/2019 09:02:39</t>
  </si>
  <si>
    <t>12/24/2019 09:02:40</t>
  </si>
  <si>
    <t>12/24/2019 09:02:41</t>
  </si>
  <si>
    <t>12/24/2019 09:02:42</t>
  </si>
  <si>
    <t>12/24/2019 09:02:43</t>
  </si>
  <si>
    <t>12/24/2019 09:02:45</t>
  </si>
  <si>
    <t>12/24/2019 09:02:46</t>
  </si>
  <si>
    <t>12/24/2019 09:02:47</t>
  </si>
  <si>
    <t>12/24/2019 09:02:48</t>
  </si>
  <si>
    <t>12/24/2019 09:02:49</t>
  </si>
  <si>
    <t>12/24/2019 09:02:50</t>
  </si>
  <si>
    <t>12/24/2019 09:03:24</t>
  </si>
  <si>
    <t>12/24/2019 09:08:27</t>
  </si>
  <si>
    <t>12/24/2019 09:06:44</t>
  </si>
  <si>
    <t>12/24/2019 09:11:27</t>
  </si>
  <si>
    <t>12/24/2019 09:06:45</t>
  </si>
  <si>
    <t>12/24/2019 09:07:45</t>
  </si>
  <si>
    <t>12/24/2019 09:06:25</t>
  </si>
  <si>
    <t>528d9175-f3fc-4062-a40c-3b1d05242797.tmp</t>
  </si>
  <si>
    <t>\\acsfs\profiles$\kellzylenneasr\Downloads\528d9175-f3fc-4062-a40c-3b1d05242797.tmp</t>
  </si>
  <si>
    <t>e51130ae-d1d4-4cae-a638-80615a54ca6f.tmp</t>
  </si>
  <si>
    <t>\\acsfs\profiles$\kellzylenneasr\Downloads\e51130ae-d1d4-4cae-a638-80615a54ca6f.tmp</t>
  </si>
  <si>
    <t>12/24/2019 09:10:04</t>
  </si>
  <si>
    <t>12/24/2019 09:10:17</t>
  </si>
  <si>
    <t>12/24/2019 09:10:18</t>
  </si>
  <si>
    <t>12/24/2019 09:10:22</t>
  </si>
  <si>
    <t>12/24/2019 09:10:24</t>
  </si>
  <si>
    <t>12/24/2019 09:12:27</t>
  </si>
  <si>
    <t>12/24/2019 09:08:06</t>
  </si>
  <si>
    <t>12/24/2019 09:08:07</t>
  </si>
  <si>
    <t>lu294642hk4vk.tmp</t>
  </si>
  <si>
    <t>\\acsfs\profiles$\LUCASBS\lu294642hk4vk.tmp</t>
  </si>
  <si>
    <t>\\acsfs\profiles$\LUCASBS\lu294642hk4vk.tmp\</t>
  </si>
  <si>
    <t>\\acsfs\profiles$\LUCASBS\lu294642hk4vk.tmp\META-INF\</t>
  </si>
  <si>
    <t>\\acsfs\profiles$\LUCASBS\lu294642hk4vk.tmp\Thumbnails\</t>
  </si>
  <si>
    <t>12/24/2019 09:10:05</t>
  </si>
  <si>
    <t>https://udpmailboxap01.acs.com.br:8443/h/search?si=0&amp;so=0&amp;sc=52531&amp;sfi=2&amp;st=conversation&amp;action=compose&amp;paction=paneview</t>
  </si>
  <si>
    <t>camillarl@algartech.com;</t>
  </si>
  <si>
    <t>https://camillarl@algartech.com</t>
  </si>
  <si>
    <t>12/24/2019 09:11:22</t>
  </si>
  <si>
    <t>12/24/2019 09:13:27</t>
  </si>
  <si>
    <t>12/24/2019 09:13:00</t>
  </si>
  <si>
    <t>12/24/2019 09:15:27</t>
  </si>
  <si>
    <t>\\acsfs\profiles$\stefaniasdf\Favorites\</t>
  </si>
  <si>
    <t>TTV.url:favicon</t>
  </si>
  <si>
    <t>\\acsfs\profiles$\stefaniasdf\Favorites\TTV.url:favicon</t>
  </si>
  <si>
    <t>12/24/2019 09:13:01</t>
  </si>
  <si>
    <t>\\acsfs\profiles$\stefaniasdf\Favorites\TTV.url\</t>
  </si>
  <si>
    <t>\\acsfs\profiles$\stefaniasdf\Favorites\TTV.url\:favicon:$DATA</t>
  </si>
  <si>
    <t>TTV.url</t>
  </si>
  <si>
    <t>\\acsfs\profiles$\stefaniasdf\Favorites\TTV.url</t>
  </si>
  <si>
    <t>12/24/2019 09:12:53</t>
  </si>
  <si>
    <t>fcc74c65-9a43-4cc0-a736-1dc9e6daedad.tmp</t>
  </si>
  <si>
    <t>\\acsfs\profiles$\leticiala\Downloads\fcc74c65-9a43-4cc0-a736-1dc9e6daedad.tmp</t>
  </si>
  <si>
    <t>12/24/2019 09:12:34</t>
  </si>
  <si>
    <t>12/24/2019 09:16:26</t>
  </si>
  <si>
    <t>12/24/2019 09:12:45</t>
  </si>
  <si>
    <t>12/24/2019 09:13:45</t>
  </si>
  <si>
    <t>12/24/2019 09:13:09</t>
  </si>
  <si>
    <t>12/24/2019 09:17:26</t>
  </si>
  <si>
    <t>12/24/2019 09:13:11</t>
  </si>
  <si>
    <t>lu294642hk4vp.tmp</t>
  </si>
  <si>
    <t>\\acsfs\profiles$\LUCASBS\lu294642hk4vp.tmp</t>
  </si>
  <si>
    <t>\\acsfs\profiles$\LUCASBS\lu294642hk4vp.tmp\</t>
  </si>
  <si>
    <t>\\acsfs\profiles$\LUCASBS\lu294642hk4vp.tmp\META-INF\</t>
  </si>
  <si>
    <t>\\acsfs\profiles$\LUCASBS\lu294642hk4vp.tmp\Thumbnails\</t>
  </si>
  <si>
    <t>12/24/2019 09:18:19</t>
  </si>
  <si>
    <t>12/24/2019 09:21:26</t>
  </si>
  <si>
    <t>12/24/2019 09:18:45</t>
  </si>
  <si>
    <t>12/24/2019 09:19:45</t>
  </si>
  <si>
    <t>12/24/2019 09:16:02</t>
  </si>
  <si>
    <t>\\acsfs\profiles$\KELLZYLENNEASR\My Documents\.~lock.Nova 2019.ods#</t>
  </si>
  <si>
    <t>12/24/2019 09:17:51</t>
  </si>
  <si>
    <t>12/24/2019 09:17:25</t>
  </si>
  <si>
    <t>12/24/2019 09:18:13</t>
  </si>
  <si>
    <t>12/24/2019 09:22:27</t>
  </si>
  <si>
    <t>12/24/2019 09:18:14</t>
  </si>
  <si>
    <t>lu294642hk4vu.tmp</t>
  </si>
  <si>
    <t>\\acsfs\profiles$\LUCASBS\lu294642hk4vu.tmp</t>
  </si>
  <si>
    <t>\\acsfs\profiles$\LUCASBS\lu294642hk4vu.tmp\</t>
  </si>
  <si>
    <t>\\acsfs\profiles$\LUCASBS\lu294642hk4vu.tmp\META-INF\</t>
  </si>
  <si>
    <t>\\acsfs\profiles$\LUCASBS\lu294642hk4vu.tmp\Thumbnails\</t>
  </si>
  <si>
    <t>12/24/2019 09:19:15</t>
  </si>
  <si>
    <t>12/24/2019 09:19:16</t>
  </si>
  <si>
    <t>lu294642hk4vz.tmp</t>
  </si>
  <si>
    <t>\\acsfs\profiles$\LUCASBS\lu294642hk4vz.tmp</t>
  </si>
  <si>
    <t>\\acsfs\profiles$\LUCASBS\lu294642hk4vz.tmp\</t>
  </si>
  <si>
    <t>\\acsfs\profiles$\LUCASBS\lu294642hk4vz.tmp\META-INF\</t>
  </si>
  <si>
    <t>\\acsfs\profiles$\LUCASBS\lu294642hk4vz.tmp\Thumbnails\</t>
  </si>
  <si>
    <t>12/24/2019 09:20:40</t>
  </si>
  <si>
    <t>12/24/2019 09:25:26</t>
  </si>
  <si>
    <t>12/24/2019 09:23:32</t>
  </si>
  <si>
    <t>12/24/2019 09:26:27</t>
  </si>
  <si>
    <t>12/24/2019 09:23:55</t>
  </si>
  <si>
    <t>12/24/2019 09:24:45</t>
  </si>
  <si>
    <t>12/24/2019 09:23:57</t>
  </si>
  <si>
    <t>12/24/2019 09:21:27</t>
  </si>
  <si>
    <t>12/24/2019 09:22:15</t>
  </si>
  <si>
    <t>12/24/2019 09:25:19</t>
  </si>
  <si>
    <t>\\acsfs\profiles$\thaisdss\My Documents\</t>
  </si>
  <si>
    <t>Download.pdf</t>
  </si>
  <si>
    <t>\\acsfs\profiles$\thaisdss\My Documents\Download.pdf</t>
  </si>
  <si>
    <t>12/24/2019 09:24:36</t>
  </si>
  <si>
    <t>12/24/2019 09:27:26</t>
  </si>
  <si>
    <t>12/24/2019 09:24:38</t>
  </si>
  <si>
    <t>lu294642hk4w4.tmp</t>
  </si>
  <si>
    <t>\\acsfs\profiles$\LUCASBS\lu294642hk4w4.tmp</t>
  </si>
  <si>
    <t>\\acsfs\profiles$\LUCASBS\lu294642hk4w4.tmp\</t>
  </si>
  <si>
    <t>\\acsfs\profiles$\LUCASBS\lu294642hk4w4.tmp\META-INF\</t>
  </si>
  <si>
    <t>\\acsfs\profiles$\LUCASBS\lu294642hk4w4.tmp\Thumbnails\</t>
  </si>
  <si>
    <t>12/24/2019 09:24:51</t>
  </si>
  <si>
    <t>12/24/2019 09:25:37</t>
  </si>
  <si>
    <t>12/24/2019 09:28:27</t>
  </si>
  <si>
    <t>https://sstats.adobe.com/b/ss/adbadobenonacdcprod,adbadobeprototype/1/js-2.8.0-l9up/s68264005233263</t>
  </si>
  <si>
    <t>12/24/2019 09:26:58</t>
  </si>
  <si>
    <t>\\acsfs\profiles$\brendadsl\My Documents\Blocos\</t>
  </si>
  <si>
    <t>Bloco Reneg.txt</t>
  </si>
  <si>
    <t>\\acsfs\profiles$\brendadsl\My Documents\Blocos\Bloco Reneg.txt</t>
  </si>
  <si>
    <t>12/24/2019 09:24:43</t>
  </si>
  <si>
    <t>12/24/2019 09:29:26</t>
  </si>
  <si>
    <t>0a6e9140-50ea-4cbf-81c3-1eb2b1aa98f6.tmp</t>
  </si>
  <si>
    <t>\\acsfs\profiles$\alinepp\Downloads\0a6e9140-50ea-4cbf-81c3-1eb2b1aa98f6.tmp</t>
  </si>
  <si>
    <t>12/24/2019 09:26:34</t>
  </si>
  <si>
    <t>ff253a8c-9ada-4be9-a758-9479726a07a1.tmp</t>
  </si>
  <si>
    <t>\\acsfs\profiles$\alinepp\Downloads\ff253a8c-9ada-4be9-a758-9479726a07a1.tmp</t>
  </si>
  <si>
    <t>12/24/2019 09:27:06</t>
  </si>
  <si>
    <t>7efc0fdb-5c6c-43ef-bae1-9cf8ed5e2292.tmp</t>
  </si>
  <si>
    <t>\\acsfs\profiles$\alinepp\Downloads\7efc0fdb-5c6c-43ef-bae1-9cf8ed5e2292.tmp</t>
  </si>
  <si>
    <t>12/24/2019 09:25:45</t>
  </si>
  <si>
    <t>12/24/2019 09:31:26</t>
  </si>
  <si>
    <t>12/24/2019 09:26:17</t>
  </si>
  <si>
    <t>Bruno Gonçalves da Silva_1_6769589931480254440_1_32.wav</t>
  </si>
  <si>
    <t>\\acsfs\Deptos\EDUCACAO EMPRESARIAL\FERNANDA MONIT\Ligação para Mutant terceiro Ciclo\Bruno Gonçalves da Silva_1_6769589931480254440_1_32.wav</t>
  </si>
  <si>
    <t>12/24/2019 09:27:34</t>
  </si>
  <si>
    <t>12/24/2019 09:27:55</t>
  </si>
  <si>
    <t>12/24/2019 09:28:36</t>
  </si>
  <si>
    <t>12/24/2019 09:28:55</t>
  </si>
  <si>
    <t>12/24/2019 09:29:33</t>
  </si>
  <si>
    <t>12/24/2019 09:29:35</t>
  </si>
  <si>
    <t>12/24/2019 09:29:56</t>
  </si>
  <si>
    <t>12/24/2019 09:30:19</t>
  </si>
  <si>
    <t>12/24/2019 09:30:37</t>
  </si>
  <si>
    <t>12/24/2019 09:28:13</t>
  </si>
  <si>
    <t>Downloadfh.pdf</t>
  </si>
  <si>
    <t>\\acsfs\profiles$\thaisdss\My Documents\Downloadfh.pdf</t>
  </si>
  <si>
    <t>831e1540-cb4c-4ee0-94b2-360a5afab640.pdf</t>
  </si>
  <si>
    <t>\\acsfs\profiles$\thaisdss\My Documents\831e1540-cb4c-4ee0-94b2-360a5afab640.pdf</t>
  </si>
  <si>
    <t>12/24/2019 09:29:06</t>
  </si>
  <si>
    <t>\\acsfs\profiles$\thaisdss\My Documents\$RECYCLE.BIN\</t>
  </si>
  <si>
    <t>$I5B0FV5.pdf</t>
  </si>
  <si>
    <t>\\acsfs\profiles$\thaisdss\My Documents\$RECYCLE.BIN\$I5B0FV5.pdf</t>
  </si>
  <si>
    <t>12/24/2019 09:29:07</t>
  </si>
  <si>
    <t>$INSTCUP.pdf</t>
  </si>
  <si>
    <t>\\acsfs\profiles$\thaisdss\My Documents\$RECYCLE.BIN\$INSTCUP.pdf</t>
  </si>
  <si>
    <t>$ILUXV1K.pdf</t>
  </si>
  <si>
    <t>\\acsfs\profiles$\thaisdss\My Documents\$RECYCLE.BIN\$ILUXV1K.pdf</t>
  </si>
  <si>
    <t>12/24/2019 09:29:50</t>
  </si>
  <si>
    <t>12/24/2019 09:32:25</t>
  </si>
  <si>
    <t>12/24/2019 09:33:26</t>
  </si>
  <si>
    <t>12/24/2019 09:31:36</t>
  </si>
  <si>
    <t>12/24/2019 09:30:45</t>
  </si>
  <si>
    <t>12/24/2019 09:36:27</t>
  </si>
  <si>
    <t>12/24/2019 09:30:59</t>
  </si>
  <si>
    <t>12/24/2019 09:31:45</t>
  </si>
  <si>
    <t>12/24/2019 09:31:31</t>
  </si>
  <si>
    <t>12/24/2019 09:31:44</t>
  </si>
  <si>
    <t>12/24/2019 09:31:59</t>
  </si>
  <si>
    <t>12/24/2019 09:32:04</t>
  </si>
  <si>
    <t>12/24/2019 09:32:06</t>
  </si>
  <si>
    <t>12/24/2019 09:32:13</t>
  </si>
  <si>
    <t>12/24/2019 09:31:40</t>
  </si>
  <si>
    <t>$I8Z67UP.pdf</t>
  </si>
  <si>
    <t>\\acsfs\profiles$\thaisdss\My Documents\$RECYCLE.BIN\$I8Z67UP.pdf</t>
  </si>
  <si>
    <t>12/24/2019 09:35:13</t>
  </si>
  <si>
    <t>12/24/2019 09:39:27</t>
  </si>
  <si>
    <t>ba467b5d-d14b-490a-88d7-239c30e91fc1.tmp</t>
  </si>
  <si>
    <t>\\acsfs\profiles$\gabrielamdp\Downloads\ba467b5d-d14b-490a-88d7-239c30e91fc1.tmp</t>
  </si>
  <si>
    <t>12/24/2019 09:37:11</t>
  </si>
  <si>
    <t>ce0433a9-96b1-4609-bd7a-c4dc52c9ed80.tmp</t>
  </si>
  <si>
    <t>\\acsfs\profiles$\gabrielamdp\Downloads\ce0433a9-96b1-4609-bd7a-c4dc52c9ed80.tmp</t>
  </si>
  <si>
    <t>12/24/2019 09:39:46</t>
  </si>
  <si>
    <t>12/24/2019 09:40:27</t>
  </si>
  <si>
    <t>12/24/2019 09:39:54</t>
  </si>
  <si>
    <t>12/24/2019 09:41:27</t>
  </si>
  <si>
    <t>12/24/2019 09:36:45</t>
  </si>
  <si>
    <t>12/24/2019 09:37:14</t>
  </si>
  <si>
    <t>12/24/2019 09:37:45</t>
  </si>
  <si>
    <t>12/24/2019 09:38:14</t>
  </si>
  <si>
    <t>77304ec6-9582-4add-a9d8-8d1004aeb496.tmp</t>
  </si>
  <si>
    <t>\\acsfs\profiles$\quindaizaagds\Downloads\77304ec6-9582-4add-a9d8-8d1004aeb496.tmp</t>
  </si>
  <si>
    <t>12/24/2019 09:38:16</t>
  </si>
  <si>
    <t>51d5ad95-bd87-43fa-9d3c-d36ca912ff06.tmp</t>
  </si>
  <si>
    <t>\\acsfs\profiles$\quindaizaagds\Downloads\51d5ad95-bd87-43fa-9d3c-d36ca912ff06.tmp</t>
  </si>
  <si>
    <t>12/24/2019 09:36:21</t>
  </si>
  <si>
    <t>12/24/2019 09:36:57</t>
  </si>
  <si>
    <t>12/24/2019 09:41:21</t>
  </si>
  <si>
    <t>12/24/2019 09:42:27</t>
  </si>
  <si>
    <t>12/24/2019 09:40:38</t>
  </si>
  <si>
    <t>12/24/2019 09:45:27</t>
  </si>
  <si>
    <t>ee1d7d27-ef0c-4ca4-a8dd-107cabdd39b4.tmp</t>
  </si>
  <si>
    <t>\\acsfs\profiles$\vivianealda\Downloads\ee1d7d27-ef0c-4ca4-a8dd-107cabdd39b4.tmp</t>
  </si>
  <si>
    <t>12/24/2019 09:43:00</t>
  </si>
  <si>
    <t>7131e7f1-ed3e-42ee-9e4b-65079c173a77.tmp</t>
  </si>
  <si>
    <t>\\acsfs\profiles$\leticiala\Downloads\7131e7f1-ed3e-42ee-9e4b-65079c173a77.tmp</t>
  </si>
  <si>
    <t>12/24/2019 09:45:05</t>
  </si>
  <si>
    <t>12/24/2019 09:46:27</t>
  </si>
  <si>
    <t>9ee33f3c-5e43-4dcb-91cd-379030f4d248.tmp</t>
  </si>
  <si>
    <t>\\acsfs\profiles$\felipetds\Downloads\9ee33f3c-5e43-4dcb-91cd-379030f4d248.tmp</t>
  </si>
  <si>
    <t>12/24/2019 09:41:45</t>
  </si>
  <si>
    <t>12/24/2019 09:42:24</t>
  </si>
  <si>
    <t>12/24/2019 09:42:45</t>
  </si>
  <si>
    <t>12/24/2019 09:43:45</t>
  </si>
  <si>
    <t>12/24/2019 09:45:24</t>
  </si>
  <si>
    <t>6094c9ca-88d2-42a4-9b7f-a2c33d2ec6ce.tmp</t>
  </si>
  <si>
    <t>\\acsfs\profiles$\quindaizaagds\Downloads\6094c9ca-88d2-42a4-9b7f-a2c33d2ec6ce.tmp</t>
  </si>
  <si>
    <t>12/24/2019 09:42:15</t>
  </si>
  <si>
    <t>12/24/2019 09:42:23</t>
  </si>
  <si>
    <t>12/24/2019 09:44:30</t>
  </si>
  <si>
    <t>12/24/2019 09:47:27</t>
  </si>
  <si>
    <t>12/24/2019 09:43:07</t>
  </si>
  <si>
    <t>12/24/2019 09:48:26</t>
  </si>
  <si>
    <t>12/24/2019 09:43:08</t>
  </si>
  <si>
    <t>lu245041ih4ai.tmp</t>
  </si>
  <si>
    <t>\\acsfs\profiles$\jonatanls\My Documents\lu245041ih4ai.tmp</t>
  </si>
  <si>
    <t>12/24/2019 09:43:24</t>
  </si>
  <si>
    <t>12/24/2019 09:45:11</t>
  </si>
  <si>
    <t>TALITA SANTOS SILVA CASTRO (13596).contact</t>
  </si>
  <si>
    <t>\\acsfs\profiles$\talitassc\Contacts\TALITA SANTOS SILVA CASTRO (13596).contact</t>
  </si>
  <si>
    <t>12/24/2019 09:45:19</t>
  </si>
  <si>
    <t>12/24/2019 09:45:20</t>
  </si>
  <si>
    <t>12/24/2019 09:45:21</t>
  </si>
  <si>
    <t>12/24/2019 09:45:22</t>
  </si>
  <si>
    <t>12/24/2019 09:45:23</t>
  </si>
  <si>
    <t>12/24/2019 09:45:25</t>
  </si>
  <si>
    <t>12/24/2019 09:45:37</t>
  </si>
  <si>
    <t>12/24/2019 09:45:38</t>
  </si>
  <si>
    <t>12/24/2019 09:45:42</t>
  </si>
  <si>
    <t>12/24/2019 09:49:27</t>
  </si>
  <si>
    <t>e86964d4-11ef-4966-b845-94fb3d69478c.tmp</t>
  </si>
  <si>
    <t>\\acsfs\profiles$\gabrielamdp\Downloads\e86964d4-11ef-4966-b845-94fb3d69478c.tmp</t>
  </si>
  <si>
    <t>12/24/2019 09:48:11</t>
  </si>
  <si>
    <t>12/24/2019 09:50:27</t>
  </si>
  <si>
    <t>12/24/2019 09:48:45</t>
  </si>
  <si>
    <t>12/24/2019 09:51:27</t>
  </si>
  <si>
    <t>12/24/2019 09:49:45</t>
  </si>
  <si>
    <t>12/24/2019 09:47:20</t>
  </si>
  <si>
    <t>2d1556ff-06f6-4f62-b772-9ad5e412f5f6.tmp</t>
  </si>
  <si>
    <t>\\acsfs\profiles$\quindaizaagds\Downloads\2d1556ff-06f6-4f62-b772-9ad5e412f5f6.tmp</t>
  </si>
  <si>
    <t>12/24/2019 09:49:50</t>
  </si>
  <si>
    <t>https://udpmailboxap01/h/search?si=0&amp;so=0&amp;sc=52546&amp;sfi=6&amp;st=message&amp;action=compose</t>
  </si>
  <si>
    <t>12/24/2019 09:50:43</t>
  </si>
  <si>
    <t>12/24/2019 09:48:39</t>
  </si>
  <si>
    <t>12/24/2019 09:53:27</t>
  </si>
  <si>
    <t>c78630ec-81f6-449e-a2d3-5db11358a7ad.tmp</t>
  </si>
  <si>
    <t>\\acsfs\profiles$\georgendsq\Downloads\c78630ec-81f6-449e-a2d3-5db11358a7ad.tmp</t>
  </si>
  <si>
    <t>12/24/2019 09:49:17</t>
  </si>
  <si>
    <t>fa951773-1850-45ef-be5f-24641ff05afd.tmp</t>
  </si>
  <si>
    <t>\\acsfs\profiles$\georgendsq\Downloads\fa951773-1850-45ef-be5f-24641ff05afd.tmp</t>
  </si>
  <si>
    <t>12/24/2019 09:49:32</t>
  </si>
  <si>
    <t>f33f6398-bd94-408a-ac50-11cbd0579f7f.tmp</t>
  </si>
  <si>
    <t>\\acsfs\profiles$\georgendsq\Downloads\f33f6398-bd94-408a-ac50-11cbd0579f7f.tmp</t>
  </si>
  <si>
    <t>12/24/2019 09:49:47</t>
  </si>
  <si>
    <t>b8a6bc24-0faf-4293-a6c6-93875279ef82.tmp</t>
  </si>
  <si>
    <t>\\acsfs\profiles$\georgendsq\Downloads\b8a6bc24-0faf-4293-a6c6-93875279ef82.tmp</t>
  </si>
  <si>
    <t>12/24/2019 09:50:04</t>
  </si>
  <si>
    <t>a0f0b66f-0a2f-4508-a4c1-cace1a515e74.tmp</t>
  </si>
  <si>
    <t>\\acsfs\profiles$\georgendsq\Downloads\a0f0b66f-0a2f-4508-a4c1-cace1a515e74.tmp</t>
  </si>
  <si>
    <t>12/24/2019 09:51:53</t>
  </si>
  <si>
    <t>12/24/2019 09:54:27</t>
  </si>
  <si>
    <t>7873858e-48d4-48b3-92a2-1ea3aec4ffd3.tmp</t>
  </si>
  <si>
    <t>\\acsfs\profiles$\alinepp\Downloads\7873858e-48d4-48b3-92a2-1ea3aec4ffd3.tmp</t>
  </si>
  <si>
    <t>12/24/2019 09:52:06</t>
  </si>
  <si>
    <t>30e003f0-d392-4cf3-9a6e-6499042e0a16.tmp</t>
  </si>
  <si>
    <t>\\acsfs\profiles$\alinepp\Downloads\30e003f0-d392-4cf3-9a6e-6499042e0a16.tmp</t>
  </si>
  <si>
    <t>12/24/2019 09:51:36</t>
  </si>
  <si>
    <t>12/24/2019 09:56:27</t>
  </si>
  <si>
    <t>12/24/2019 09:54:47</t>
  </si>
  <si>
    <t>12/24/2019 09:55:37</t>
  </si>
  <si>
    <t>12/24/2019 09:51:13</t>
  </si>
  <si>
    <t>mail.google.com/sync/u/0/i/s?hl=pt-BR&amp;c=594</t>
  </si>
  <si>
    <t>12/24/2019 09:53:20</t>
  </si>
  <si>
    <t>12/24/2019 09:53:02</t>
  </si>
  <si>
    <t>12/24/2019 09:57:27</t>
  </si>
  <si>
    <t>12/24/2019 09:56:33</t>
  </si>
  <si>
    <t>709e631b-6d87-4adc-ad13-c7ee457649dc.tmp</t>
  </si>
  <si>
    <t>\\acsfs\profiles$\felipetds\Downloads\709e631b-6d87-4adc-ad13-c7ee457649dc.tmp</t>
  </si>
  <si>
    <t>12/24/2019 09:56:38</t>
  </si>
  <si>
    <t>12/24/2019 09:57:34</t>
  </si>
  <si>
    <t>12/24/2019 09:58:27</t>
  </si>
  <si>
    <t>f6c9ce9e-1950-4946-aac2-57788dddd993.tmp</t>
  </si>
  <si>
    <t>\\acsfs\profiles$\gabrielafs\Downloads\f6c9ce9e-1950-4946-aac2-57788dddd993.tmp</t>
  </si>
  <si>
    <t>d6bcc7ed-d44c-41b4-87fa-11e7816e428d.tmp</t>
  </si>
  <si>
    <t>\\acsfs\profiles$\gabrielafs\Downloads\d6bcc7ed-d44c-41b4-87fa-11e7816e428d.tmp</t>
  </si>
  <si>
    <t>12/24/2019 09:57:36</t>
  </si>
  <si>
    <t>41601ccc-e4af-40b9-a343-d1859f2aa2ef.tmp</t>
  </si>
  <si>
    <t>\\acsfs\profiles$\gabrielafs\Downloads\41601ccc-e4af-40b9-a343-d1859f2aa2ef.tmp</t>
  </si>
  <si>
    <t>12/24/2019 09:57:41</t>
  </si>
  <si>
    <t>41a3e837-c11e-48ad-ab2f-72ebadba1efa.tmp</t>
  </si>
  <si>
    <t>\\acsfs\profiles$\gabrielafs\Downloads\41a3e837-c11e-48ad-ab2f-72ebadba1efa.tmp</t>
  </si>
  <si>
    <t>12/24/2019 09:53:32</t>
  </si>
  <si>
    <t>12/24/2019 09:59:26</t>
  </si>
  <si>
    <t>4511afa5-d66b-485c-8bbc-a1b2dc10627f.tmp</t>
  </si>
  <si>
    <t>\\acsfs\profiles$\JOAOVAL\Downloads\4511afa5-d66b-485c-8bbc-a1b2dc10627f.tmp</t>
  </si>
  <si>
    <t>12/24/2019 09:54:17</t>
  </si>
  <si>
    <t>1aa12da1-fa6b-4ac3-bba2-1e58b024868f.tmp</t>
  </si>
  <si>
    <t>\\acsfs\profiles$\JOAOVAL\Downloads\1aa12da1-fa6b-4ac3-bba2-1e58b024868f.tmp</t>
  </si>
  <si>
    <t>12/24/2019 09:55:24</t>
  </si>
  <si>
    <t>9920cbeb-2418-4ca9-8f24-b6f1e0f65920.tmp</t>
  </si>
  <si>
    <t>\\acsfs\profiles$\JOAOVAL\Downloads\9920cbeb-2418-4ca9-8f24-b6f1e0f65920.tmp</t>
  </si>
  <si>
    <t>12/24/2019 09:55:45</t>
  </si>
  <si>
    <t>12/24/2019 10:01:27</t>
  </si>
  <si>
    <t>12/24/2019 09:58:36</t>
  </si>
  <si>
    <t>12/24/2019 09:59:09</t>
  </si>
  <si>
    <t>12/24/2019 10:00:26</t>
  </si>
  <si>
    <t>mail.google.com/sync/u/0/i/s?hl=pt-BR&amp;c=601</t>
  </si>
  <si>
    <t>a5e87795-9de8-498e-bbf8-3ae8de89c521.tmp</t>
  </si>
  <si>
    <t>\\acsfs\profiles$\luanarda\Downloads\a5e87795-9de8-498e-bbf8-3ae8de89c521.tmp</t>
  </si>
  <si>
    <t>12/24/2019 09:58:02</t>
  </si>
  <si>
    <t>e2d05baa-60ba-479b-8bb9-db727eb1d55e.tmp</t>
  </si>
  <si>
    <t>\\acsfs\profiles$\luanarda\Downloads\e2d05baa-60ba-479b-8bb9-db727eb1d55e.tmp</t>
  </si>
  <si>
    <t>12/24/2019 10:00:40</t>
  </si>
  <si>
    <t>12/24/2019 10:03:27</t>
  </si>
  <si>
    <t>10.200.66.14</t>
  </si>
  <si>
    <t>\\acsfs\profiles$\matheushds\Contacts\</t>
  </si>
  <si>
    <t>MATHEUS HENRIQUE DOS SANTOS (32376).contact</t>
  </si>
  <si>
    <t>\\acsfs\profiles$\matheushds\Contacts\MATHEUS HENRIQUE DOS SANTOS (32376).contact</t>
  </si>
  <si>
    <t>12/24/2019 10:01:14</t>
  </si>
  <si>
    <t>\\acsfs\profiles$\matheushds\My Documents\My Videos\</t>
  </si>
  <si>
    <t>\\acsfs\profiles$\matheushds\My Documents\My Videos\desktop.ini</t>
  </si>
  <si>
    <t>12/24/2019 10:01:15</t>
  </si>
  <si>
    <t>12/24/2019 10:01:16</t>
  </si>
  <si>
    <t>\\acsfs\profiles$\matheushds\My Documents\My Pictures\</t>
  </si>
  <si>
    <t>\\acsfs\profiles$\matheushds\My Documents\My Pictures\desktop.ini</t>
  </si>
  <si>
    <t>12/24/2019 10:01:17</t>
  </si>
  <si>
    <t>\\acsfs\profiles$\matheushds\Contacts\desktop.ini</t>
  </si>
  <si>
    <t>\\acsfs\profiles$\matheushds\Favorites\</t>
  </si>
  <si>
    <t>\\acsfs\profiles$\matheushds\Favorites\desktop.ini</t>
  </si>
  <si>
    <t>12/24/2019 10:01:18</t>
  </si>
  <si>
    <t>\\acsfs\profiles$\matheushds\My Documents\My Music\</t>
  </si>
  <si>
    <t>\\acsfs\profiles$\matheushds\My Documents\My Music\desktop.ini</t>
  </si>
  <si>
    <t>12/24/2019 10:01:19</t>
  </si>
  <si>
    <t>12/24/2019 10:01:20</t>
  </si>
  <si>
    <t>\\acsfs\profiles$\matheushds\Searches\</t>
  </si>
  <si>
    <t>\\acsfs\profiles$\matheushds\Searches\desktop.ini</t>
  </si>
  <si>
    <t>\\acsfs\profiles$\matheushds\Downloads\desktop.ini</t>
  </si>
  <si>
    <t>12/24/2019 10:01:21</t>
  </si>
  <si>
    <t>12/24/2019 10:01:22</t>
  </si>
  <si>
    <t>\\acsfs\profiles$\matheushds\My Documents\</t>
  </si>
  <si>
    <t>\\acsfs\profiles$\matheushds\My Documents\desktop.ini</t>
  </si>
  <si>
    <t>12/24/2019 10:01:23</t>
  </si>
  <si>
    <t>12/24/2019 10:01:24</t>
  </si>
  <si>
    <t>\\acsfs\profiles$\matheushds\Saved Games\</t>
  </si>
  <si>
    <t>\\acsfs\profiles$\matheushds\Saved Games\desktop.ini</t>
  </si>
  <si>
    <t>12/24/2019 10:02:12</t>
  </si>
  <si>
    <t>\\acsfs\profiles$\matheushds\Favorites\Links for Brasil\</t>
  </si>
  <si>
    <t>\\acsfs\profiles$\matheushds\Favorites\Links for Brasil\desktop.ini</t>
  </si>
  <si>
    <t>12/24/2019 10:02:13</t>
  </si>
  <si>
    <t>\\acsfs\profiles$\matheushds\Favorites\Links for Brasil\Microsoft Brasil.url</t>
  </si>
  <si>
    <t>12/24/2019 10:02:14</t>
  </si>
  <si>
    <t>\\acsfs\profiles$\matheushds\Favorites\Links for Brasil\Windows Brasil.url</t>
  </si>
  <si>
    <t>12/24/2019 10:02:15</t>
  </si>
  <si>
    <t>12/24/2019 10:02:16</t>
  </si>
  <si>
    <t>\\acsfs\profiles$\matheushds\Favorites\Links for Brasil\MSN Brasil.url</t>
  </si>
  <si>
    <t>12/24/2019 10:02:19</t>
  </si>
  <si>
    <t>12/24/2019 10:00:32</t>
  </si>
  <si>
    <t>12/24/2019 10:05:27</t>
  </si>
  <si>
    <t>12/24/2019 10:03:38</t>
  </si>
  <si>
    <t>12/24/2019 10:03:40</t>
  </si>
  <si>
    <t>12/24/2019 10:04:46</t>
  </si>
  <si>
    <t>12/24/2019 10:00:45</t>
  </si>
  <si>
    <t>12/24/2019 10:06:28</t>
  </si>
  <si>
    <t>12/24/2019 10:02:57</t>
  </si>
  <si>
    <t>fb4c8584-668e-46e5-aecf-230c1db96df6.tmp</t>
  </si>
  <si>
    <t>\\acsfs\profiles$\gabriellalpr\Downloads\fb4c8584-668e-46e5-aecf-230c1db96df6.tmp</t>
  </si>
  <si>
    <t>12/24/2019 10:01:46</t>
  </si>
  <si>
    <t>12/24/2019 10:03:00</t>
  </si>
  <si>
    <t>12/24/2019 10:05:23</t>
  </si>
  <si>
    <t>12/24/2019 10:05:32</t>
  </si>
  <si>
    <t>mail.google.com/sync/u/0/i/s?hl=pt-BR&amp;c=611</t>
  </si>
  <si>
    <t>12/24/2019 10:04:14</t>
  </si>
  <si>
    <t>12/24/2019 10:05:49</t>
  </si>
  <si>
    <t>12/24/2019 10:08:28</t>
  </si>
  <si>
    <t>3452b38e-9874-47f6-aa47-7b6f3a6ebb23.tmp</t>
  </si>
  <si>
    <t>\\acsfs\profiles$\jonatanls\Downloads\3452b38e-9874-47f6-aa47-7b6f3a6ebb23.tmp</t>
  </si>
  <si>
    <t>12/24/2019 10:07:45</t>
  </si>
  <si>
    <t>12/24/2019 10:11:28</t>
  </si>
  <si>
    <t>12/24/2019 10:08:45</t>
  </si>
  <si>
    <t>12/24/2019 10:09:39</t>
  </si>
  <si>
    <t>12/24/2019 10:10:13</t>
  </si>
  <si>
    <t>12/24/2019 10:10:35</t>
  </si>
  <si>
    <t>12/24/2019 10:05:56</t>
  </si>
  <si>
    <t>12/24/2019 10:06:47</t>
  </si>
  <si>
    <t>mail.google.com/sync/u/0/i/s?hl=pt-BR&amp;c=616</t>
  </si>
  <si>
    <t>12/24/2019 10:06:52</t>
  </si>
  <si>
    <t>mail.google.com/sync/u/0/i/s?hl=pt-BR&amp;c=619</t>
  </si>
  <si>
    <t>thiagordu@algartech.com;</t>
  </si>
  <si>
    <t>thiagordu@algartech.com</t>
  </si>
  <si>
    <t>12/24/2019 10:07:08</t>
  </si>
  <si>
    <t>mail.google.com/sync/u/0/i/s?hl=pt-BR&amp;c=621</t>
  </si>
  <si>
    <t>12/24/2019 10:07:19</t>
  </si>
  <si>
    <t>mail.google.com/sync/u/0/i/s?hl=pt-BR&amp;c=624</t>
  </si>
  <si>
    <t>12/24/2019 10:10:47</t>
  </si>
  <si>
    <t>mail.google.com/sync/u/0/i/s?hl=pt-BR&amp;c=629</t>
  </si>
  <si>
    <t>12/24/2019 10:11:37</t>
  </si>
  <si>
    <t>12/24/2019 10:12:27</t>
  </si>
  <si>
    <t>12/24/2019 10:11:38</t>
  </si>
  <si>
    <t>lu288642ieyhq.tmp</t>
  </si>
  <si>
    <t>\\acsfs\profiles$\LUCASBS\lu288642ieyhq.tmp</t>
  </si>
  <si>
    <t>\\acsfs\profiles$\LUCASBS\lu288642ieyhq.tmp\</t>
  </si>
  <si>
    <t>\\acsfs\profiles$\LUCASBS\lu288642ieyhq.tmp\META-INF\</t>
  </si>
  <si>
    <t>\\acsfs\profiles$\LUCASBS\lu288642ieyhq.tmp\Thumbnails\</t>
  </si>
  <si>
    <t>12/24/2019 10:09:57</t>
  </si>
  <si>
    <t>12/24/2019 10:13:27</t>
  </si>
  <si>
    <t>12/24/2019 10:11:13</t>
  </si>
  <si>
    <t>12/24/2019 10:16:28</t>
  </si>
  <si>
    <t>12/24/2019 10:11:48</t>
  </si>
  <si>
    <t>12/24/2019 10:13:45</t>
  </si>
  <si>
    <t>12/24/2019 10:14:45</t>
  </si>
  <si>
    <t>12/24/2019 10:11:57</t>
  </si>
  <si>
    <t>12/24/2019 10:17:27</t>
  </si>
  <si>
    <t>12/24/2019 10:11:59</t>
  </si>
  <si>
    <t>lu288642ieyhv.tmp</t>
  </si>
  <si>
    <t>\\acsfs\profiles$\LUCASBS\lu288642ieyhv.tmp</t>
  </si>
  <si>
    <t>\\acsfs\profiles$\LUCASBS\lu288642ieyhv.tmp\</t>
  </si>
  <si>
    <t>\\acsfs\profiles$\LUCASBS\lu288642ieyhv.tmp\META-INF\</t>
  </si>
  <si>
    <t>\\acsfs\profiles$\LUCASBS\lu288642ieyhv.tmp\Thumbnails\</t>
  </si>
  <si>
    <t>12/24/2019 10:15:01</t>
  </si>
  <si>
    <t>12/24/2019 10:18:28</t>
  </si>
  <si>
    <t>12/24/2019 10:12:48</t>
  </si>
  <si>
    <t>12/24/2019 10:15:46</t>
  </si>
  <si>
    <t>12/24/2019 10:19:28</t>
  </si>
  <si>
    <t>d920032c-a3fe-44a2-a9cf-228ec26b466c.tmp</t>
  </si>
  <si>
    <t>\\acsfs\profiles$\gabrielamdp\Downloads\d920032c-a3fe-44a2-a9cf-228ec26b466c.tmp</t>
  </si>
  <si>
    <t>12/24/2019 10:17:43</t>
  </si>
  <si>
    <t>12/24/2019 10:20:28</t>
  </si>
  <si>
    <t>12/24/2019 10:17:44</t>
  </si>
  <si>
    <t>12/24/2019 10:18:14</t>
  </si>
  <si>
    <t>12/24/2019 10:21:28</t>
  </si>
  <si>
    <t>12/24/2019 10:19:45</t>
  </si>
  <si>
    <t>12/24/2019 10:15:49</t>
  </si>
  <si>
    <t>Cintia da Costa Ferreira_1_6771430664269018323_1_32.wav</t>
  </si>
  <si>
    <t>\\acsfs\Deptos\EDUCACAO EMPRESARIAL\FERNANDA MONIT\Ligação para Mutant terceiro Ciclo\Cintia da Costa Ferreira_1_6771430664269018323_1_32.wav</t>
  </si>
  <si>
    <t>12/24/2019 10:17:12</t>
  </si>
  <si>
    <t>LUCAS GUBERT PEREIRA_1_6769920781401009412_1_32.wav</t>
  </si>
  <si>
    <t>\\acsfs\Deptos\EDUCACAO EMPRESARIAL\KÉSIA\Ligações 3º ciclo - Késia\LUCAS GUBERT PEREIRA_1_6769920781401009412_1_32.wav</t>
  </si>
  <si>
    <t>12/24/2019 10:17:53</t>
  </si>
  <si>
    <t>12/24/2019 10:22:28</t>
  </si>
  <si>
    <t>12/24/2019 10:20:42</t>
  </si>
  <si>
    <t>12/24/2019 10:20:43</t>
  </si>
  <si>
    <t>lu288642ieyi0.tmp</t>
  </si>
  <si>
    <t>\\acsfs\profiles$\LUCASBS\lu288642ieyi0.tmp</t>
  </si>
  <si>
    <t>\\acsfs\profiles$\LUCASBS\lu288642ieyi0.tmp\</t>
  </si>
  <si>
    <t>\\acsfs\profiles$\LUCASBS\lu288642ieyi0.tmp\META-INF\</t>
  </si>
  <si>
    <t>\\acsfs\profiles$\LUCASBS\lu288642ieyi0.tmp\Thumbnails\</t>
  </si>
  <si>
    <t>12/24/2019 10:19:35</t>
  </si>
  <si>
    <t>12/24/2019 10:23:28</t>
  </si>
  <si>
    <t>lu245041ih4as.tmp</t>
  </si>
  <si>
    <t>\\acsfs\profiles$\jonatanls\My Documents\lu245041ih4as.tmp</t>
  </si>
  <si>
    <t>12/24/2019 10:19:39</t>
  </si>
  <si>
    <t>12/24/2019 10:19:40</t>
  </si>
  <si>
    <t>lu245041ih4ay.tmp</t>
  </si>
  <si>
    <t>\\acsfs\profiles$\jonatanls\My Documents\lu245041ih4ay.tmp</t>
  </si>
  <si>
    <t>12/24/2019 10:24:19</t>
  </si>
  <si>
    <t>12/24/2019 10:25:28</t>
  </si>
  <si>
    <t>12/24/2019 10:20:46</t>
  </si>
  <si>
    <t>12/24/2019 10:26:27</t>
  </si>
  <si>
    <t>12/24/2019 10:23:39</t>
  </si>
  <si>
    <t>12/24/2019 10:24:27</t>
  </si>
  <si>
    <t>12/24/2019 10:21:46</t>
  </si>
  <si>
    <t>12/24/2019 10:26:08</t>
  </si>
  <si>
    <t>12/24/2019 10:27:27</t>
  </si>
  <si>
    <t>12/24/2019 10:26:09</t>
  </si>
  <si>
    <t>lu1370411ssbn.tmp</t>
  </si>
  <si>
    <t>\\acsfs\profiles$\FLAVIOJMM\My Documents\lu1370411ssbn.tmp</t>
  </si>
  <si>
    <t>\\acsfs\profiles$\FLAVIOJMM\My Documents\lu1370411ssbn.tmp\</t>
  </si>
  <si>
    <t>\\acsfs\profiles$\FLAVIOJMM\My Documents\lu1370411ssbn.tmp\META-INF\</t>
  </si>
  <si>
    <t>\\acsfs\profiles$\FLAVIOJMM\My Documents\lu1370411ssbn.tmp\Thumbnails\</t>
  </si>
  <si>
    <t>12/24/2019 10:25:10</t>
  </si>
  <si>
    <t>12/24/2019 10:25:12</t>
  </si>
  <si>
    <t>lu288642ieyi5.tmp</t>
  </si>
  <si>
    <t>\\acsfs\profiles$\LUCASBS\lu288642ieyi5.tmp</t>
  </si>
  <si>
    <t>\\acsfs\profiles$\LUCASBS\lu288642ieyi5.tmp\</t>
  </si>
  <si>
    <t>\\acsfs\profiles$\LUCASBS\lu288642ieyi5.tmp\META-INF\</t>
  </si>
  <si>
    <t>\\acsfs\profiles$\LUCASBS\lu288642ieyi5.tmp\Thumbnails\</t>
  </si>
  <si>
    <t>12/24/2019 10:28:27</t>
  </si>
  <si>
    <t>12/24/2019 10:23:20</t>
  </si>
  <si>
    <t>12/24/2019 10:26:21</t>
  </si>
  <si>
    <t>12/24/2019 10:30:27</t>
  </si>
  <si>
    <t>12/24/2019 10:27:32</t>
  </si>
  <si>
    <t>12/24/2019 10:25:45</t>
  </si>
  <si>
    <t>12/24/2019 10:31:27</t>
  </si>
  <si>
    <t>12/24/2019 10:26:45</t>
  </si>
  <si>
    <t>12/24/2019 10:28:41</t>
  </si>
  <si>
    <t>10.200.66.142</t>
  </si>
  <si>
    <t>74-86-7A-FB-18-6A</t>
  </si>
  <si>
    <t>VOTORANT-ABB011</t>
  </si>
  <si>
    <t>alinegs</t>
  </si>
  <si>
    <t>https://udpwfmniceap02/web/guest/home?p_auth=1kqa4spv&amp;p_p_id=58&amp;p_p_lifecycle=1&amp;p_p_state=maximized&amp;p_p_mode=view&amp;savelastpath=0&amp;_58_struts_action=/login/forgot_password</t>
  </si>
  <si>
    <t>12/24/2019 10:26:54</t>
  </si>
  <si>
    <t>NATHALIA RIOS MODESTO RODRIGUES_1_6770036118452772093_1_32.wav</t>
  </si>
  <si>
    <t>\\acsfs\Deptos\EDUCACAO EMPRESARIAL\KÉSIA\Ligações 3º ciclo - Késia\NATHALIA RIOS MODESTO RODRIGUES_1_6770036118452772093_1_32.wav</t>
  </si>
  <si>
    <t>12/24/2019 10:26:59</t>
  </si>
  <si>
    <t>12/24/2019 10:32:27</t>
  </si>
  <si>
    <t>12/24/2019 10:27:00</t>
  </si>
  <si>
    <t>lu1802411yudx.tmp</t>
  </si>
  <si>
    <t>\\acsfs\profiles$\CLAUDIAJCA\lu1802411yudx.tmp</t>
  </si>
  <si>
    <t>\\acsfs\profiles$\CLAUDIAJCA\lu1802411yudx.tmp\</t>
  </si>
  <si>
    <t>\\acsfs\profiles$\CLAUDIAJCA\lu1802411yudx.tmp\META-INF\</t>
  </si>
  <si>
    <t>\\acsfs\profiles$\CLAUDIAJCA\lu1802411yudx.tmp\Thumbnails\</t>
  </si>
  <si>
    <t>12/24/2019 10:27:15</t>
  </si>
  <si>
    <t>.~lock.Contato Reneg 24-12.ods#</t>
  </si>
  <si>
    <t>\\acsfs\profiles$\CLAUDIAJCA\.~lock.Contato Reneg 24-12.ods#</t>
  </si>
  <si>
    <t>12/24/2019 10:27:16</t>
  </si>
  <si>
    <t>lu1802411yue2.tmp</t>
  </si>
  <si>
    <t>\\acsfs\profiles$\CLAUDIAJCA\lu1802411yue2.tmp</t>
  </si>
  <si>
    <t>\\acsfs\profiles$\CLAUDIAJCA\lu1802411yue2.tmp\</t>
  </si>
  <si>
    <t>\\acsfs\profiles$\CLAUDIAJCA\lu1802411yue2.tmp\META-INF\</t>
  </si>
  <si>
    <t>\\acsfs\profiles$\CLAUDIAJCA\lu1802411yue2.tmp\Thumbnails\</t>
  </si>
  <si>
    <t>12/24/2019 10:26:55</t>
  </si>
  <si>
    <t>12/24/2019 10:26:56</t>
  </si>
  <si>
    <t>lu288642ieyia.tmp</t>
  </si>
  <si>
    <t>\\acsfs\profiles$\LUCASBS\lu288642ieyia.tmp</t>
  </si>
  <si>
    <t>\\acsfs\profiles$\LUCASBS\lu288642ieyia.tmp\</t>
  </si>
  <si>
    <t>\\acsfs\profiles$\LUCASBS\lu288642ieyia.tmp\META-INF\</t>
  </si>
  <si>
    <t>\\acsfs\profiles$\LUCASBS\lu288642ieyia.tmp\Thumbnails\</t>
  </si>
  <si>
    <t>12/24/2019 10:26:58</t>
  </si>
  <si>
    <t>lu288642ieyif.tmp</t>
  </si>
  <si>
    <t>\\acsfs\profiles$\LUCASBS\lu288642ieyif.tmp</t>
  </si>
  <si>
    <t>\\acsfs\profiles$\LUCASBS\lu288642ieyif.tmp\</t>
  </si>
  <si>
    <t>\\acsfs\profiles$\LUCASBS\lu288642ieyif.tmp\META-INF\</t>
  </si>
  <si>
    <t>\\acsfs\profiles$\LUCASBS\lu288642ieyif.tmp\Thumbnails\</t>
  </si>
  <si>
    <t>12/24/2019 10:28:24</t>
  </si>
  <si>
    <t>12/24/2019 10:28:25</t>
  </si>
  <si>
    <t>lu288642ieyik.tmp</t>
  </si>
  <si>
    <t>\\acsfs\profiles$\LUCASBS\lu288642ieyik.tmp</t>
  </si>
  <si>
    <t>\\acsfs\profiles$\LUCASBS\lu288642ieyik.tmp\</t>
  </si>
  <si>
    <t>12/24/2019 10:28:26</t>
  </si>
  <si>
    <t>\\acsfs\profiles$\LUCASBS\lu288642ieyik.tmp\META-INF\</t>
  </si>
  <si>
    <t>\\acsfs\profiles$\LUCASBS\lu288642ieyik.tmp\Thumbnails\</t>
  </si>
  <si>
    <t>12/24/2019 10:31:35</t>
  </si>
  <si>
    <t>12/24/2019 10:35:27</t>
  </si>
  <si>
    <t>5d974f6d-d3ec-4142-890a-c2510e84cbf7.tmp</t>
  </si>
  <si>
    <t>\\acsfs\profiles$\vivianealda\Downloads\5d974f6d-d3ec-4142-890a-c2510e84cbf7.tmp</t>
  </si>
  <si>
    <t>12/24/2019 10:31:13</t>
  </si>
  <si>
    <t>12/24/2019 10:36:28</t>
  </si>
  <si>
    <t>12/24/2019 10:31:46</t>
  </si>
  <si>
    <t>12/24/2019 10:32:24</t>
  </si>
  <si>
    <t>12/24/2019 10:32:45</t>
  </si>
  <si>
    <t>12/24/2019 10:33:53</t>
  </si>
  <si>
    <t>mail.google.com/sync/u/0/i/s?hl=pt-BR&amp;c=634</t>
  </si>
  <si>
    <t>12/24/2019 10:34:00</t>
  </si>
  <si>
    <t>mail.google.com/sync/u/0/i/s?hl=pt-BR&amp;c=638</t>
  </si>
  <si>
    <t>12/24/2019 10:34:08</t>
  </si>
  <si>
    <t>mail.google.com/sync/u/0/i/s?hl=pt-BR&amp;c=642</t>
  </si>
  <si>
    <t>12/24/2019 10:34:14</t>
  </si>
  <si>
    <t>mail.google.com/sync/u/0/i/s?hl=pt-BR&amp;c=644</t>
  </si>
  <si>
    <t>12/24/2019 10:34:19</t>
  </si>
  <si>
    <t>12/24/2019 10:34:21</t>
  </si>
  <si>
    <t>12/24/2019 10:34:44</t>
  </si>
  <si>
    <t>mail.google.com/_/upload?authuser=0&amp;dcp=asu-n&amp;upload_id=AEnB2Uq8feKichUZc0z6uNCjNDWLQkO7i3FTuLY-mh9X0qat566ZTgV0lopDlO-WxRITI0-tPrHGUtB45r2CWR94OeQvE8vuqYDaC7KqtQbCmYs6ysvqG44&amp;upload_protocol=resumable</t>
  </si>
  <si>
    <t>12/24/2019 10:33:25</t>
  </si>
  <si>
    <t>12/24/2019 10:33:06</t>
  </si>
  <si>
    <t>4c7e4040-7ea5-4152-b792-11236e20a8f3.tmp</t>
  </si>
  <si>
    <t>\\acsfs\profiles$\nathaliadf\Downloads\4c7e4040-7ea5-4152-b792-11236e20a8f3.tmp</t>
  </si>
  <si>
    <t>12/24/2019 10:38:28</t>
  </si>
  <si>
    <t>12/24/2019 10:37:35</t>
  </si>
  <si>
    <t>12/24/2019 10:37:45</t>
  </si>
  <si>
    <t>12/24/2019 10:42:27</t>
  </si>
  <si>
    <t>12/24/2019 10:37:21</t>
  </si>
  <si>
    <t>mail.google.com/sync/u/0/i/s?hl=pt-BR&amp;c=656</t>
  </si>
  <si>
    <t>12/24/2019 10:40:39</t>
  </si>
  <si>
    <t>12/24/2019 10:38:48</t>
  </si>
  <si>
    <t>12/24/2019 10:39:07</t>
  </si>
  <si>
    <t>12/24/2019 10:37:29</t>
  </si>
  <si>
    <t>12/24/2019 10:44:27</t>
  </si>
  <si>
    <t>mail.google.com/sync/u/0/i/s?hl=pt-BR&amp;c=659</t>
  </si>
  <si>
    <t>12/24/2019 10:38:46</t>
  </si>
  <si>
    <t>12/24/2019 10:38:01</t>
  </si>
  <si>
    <t>mail.google.com/sync/u/0/i/s?hl=pt-BR&amp;c=664</t>
  </si>
  <si>
    <t>12/24/2019 10:38:14</t>
  </si>
  <si>
    <t>mail.google.com/_/upload?authuser=0&amp;dcp=asu-n&amp;upload_id=AEnB2Uocz5rZIbFju2s82kakjX8yGK75z_JLWVPE2S6WjMwTDBWeAxjO1UwReJCUhlPzr9MaySHRh0EFIeHgl5g4b_iOeCERcMImhh06U79tShhnxXhw_Ko&amp;upload_protocol=resumable</t>
  </si>
  <si>
    <t>C:\Users\TEMP.ACS.000\Downloads\</t>
  </si>
  <si>
    <t>Dimensionamento_Dezembro_Cartões.xlsx</t>
  </si>
  <si>
    <t>12/24/2019 10:38:15</t>
  </si>
  <si>
    <t>mail.google.com/sync/u/0/i/s?hl=pt-BR&amp;c=666</t>
  </si>
  <si>
    <t>12/24/2019 10:40:40</t>
  </si>
  <si>
    <t>12/24/2019 10:38:20</t>
  </si>
  <si>
    <t>mail.google.com/sync/u/0/i/s?hl=pt-BR&amp;c=668</t>
  </si>
  <si>
    <t>12/24/2019 10:38:21</t>
  </si>
  <si>
    <t>12/24/2019 10:40:41</t>
  </si>
  <si>
    <t>12/24/2019 10:40:42</t>
  </si>
  <si>
    <t>12/24/2019 10:40:43</t>
  </si>
  <si>
    <t>12/24/2019 10:40:44</t>
  </si>
  <si>
    <t>12/24/2019 10:40:45</t>
  </si>
  <si>
    <t>12/24/2019 10:40:46</t>
  </si>
  <si>
    <t>12/24/2019 10:40:47</t>
  </si>
  <si>
    <t>12/24/2019 10:40:48</t>
  </si>
  <si>
    <t>12/24/2019 10:40:49</t>
  </si>
  <si>
    <t>12/24/2019 10:40:50</t>
  </si>
  <si>
    <t>12/24/2019 10:40:51</t>
  </si>
  <si>
    <t>12/24/2019 10:40:52</t>
  </si>
  <si>
    <t>12/24/2019 10:40:53</t>
  </si>
  <si>
    <t>12/24/2019 10:40:54</t>
  </si>
  <si>
    <t>12/24/2019 10:45:49</t>
  </si>
  <si>
    <t>12/24/2019 10:47:27</t>
  </si>
  <si>
    <t>12/24/2019 10:49:28</t>
  </si>
  <si>
    <t>12/24/2019 10:43:40</t>
  </si>
  <si>
    <t>12/24/2019 10:50:27</t>
  </si>
  <si>
    <t>12/24/2019 10:51:27</t>
  </si>
  <si>
    <t>12/24/2019 10:52:27</t>
  </si>
  <si>
    <t>12/24/2019 10:43:46</t>
  </si>
  <si>
    <t>12/24/2019 10:53:27</t>
  </si>
  <si>
    <t>12/24/2019 10:46:32</t>
  </si>
  <si>
    <t>DANIELA COSTA_1_6771395531436535404_1_32.wav</t>
  </si>
  <si>
    <t>\\acsfs\Deptos\EDUCACAO EMPRESARIAL\KÉSIA\Ligações 3º ciclo - Késia\DANIELA COSTA_1_6771395531436535404_1_32.wav</t>
  </si>
  <si>
    <t>12/24/2019 10:42:14</t>
  </si>
  <si>
    <t>Cintia de Jesus Lima_1_6769253158799612485_1_32.wav</t>
  </si>
  <si>
    <t>\\acsfs\Deptos\EDUCACAO EMPRESARIAL\FERNANDA MONIT\Ligação para Mutant terceiro Ciclo\Cintia de Jesus Lima_1_6769253158799612485_1_32.wav</t>
  </si>
  <si>
    <t>12/24/2019 10:43:51</t>
  </si>
  <si>
    <t>12/24/2019 10:54:27</t>
  </si>
  <si>
    <t>12/24/2019 10:50:31</t>
  </si>
  <si>
    <t>12/24/2019 10:50:32</t>
  </si>
  <si>
    <t>lu288642ieyix.tmp</t>
  </si>
  <si>
    <t>\\acsfs\profiles$\LUCASBS\lu288642ieyix.tmp</t>
  </si>
  <si>
    <t>12/24/2019 10:43:54</t>
  </si>
  <si>
    <t>12/24/2019 10:55:27</t>
  </si>
  <si>
    <t>12/24/2019 10:56:27</t>
  </si>
  <si>
    <t>\\acsfs\profiles$\LUCASBS\lu288642ieyix.tmp\</t>
  </si>
  <si>
    <t>12/24/2019 10:40:55</t>
  </si>
  <si>
    <t>12/24/2019 10:43:59</t>
  </si>
  <si>
    <t>12/24/2019 10:57:28</t>
  </si>
  <si>
    <t>12/24/2019 10:50:24</t>
  </si>
  <si>
    <t>8c3dfdbd-189f-4590-9bc8-14467a414cbb.tmp</t>
  </si>
  <si>
    <t>\\acsfs\profiles$\vivianealda\Downloads\8c3dfdbd-189f-4590-9bc8-14467a414cbb.tmp</t>
  </si>
  <si>
    <t>12/24/2019 10:58:27</t>
  </si>
  <si>
    <t>12/24/2019 10:51:02</t>
  </si>
  <si>
    <t>f682f157-1e8f-44ea-a6d3-8b24be499caf.tmp</t>
  </si>
  <si>
    <t>\\acsfs\profiles$\vivianealda\Downloads\f682f157-1e8f-44ea-a6d3-8b24be499caf.tmp</t>
  </si>
  <si>
    <t>\\acsfs\profiles$\LUCASBS\lu288642ieyix.tmp\META-INF\</t>
  </si>
  <si>
    <t>12/24/2019 10:44:03</t>
  </si>
  <si>
    <t>mail.google.com/sync/u/0/i/s?hl=pt-BR&amp;c=56</t>
  </si>
  <si>
    <t>12/24/2019 10:54:30</t>
  </si>
  <si>
    <t>12/24/2019 10:59:28</t>
  </si>
  <si>
    <t>12/24/2019 10:55:43</t>
  </si>
  <si>
    <t>12/24/2019 10:56:32</t>
  </si>
  <si>
    <t>http://api.viglink.com/api/domains</t>
  </si>
  <si>
    <t>12/24/2019 11:00:27</t>
  </si>
  <si>
    <t>12/24/2019 10:54:57</t>
  </si>
  <si>
    <t>12/24/2019 10:56:51</t>
  </si>
  <si>
    <t>12/24/2019 10:44:46</t>
  </si>
  <si>
    <t>12/24/2019 10:53:07</t>
  </si>
  <si>
    <t>12/24/2019 11:01:28</t>
  </si>
  <si>
    <t>12/24/2019 10:56:52</t>
  </si>
  <si>
    <t>12/24/2019 11:02:27</t>
  </si>
  <si>
    <t>12/24/2019 10:58:22</t>
  </si>
  <si>
    <t>832b218c-61ef-4b6c-a608-f63b4726d76c.tmp</t>
  </si>
  <si>
    <t>\\acsfs\profiles$\leticiala\Downloads\832b218c-61ef-4b6c-a608-f63b4726d76c.tmp</t>
  </si>
  <si>
    <t>12/24/2019 10:40:56</t>
  </si>
  <si>
    <t>12/24/2019 10:56:57</t>
  </si>
  <si>
    <t>12/24/2019 10:58:38</t>
  </si>
  <si>
    <t>\\acsfs\profiles$\LUCASBS\lu288642ieyix.tmp\Thumbnails\</t>
  </si>
  <si>
    <t>12/24/2019 10:57:08</t>
  </si>
  <si>
    <t>C:\Temp\CollectIT\</t>
  </si>
  <si>
    <t>C:\Temp\CollectIT\uninstall.zip\</t>
  </si>
  <si>
    <t>12/24/2019 10:40:57</t>
  </si>
  <si>
    <t>12/24/2019 10:40:58</t>
  </si>
  <si>
    <t>12/24/2019 10:40:59</t>
  </si>
  <si>
    <t>12/24/2019 10:41:00</t>
  </si>
  <si>
    <t>12/24/2019 10:41:01</t>
  </si>
  <si>
    <t>12/24/2019 11:02:21</t>
  </si>
  <si>
    <t>12/24/2019 11:03:28</t>
  </si>
  <si>
    <t>12/24/2019 11:04:27</t>
  </si>
  <si>
    <t>12/24/2019 11:02:33</t>
  </si>
  <si>
    <t>12/24/2019 11:05:27</t>
  </si>
  <si>
    <t>12/24/2019 10:49:46</t>
  </si>
  <si>
    <t>12/24/2019 10:50:46</t>
  </si>
  <si>
    <t>12/24/2019 10:51:18</t>
  </si>
  <si>
    <t>12/24/2019 10:55:35</t>
  </si>
  <si>
    <t>\\acsfs\DEPTOS\Operacao\PCP\5 - Comum\PLANEJAMENTO BV\23 - EXTRAÇÕES\</t>
  </si>
  <si>
    <t>Acompanhamento improdutividade BV Financeira cópia.xlsx</t>
  </si>
  <si>
    <t>\\acsfs\DEPTOS\Operacao\PCP\5 - Comum\PLANEJAMENTO BV\23 - EXTRAÇÕES\Acompanhamento improdutividade BV Financeira cópia.xlsx</t>
  </si>
  <si>
    <t>12/24/2019 10:55:47</t>
  </si>
  <si>
    <t>12/24/2019 10:56:59</t>
  </si>
  <si>
    <t>12/24/2019 10:57:47</t>
  </si>
  <si>
    <t>mail.google.com/sync/u/0/i/s?hl=pt-BR&amp;c=87</t>
  </si>
  <si>
    <t>12/24/2019 10:57:54</t>
  </si>
  <si>
    <t>mail.google.com/sync/u/0/i/s?hl=pt-BR&amp;c=89</t>
  </si>
  <si>
    <t>12/24/2019 11:01:46</t>
  </si>
  <si>
    <t>12/24/2019 11:02:46</t>
  </si>
  <si>
    <t>12/24/2019 10:59:34</t>
  </si>
  <si>
    <t>12/24/2019 10:59:41</t>
  </si>
  <si>
    <t>12/24/2019 11:04:46</t>
  </si>
  <si>
    <t>12/24/2019 10:57:48</t>
  </si>
  <si>
    <t>Claudia Janaina Celeste de Andrade_1_6771052286240177629_1_32.wav</t>
  </si>
  <si>
    <t>\\acsfs\Deptos\EDUCACAO EMPRESARIAL\FERNANDA MONIT\Ligação para Mutant terceiro Ciclo\Claudia Janaina Celeste de Andrade_1_6771052286240177629_1_32.wav</t>
  </si>
  <si>
    <t>12/24/2019 11:06:27</t>
  </si>
  <si>
    <t>12/24/2019 11:07:28</t>
  </si>
  <si>
    <t>12/24/2019 11:02:31</t>
  </si>
  <si>
    <t>4d0ee943-0b18-4d49-aa17-47a519fb990b.tmp</t>
  </si>
  <si>
    <t>\\acsfs\profiles$\LUCASBS\Downloads\4d0ee943-0b18-4d49-aa17-47a519fb990b.tmp</t>
  </si>
  <si>
    <t>12/24/2019 11:00:26</t>
  </si>
  <si>
    <t>12/24/2019 11:02:16</t>
  </si>
  <si>
    <t>12/24/2019 11:05:36</t>
  </si>
  <si>
    <t>12/24/2019 11:05:38</t>
  </si>
  <si>
    <t>lu1370411ssc7.tmp</t>
  </si>
  <si>
    <t>\\acsfs\profiles$\FLAVIOJMM\My Documents\lu1370411ssc7.tmp</t>
  </si>
  <si>
    <t>\\acsfs\profiles$\FLAVIOJMM\My Documents\lu1370411ssc7.tmp\</t>
  </si>
  <si>
    <t>\\acsfs\profiles$\FLAVIOJMM\My Documents\lu1370411ssc7.tmp\META-INF\</t>
  </si>
  <si>
    <t>12/24/2019 11:03:12</t>
  </si>
  <si>
    <t>\\acsfs\deptos\Operacao\Banco_Votorantim\Supervisao\CAMILLA LIMA RODRIGUES\</t>
  </si>
  <si>
    <t>COACHING - DEZEMBRO.xlsx</t>
  </si>
  <si>
    <t>\\acsfs\deptos\Operacao\Banco_Votorantim\Supervisao\CAMILLA LIMA RODRIGUES\COACHING - DEZEMBRO.xlsx</t>
  </si>
  <si>
    <t>\\acsfs\profiles$\FLAVIOJMM\My Documents\lu1370411ssc7.tmp\Thumbnails\</t>
  </si>
  <si>
    <t>12/24/2019 11:03:41</t>
  </si>
  <si>
    <t>12/24/2019 11:08:27</t>
  </si>
  <si>
    <t>12/24/2019 11:07:46</t>
  </si>
  <si>
    <t>12/24/2019 11:10:27</t>
  </si>
  <si>
    <t>12/24/2019 11:08:46</t>
  </si>
  <si>
    <t>12/24/2019 11:06:31</t>
  </si>
  <si>
    <t>12/24/2019 11:09:35</t>
  </si>
  <si>
    <t>12/24/2019 11:11:28</t>
  </si>
  <si>
    <t>c4decb87-76ea-436b-8ba9-492127e8ab71.tmp</t>
  </si>
  <si>
    <t>\\acsfs\profiles$\quindaizaagds\Downloads\c4decb87-76ea-436b-8ba9-492127e8ab71.tmp</t>
  </si>
  <si>
    <t>12/24/2019 11:09:33</t>
  </si>
  <si>
    <t>12/24/2019 11:13:27</t>
  </si>
  <si>
    <t>12/24/2019 11:11:29</t>
  </si>
  <si>
    <t>0c2c5343-8fda-41c1-9d63-14bc8009aadc.tmp</t>
  </si>
  <si>
    <t>\\acsfs\profiles$\geovannasm\Downloads\0c2c5343-8fda-41c1-9d63-14bc8009aadc.tmp</t>
  </si>
  <si>
    <t>12/24/2019 11:10:50</t>
  </si>
  <si>
    <t>12/24/2019 11:15:27</t>
  </si>
  <si>
    <t>12/24/2019 11:13:46</t>
  </si>
  <si>
    <t>12/24/2019 11:14:46</t>
  </si>
  <si>
    <t>12/24/2019 11:11:35</t>
  </si>
  <si>
    <t>12/24/2019 11:16:27</t>
  </si>
  <si>
    <t>12/24/2019 11:12:08</t>
  </si>
  <si>
    <t>520b89c0-1a30-48e3-ab00-03d427696ad2.tmp</t>
  </si>
  <si>
    <t>\\acsfs\profiles$\quindaizaagds\Downloads\520b89c0-1a30-48e3-ab00-03d427696ad2.tmp</t>
  </si>
  <si>
    <t>12/24/2019 11:13:15</t>
  </si>
  <si>
    <t>60c228ea-4c0c-47ed-b992-f88da438ca69.tmp</t>
  </si>
  <si>
    <t>\\acsfs\profiles$\quindaizaagds\Downloads\60c228ea-4c0c-47ed-b992-f88da438ca69.tmp</t>
  </si>
  <si>
    <t>12/24/2019 11:13:16</t>
  </si>
  <si>
    <t>93dfb3ef-417d-4d3b-b5c7-72d4c485f2ca.tmp</t>
  </si>
  <si>
    <t>\\acsfs\profiles$\quindaizaagds\Downloads\93dfb3ef-417d-4d3b-b5c7-72d4c485f2ca.tmp</t>
  </si>
  <si>
    <t>12/24/2019 11:14:06</t>
  </si>
  <si>
    <t>9e7ae808-b9f7-4132-a466-5dcee387e6e6.tmp</t>
  </si>
  <si>
    <t>\\acsfs\profiles$\KARENDSR\Downloads\9e7ae808-b9f7-4132-a466-5dcee387e6e6.tmp</t>
  </si>
  <si>
    <t>12/24/2019 11:12:37</t>
  </si>
  <si>
    <t>12/24/2019 11:17:28</t>
  </si>
  <si>
    <t>12/24/2019 11:12:38</t>
  </si>
  <si>
    <t>lu1370411sscd.tmp</t>
  </si>
  <si>
    <t>\\acsfs\profiles$\FLAVIOJMM\My Documents\lu1370411sscd.tmp</t>
  </si>
  <si>
    <t>\\acsfs\profiles$\FLAVIOJMM\My Documents\lu1370411sscd.tmp\</t>
  </si>
  <si>
    <t>\\acsfs\profiles$\FLAVIOJMM\My Documents\lu1370411sscd.tmp\META-INF\</t>
  </si>
  <si>
    <t>\\acsfs\profiles$\FLAVIOJMM\My Documents\lu1370411sscd.tmp\Thumbnails\</t>
  </si>
  <si>
    <t>12/24/2019 11:15:35</t>
  </si>
  <si>
    <t>10.200.66.120</t>
  </si>
  <si>
    <t>78-2B-CB-C1-06-E9</t>
  </si>
  <si>
    <t>VOTORANT-ABB004</t>
  </si>
  <si>
    <t>giovannyaco</t>
  </si>
  <si>
    <t>https://udpmailboxap01/service/soap/savedraftrequest</t>
  </si>
  <si>
    <t>12/24/2019 11:19:02</t>
  </si>
  <si>
    <t>12/24/2019 11:19:27</t>
  </si>
  <si>
    <t>12/24/2019 11:16:03</t>
  </si>
  <si>
    <t>12/24/2019 11:20:27</t>
  </si>
  <si>
    <t>4408f772-c9e0-4385-8173-5f4e6f285d22.tmp</t>
  </si>
  <si>
    <t>\\acsfs\profiles$\sarahbal\Downloads\4408f772-c9e0-4385-8173-5f4e6f285d22.tmp</t>
  </si>
  <si>
    <t>12/24/2019 11:16:16</t>
  </si>
  <si>
    <t>c2f24c50-2d4b-48b3-9555-f11658129d87.tmp</t>
  </si>
  <si>
    <t>\\acsfs\profiles$\sarahbal\Downloads\c2f24c50-2d4b-48b3-9555-f11658129d87.tmp</t>
  </si>
  <si>
    <t>12/24/2019 11:18:16</t>
  </si>
  <si>
    <t>12/24/2019 11:18:50</t>
  </si>
  <si>
    <t>12/24/2019 11:19:46</t>
  </si>
  <si>
    <t>12/24/2019 11:15:25</t>
  </si>
  <si>
    <t>12/24/2019 11:15:28</t>
  </si>
  <si>
    <t>12/24/2019 11:15:36</t>
  </si>
  <si>
    <t>12/24/2019 11:15:38</t>
  </si>
  <si>
    <t>12/24/2019 11:15:41</t>
  </si>
  <si>
    <t>12/24/2019 11:15:44</t>
  </si>
  <si>
    <t>12/24/2019 11:20:17</t>
  </si>
  <si>
    <t>12/24/2019 11:21:28</t>
  </si>
  <si>
    <t>10.200.66.132</t>
  </si>
  <si>
    <t>78-2B-CB-C1-07-10</t>
  </si>
  <si>
    <t>VOTORANT-FB041</t>
  </si>
  <si>
    <t>12/24/2019 11:22:27</t>
  </si>
  <si>
    <t>12/24/2019 11:20:05</t>
  </si>
  <si>
    <t>12/24/2019 11:20:21</t>
  </si>
  <si>
    <t>12/24/2019 11:20:41</t>
  </si>
  <si>
    <t>12/24/2019 11:24:27</t>
  </si>
  <si>
    <t>12/24/2019 11:20:14</t>
  </si>
  <si>
    <t>12/24/2019 11:20:46</t>
  </si>
  <si>
    <t>12/24/2019 11:25:27</t>
  </si>
  <si>
    <t>12/24/2019 11:24:06</t>
  </si>
  <si>
    <t>Dalva de Fatima Braga_1_6769550542335194739_1_32.wav</t>
  </si>
  <si>
    <t>\\acsfs\Deptos\EDUCACAO EMPRESARIAL\FERNANDA MONIT\Ligação para Mutant terceiro Ciclo\Dalva de Fatima Braga_1_6769550542335194739_1_32.wav</t>
  </si>
  <si>
    <t>12/24/2019 11:23:18</t>
  </si>
  <si>
    <t>12/24/2019 11:27:27</t>
  </si>
  <si>
    <t>12/24/2019 11:23:19</t>
  </si>
  <si>
    <t>lu288642ieyja.tmp</t>
  </si>
  <si>
    <t>\\acsfs\profiles$\LUCASBS\lu288642ieyja.tmp</t>
  </si>
  <si>
    <t>\\acsfs\profiles$\LUCASBS\lu288642ieyja.tmp\</t>
  </si>
  <si>
    <t>\\acsfs\profiles$\LUCASBS\lu288642ieyja.tmp\META-INF\</t>
  </si>
  <si>
    <t>\\acsfs\profiles$\LUCASBS\lu288642ieyja.tmp\Thumbnails\</t>
  </si>
  <si>
    <t>12/24/2019 11:24:40</t>
  </si>
  <si>
    <t>12/24/2019 11:28:27</t>
  </si>
  <si>
    <t>JONATHAN WILLIAM ALVES PEREIRA_1_6771032087008972344_1_32.wav</t>
  </si>
  <si>
    <t>\\acsfs\Deptos\EDUCACAO EMPRESARIAL\KÉSIA\Ligações 3º ciclo - Késia\JONATHAN WILLIAM ALVES PEREIRA_1_6771032087008972344_1_32.wav</t>
  </si>
  <si>
    <t>12/24/2019 11:26:24</t>
  </si>
  <si>
    <t>12/24/2019 11:29:27</t>
  </si>
  <si>
    <t>Relatorio 24-12.dib</t>
  </si>
  <si>
    <t>\\acsfs\DEPTOS\Operacao\Banco_Votorantim\Qualidade\Anderson\Jose\Atualizado\Relatorio 24-12.dib</t>
  </si>
  <si>
    <t>\\acsfs\DEPTOS\Operacao\Banco_Votorantim\Qualidade\Anderson\Jose\Atualizado\Thumbs.db</t>
  </si>
  <si>
    <t>12/24/2019 11:25:46</t>
  </si>
  <si>
    <t>12/24/2019 11:30:27</t>
  </si>
  <si>
    <t>12/24/2019 11:26:46</t>
  </si>
  <si>
    <t>12/24/2019 11:28:18</t>
  </si>
  <si>
    <t>12/24/2019 11:26:30</t>
  </si>
  <si>
    <t>12/24/2019 11:25:55</t>
  </si>
  <si>
    <t>12/24/2019 11:31:27</t>
  </si>
  <si>
    <t>12/24/2019 11:28:38</t>
  </si>
  <si>
    <t>12/24/2019 11:32:27</t>
  </si>
  <si>
    <t>12/24/2019 11:29:03</t>
  </si>
  <si>
    <t>12/24/2019 11:33:27</t>
  </si>
  <si>
    <t>12/24/2019 11:32:34</t>
  </si>
  <si>
    <t>XLOG_vanessacgs_24122019_075159.log</t>
  </si>
  <si>
    <t>\\acsfs\profiles$\vanessacgs\My Documents\xworkcenter\logs\XLOG_vanessacgs_24122019_075159.log</t>
  </si>
  <si>
    <t>12/24/2019 11:32:38</t>
  </si>
  <si>
    <t>XLOG_vanessacgs_24122019_075221.log</t>
  </si>
  <si>
    <t>\\acsfs\profiles$\vanessacgs\My Documents\xworkcenter\logs\XLOG_vanessacgs_24122019_075221.log</t>
  </si>
  <si>
    <t>12/24/2019 11:29:17</t>
  </si>
  <si>
    <t>12/24/2019 11:34:27</t>
  </si>
  <si>
    <t>12/24/2019 11:29:36</t>
  </si>
  <si>
    <t>Relatorio 24-12.png</t>
  </si>
  <si>
    <t>\\acsfs\DEPTOS\Operacao\Banco_Votorantim\Qualidade\Anderson\Jose\Atualizado\Relatorio 24-12.png</t>
  </si>
  <si>
    <t>12/24/2019 11:31:46</t>
  </si>
  <si>
    <t>Relatorio de Vendas - Auditoria BV Cartoes (Dezembro)24-12.xlsx</t>
  </si>
  <si>
    <t>\\acsfs\DEPTOS\Operacao\Banco_Votorantim\Qualidade\Anderson\Jose\Atualizado\Relatorio de Vendas - Auditoria BV Cartoes (Dezembro)24-12.xlsx</t>
  </si>
  <si>
    <t>12/24/2019 11:33:28</t>
  </si>
  <si>
    <t>Relatorio de Vendas - Auditoria BV Cartoes (Dezembro)Supervisor.xlsx</t>
  </si>
  <si>
    <t>\\acsfs\DEPTOS\Operacao\Banco_Votorantim\Qualidade\Anderson\Jose\Atualizado\Relatorio de Vendas - Auditoria BV Cartoes (Dezembro)Supervisor.xlsx</t>
  </si>
  <si>
    <t>12/24/2019 11:32:50</t>
  </si>
  <si>
    <t>\\acsfs\profiles$\regisadsa\Favorites\Links\</t>
  </si>
  <si>
    <t>\\acsfs\profiles$\regisadsa\Favorites\Links\desktop.ini</t>
  </si>
  <si>
    <t>12/24/2019 11:35:27</t>
  </si>
  <si>
    <t>12/24/2019 11:32:46</t>
  </si>
  <si>
    <t>12/24/2019 11:30:17</t>
  </si>
  <si>
    <t>12/24/2019 11:32:09</t>
  </si>
  <si>
    <t>12/24/2019 11:39:27</t>
  </si>
  <si>
    <t>12/24/2019 11:36:22</t>
  </si>
  <si>
    <t>12/24/2019 11:40:28</t>
  </si>
  <si>
    <t>12/24/2019 11:36:54</t>
  </si>
  <si>
    <t>12/24/2019 11:37:46</t>
  </si>
  <si>
    <t>12/24/2019 11:37:56</t>
  </si>
  <si>
    <t>12/24/2019 11:38:46</t>
  </si>
  <si>
    <t>12/24/2019 11:38:21</t>
  </si>
  <si>
    <t>12/24/2019 11:38:30</t>
  </si>
  <si>
    <t>12/24/2019 11:39:42</t>
  </si>
  <si>
    <t>12/24/2019 11:36:17</t>
  </si>
  <si>
    <t>Daniel Marinho Lima da Silva_1_6769156058178987774_1_32.wav</t>
  </si>
  <si>
    <t>\\acsfs\Deptos\EDUCACAO EMPRESARIAL\FERNANDA MONIT\Ligação para Mutant terceiro Ciclo\Daniel Marinho Lima da Silva_1_6769156058178987774_1_32.wav</t>
  </si>
  <si>
    <t>12/24/2019 11:38:10</t>
  </si>
  <si>
    <t>12/24/2019 11:41:27</t>
  </si>
  <si>
    <t>3758108a-2c62-4e37-86bd-149383b9b207.tmp</t>
  </si>
  <si>
    <t>\\acsfs\profiles$\gabrieleods\Downloads\3758108a-2c62-4e37-86bd-149383b9b207.tmp</t>
  </si>
  <si>
    <t>12/24/2019 11:40:44</t>
  </si>
  <si>
    <t>10.200.66.19</t>
  </si>
  <si>
    <t>78-2B-CB-C1-04-F9</t>
  </si>
  <si>
    <t>VOTORANT-VB025</t>
  </si>
  <si>
    <t>anafaes</t>
  </si>
  <si>
    <t>\\acsfs\profiles$\anafaes\Downloads\</t>
  </si>
  <si>
    <t>b4e7fd44-78c8-4974-b77d-2ca39075874b.tmp</t>
  </si>
  <si>
    <t>\\acsfs\profiles$\anafaes\Downloads\b4e7fd44-78c8-4974-b77d-2ca39075874b.tmp</t>
  </si>
  <si>
    <t>12/24/2019 11:43:27</t>
  </si>
  <si>
    <t>LUANA ROSA DE ALMEIDA_1_6771404795680991009_1_32.wav</t>
  </si>
  <si>
    <t>\\acsfs\Deptos\EDUCACAO EMPRESARIAL\KÉSIA\Ligações 3º ciclo - Késia\LUANA ROSA DE ALMEIDA_1_6771404795680991009_1_32.wav</t>
  </si>
  <si>
    <t>12/24/2019 11:42:49</t>
  </si>
  <si>
    <t>12/24/2019 11:45:26</t>
  </si>
  <si>
    <t>12/24/2019 11:42:06</t>
  </si>
  <si>
    <t>12/24/2019 11:41:52</t>
  </si>
  <si>
    <t>12/24/2019 11:41:56</t>
  </si>
  <si>
    <t>12/24/2019 11:42:02</t>
  </si>
  <si>
    <t>mail.google.com/sync/u/0/i/s?hl=pt-BR&amp;c=131</t>
  </si>
  <si>
    <t>12/24/2019 11:42:13</t>
  </si>
  <si>
    <t>12/24/2019 11:42:16</t>
  </si>
  <si>
    <t>mail.google.com/sync/u/0/i/s?hl=pt-BR&amp;c=137</t>
  </si>
  <si>
    <t>12/24/2019 11:42:19</t>
  </si>
  <si>
    <t>12/24/2019 11:42:26</t>
  </si>
  <si>
    <t>12/24/2019 11:40:11</t>
  </si>
  <si>
    <t>12/24/2019 11:41:19</t>
  </si>
  <si>
    <t>12/24/2019 11:46:27</t>
  </si>
  <si>
    <t>3137652b-7263-4d26-8d8f-72b624e11e72.tmp</t>
  </si>
  <si>
    <t>\\acsfs\profiles$\anafaes\Downloads\3137652b-7263-4d26-8d8f-72b624e11e72.tmp</t>
  </si>
  <si>
    <t>12/24/2019 11:41:51</t>
  </si>
  <si>
    <t>0502de08-9667-4d07-b00a-03a58c9ca0f5.tmp</t>
  </si>
  <si>
    <t>\\acsfs\profiles$\anafaes\Downloads\0502de08-9667-4d07-b00a-03a58c9ca0f5.tmp</t>
  </si>
  <si>
    <t>12/24/2019 11:46:55</t>
  </si>
  <si>
    <t>12/24/2019 11:48:27</t>
  </si>
  <si>
    <t>56d0e152-4e11-4dbd-a3f3-bdb3427146bf.tmp</t>
  </si>
  <si>
    <t>\\acsfs\profiles$\brendadsl\Downloads\56d0e152-4e11-4dbd-a3f3-bdb3427146bf.tmp</t>
  </si>
  <si>
    <t>12/24/2019 11:47:47</t>
  </si>
  <si>
    <t>PAULO VICTOR ALCANTARA DE CASTRO_1_6771403442766290665_1_32.wav</t>
  </si>
  <si>
    <t>\\acsfs\Deptos\EDUCACAO EMPRESARIAL\KÉSIA\Ligações 3º ciclo - Késia\PAULO VICTOR ALCANTARA DE CASTRO_1_6771403442766290665_1_32.wav</t>
  </si>
  <si>
    <t>12/24/2019 11:46:46</t>
  </si>
  <si>
    <t>12/24/2019 11:52:26</t>
  </si>
  <si>
    <t>12/24/2019 11:46:47</t>
  </si>
  <si>
    <t>lu288642ieyjj.tmp</t>
  </si>
  <si>
    <t>\\acsfs\profiles$\LUCASBS\lu288642ieyjj.tmp</t>
  </si>
  <si>
    <t>\\acsfs\profiles$\LUCASBS\lu288642ieyjj.tmp\</t>
  </si>
  <si>
    <t>\\acsfs\profiles$\LUCASBS\lu288642ieyjj.tmp\META-INF\</t>
  </si>
  <si>
    <t>\\acsfs\profiles$\LUCASBS\lu288642ieyjj.tmp\Thumbnails\</t>
  </si>
  <si>
    <t>12/24/2019 11:51:28</t>
  </si>
  <si>
    <t>12/24/2019 11:52:56</t>
  </si>
  <si>
    <t>12/24/2019 11:53:27</t>
  </si>
  <si>
    <t>12/24/2019 11:50:58</t>
  </si>
  <si>
    <t>12/24/2019 11:55:27</t>
  </si>
  <si>
    <t>Dhiulliana Neto Aparecida de Souza_1_6771075333034683617_1_32.wav</t>
  </si>
  <si>
    <t>\\acsfs\Deptos\EDUCACAO EMPRESARIAL\FERNANDA MONIT\Ligação para Mutant terceiro Ciclo\Dhiulliana Neto Aparecida de Souza_1_6771075333034683617_1_32.wav</t>
  </si>
  <si>
    <t>12/24/2019 11:56:17</t>
  </si>
  <si>
    <t>12/24/2019 11:57:26</t>
  </si>
  <si>
    <t>12/24/2019 11:55:31</t>
  </si>
  <si>
    <t>12/24/2019 12:00:27</t>
  </si>
  <si>
    <t>12/24/2019 11:56:15</t>
  </si>
  <si>
    <t>12/24/2019 11:58:35</t>
  </si>
  <si>
    <t>12/24/2019 12:01:26</t>
  </si>
  <si>
    <t>3b21e776-3b1c-4391-b4f6-0cb61218ab7a.tmp</t>
  </si>
  <si>
    <t>\\acsfs\profiles$\kellzylenneasr\Downloads\3b21e776-3b1c-4391-b4f6-0cb61218ab7a.tmp</t>
  </si>
  <si>
    <t>12/24/2019 11:59:43</t>
  </si>
  <si>
    <t>12/24/2019 12:03:27</t>
  </si>
  <si>
    <t>12/24/2019 11:58:48</t>
  </si>
  <si>
    <t>12/24/2019 12:04:27</t>
  </si>
  <si>
    <t>mail.google.com/sync/u/0/i/s?hl=pt-BR&amp;c=9</t>
  </si>
  <si>
    <t>12/24/2019 12:02:21</t>
  </si>
  <si>
    <t>12/24/2019 12:02:22</t>
  </si>
  <si>
    <t>12/24/2019 12:02:23</t>
  </si>
  <si>
    <t>12/24/2019 12:02:24</t>
  </si>
  <si>
    <t>12/24/2019 12:02:25</t>
  </si>
  <si>
    <t>12/24/2019 12:02:26</t>
  </si>
  <si>
    <t>12/24/2019 12:02:27</t>
  </si>
  <si>
    <t>12/24/2019 12:02:28</t>
  </si>
  <si>
    <t>12/24/2019 12:02:29</t>
  </si>
  <si>
    <t>12/24/2019 12:02:30</t>
  </si>
  <si>
    <t>12/24/2019 12:02:45</t>
  </si>
  <si>
    <t>12/24/2019 12:02:47</t>
  </si>
  <si>
    <t>12/24/2019 12:03:31</t>
  </si>
  <si>
    <t>12/24/2019 12:00:37</t>
  </si>
  <si>
    <t>12/24/2019 12:05:27</t>
  </si>
  <si>
    <t>12/24/2019 12:05:25</t>
  </si>
  <si>
    <t>12/24/2019 12:06:27</t>
  </si>
  <si>
    <t>12/24/2019 12:06:08</t>
  </si>
  <si>
    <t>12/24/2019 12:07:27</t>
  </si>
  <si>
    <t>12/24/2019 12:06:09</t>
  </si>
  <si>
    <t>lu288642ieyjs.tmp</t>
  </si>
  <si>
    <t>\\acsfs\profiles$\LUCASBS\lu288642ieyjs.tmp</t>
  </si>
  <si>
    <t>\\acsfs\profiles$\LUCASBS\lu288642ieyjs.tmp\</t>
  </si>
  <si>
    <t>\\acsfs\profiles$\LUCASBS\lu288642ieyjs.tmp\META-INF\</t>
  </si>
  <si>
    <t>\\acsfs\profiles$\LUCASBS\lu288642ieyjs.tmp\Thumbnails\</t>
  </si>
  <si>
    <t>12/24/2019 12:05:31</t>
  </si>
  <si>
    <t>12/24/2019 12:04:59</t>
  </si>
  <si>
    <t>12/24/2019 12:09:27</t>
  </si>
  <si>
    <t>12/24/2019 12:05:02</t>
  </si>
  <si>
    <t>12/24/2019 12:07:46</t>
  </si>
  <si>
    <t>12/24/2019 12:05:38</t>
  </si>
  <si>
    <t>12/24/2019 12:10:27</t>
  </si>
  <si>
    <t>12/24/2019 12:06:59</t>
  </si>
  <si>
    <t>12/24/2019 12:10:01</t>
  </si>
  <si>
    <t>12/24/2019 12:12:27</t>
  </si>
  <si>
    <t>12/24/2019 12:10:22</t>
  </si>
  <si>
    <t>12/24/2019 12:13:27</t>
  </si>
  <si>
    <t>ANA CLARA MORAES SILVEIRA_1_6771498310003923287_1_32.wav</t>
  </si>
  <si>
    <t>\\acsfs\Deptos\EDUCACAO EMPRESARIAL\KÉSIA\Ligações 3º ciclo - Késia\ANA CLARA MORAES SILVEIRA_1_6771498310003923287_1_32.wav</t>
  </si>
  <si>
    <t>12/24/2019 12:08:46</t>
  </si>
  <si>
    <t>12/24/2019 12:14:27</t>
  </si>
  <si>
    <t>12/24/2019 12:09:52</t>
  </si>
  <si>
    <t>12/24/2019 12:09:54</t>
  </si>
  <si>
    <t>lu208202laf17.tmp</t>
  </si>
  <si>
    <t>\\acsfs\profiles$\geovanaasa\My Documents\lu208202laf17.tmp</t>
  </si>
  <si>
    <t>\\acsfs\profiles$\geovanaasa\My Documents\lu208202laf17.tmp\</t>
  </si>
  <si>
    <t>\\acsfs\profiles$\geovanaasa\My Documents\lu208202laf17.tmp\META-INF\</t>
  </si>
  <si>
    <t>\\acsfs\profiles$\geovanaasa\My Documents\lu208202laf17.tmp\Thumbnails\</t>
  </si>
  <si>
    <t>12/24/2019 12:14:26</t>
  </si>
  <si>
    <t>12/24/2019 12:15:27</t>
  </si>
  <si>
    <t>12/24/2019 12:15:26</t>
  </si>
  <si>
    <t>12/24/2019 12:16:27</t>
  </si>
  <si>
    <t>12/24/2019 12:13:46</t>
  </si>
  <si>
    <t>12/24/2019 12:19:28</t>
  </si>
  <si>
    <t>12/24/2019 12:14:46</t>
  </si>
  <si>
    <t>12/24/2019 12:19:06</t>
  </si>
  <si>
    <t>12/24/2019 12:20:27</t>
  </si>
  <si>
    <t>12/24/2019 12:19:07</t>
  </si>
  <si>
    <t>12/24/2019 12:19:09</t>
  </si>
  <si>
    <t>12/24/2019 12:16:37</t>
  </si>
  <si>
    <t>12/24/2019 12:17:32</t>
  </si>
  <si>
    <t>12/24/2019 12:17:34</t>
  </si>
  <si>
    <t>12/24/2019 12:19:57</t>
  </si>
  <si>
    <t>12/24/2019 12:21:28</t>
  </si>
  <si>
    <t>0e5cf168-9318-441e-bdff-16b7d01b2020.tmp</t>
  </si>
  <si>
    <t>\\acsfs\profiles$\luanarda\Downloads\0e5cf168-9318-441e-bdff-16b7d01b2020.tmp</t>
  </si>
  <si>
    <t>12/24/2019 12:19:05</t>
  </si>
  <si>
    <t>12/24/2019 12:22:27</t>
  </si>
  <si>
    <t>12/24/2019 12:22:28</t>
  </si>
  <si>
    <t>12/24/2019 12:23:26</t>
  </si>
  <si>
    <t>.~lock.Fila 1721 - REORIENTAÇÃO PRIORIDADE DIVISÃO APOIO.xlsx#</t>
  </si>
  <si>
    <t>\\acsfs\profiles$\jonatanls\My Documents\.~lock.Fila 1721 - REORIENTAÇÃO PRIORIDADE DIVISÃO APOIO.xlsx#</t>
  </si>
  <si>
    <t>12/24/2019 12:22:52</t>
  </si>
  <si>
    <t>.~lock.Fila 1721 - REORIENTAÇÃO PRIORIDADE OFICIAL ADILSON.ods#</t>
  </si>
  <si>
    <t>\\acsfs\profiles$\jonatanls\My Documents\.~lock.Fila 1721 - REORIENTAÇÃO PRIORIDADE OFICIAL ADILSON.ods#</t>
  </si>
  <si>
    <t>12/24/2019 12:22:10</t>
  </si>
  <si>
    <t>12/24/2019 12:24:27</t>
  </si>
  <si>
    <t>XLOG_anacdos_24122019_081908.log</t>
  </si>
  <si>
    <t>\\acsfs\profiles$\anacdos\My Documents\xworkcenter\logs\XLOG_anacdos_24122019_081908.log</t>
  </si>
  <si>
    <t>12/24/2019 12:19:47</t>
  </si>
  <si>
    <t>12/24/2019 12:20:47</t>
  </si>
  <si>
    <t>12/24/2019 12:19:23</t>
  </si>
  <si>
    <t>Planilha do Microsoft Excel 97-2003.xls</t>
  </si>
  <si>
    <t>12/24/2019 12:23:04</t>
  </si>
  <si>
    <t>12/24/2019 12:28:28</t>
  </si>
  <si>
    <t>.~lock.Fila 1721 - REORIENTAÇÃO PRIORIDADE OFICIAL novo.xlsx#</t>
  </si>
  <si>
    <t>\\acsfs\profiles$\jonatanls\My Documents\.~lock.Fila 1721 - REORIENTAÇÃO PRIORIDADE OFICIAL novo.xlsx#</t>
  </si>
  <si>
    <t>12/24/2019 12:25:47</t>
  </si>
  <si>
    <t>12/24/2019 12:29:27</t>
  </si>
  <si>
    <t>12/24/2019 12:26:47</t>
  </si>
  <si>
    <t>12/24/2019 12:25:03</t>
  </si>
  <si>
    <t>12/24/2019 12:30:28</t>
  </si>
  <si>
    <t>12/24/2019 12:29:16</t>
  </si>
  <si>
    <t>12/24/2019 12:26:15</t>
  </si>
  <si>
    <t>12/24/2019 12:31:27</t>
  </si>
  <si>
    <t>12/24/2019 12:31:15</t>
  </si>
  <si>
    <t>12/24/2019 12:32:27</t>
  </si>
  <si>
    <t>12/24/2019 12:31:33</t>
  </si>
  <si>
    <t>12/24/2019 12:33:27</t>
  </si>
  <si>
    <t>12/24/2019 12:28:46</t>
  </si>
  <si>
    <t>12/24/2019 12:34:27</t>
  </si>
  <si>
    <t>12/24/2019 12:28:47</t>
  </si>
  <si>
    <t>12/24/2019 12:28:48</t>
  </si>
  <si>
    <t>12/24/2019 12:28:49</t>
  </si>
  <si>
    <t>12/24/2019 12:28:50</t>
  </si>
  <si>
    <t>12/24/2019 12:28:51</t>
  </si>
  <si>
    <t>12/24/2019 12:28:52</t>
  </si>
  <si>
    <t>12/24/2019 12:28:53</t>
  </si>
  <si>
    <t>12/24/2019 12:28:54</t>
  </si>
  <si>
    <t>12/24/2019 12:28:55</t>
  </si>
  <si>
    <t>12/24/2019 12:28:56</t>
  </si>
  <si>
    <t>12/24/2019 12:28:57</t>
  </si>
  <si>
    <t>12/24/2019 12:28:58</t>
  </si>
  <si>
    <t>12/24/2019 12:28:59</t>
  </si>
  <si>
    <t>12/24/2019 12:29:00</t>
  </si>
  <si>
    <t>12/24/2019 12:29:01</t>
  </si>
  <si>
    <t>12/24/2019 12:29:02</t>
  </si>
  <si>
    <t>12/24/2019 12:29:03</t>
  </si>
  <si>
    <t>12/24/2019 12:29:04</t>
  </si>
  <si>
    <t>12/24/2019 12:29:05</t>
  </si>
  <si>
    <t>12/24/2019 12:29:06</t>
  </si>
  <si>
    <t>12/24/2019 12:29:07</t>
  </si>
  <si>
    <t>12/24/2019 12:29:08</t>
  </si>
  <si>
    <t>12/24/2019 12:31:47</t>
  </si>
  <si>
    <t>12/24/2019 12:32:47</t>
  </si>
  <si>
    <t>12/24/2019 12:37:47</t>
  </si>
  <si>
    <t>12/24/2019 12:39:27</t>
  </si>
  <si>
    <t>12/24/2019 12:38:47</t>
  </si>
  <si>
    <t>12/24/2019 12:43:47</t>
  </si>
  <si>
    <t>12/24/2019 12:44:27</t>
  </si>
  <si>
    <t>12/24/2019 12:40:11</t>
  </si>
  <si>
    <t>12/24/2019 12:45:27</t>
  </si>
  <si>
    <t>12/24/2019 12:42:14</t>
  </si>
  <si>
    <t>12/24/2019 12:47:27</t>
  </si>
  <si>
    <t>12/24/2019 12:44:47</t>
  </si>
  <si>
    <t>12/24/2019 12:49:27</t>
  </si>
  <si>
    <t>12/24/2019 12:47:36</t>
  </si>
  <si>
    <t>12/24/2019 12:52:27</t>
  </si>
  <si>
    <t>12/24/2019 12:47:38</t>
  </si>
  <si>
    <t>lu288642ieyk1.tmp</t>
  </si>
  <si>
    <t>\\acsfs\profiles$\LUCASBS\lu288642ieyk1.tmp</t>
  </si>
  <si>
    <t>\\acsfs\profiles$\LUCASBS\lu288642ieyk1.tmp\</t>
  </si>
  <si>
    <t>\\acsfs\profiles$\LUCASBS\lu288642ieyk1.tmp\META-INF\</t>
  </si>
  <si>
    <t>\\acsfs\profiles$\LUCASBS\lu288642ieyk1.tmp\Thumbnails\</t>
  </si>
  <si>
    <t>12/24/2019 12:49:28</t>
  </si>
  <si>
    <t>12/24/2019 12:49:29</t>
  </si>
  <si>
    <t>lu1802411yuf7.tmp</t>
  </si>
  <si>
    <t>\\acsfs\profiles$\CLAUDIAJCA\lu1802411yuf7.tmp</t>
  </si>
  <si>
    <t>\\acsfs\profiles$\CLAUDIAJCA\lu1802411yuf7.tmp\</t>
  </si>
  <si>
    <t>\\acsfs\profiles$\CLAUDIAJCA\lu1802411yuf7.tmp\META-INF\</t>
  </si>
  <si>
    <t>\\acsfs\profiles$\CLAUDIAJCA\lu1802411yuf7.tmp\Thumbnails\</t>
  </si>
  <si>
    <t>12/24/2019 12:49:51</t>
  </si>
  <si>
    <t>10.200.66.163</t>
  </si>
  <si>
    <t>74-86-7A-FD-D3-44</t>
  </si>
  <si>
    <t>VOTORANT-WB017</t>
  </si>
  <si>
    <t>mariagsg</t>
  </si>
  <si>
    <t>\\acsfs\profiles$\mariagsg\Downloads\</t>
  </si>
  <si>
    <t>2495096a-137d-461e-9654-e281f139a747.tmp</t>
  </si>
  <si>
    <t>\\acsfs\profiles$\mariagsg\Downloads\2495096a-137d-461e-9654-e281f139a747.tmp</t>
  </si>
  <si>
    <t>078b9488-cad7-4623-b03c-04fac94b8a75.tmp</t>
  </si>
  <si>
    <t>\\acsfs\profiles$\mariagsg\Downloads\078b9488-cad7-4623-b03c-04fac94b8a75.tmp</t>
  </si>
  <si>
    <t>12/24/2019 12:49:53</t>
  </si>
  <si>
    <t>Q29udHJvbGxlci5DYWxjdWxhZG9yYURlVmVuY2lt (5).ica</t>
  </si>
  <si>
    <t>\\acsfs\profiles$\mariagsg\Downloads\Q29udHJvbGxlci5DYWxjdWxhZG9yYURlVmVuY2lt (5).ica</t>
  </si>
  <si>
    <t>12/24/2019 12:50:29</t>
  </si>
  <si>
    <t>Q29udHJvbGxlci5QYXl3YXJlXzEtMg-- (4).ica</t>
  </si>
  <si>
    <t>\\acsfs\profiles$\mariagsg\Downloads\Q29udHJvbGxlci5QYXl3YXJlXzEtMg-- (4).ica</t>
  </si>
  <si>
    <t>12/24/2019 12:49:47</t>
  </si>
  <si>
    <t>12/24/2019 12:54:27</t>
  </si>
  <si>
    <t>12/24/2019 12:50:47</t>
  </si>
  <si>
    <t>12/24/2019 12:53:07</t>
  </si>
  <si>
    <t>12/24/2019 12:56:27</t>
  </si>
  <si>
    <t>12/24/2019 12:52:32</t>
  </si>
  <si>
    <t>12/24/2019 12:57:26</t>
  </si>
  <si>
    <t>https://www.bing.com/orgid/idtoken/nosignin</t>
  </si>
  <si>
    <t>12/24/2019 12:52:45</t>
  </si>
  <si>
    <t>12/24/2019 12:52:46</t>
  </si>
  <si>
    <t>lu288642ieyk6.tmp</t>
  </si>
  <si>
    <t>\\acsfs\profiles$\LUCASBS\lu288642ieyk6.tmp</t>
  </si>
  <si>
    <t>\\acsfs\profiles$\LUCASBS\lu288642ieyk6.tmp\</t>
  </si>
  <si>
    <t>\\acsfs\profiles$\LUCASBS\lu288642ieyk6.tmp\META-INF\</t>
  </si>
  <si>
    <t>\\acsfs\profiles$\LUCASBS\lu288642ieyk6.tmp\Thumbnails\</t>
  </si>
  <si>
    <t>12/24/2019 12:55:52</t>
  </si>
  <si>
    <t>12/24/2019 12:55:53</t>
  </si>
  <si>
    <t>lu288642ieykb.tmp</t>
  </si>
  <si>
    <t>\\acsfs\profiles$\LUCASBS\lu288642ieykb.tmp</t>
  </si>
  <si>
    <t>\\acsfs\profiles$\LUCASBS\lu288642ieykb.tmp\</t>
  </si>
  <si>
    <t>\\acsfs\profiles$\LUCASBS\lu288642ieykb.tmp\META-INF\</t>
  </si>
  <si>
    <t>\\acsfs\profiles$\LUCASBS\lu288642ieykb.tmp\Thumbnails\</t>
  </si>
  <si>
    <t>12/24/2019 12:56:12</t>
  </si>
  <si>
    <t>12/24/2019 12:55:47</t>
  </si>
  <si>
    <t>12/24/2019 12:59:26</t>
  </si>
  <si>
    <t>12/24/2019 12:56:47</t>
  </si>
  <si>
    <t>12/24/2019 12:55:04</t>
  </si>
  <si>
    <t>10.200.66.23</t>
  </si>
  <si>
    <t>34-E6-D7-FC-B8-47</t>
  </si>
  <si>
    <t>VOTORANT-OB036</t>
  </si>
  <si>
    <t>nayarasds</t>
  </si>
  <si>
    <t>\\acsfs\profiles$\nayarasds\Downloads\</t>
  </si>
  <si>
    <t>415c21b4-b027-4d70-bd15-2efe75218987.tmp</t>
  </si>
  <si>
    <t>\\acsfs\profiles$\nayarasds\Downloads\415c21b4-b027-4d70-bd15-2efe75218987.tmp</t>
  </si>
  <si>
    <t>12/24/2019 12:55:10</t>
  </si>
  <si>
    <t>588036ff-1041-4e4a-8c5b-62d22ecb5f1b.tmp</t>
  </si>
  <si>
    <t>\\acsfs\profiles$\nayarasds\Downloads\588036ff-1041-4e4a-8c5b-62d22ecb5f1b.tmp</t>
  </si>
  <si>
    <t>12/24/2019 12:55:58</t>
  </si>
  <si>
    <t>02dbb196-67c6-4e59-9adf-27dbe3de32eb.tmp</t>
  </si>
  <si>
    <t>\\acsfs\profiles$\nayarasds\Downloads\02dbb196-67c6-4e59-9adf-27dbe3de32eb.tmp</t>
  </si>
  <si>
    <t>12/24/2019 12:59:59</t>
  </si>
  <si>
    <t>12/24/2019 13:02:27</t>
  </si>
  <si>
    <t>12/24/2019 13:00:01</t>
  </si>
  <si>
    <t>lu313042pyqhv.tmp</t>
  </si>
  <si>
    <t>\\acsfs\profiles$\LUCASBS\lu313042pyqhv.tmp</t>
  </si>
  <si>
    <t>\\acsfs\profiles$\LUCASBS\lu313042pyqhv.tmp\</t>
  </si>
  <si>
    <t>\\acsfs\profiles$\LUCASBS\lu313042pyqhv.tmp\META-INF\</t>
  </si>
  <si>
    <t>\\acsfs\profiles$\LUCASBS\lu313042pyqhv.tmp\Thumbnails\</t>
  </si>
  <si>
    <t>12/24/2019 13:01:22</t>
  </si>
  <si>
    <t>12/24/2019 13:01:24</t>
  </si>
  <si>
    <t>lu1370411ssdk.tmp</t>
  </si>
  <si>
    <t>\\acsfs\profiles$\FLAVIOJMM\My Documents\lu1370411ssdk.tmp</t>
  </si>
  <si>
    <t>\\acsfs\profiles$\FLAVIOJMM\My Documents\lu1370411ssdk.tmp\</t>
  </si>
  <si>
    <t>\\acsfs\profiles$\FLAVIOJMM\My Documents\lu1370411ssdk.tmp\META-INF\</t>
  </si>
  <si>
    <t>\\acsfs\profiles$\FLAVIOJMM\My Documents\lu1370411ssdk.tmp\Thumbnails\</t>
  </si>
  <si>
    <t>12/24/2019 12:58:59</t>
  </si>
  <si>
    <t>f8df84a8-8d6d-4709-a160-838562bf4e75.tmp</t>
  </si>
  <si>
    <t>\\acsfs\profiles$\andrezacapf\Downloads\f8df84a8-8d6d-4709-a160-838562bf4e75.tmp</t>
  </si>
  <si>
    <t>12/24/2019 12:58:55</t>
  </si>
  <si>
    <t>12/24/2019 12:58:56</t>
  </si>
  <si>
    <t>lu382525c3d0f.tmp</t>
  </si>
  <si>
    <t>\\acsfs\profiles$\ISABELLEGTDS\Nova pasta\lu382525c3d0f.tmp</t>
  </si>
  <si>
    <t>\\acsfs\profiles$\ISABELLEGTDS\Nova pasta\lu382525c3d0f.tmp\</t>
  </si>
  <si>
    <t>\\acsfs\profiles$\ISABELLEGTDS\Nova pasta\lu382525c3d0f.tmp\META-INF\</t>
  </si>
  <si>
    <t>\\acsfs\profiles$\ISABELLEGTDS\Nova pasta\lu382525c3d0f.tmp\Thumbnails\</t>
  </si>
  <si>
    <t>12/24/2019 12:58:57</t>
  </si>
  <si>
    <t>12/24/2019 12:58:58</t>
  </si>
  <si>
    <t>lu382525c3d0k.tmp</t>
  </si>
  <si>
    <t>\\acsfs\profiles$\ISABELLEGTDS\Nova pasta\lu382525c3d0k.tmp</t>
  </si>
  <si>
    <t>\\acsfs\profiles$\ISABELLEGTDS\Nova pasta\lu382525c3d0k.tmp\</t>
  </si>
  <si>
    <t>\\acsfs\profiles$\ISABELLEGTDS\Nova pasta\lu382525c3d0k.tmp\META-INF\</t>
  </si>
  <si>
    <t>\\acsfs\profiles$\ISABELLEGTDS\Nova pasta\lu382525c3d0k.tmp\Thumbnails\</t>
  </si>
  <si>
    <t>12/24/2019 12:58:46</t>
  </si>
  <si>
    <t>12/24/2019 13:03:26</t>
  </si>
  <si>
    <t>e5e34145-31c6-45fc-9656-b64c8fd1b93f.tmp</t>
  </si>
  <si>
    <t>\\acsfs\profiles$\felipetds\Downloads\e5e34145-31c6-45fc-9656-b64c8fd1b93f.tmp</t>
  </si>
  <si>
    <t>12/24/2019 12:59:24</t>
  </si>
  <si>
    <t>d1c3ab97-4249-40b3-9ed3-430814a5c9f5.tmp</t>
  </si>
  <si>
    <t>\\acsfs\profiles$\felipetds\Downloads\d1c3ab97-4249-40b3-9ed3-430814a5c9f5.tmp</t>
  </si>
  <si>
    <t>12/24/2019 13:01:48</t>
  </si>
  <si>
    <t>12/24/2019 13:04:27</t>
  </si>
  <si>
    <t>12/24/2019 13:02:47</t>
  </si>
  <si>
    <t>12/24/2019 13:04:10</t>
  </si>
  <si>
    <t>12/24/2019 13:07:27</t>
  </si>
  <si>
    <t>12/24/2019 13:04:11</t>
  </si>
  <si>
    <t>lu313042pyqi0.tmp</t>
  </si>
  <si>
    <t>\\acsfs\profiles$\LUCASBS\lu313042pyqi0.tmp</t>
  </si>
  <si>
    <t>\\acsfs\profiles$\LUCASBS\lu313042pyqi0.tmp\</t>
  </si>
  <si>
    <t>\\acsfs\profiles$\LUCASBS\lu313042pyqi0.tmp\META-INF\</t>
  </si>
  <si>
    <t>\\acsfs\profiles$\LUCASBS\lu313042pyqi0.tmp\Thumbnails\</t>
  </si>
  <si>
    <t>12/24/2019 13:03:38</t>
  </si>
  <si>
    <t>12/24/2019 13:08:27</t>
  </si>
  <si>
    <t>0a0646d2-8e27-4f54-8d8a-dda029608a09.tmp</t>
  </si>
  <si>
    <t>\\acsfs\profiles$\milenaas\Downloads\0a0646d2-8e27-4f54-8d8a-dda029608a09.tmp</t>
  </si>
  <si>
    <t>12/24/2019 13:05:58</t>
  </si>
  <si>
    <t>c0264a15-050c-4454-b52b-54556722a02a.tmp</t>
  </si>
  <si>
    <t>\\acsfs\profiles$\milenaas\Downloads\c0264a15-050c-4454-b52b-54556722a02a.tmp</t>
  </si>
  <si>
    <t>12/24/2019 13:06:23</t>
  </si>
  <si>
    <t>cb150fcd-b66f-4194-850c-d47de37aa4c9.tmp</t>
  </si>
  <si>
    <t>\\acsfs\profiles$\milenaas\Downloads\cb150fcd-b66f-4194-850c-d47de37aa4c9.tmp</t>
  </si>
  <si>
    <t>12/24/2019 13:08:13</t>
  </si>
  <si>
    <t>e1003395-8340-4d12-b4af-4dbd05bb84ef.tmp</t>
  </si>
  <si>
    <t>\\acsfs\profiles$\milenaas\Downloads\e1003395-8340-4d12-b4af-4dbd05bb84ef.tmp</t>
  </si>
  <si>
    <t>12/24/2019 13:05:56</t>
  </si>
  <si>
    <t>12/24/2019 13:09:27</t>
  </si>
  <si>
    <t>12/24/2019 13:07:47</t>
  </si>
  <si>
    <t>12/24/2019 13:08:47</t>
  </si>
  <si>
    <t>12/24/2019 13:13:47</t>
  </si>
  <si>
    <t>12/24/2019 13:14:27</t>
  </si>
  <si>
    <t>12/24/2019 13:11:51</t>
  </si>
  <si>
    <t>12/24/2019 13:16:27</t>
  </si>
  <si>
    <t>beb6acfb-d1b0-4fbb-a425-7d394b38bd10.tmp</t>
  </si>
  <si>
    <t>\\acsfs\profiles$\quindaizaagds\Downloads\beb6acfb-d1b0-4fbb-a425-7d394b38bd10.tmp</t>
  </si>
  <si>
    <t>12/24/2019 13:12:07</t>
  </si>
  <si>
    <t>06c27716-36e0-46bf-8873-acd4b66f0519.tmp</t>
  </si>
  <si>
    <t>\\acsfs\profiles$\quindaizaagds\Downloads\06c27716-36e0-46bf-8873-acd4b66f0519.tmp</t>
  </si>
  <si>
    <t>12/24/2019 13:15:49</t>
  </si>
  <si>
    <t>a1605319-f087-4119-8859-918a23438b0b.tmp</t>
  </si>
  <si>
    <t>\\acsfs\profiles$\laianear\Downloads\a1605319-f087-4119-8859-918a23438b0b.tmp</t>
  </si>
  <si>
    <t>12/24/2019 13:12:11</t>
  </si>
  <si>
    <t>12/24/2019 13:17:27</t>
  </si>
  <si>
    <t>12/24/2019 13:15:34</t>
  </si>
  <si>
    <t>12/24/2019 13:19:28</t>
  </si>
  <si>
    <t>XLOG_anacdos_24122019_122840.log</t>
  </si>
  <si>
    <t>\\acsfs\profiles$\anacdos\My Documents\xworkcenter\logs\XLOG_anacdos_24122019_122840.log</t>
  </si>
  <si>
    <t>12/24/2019 13:14:47</t>
  </si>
  <si>
    <t>12/24/2019 13:21:28</t>
  </si>
  <si>
    <t>12/24/2019 13:19:49</t>
  </si>
  <si>
    <t>12/24/2019 13:19:50</t>
  </si>
  <si>
    <t>12/24/2019 13:19:51</t>
  </si>
  <si>
    <t>12/24/2019 13:19:52</t>
  </si>
  <si>
    <t>12/24/2019 13:19:53</t>
  </si>
  <si>
    <t>12/24/2019 13:19:54</t>
  </si>
  <si>
    <t>12/24/2019 13:19:55</t>
  </si>
  <si>
    <t>12/24/2019 13:19:56</t>
  </si>
  <si>
    <t>12/24/2019 13:19:57</t>
  </si>
  <si>
    <t>12/24/2019 13:19:58</t>
  </si>
  <si>
    <t>12/24/2019 13:19:59</t>
  </si>
  <si>
    <t>12/24/2019 13:20:00</t>
  </si>
  <si>
    <t>12/24/2019 13:20:01</t>
  </si>
  <si>
    <t>12/24/2019 13:20:02</t>
  </si>
  <si>
    <t>12/24/2019 13:20:03</t>
  </si>
  <si>
    <t>12/24/2019 13:20:04</t>
  </si>
  <si>
    <t>12/24/2019 13:20:05</t>
  </si>
  <si>
    <t>12/24/2019 13:20:06</t>
  </si>
  <si>
    <t>12/24/2019 13:20:07</t>
  </si>
  <si>
    <t>12/24/2019 13:20:08</t>
  </si>
  <si>
    <t>12/24/2019 13:20:09</t>
  </si>
  <si>
    <t>12/24/2019 13:20:10</t>
  </si>
  <si>
    <t>12/24/2019 13:20:11</t>
  </si>
  <si>
    <t>12/24/2019 13:20:12</t>
  </si>
  <si>
    <t>12/24/2019 13:20:13</t>
  </si>
  <si>
    <t>12/24/2019 13:20:14</t>
  </si>
  <si>
    <t>12/24/2019 13:20:15</t>
  </si>
  <si>
    <t>12/24/2019 13:20:16</t>
  </si>
  <si>
    <t>12/24/2019 13:20:17</t>
  </si>
  <si>
    <t>\\acsfs\profiles$\thaisdss\My Documents\dbxwc\</t>
  </si>
  <si>
    <t>dbxwc.xwc</t>
  </si>
  <si>
    <t>\\acsfs\profiles$\thaisdss\My Documents\dbxwc\dbxwc.xwc</t>
  </si>
  <si>
    <t>12/24/2019 13:20:56</t>
  </si>
  <si>
    <t>12/24/2019 13:22:27</t>
  </si>
  <si>
    <t>12/24/2019 13:18:34</t>
  </si>
  <si>
    <t>12/24/2019 13:18:35</t>
  </si>
  <si>
    <t>lu313042pyqi9.tmp</t>
  </si>
  <si>
    <t>\\acsfs\profiles$\LUCASBS\lu313042pyqi9.tmp</t>
  </si>
  <si>
    <t>\\acsfs\profiles$\LUCASBS\lu313042pyqi9.tmp\</t>
  </si>
  <si>
    <t>\\acsfs\profiles$\LUCASBS\lu313042pyqi9.tmp\META-INF\</t>
  </si>
  <si>
    <t>\\acsfs\profiles$\LUCASBS\lu313042pyqi9.tmp\Thumbnails\</t>
  </si>
  <si>
    <t>12/24/2019 13:19:36</t>
  </si>
  <si>
    <t>f1a98751-e33d-46e3-9ecb-43a217de86df.tmp</t>
  </si>
  <si>
    <t>\\acsfs\profiles$\joycemmdl\Downloads\f1a98751-e33d-46e3-9ecb-43a217de86df.tmp</t>
  </si>
  <si>
    <t>12/24/2019 13:20:55</t>
  </si>
  <si>
    <t>fd5012dc-3d46-4018-a50a-e7538c8b9502.tmp</t>
  </si>
  <si>
    <t>\\acsfs\profiles$\joycemmdl\Downloads\fd5012dc-3d46-4018-a50a-e7538c8b9502.tmp</t>
  </si>
  <si>
    <t>12/24/2019 13:21:03</t>
  </si>
  <si>
    <t>af8d2eae-9b18-4023-98fc-4eb0858b9885.tmp</t>
  </si>
  <si>
    <t>\\acsfs\profiles$\joycemmdl\Downloads\af8d2eae-9b18-4023-98fc-4eb0858b9885.tmp</t>
  </si>
  <si>
    <t>12/24/2019 13:19:38</t>
  </si>
  <si>
    <t>12/24/2019 13:23:28</t>
  </si>
  <si>
    <t>10.200.66.77</t>
  </si>
  <si>
    <t>D0-94-66-B5-4E-6C</t>
  </si>
  <si>
    <t>VOTORANT-YB014</t>
  </si>
  <si>
    <t>12/24/2019 13:22:01</t>
  </si>
  <si>
    <t>12/24/2019 13:22:39</t>
  </si>
  <si>
    <t>jalilebds</t>
  </si>
  <si>
    <t>\\acsfs\profiles$\jalilebds\My Documents\My Pictures\</t>
  </si>
  <si>
    <t>\\acsfs\profiles$\jalilebds\My Documents\My Videos\desktop.ini</t>
  </si>
  <si>
    <t>12/24/2019 13:22:43</t>
  </si>
  <si>
    <t>\\acsfs\profiles$\jalilebds\My Documents\My Videos\</t>
  </si>
  <si>
    <t>12/24/2019 13:22:45</t>
  </si>
  <si>
    <t>12/24/2019 13:22:48</t>
  </si>
  <si>
    <t>12/24/2019 13:22:50</t>
  </si>
  <si>
    <t>\\acsfs\profiles$\jalilebds\My Documents\My Music\</t>
  </si>
  <si>
    <t>\\acsfs\profiles$\jalilebds\My Documents\My Pictures\desktop.ini</t>
  </si>
  <si>
    <t>12/24/2019 13:22:51</t>
  </si>
  <si>
    <t>12/24/2019 13:20:35</t>
  </si>
  <si>
    <t>12/24/2019 13:19:47</t>
  </si>
  <si>
    <t>12/24/2019 13:24:27</t>
  </si>
  <si>
    <t>12/24/2019 13:20:47</t>
  </si>
  <si>
    <t>12/24/2019 13:22:26</t>
  </si>
  <si>
    <t>12/24/2019 13:26:27</t>
  </si>
  <si>
    <t>12/24/2019 08:05:11</t>
  </si>
  <si>
    <t>481c8803-8b0b-40ec-8746-0834046edf31.tmp</t>
  </si>
  <si>
    <t>\\acsfs\profiles$\larissaad\Downloads\481c8803-8b0b-40ec-8746-0834046edf31.tmp</t>
  </si>
  <si>
    <t>12/24/2019 08:05:12</t>
  </si>
  <si>
    <t>7f0fe76e-d16e-41b8-a6fa-9c1c56556a60.tmp</t>
  </si>
  <si>
    <t>\\acsfs\profiles$\larissaad\Downloads\7f0fe76e-d16e-41b8-a6fa-9c1c56556a60.tmp</t>
  </si>
  <si>
    <t>12/24/2019 08:17:14</t>
  </si>
  <si>
    <t>7d0e6fed-c071-4960-8cb3-280395770614.tmp</t>
  </si>
  <si>
    <t>\\acsfs\profiles$\larissaad\Downloads\7d0e6fed-c071-4960-8cb3-280395770614.tmp</t>
  </si>
  <si>
    <t>12/24/2019 08:21:16</t>
  </si>
  <si>
    <t>cb4864ba-b401-4312-bab0-fe4be11b4e51.tmp</t>
  </si>
  <si>
    <t>\\acsfs\profiles$\larissaad\Downloads\cb4864ba-b401-4312-bab0-fe4be11b4e51.tmp</t>
  </si>
  <si>
    <t>12/24/2019 10:11:09</t>
  </si>
  <si>
    <t>12/24/2019 10:32:42</t>
  </si>
  <si>
    <t>5b5c717f-cbe7-4552-be64-63c77501ae20.tmp</t>
  </si>
  <si>
    <t>\\acsfs\profiles$\larissaad\Downloads\5b5c717f-cbe7-4552-be64-63c77501ae20.tmp</t>
  </si>
  <si>
    <t>12/24/2019 10:35:50</t>
  </si>
  <si>
    <t>12/24/2019 10:35:55</t>
  </si>
  <si>
    <t>12/24/2019 10:36:25</t>
  </si>
  <si>
    <t>12/24/2019 13:23:17</t>
  </si>
  <si>
    <t>12/24/2019 13:25:26</t>
  </si>
  <si>
    <t>12/24/2019 13:27:27</t>
  </si>
  <si>
    <t>12/24/2019 13:25:27</t>
  </si>
  <si>
    <t>lu313042pyqie.tmp</t>
  </si>
  <si>
    <t>\\acsfs\profiles$\LUCASBS\lu313042pyqie.tmp</t>
  </si>
  <si>
    <t>\\acsfs\profiles$\LUCASBS\lu313042pyqie.tmp\</t>
  </si>
  <si>
    <t>\\acsfs\profiles$\LUCASBS\lu313042pyqie.tmp\META-INF\</t>
  </si>
  <si>
    <t>\\acsfs\profiles$\LUCASBS\lu313042pyqie.tmp\Thumbnails\</t>
  </si>
  <si>
    <t>12/24/2019 13:24:59</t>
  </si>
  <si>
    <t>12/24/2019 13:25:00</t>
  </si>
  <si>
    <t>lu1370411sse0.tmp</t>
  </si>
  <si>
    <t>\\acsfs\profiles$\FLAVIOJMM\My Documents\lu1370411sse0.tmp</t>
  </si>
  <si>
    <t>\\acsfs\profiles$\FLAVIOJMM\My Documents\lu1370411sse0.tmp\</t>
  </si>
  <si>
    <t>\\acsfs\profiles$\FLAVIOJMM\My Documents\lu1370411sse0.tmp\META-INF\</t>
  </si>
  <si>
    <t>\\acsfs\profiles$\FLAVIOJMM\My Documents\lu1370411sse0.tmp\Thumbnails\</t>
  </si>
  <si>
    <t>12/24/2019 13:24:49</t>
  </si>
  <si>
    <t>12/24/2019 13:24:51</t>
  </si>
  <si>
    <t>lu382525c3d0t.tmp</t>
  </si>
  <si>
    <t>\\acsfs\profiles$\ISABELLEGTDS\Nova pasta\lu382525c3d0t.tmp</t>
  </si>
  <si>
    <t>\\acsfs\profiles$\ISABELLEGTDS\Nova pasta\lu382525c3d0t.tmp\</t>
  </si>
  <si>
    <t>\\acsfs\profiles$\ISABELLEGTDS\Nova pasta\lu382525c3d0t.tmp\META-INF\</t>
  </si>
  <si>
    <t>\\acsfs\profiles$\ISABELLEGTDS\Nova pasta\lu382525c3d0t.tmp\Thumbnails\</t>
  </si>
  <si>
    <t>12/24/2019 13:22:55</t>
  </si>
  <si>
    <t>12/24/2019 13:28:28</t>
  </si>
  <si>
    <t>12/24/2019 13:22:57</t>
  </si>
  <si>
    <t>12/24/2019 13:22:58</t>
  </si>
  <si>
    <t>\\acsfs\profiles$\jalilebds\Contacts\</t>
  </si>
  <si>
    <t>\\acsfs\profiles$\jalilebds\Contacts\desktop.ini</t>
  </si>
  <si>
    <t>12/24/2019 13:22:59</t>
  </si>
  <si>
    <t>12/24/2019 13:23:00</t>
  </si>
  <si>
    <t>12/24/2019 13:23:01</t>
  </si>
  <si>
    <t>12/24/2019 13:23:04</t>
  </si>
  <si>
    <t>12/24/2019 13:23:05</t>
  </si>
  <si>
    <t>12/24/2019 13:23:07</t>
  </si>
  <si>
    <t>\\acsfs\profiles$\jalilebds\My Documents\</t>
  </si>
  <si>
    <t>\\acsfs\profiles$\jalilebds\Favorites\desktop.ini</t>
  </si>
  <si>
    <t>12/24/2019 13:23:08</t>
  </si>
  <si>
    <t>12/24/2019 13:23:09</t>
  </si>
  <si>
    <t>12/24/2019 13:23:11</t>
  </si>
  <si>
    <t>12/24/2019 13:23:12</t>
  </si>
  <si>
    <t>12/24/2019 13:23:14</t>
  </si>
  <si>
    <t>\\acsfs\profiles$\jalilebds\My Documents\My Music\desktop.ini</t>
  </si>
  <si>
    <t>12/24/2019 13:23:19</t>
  </si>
  <si>
    <t>12/24/2019 13:23:20</t>
  </si>
  <si>
    <t>12/24/2019 13:23:21</t>
  </si>
  <si>
    <t>12/24/2019 13:23:22</t>
  </si>
  <si>
    <t>12/24/2019 13:23:24</t>
  </si>
  <si>
    <t>\\acsfs\profiles$\jalilebds\Searches\</t>
  </si>
  <si>
    <t>\\acsfs\profiles$\jalilebds\Searches\desktop.ini</t>
  </si>
  <si>
    <t>12/24/2019 13:23:25</t>
  </si>
  <si>
    <t>12/24/2019 13:23:27</t>
  </si>
  <si>
    <t>12/24/2019 13:23:29</t>
  </si>
  <si>
    <t>12/24/2019 13:23:31</t>
  </si>
  <si>
    <t>\\acsfs\profiles$\jalilebds\Downloads\</t>
  </si>
  <si>
    <t>\\acsfs\profiles$\jalilebds\Downloads\desktop.ini</t>
  </si>
  <si>
    <t>12/24/2019 13:23:32</t>
  </si>
  <si>
    <t>12/24/2019 13:23:34</t>
  </si>
  <si>
    <t>\\acsfs\profiles$\jalilebds\Favorites\</t>
  </si>
  <si>
    <t>\\acsfs\profiles$\jalilebds\My Documents\desktop.ini</t>
  </si>
  <si>
    <t>12/24/2019 13:23:35</t>
  </si>
  <si>
    <t>12/24/2019 13:23:36</t>
  </si>
  <si>
    <t>12/24/2019 13:23:37</t>
  </si>
  <si>
    <t>12/24/2019 13:23:39</t>
  </si>
  <si>
    <t>12/24/2019 13:23:41</t>
  </si>
  <si>
    <t>\\acsfs\profiles$\jalilebds\Saved Games\desktop.ini</t>
  </si>
  <si>
    <t>12/24/2019 13:24:03</t>
  </si>
  <si>
    <t>winrt--{S-1-5-21-602162358-764733703-839522115-342485}-.searchconnector-ms</t>
  </si>
  <si>
    <t>\\acsfs\profiles$\jalilebds\Searches\winrt--{S-1-5-21-602162358-764733703-839522115-342485}-.searchconnector-ms</t>
  </si>
  <si>
    <t>12/24/2019 13:26:28</t>
  </si>
  <si>
    <t>12/24/2019 13:25:47</t>
  </si>
  <si>
    <t>12/24/2019 13:29:27</t>
  </si>
  <si>
    <t>12/24/2019 13:26:47</t>
  </si>
  <si>
    <t>12/24/2019 13:28:19</t>
  </si>
  <si>
    <t>12/24/2019 13:30:28</t>
  </si>
  <si>
    <t>12/24/2019 13:28:20</t>
  </si>
  <si>
    <t>12/24/2019 13:29:18</t>
  </si>
  <si>
    <t>12/24/2019 13:31:27</t>
  </si>
  <si>
    <t>Edcarlos Dias Lima_1_6771511585747829342_1_32.wav</t>
  </si>
  <si>
    <t>\\acsfs\Deptos\EDUCACAO EMPRESARIAL\FERNANDA MONIT\Ligação para Mutant terceiro Ciclo\Edcarlos Dias Lima_1_6771511585747829342_1_32.wav</t>
  </si>
  <si>
    <t>12/24/2019 13:32:13</t>
  </si>
  <si>
    <t>12/24/2019 13:33:27</t>
  </si>
  <si>
    <t>5e995c86-c577-4f3b-a591-57db1b0812b0.tmp</t>
  </si>
  <si>
    <t>\\acsfs\profiles$\brendadsl\Downloads\5e995c86-c577-4f3b-a591-57db1b0812b0.tmp</t>
  </si>
  <si>
    <t>12/24/2019 13:30:30</t>
  </si>
  <si>
    <t>12/24/2019 13:30:32</t>
  </si>
  <si>
    <t>lu245041ih4c0.tmp</t>
  </si>
  <si>
    <t>\\acsfs\profiles$\jonatanls\My Documents\lu245041ih4c0.tmp</t>
  </si>
  <si>
    <t>12/24/2019 13:29:09</t>
  </si>
  <si>
    <t>12/24/2019 13:31:47</t>
  </si>
  <si>
    <t>12/24/2019 13:34:27</t>
  </si>
  <si>
    <t>12/24/2019 13:32:47</t>
  </si>
  <si>
    <t>12/24/2019 13:30:43</t>
  </si>
  <si>
    <t>f91639c6-2421-4f11-9599-8e2437ace581.tmp</t>
  </si>
  <si>
    <t>\\acsfs\profiles$\gabrielamdp\Downloads\f91639c6-2421-4f11-9599-8e2437ace581.tmp</t>
  </si>
  <si>
    <t>12/24/2019 13:30:44</t>
  </si>
  <si>
    <t>7c607563-e6a3-40d9-b587-41620c6f3639.tmp</t>
  </si>
  <si>
    <t>\\acsfs\profiles$\gabrielamdp\Downloads\7c607563-e6a3-40d9-b587-41620c6f3639.tmp</t>
  </si>
  <si>
    <t>12/24/2019 13:30:53</t>
  </si>
  <si>
    <t>dfa6dee8-d443-463e-85d6-9ed4c824f7da.tmp</t>
  </si>
  <si>
    <t>\\acsfs\profiles$\gabrielamdp\Downloads\dfa6dee8-d443-463e-85d6-9ed4c824f7da.tmp</t>
  </si>
  <si>
    <t>12/24/2019 13:33:01</t>
  </si>
  <si>
    <t>https://trc.taboola.com/segredosdomundo-segredosdomundo/log/3/perf?route=us:us:v&amp;lti=move-to-non-responsive_var</t>
  </si>
  <si>
    <t>12/24/2019 13:34:45</t>
  </si>
  <si>
    <t>12/24/2019 13:37:27</t>
  </si>
  <si>
    <t>12/24/2019 13:34:46</t>
  </si>
  <si>
    <t>lu313042pyqij.tmp</t>
  </si>
  <si>
    <t>\\acsfs\profiles$\LUCASBS\lu313042pyqij.tmp</t>
  </si>
  <si>
    <t>\\acsfs\profiles$\LUCASBS\lu313042pyqij.tmp\</t>
  </si>
  <si>
    <t>\\acsfs\profiles$\LUCASBS\lu313042pyqij.tmp\META-INF\</t>
  </si>
  <si>
    <t>\\acsfs\profiles$\LUCASBS\lu313042pyqij.tmp\Thumbnails\</t>
  </si>
  <si>
    <t>12/24/2019 13:34:48</t>
  </si>
  <si>
    <t>12/24/2019 13:34:49</t>
  </si>
  <si>
    <t>lu1370411sse6.tmp</t>
  </si>
  <si>
    <t>\\acsfs\profiles$\FLAVIOJMM\My Documents\lu1370411sse6.tmp</t>
  </si>
  <si>
    <t>\\acsfs\profiles$\FLAVIOJMM\My Documents\lu1370411sse6.tmp\</t>
  </si>
  <si>
    <t>\\acsfs\profiles$\FLAVIOJMM\My Documents\lu1370411sse6.tmp\META-INF\</t>
  </si>
  <si>
    <t>\\acsfs\profiles$\FLAVIOJMM\My Documents\lu1370411sse6.tmp\Thumbnails\</t>
  </si>
  <si>
    <t>12/24/2019 13:37:47</t>
  </si>
  <si>
    <t>12/24/2019 13:39:27</t>
  </si>
  <si>
    <t>12/24/2019 13:38:47</t>
  </si>
  <si>
    <t>12/24/2019 13:37:59</t>
  </si>
  <si>
    <t>12/24/2019 13:42:27</t>
  </si>
  <si>
    <t>78fd2181-7a26-44dd-bbb6-0b4234c00770.tmp</t>
  </si>
  <si>
    <t>\\acsfs\profiles$\milenaas\Downloads\78fd2181-7a26-44dd-bbb6-0b4234c00770.tmp</t>
  </si>
  <si>
    <t>12/24/2019 13:38:15</t>
  </si>
  <si>
    <t>00414ae2-e74b-462e-9d64-457e4bd7f61d.tmp</t>
  </si>
  <si>
    <t>\\acsfs\profiles$\milenaas\Downloads\00414ae2-e74b-462e-9d64-457e4bd7f61d.tmp</t>
  </si>
  <si>
    <t>12/24/2019 13:38:51</t>
  </si>
  <si>
    <t>6cbfbb6f-fe67-45f7-9ca6-187453a28299.tmp</t>
  </si>
  <si>
    <t>\\acsfs\profiles$\milenaas\Downloads\6cbfbb6f-fe67-45f7-9ca6-187453a28299.tmp</t>
  </si>
  <si>
    <t>12/24/2019 13:42:11</t>
  </si>
  <si>
    <t>12/24/2019 13:43:27</t>
  </si>
  <si>
    <t>12/24/2019 13:39:12</t>
  </si>
  <si>
    <t>12/24/2019 13:44:27</t>
  </si>
  <si>
    <t>12/24/2019 13:43:47</t>
  </si>
  <si>
    <t>12/24/2019 13:43:11</t>
  </si>
  <si>
    <t>12/24/2019 13:41:18</t>
  </si>
  <si>
    <t>12/24/2019 13:45:27</t>
  </si>
  <si>
    <t>12/24/2019 13:41:38</t>
  </si>
  <si>
    <t>12/24/2019 13:45:07</t>
  </si>
  <si>
    <t>12/24/2019 13:47:26</t>
  </si>
  <si>
    <t>72314aed-cd2f-4a53-bc6d-f110c382c3fc.tmp</t>
  </si>
  <si>
    <t>\\acsfs\profiles$\andrezacapf\Downloads\72314aed-cd2f-4a53-bc6d-f110c382c3fc.tmp</t>
  </si>
  <si>
    <t>12/24/2019 13:45:21</t>
  </si>
  <si>
    <t>12/24/2019 13:48:27</t>
  </si>
  <si>
    <t>58483017-8633-48d1-9fb2-1576c5f4f827.tmp</t>
  </si>
  <si>
    <t>\\acsfs\profiles$\jalilebds\Downloads\58483017-8633-48d1-9fb2-1576c5f4f827.tmp</t>
  </si>
  <si>
    <t>12/24/2019 13:45:30</t>
  </si>
  <si>
    <t>Unconfirmed 894348.crdownload</t>
  </si>
  <si>
    <t>\\acsfs\profiles$\jalilebds\Downloads\Unconfirmed 894348.crdownload</t>
  </si>
  <si>
    <t>12/24/2019 13:46:05</t>
  </si>
  <si>
    <t>3d7249ef-16b2-4784-8246-81e34c2adcef.tmp</t>
  </si>
  <si>
    <t>\\acsfs\profiles$\jalilebds\Downloads\3d7249ef-16b2-4784-8246-81e34c2adcef.tmp</t>
  </si>
  <si>
    <t>12/24/2019 13:46:14</t>
  </si>
  <si>
    <t>Unconfirmed 666907.crdownload</t>
  </si>
  <si>
    <t>\\acsfs\profiles$\jalilebds\Downloads\Unconfirmed 666907.crdownload</t>
  </si>
  <si>
    <t>12/24/2019 13:46:29</t>
  </si>
  <si>
    <t>ea661c5b-38ed-4cd9-b22b-6325a815d02c.tmp</t>
  </si>
  <si>
    <t>\\acsfs\profiles$\jalilebds\Downloads\ea661c5b-38ed-4cd9-b22b-6325a815d02c.tmp</t>
  </si>
  <si>
    <t>12/24/2019 13:46:34</t>
  </si>
  <si>
    <t>Unconfirmed 858673.crdownload</t>
  </si>
  <si>
    <t>\\acsfs\profiles$\jalilebds\Downloads\Unconfirmed 858673.crdownload</t>
  </si>
  <si>
    <t>12/24/2019 13:44:47</t>
  </si>
  <si>
    <t>12/24/2019 13:49:26</t>
  </si>
  <si>
    <t>12/24/2019 13:49:38</t>
  </si>
  <si>
    <t>12/24/2019 13:50:27</t>
  </si>
  <si>
    <t>12/24/2019 13:49:47</t>
  </si>
  <si>
    <t>12/24/2019 13:51:27</t>
  </si>
  <si>
    <t>12/24/2019 13:48:25</t>
  </si>
  <si>
    <t>12/24/2019 13:52:26</t>
  </si>
  <si>
    <t>10.200.67.220</t>
  </si>
  <si>
    <t>D0-94-66-B5-4C-06</t>
  </si>
  <si>
    <t>VOTORANT-SB016</t>
  </si>
  <si>
    <t>12/24/2019 13:47:05</t>
  </si>
  <si>
    <t>12/24/2019 13:47:06</t>
  </si>
  <si>
    <t>lu313042pyqis.tmp</t>
  </si>
  <si>
    <t>\\acsfs\profiles$\LUCASBS\lu313042pyqis.tmp</t>
  </si>
  <si>
    <t>\\acsfs\profiles$\LUCASBS\lu313042pyqis.tmp\</t>
  </si>
  <si>
    <t>\\acsfs\profiles$\LUCASBS\lu313042pyqis.tmp\META-INF\</t>
  </si>
  <si>
    <t>12/24/2019 13:48:03</t>
  </si>
  <si>
    <t>12/24/2019 13:48:24</t>
  </si>
  <si>
    <t>lu1802411yufw.tmp</t>
  </si>
  <si>
    <t>\\acsfs\profiles$\CLAUDIAJCA\lu1802411yufw.tmp</t>
  </si>
  <si>
    <t>\\acsfs\profiles$\CLAUDIAJCA\lu1802411yufw.tmp\</t>
  </si>
  <si>
    <t>\\acsfs\profiles$\CLAUDIAJCA\lu1802411yufw.tmp\META-INF\</t>
  </si>
  <si>
    <t>\\acsfs\profiles$\LUCASBS\lu313042pyqis.tmp\Thumbnails\</t>
  </si>
  <si>
    <t>12/24/2019 13:47:12</t>
  </si>
  <si>
    <t>12/24/2019 13:47:13</t>
  </si>
  <si>
    <t>lu313042pyqix.tmp</t>
  </si>
  <si>
    <t>\\acsfs\profiles$\LUCASBS\lu313042pyqix.tmp</t>
  </si>
  <si>
    <t>\\acsfs\profiles$\CLAUDIAJCA\lu1802411yufw.tmp\Thumbnails\</t>
  </si>
  <si>
    <t>\\acsfs\profiles$\LUCASBS\lu313042pyqix.tmp\</t>
  </si>
  <si>
    <t>\\acsfs\profiles$\LUCASBS\lu313042pyqix.tmp\META-INF\</t>
  </si>
  <si>
    <t>\\acsfs\profiles$\LUCASBS\lu313042pyqix.tmp\Thumbnails\</t>
  </si>
  <si>
    <t>12/24/2019 13:51:57</t>
  </si>
  <si>
    <t>12/24/2019 13:53:27</t>
  </si>
  <si>
    <t>lu245041ih4ce.tmp</t>
  </si>
  <si>
    <t>\\acsfs\profiles$\jonatanls\My Documents\lu245041ih4ce.tmp</t>
  </si>
  <si>
    <t>12/24/2019 13:54:26</t>
  </si>
  <si>
    <t>12/24/2019 13:50:47</t>
  </si>
  <si>
    <t>12/24/2019 13:55:27</t>
  </si>
  <si>
    <t>12/24/2019 13:53:54</t>
  </si>
  <si>
    <t>12/24/2019 13:56:26</t>
  </si>
  <si>
    <t>f291c7dd-469c-4c88-a5fb-20ff0300e6b1.tmp</t>
  </si>
  <si>
    <t>\\acsfs\profiles$\quindaizaagds\Downloads\f291c7dd-469c-4c88-a5fb-20ff0300e6b1.tmp</t>
  </si>
  <si>
    <t>12/24/2019 13:53:46</t>
  </si>
  <si>
    <t>12/24/2019 13:57:26</t>
  </si>
  <si>
    <t>12/24/2019 13:55:47</t>
  </si>
  <si>
    <t>12/24/2019 13:59:26</t>
  </si>
  <si>
    <t>12/24/2019 13:56:47</t>
  </si>
  <si>
    <t>12/24/2019 13:58:34</t>
  </si>
  <si>
    <t>12/24/2019 14:00:26</t>
  </si>
  <si>
    <t>12/24/2019 13:59:01</t>
  </si>
  <si>
    <t>12/24/2019 14:01:29</t>
  </si>
  <si>
    <t>12/24/2019 14:02:27</t>
  </si>
  <si>
    <t>09ab2b39-77b1-4fa2-8610-4b492b8f90ea.tmp</t>
  </si>
  <si>
    <t>\\acsfs\profiles$\vivianealda\Downloads\09ab2b39-77b1-4fa2-8610-4b492b8f90ea.tmp</t>
  </si>
  <si>
    <t>12/24/2019 14:01:38</t>
  </si>
  <si>
    <t>12/24/2019 14:03:26</t>
  </si>
  <si>
    <t>12/24/2019 14:01:47</t>
  </si>
  <si>
    <t>12/24/2019 14:04:27</t>
  </si>
  <si>
    <t>12/24/2019 14:02:47</t>
  </si>
  <si>
    <t>12/24/2019 14:01:04</t>
  </si>
  <si>
    <t>12/24/2019 14:05:26</t>
  </si>
  <si>
    <t>https://udpmailboxap01/h/search?si=0&amp;so=0&amp;sc=52705&amp;sfi=6&amp;st=message&amp;action=compose</t>
  </si>
  <si>
    <t>12/24/2019 14:01:05</t>
  </si>
  <si>
    <t>12/24/2019 14:02:24</t>
  </si>
  <si>
    <t>12/24/2019 14:03:58</t>
  </si>
  <si>
    <t>12/24/2019 14:06:27</t>
  </si>
  <si>
    <t>12/24/2019 14:04:55</t>
  </si>
  <si>
    <t>12/24/2019 14:07:26</t>
  </si>
  <si>
    <t>12/24/2019 14:04:56</t>
  </si>
  <si>
    <t>lu1370411sseq.tmp</t>
  </si>
  <si>
    <t>\\acsfs\profiles$\FLAVIOJMM\My Documents\lu1370411sseq.tmp</t>
  </si>
  <si>
    <t>\\acsfs\profiles$\FLAVIOJMM\My Documents\lu1370411sseq.tmp\</t>
  </si>
  <si>
    <t>\\acsfs\profiles$\FLAVIOJMM\My Documents\lu1370411sseq.tmp\META-INF\</t>
  </si>
  <si>
    <t>\\acsfs\profiles$\FLAVIOJMM\My Documents\lu1370411sseq.tmp\Thumbnails\</t>
  </si>
  <si>
    <t>12/24/2019 14:06:41</t>
  </si>
  <si>
    <t>https://udpmailboxap01.acs.com.br:8443/h/search?si=0&amp;so=0&amp;sc=52709&amp;sfi=2&amp;st=conversation&amp;action=compose&amp;paction=paneview</t>
  </si>
  <si>
    <t>ellencds@bv.algartech.com;</t>
  </si>
  <si>
    <t>https://ellencds@bv.algartech.com</t>
  </si>
  <si>
    <t>12/24/2019 14:06:48</t>
  </si>
  <si>
    <t>12/24/2019 14:06:12</t>
  </si>
  <si>
    <t>12/24/2019 14:08:27</t>
  </si>
  <si>
    <t>12/24/2019 14:07:16</t>
  </si>
  <si>
    <t>\\acsfs\profiles$\georgendsq\My Documents\xworkcenter\lex\</t>
  </si>
  <si>
    <t>\\acsfs\profiles$\georgendsq\My Documents\xworkcenter\lex\temp.tlx</t>
  </si>
  <si>
    <t>12/24/2019 14:07:17</t>
  </si>
  <si>
    <t>12/24/2019 14:07:18</t>
  </si>
  <si>
    <t>12/24/2019 14:07:23</t>
  </si>
  <si>
    <t>12/24/2019 14:07:24</t>
  </si>
  <si>
    <t>12/24/2019 14:04:16</t>
  </si>
  <si>
    <t>10.200.67.136</t>
  </si>
  <si>
    <t>74-86-7A-FB-18-C1</t>
  </si>
  <si>
    <t>VOTORANT-GB006</t>
  </si>
  <si>
    <t>12/24/2019 14:04:17</t>
  </si>
  <si>
    <t>12/24/2019 14:04:18</t>
  </si>
  <si>
    <t>12/24/2019 14:04:19</t>
  </si>
  <si>
    <t>12/24/2019 14:04:20</t>
  </si>
  <si>
    <t>12/24/2019 14:04:21</t>
  </si>
  <si>
    <t>12/24/2019 14:04:22</t>
  </si>
  <si>
    <t>12/24/2019 14:04:23</t>
  </si>
  <si>
    <t>12/24/2019 14:04:24</t>
  </si>
  <si>
    <t>12/24/2019 14:04:25</t>
  </si>
  <si>
    <t>12/24/2019 14:04:26</t>
  </si>
  <si>
    <t>12/24/2019 14:04:28</t>
  </si>
  <si>
    <t>12/24/2019 14:04:29</t>
  </si>
  <si>
    <t>12/24/2019 14:04:30</t>
  </si>
  <si>
    <t>12/24/2019 14:04:31</t>
  </si>
  <si>
    <t>12/24/2019 14:04:32</t>
  </si>
  <si>
    <t>12/24/2019 14:04:33</t>
  </si>
  <si>
    <t>12/24/2019 14:04:34</t>
  </si>
  <si>
    <t>12/24/2019 14:04:35</t>
  </si>
  <si>
    <t>12/24/2019 14:04:36</t>
  </si>
  <si>
    <t>12/24/2019 14:04:37</t>
  </si>
  <si>
    <t>12/24/2019 14:04:38</t>
  </si>
  <si>
    <t>12/24/2019 14:04:39</t>
  </si>
  <si>
    <t>12/24/2019 14:04:40</t>
  </si>
  <si>
    <t>12/24/2019 14:04:41</t>
  </si>
  <si>
    <t>12/24/2019 14:05:49</t>
  </si>
  <si>
    <t>5fd7af8e-a277-4eea-861b-1b98e15aec16.tmp</t>
  </si>
  <si>
    <t>\\acsfs\profiles$\marcosvnds\Downloads\5fd7af8e-a277-4eea-861b-1b98e15aec16.tmp</t>
  </si>
  <si>
    <t>12/24/2019 14:07:47</t>
  </si>
  <si>
    <t>12/24/2019 14:09:26</t>
  </si>
  <si>
    <t>12/24/2019 14:08:47</t>
  </si>
  <si>
    <t>12/24/2019 14:05:10</t>
  </si>
  <si>
    <t>\\acsfs\profiles$\regisadsa\My Documents\</t>
  </si>
  <si>
    <t>\\acsfs\profiles$\regisadsa\My Documents\Download.pdf</t>
  </si>
  <si>
    <t>12/24/2019 14:05:55</t>
  </si>
  <si>
    <t>12/24/2019 14:10:27</t>
  </si>
  <si>
    <t>12/24/2019 14:09:49</t>
  </si>
  <si>
    <t>\\acsfs\DEPTOS\Operacao\Banco_Votorantim\Comum\00 - COMUM - BV CARTÕES\</t>
  </si>
  <si>
    <t>\\acsfs\DEPTOS\Operacao\Banco_Votorantim\Comum\00 - COMUM - BV CARTÕES\EQUIPE MARIANA\Thumbs.db</t>
  </si>
  <si>
    <t>12/24/2019 14:11:37</t>
  </si>
  <si>
    <t>12/24/2019 14:12:27</t>
  </si>
  <si>
    <t>12/24/2019 14:11:38</t>
  </si>
  <si>
    <t>lu1370411ssew.tmp</t>
  </si>
  <si>
    <t>\\acsfs\profiles$\FLAVIOJMM\My Documents\lu1370411ssew.tmp</t>
  </si>
  <si>
    <t>\\acsfs\profiles$\FLAVIOJMM\My Documents\lu1370411ssew.tmp\</t>
  </si>
  <si>
    <t>\\acsfs\profiles$\FLAVIOJMM\My Documents\lu1370411ssew.tmp\META-INF\</t>
  </si>
  <si>
    <t>\\acsfs\profiles$\FLAVIOJMM\My Documents\lu1370411ssew.tmp\Thumbnails\</t>
  </si>
  <si>
    <t>12/24/2019 14:13:27</t>
  </si>
  <si>
    <t>12/24/2019 14:07:25</t>
  </si>
  <si>
    <t>12/24/2019 14:07:27</t>
  </si>
  <si>
    <t>12/24/2019 14:07:28</t>
  </si>
  <si>
    <t>12/24/2019 14:07:29</t>
  </si>
  <si>
    <t>12/24/2019 14:07:30</t>
  </si>
  <si>
    <t>12/24/2019 14:07:31</t>
  </si>
  <si>
    <t>12/24/2019 14:07:32</t>
  </si>
  <si>
    <t>12/24/2019 14:07:33</t>
  </si>
  <si>
    <t>12/24/2019 14:07:34</t>
  </si>
  <si>
    <t>12/24/2019 14:07:35</t>
  </si>
  <si>
    <t>12/24/2019 14:07:36</t>
  </si>
  <si>
    <t>12/24/2019 14:07:37</t>
  </si>
  <si>
    <t>12/24/2019 14:07:38</t>
  </si>
  <si>
    <t>12/24/2019 14:07:39</t>
  </si>
  <si>
    <t>12/24/2019 14:07:40</t>
  </si>
  <si>
    <t>12/24/2019 14:07:41</t>
  </si>
  <si>
    <t>12/24/2019 14:07:42</t>
  </si>
  <si>
    <t>12/24/2019 14:07:44</t>
  </si>
  <si>
    <t>\\acsfs\profiles$\georgendsq\My Documents\dbxwc\</t>
  </si>
  <si>
    <t>\\acsfs\profiles$\georgendsq\My Documents\dbxwc\dbxwc.xwc</t>
  </si>
  <si>
    <t>10.200.67.104</t>
  </si>
  <si>
    <t>D0-94-66-B5-7C-75</t>
  </si>
  <si>
    <t>VOTORANT-ZB016</t>
  </si>
  <si>
    <t>12/24/2019 14:12:43</t>
  </si>
  <si>
    <t>12/24/2019 14:14:27</t>
  </si>
  <si>
    <t>100029219261351;</t>
  </si>
  <si>
    <t>https://100029219261351</t>
  </si>
  <si>
    <t>12/24/2019 14:13:47</t>
  </si>
  <si>
    <t>12/24/2019 14:13:06</t>
  </si>
  <si>
    <t>12/24/2019 14:13:05</t>
  </si>
  <si>
    <t>12/24/2019 14:15:26</t>
  </si>
  <si>
    <t>2b1b3b77-9ac7-4693-ad84-b0e5cb3bec5b.tmp</t>
  </si>
  <si>
    <t>\\acsfs\profiles$\alessandraan\Downloads\2b1b3b77-9ac7-4693-ad84-b0e5cb3bec5b.tmp</t>
  </si>
  <si>
    <t>12/24/2019 14:11:28</t>
  </si>
  <si>
    <t>12/24/2019 14:16:27</t>
  </si>
  <si>
    <t>d24844c6-b2ce-4224-9ec5-9c038b63a43a.tmp</t>
  </si>
  <si>
    <t>\\acsfs\profiles$\quindaizaagds\Downloads\d24844c6-b2ce-4224-9ec5-9c038b63a43a.tmp</t>
  </si>
  <si>
    <t>12/24/2019 14:14:23</t>
  </si>
  <si>
    <t>12/24/2019 14:17:26</t>
  </si>
  <si>
    <t>\\acsfs\ACS\001 - Qualidade Lilian\PAULO\FAROL DE QUALIDADE\DEZEMBRO\</t>
  </si>
  <si>
    <t>Não confirmado 209700.crdownload</t>
  </si>
  <si>
    <t>\\acsfs\ACS\001 - Qualidade Lilian\PAULO\FAROL DE QUALIDADE\DEZEMBRO\Não confirmado 209700.crdownload</t>
  </si>
  <si>
    <t>DIMENSIONAMENTO.xlsx:Zone.Identifier</t>
  </si>
  <si>
    <t>\\acsfs\ACS\001 - Qualidade Lilian\PAULO\FAROL DE QUALIDADE\DEZEMBRO\DIMENSIONAMENTO.xlsx:Zone.Identifier</t>
  </si>
  <si>
    <t>12/24/2019 14:15:42</t>
  </si>
  <si>
    <t>\\acsfs\DEPTOS\Operacao\Banco_Votorantim\Qualidade\Paulo\Farol de Qualidade\DEZEMBRO\</t>
  </si>
  <si>
    <t>RESULTADO.xls</t>
  </si>
  <si>
    <t>\\acsfs\DEPTOS\Operacao\Banco_Votorantim\Qualidade\Paulo\Farol de Qualidade\DEZEMBRO\RESULTADO.xls</t>
  </si>
  <si>
    <t>12/24/2019 14:15:43</t>
  </si>
  <si>
    <t>12/24/2019 14:14:52</t>
  </si>
  <si>
    <t>12/24/2019 14:14:53</t>
  </si>
  <si>
    <t>lu313042pyqj6.tmp</t>
  </si>
  <si>
    <t>\\acsfs\profiles$\LUCASBS\lu313042pyqj6.tmp</t>
  </si>
  <si>
    <t>\\acsfs\profiles$\LUCASBS\lu313042pyqj6.tmp\</t>
  </si>
  <si>
    <t>\\acsfs\profiles$\LUCASBS\lu313042pyqj6.tmp\META-INF\</t>
  </si>
  <si>
    <t>\\acsfs\profiles$\LUCASBS\lu313042pyqj6.tmp\Thumbnails\</t>
  </si>
  <si>
    <t>12/24/2019 14:14:55</t>
  </si>
  <si>
    <t>12/24/2019 14:14:56</t>
  </si>
  <si>
    <t>lu313042pyqjb.tmp</t>
  </si>
  <si>
    <t>\\acsfs\profiles$\LUCASBS\lu313042pyqjb.tmp</t>
  </si>
  <si>
    <t>\\acsfs\profiles$\LUCASBS\lu313042pyqjb.tmp\</t>
  </si>
  <si>
    <t>\\acsfs\profiles$\LUCASBS\lu313042pyqjb.tmp\META-INF\</t>
  </si>
  <si>
    <t>\\acsfs\profiles$\LUCASBS\lu313042pyqjb.tmp\Thumbnails\</t>
  </si>
  <si>
    <t>12/24/2019 14:17:21</t>
  </si>
  <si>
    <t>12/24/2019 14:18:27</t>
  </si>
  <si>
    <t>lu245041ih4cs.tmp</t>
  </si>
  <si>
    <t>\\acsfs\profiles$\jonatanls\My Documents\lu245041ih4cs.tmp</t>
  </si>
  <si>
    <t>12/24/2019 14:15:06</t>
  </si>
  <si>
    <t>matheusmax</t>
  </si>
  <si>
    <t>\\acsfs\profiles$\matheusmax\My Documents\My Pictures\</t>
  </si>
  <si>
    <t>\\acsfs\profiles$\matheusmax\My Documents\My Videos\desktop.ini</t>
  </si>
  <si>
    <t>12/24/2019 14:15:07</t>
  </si>
  <si>
    <t>\\acsfs\profiles$\matheusmax\My Documents\My Videos\</t>
  </si>
  <si>
    <t>12/24/2019 14:15:10</t>
  </si>
  <si>
    <t>12/24/2019 14:15:11</t>
  </si>
  <si>
    <t>12/24/2019 14:15:12</t>
  </si>
  <si>
    <t>12/24/2019 14:15:13</t>
  </si>
  <si>
    <t>\\acsfs\profiles$\matheusmax\My Documents\My Music\</t>
  </si>
  <si>
    <t>\\acsfs\profiles$\matheusmax\My Documents\My Pictures\desktop.ini</t>
  </si>
  <si>
    <t>12/24/2019 14:15:14</t>
  </si>
  <si>
    <t>12/24/2019 14:15:15</t>
  </si>
  <si>
    <t>12/24/2019 14:15:16</t>
  </si>
  <si>
    <t>\\acsfs\profiles$\matheusmax\Contacts\</t>
  </si>
  <si>
    <t>\\acsfs\profiles$\matheusmax\Contacts\desktop.ini</t>
  </si>
  <si>
    <t>12/24/2019 14:15:17</t>
  </si>
  <si>
    <t>12/24/2019 14:15:18</t>
  </si>
  <si>
    <t>12/24/2019 14:15:19</t>
  </si>
  <si>
    <t>12/24/2019 14:15:20</t>
  </si>
  <si>
    <t>\\acsfs\profiles$\matheusmax\My Documents\</t>
  </si>
  <si>
    <t>\\acsfs\profiles$\matheusmax\Favorites\desktop.ini</t>
  </si>
  <si>
    <t>12/24/2019 14:15:21</t>
  </si>
  <si>
    <t>12/24/2019 14:15:22</t>
  </si>
  <si>
    <t>12/24/2019 14:15:23</t>
  </si>
  <si>
    <t>12/24/2019 14:15:24</t>
  </si>
  <si>
    <t>\\acsfs\profiles$\matheusmax\My Documents\My Music\desktop.ini</t>
  </si>
  <si>
    <t>12/24/2019 14:15:28</t>
  </si>
  <si>
    <t>12/24/2019 14:15:29</t>
  </si>
  <si>
    <t>12/24/2019 14:15:30</t>
  </si>
  <si>
    <t>12/24/2019 14:15:31</t>
  </si>
  <si>
    <t>\\acsfs\profiles$\matheusmax\Searches\</t>
  </si>
  <si>
    <t>\\acsfs\profiles$\matheusmax\Searches\desktop.ini</t>
  </si>
  <si>
    <t>12/24/2019 14:15:32</t>
  </si>
  <si>
    <t>12/24/2019 14:15:33</t>
  </si>
  <si>
    <t>12/24/2019 14:15:34</t>
  </si>
  <si>
    <t>12/24/2019 14:15:35</t>
  </si>
  <si>
    <t>\\acsfs\profiles$\matheusmax\Downloads\</t>
  </si>
  <si>
    <t>\\acsfs\profiles$\matheusmax\Downloads\desktop.ini</t>
  </si>
  <si>
    <t>12/24/2019 14:15:36</t>
  </si>
  <si>
    <t>12/24/2019 14:15:37</t>
  </si>
  <si>
    <t>\\acsfs\profiles$\matheusmax\Favorites\</t>
  </si>
  <si>
    <t>\\acsfs\profiles$\matheusmax\My Documents\desktop.ini</t>
  </si>
  <si>
    <t>12/24/2019 14:15:38</t>
  </si>
  <si>
    <t>12/24/2019 14:15:39</t>
  </si>
  <si>
    <t>12/24/2019 14:15:41</t>
  </si>
  <si>
    <t>\\acsfs\profiles$\matheusmax\Saved Games\desktop.ini</t>
  </si>
  <si>
    <t>12/24/2019 14:15:44</t>
  </si>
  <si>
    <t>12/24/2019 14:16:02</t>
  </si>
  <si>
    <t>winrt--{S-1-5-21-602162358-764733703-839522115-347219}-.searchconnector-ms</t>
  </si>
  <si>
    <t>\\acsfs\profiles$\matheusmax\Searches\winrt--{S-1-5-21-602162358-764733703-839522115-347219}-.searchconnector-ms</t>
  </si>
  <si>
    <t>12/24/2019 14:16:20</t>
  </si>
  <si>
    <t>12/24/2019 14:16:37</t>
  </si>
  <si>
    <t>e0067ec0-6244-4b74-9d1e-7bce457db89b.tmp</t>
  </si>
  <si>
    <t>\\acsfs\profiles$\matheusmax\Downloads\e0067ec0-6244-4b74-9d1e-7bce457db89b.tmp</t>
  </si>
  <si>
    <t>12/24/2019 14:16:46</t>
  </si>
  <si>
    <t>Não confirmado 777621.crdownload</t>
  </si>
  <si>
    <t>\\acsfs\profiles$\matheusmax\Downloads\Não confirmado 777621.crdownload</t>
  </si>
  <si>
    <t>12/24/2019 14:16:30</t>
  </si>
  <si>
    <t>12/24/2019 14:16:48</t>
  </si>
  <si>
    <t>33381a64-8219-416d-b8cb-bc8cecbd3654.tmp</t>
  </si>
  <si>
    <t>\\acsfs\profiles$\matheusmax\Downloads\33381a64-8219-416d-b8cb-bc8cecbd3654.tmp</t>
  </si>
  <si>
    <t>12/24/2019 14:17:15</t>
  </si>
  <si>
    <t>ab215148-82b7-4aae-b9b6-e78ce93a9197.tmp</t>
  </si>
  <si>
    <t>\\acsfs\profiles$\matheusmax\Downloads\ab215148-82b7-4aae-b9b6-e78ce93a9197.tmp</t>
  </si>
  <si>
    <t>12/24/2019 14:16:08</t>
  </si>
  <si>
    <t>12/24/2019 14:14:48</t>
  </si>
  <si>
    <t>12/24/2019 14:19:26</t>
  </si>
  <si>
    <t>12/24/2019 14:19:16</t>
  </si>
  <si>
    <t>12/24/2019 14:22:27</t>
  </si>
  <si>
    <t>thaynaracsl</t>
  </si>
  <si>
    <t>\\acsfs\profiles$\thaynaracsl\My Documents\My Pictures\</t>
  </si>
  <si>
    <t>\\acsfs\profiles$\thaynaracsl\My Documents\My Videos\desktop.ini</t>
  </si>
  <si>
    <t>12/24/2019 14:19:17</t>
  </si>
  <si>
    <t>\\acsfs\profiles$\thaynaracsl\My Documents\My Videos\</t>
  </si>
  <si>
    <t>12/24/2019 14:19:18</t>
  </si>
  <si>
    <t>12/24/2019 14:19:19</t>
  </si>
  <si>
    <t>12/24/2019 14:19:21</t>
  </si>
  <si>
    <t>\\acsfs\profiles$\thaynaracsl\My Documents\My Music\</t>
  </si>
  <si>
    <t>\\acsfs\profiles$\thaynaracsl\My Documents\My Pictures\desktop.ini</t>
  </si>
  <si>
    <t>12/24/2019 14:19:22</t>
  </si>
  <si>
    <t>12/24/2019 14:19:23</t>
  </si>
  <si>
    <t>12/24/2019 14:19:24</t>
  </si>
  <si>
    <t>12/24/2019 14:19:25</t>
  </si>
  <si>
    <t>\\acsfs\profiles$\thaynaracsl\Contacts\</t>
  </si>
  <si>
    <t>\\acsfs\profiles$\thaynaracsl\Contacts\desktop.ini</t>
  </si>
  <si>
    <t>12/24/2019 14:19:27</t>
  </si>
  <si>
    <t>12/24/2019 14:19:28</t>
  </si>
  <si>
    <t>12/24/2019 14:19:29</t>
  </si>
  <si>
    <t>\\acsfs\profiles$\thaynaracsl\My Documents\</t>
  </si>
  <si>
    <t>\\acsfs\profiles$\thaynaracsl\Favorites\desktop.ini</t>
  </si>
  <si>
    <t>12/24/2019 14:19:30</t>
  </si>
  <si>
    <t>12/24/2019 14:19:31</t>
  </si>
  <si>
    <t>12/24/2019 14:19:32</t>
  </si>
  <si>
    <t>12/24/2019 14:19:33</t>
  </si>
  <si>
    <t>12/24/2019 14:19:34</t>
  </si>
  <si>
    <t>12/24/2019 14:19:35</t>
  </si>
  <si>
    <t>12/24/2019 14:19:36</t>
  </si>
  <si>
    <t>\\acsfs\profiles$\thaynaracsl\My Documents\My Music\desktop.ini</t>
  </si>
  <si>
    <t>12/24/2019 14:19:38</t>
  </si>
  <si>
    <t>12/24/2019 14:19:43</t>
  </si>
  <si>
    <t>12/24/2019 14:19:45</t>
  </si>
  <si>
    <t>12/24/2019 14:19:46</t>
  </si>
  <si>
    <t>\\acsfs\profiles$\thaynaracsl\Searches\</t>
  </si>
  <si>
    <t>\\acsfs\profiles$\thaynaracsl\Searches\desktop.ini</t>
  </si>
  <si>
    <t>12/24/2019 14:19:47</t>
  </si>
  <si>
    <t>12/24/2019 14:19:48</t>
  </si>
  <si>
    <t>12/24/2019 14:19:49</t>
  </si>
  <si>
    <t>12/24/2019 14:19:51</t>
  </si>
  <si>
    <t>12/24/2019 14:19:53</t>
  </si>
  <si>
    <t>\\acsfs\profiles$\thaynaracsl\Downloads\</t>
  </si>
  <si>
    <t>\\acsfs\profiles$\thaynaracsl\Downloads\desktop.ini</t>
  </si>
  <si>
    <t>12/24/2019 14:16:53</t>
  </si>
  <si>
    <t>12/24/2019 14:19:55</t>
  </si>
  <si>
    <t>\\acsfs\profiles$\thaynaracsl\My Documents\desktop.ini</t>
  </si>
  <si>
    <t>12/24/2019 14:19:57</t>
  </si>
  <si>
    <t>12/24/2019 14:19:58</t>
  </si>
  <si>
    <t>12/24/2019 14:19:59</t>
  </si>
  <si>
    <t>12/24/2019 14:20:00</t>
  </si>
  <si>
    <t>12/24/2019 14:20:01</t>
  </si>
  <si>
    <t>\\acsfs\profiles$\thaynaracsl\Favorites\</t>
  </si>
  <si>
    <t>12/24/2019 14:20:02</t>
  </si>
  <si>
    <t>\\acsfs\profiles$\thaynaracsl\Saved Games\desktop.ini</t>
  </si>
  <si>
    <t>12/24/2019 14:20:04</t>
  </si>
  <si>
    <t>12/24/2019 14:20:25</t>
  </si>
  <si>
    <t>12/24/2019 14:17:43</t>
  </si>
  <si>
    <t>fernandofs</t>
  </si>
  <si>
    <t>\\acsfs\profiles$\fernandofs\Downloads\</t>
  </si>
  <si>
    <t>7d38d4a2-4a29-40b2-a7cd-d6e2b2c056cb.tmp</t>
  </si>
  <si>
    <t>\\acsfs\profiles$\fernandofs\Downloads\7d38d4a2-4a29-40b2-a7cd-d6e2b2c056cb.tmp</t>
  </si>
  <si>
    <t>12/24/2019 14:21:11</t>
  </si>
  <si>
    <t>12/24/2019 14:18:05</t>
  </si>
  <si>
    <t>12/24/2019 14:21:33</t>
  </si>
  <si>
    <t>12/24/2019 14:24:27</t>
  </si>
  <si>
    <t>12/24/2019 14:20:48</t>
  </si>
  <si>
    <t>12/24/2019 14:24:56</t>
  </si>
  <si>
    <t>12/24/2019 14:25:27</t>
  </si>
  <si>
    <t>XLOG_stefaniasdf_16122019_145004.log</t>
  </si>
  <si>
    <t>\\acsfs\profiles$\stefaniasdf\My Documents\xworkcenter\logs\XLOG_stefaniasdf_16122019_145004.log</t>
  </si>
  <si>
    <t>\\acsfs\profiles$\stefaniasdf\My Documents\xworkcenter\logs\wrapper.log</t>
  </si>
  <si>
    <t>12/24/2019 14:21:58</t>
  </si>
  <si>
    <t>12/24/2019 14:26:27</t>
  </si>
  <si>
    <t>12/24/2019 14:22:08</t>
  </si>
  <si>
    <t>12/24/2019 14:21:22</t>
  </si>
  <si>
    <t>2eb98ea4-c0b1-42ce-8a05-c3cb144e36cb.tmp</t>
  </si>
  <si>
    <t>\\acsfs\profiles$\gabrieleods\Downloads\2eb98ea4-c0b1-42ce-8a05-c3cb144e36cb.tmp</t>
  </si>
  <si>
    <t>12/24/2019 14:21:48</t>
  </si>
  <si>
    <t>12/24/2019 14:22:59</t>
  </si>
  <si>
    <t>\\acsfs\profiles$\philipegsf\My Documents\My Pictures\</t>
  </si>
  <si>
    <t>\\acsfs\profiles$\philipegsf\My Documents\My Videos\desktop.ini</t>
  </si>
  <si>
    <t>12/24/2019 14:23:01</t>
  </si>
  <si>
    <t>\\acsfs\profiles$\philipegsf\My Documents\My Videos\</t>
  </si>
  <si>
    <t>12/24/2019 14:23:02</t>
  </si>
  <si>
    <t>12/24/2019 14:23:04</t>
  </si>
  <si>
    <t>12/24/2019 14:23:05</t>
  </si>
  <si>
    <t>12/24/2019 14:23:06</t>
  </si>
  <si>
    <t>\\acsfs\profiles$\philipegsf\My Documents\My Music\</t>
  </si>
  <si>
    <t>\\acsfs\profiles$\philipegsf\My Documents\My Pictures\desktop.ini</t>
  </si>
  <si>
    <t>12/24/2019 14:23:08</t>
  </si>
  <si>
    <t>12/24/2019 14:23:10</t>
  </si>
  <si>
    <t>12/24/2019 14:23:11</t>
  </si>
  <si>
    <t>12/24/2019 14:23:12</t>
  </si>
  <si>
    <t>12/24/2019 14:23:15</t>
  </si>
  <si>
    <t>\\acsfs\profiles$\philipegsf\Contacts\</t>
  </si>
  <si>
    <t>\\acsfs\profiles$\philipegsf\Contacts\desktop.ini</t>
  </si>
  <si>
    <t>12/24/2019 14:23:17</t>
  </si>
  <si>
    <t>12/24/2019 14:23:18</t>
  </si>
  <si>
    <t>12/24/2019 14:23:19</t>
  </si>
  <si>
    <t>12/24/2019 14:23:22</t>
  </si>
  <si>
    <t>12/24/2019 14:23:24</t>
  </si>
  <si>
    <t>12/24/2019 14:23:26</t>
  </si>
  <si>
    <t>\\acsfs\profiles$\philipegsf\My Documents\</t>
  </si>
  <si>
    <t>\\acsfs\profiles$\philipegsf\Favorites\desktop.ini</t>
  </si>
  <si>
    <t>12/24/2019 14:23:27</t>
  </si>
  <si>
    <t>12/24/2019 14:23:29</t>
  </si>
  <si>
    <t>12/24/2019 14:23:31</t>
  </si>
  <si>
    <t>12/24/2019 14:23:32</t>
  </si>
  <si>
    <t>12/24/2019 14:23:33</t>
  </si>
  <si>
    <t>12/24/2019 14:23:34</t>
  </si>
  <si>
    <t>\\acsfs\profiles$\philipegsf\My Documents\My Music\desktop.ini</t>
  </si>
  <si>
    <t>12/24/2019 14:23:35</t>
  </si>
  <si>
    <t>12/24/2019 14:23:36</t>
  </si>
  <si>
    <t>12/24/2019 14:23:37</t>
  </si>
  <si>
    <t>12/24/2019 14:23:38</t>
  </si>
  <si>
    <t>12/24/2019 14:23:40</t>
  </si>
  <si>
    <t>\\acsfs\profiles$\philipegsf\Searches\</t>
  </si>
  <si>
    <t>\\acsfs\profiles$\philipegsf\Searches\desktop.ini</t>
  </si>
  <si>
    <t>12/24/2019 14:23:41</t>
  </si>
  <si>
    <t>12/24/2019 14:23:42</t>
  </si>
  <si>
    <t>12/24/2019 14:23:43</t>
  </si>
  <si>
    <t>12/24/2019 14:23:44</t>
  </si>
  <si>
    <t>\\acsfs\profiles$\philipegsf\Downloads\desktop.ini</t>
  </si>
  <si>
    <t>12/24/2019 14:23:45</t>
  </si>
  <si>
    <t>12/24/2019 14:23:46</t>
  </si>
  <si>
    <t>\\acsfs\profiles$\philipegsf\Favorites\</t>
  </si>
  <si>
    <t>\\acsfs\profiles$\philipegsf\My Documents\desktop.ini</t>
  </si>
  <si>
    <t>12/24/2019 14:23:47</t>
  </si>
  <si>
    <t>12/24/2019 14:23:48</t>
  </si>
  <si>
    <t>12/24/2019 14:23:49</t>
  </si>
  <si>
    <t>12/24/2019 14:23:50</t>
  </si>
  <si>
    <t>12/24/2019 14:23:52</t>
  </si>
  <si>
    <t>\\acsfs\profiles$\philipegsf\Saved Games\desktop.ini</t>
  </si>
  <si>
    <t>12/24/2019 14:23:53</t>
  </si>
  <si>
    <t>12/24/2019 14:24:15</t>
  </si>
  <si>
    <t>winrt--{S-1-5-21-602162358-764733703-839522115-352965}-.searchconnector-ms</t>
  </si>
  <si>
    <t>\\acsfs\profiles$\philipegsf\Searches\winrt--{S-1-5-21-602162358-764733703-839522115-352965}-.searchconnector-ms</t>
  </si>
  <si>
    <t>12/24/2019 14:25:48</t>
  </si>
  <si>
    <t>12/24/2019 14:29:26</t>
  </si>
  <si>
    <t>12/24/2019 14:26:48</t>
  </si>
  <si>
    <t>12/24/2019 14:28:39</t>
  </si>
  <si>
    <t>12/24/2019 14:30:27</t>
  </si>
  <si>
    <t>12/24/2019 14:26:45</t>
  </si>
  <si>
    <t>12/24/2019 14:31:26</t>
  </si>
  <si>
    <t>f8a247dc-92c2-40a4-b897-00ecb44f46c4.tmp</t>
  </si>
  <si>
    <t>\\acsfs\profiles$\fabianafv\Downloads\f8a247dc-92c2-40a4-b897-00ecb44f46c4.tmp</t>
  </si>
  <si>
    <t>12/24/2019 14:28:20</t>
  </si>
  <si>
    <t>4d948933-7196-418d-92db-466e580142ff.tmp</t>
  </si>
  <si>
    <t>\\acsfs\profiles$\fabianafv\Downloads\4d948933-7196-418d-92db-466e580142ff.tmp</t>
  </si>
  <si>
    <t>12/24/2019 14:27:03</t>
  </si>
  <si>
    <t>12/24/2019 14:26:05</t>
  </si>
  <si>
    <t>ae8c461f-32f5-428c-86e1-9bc55ece7454.tmp</t>
  </si>
  <si>
    <t>\\acsfs\profiles$\philipegsf\Downloads\ae8c461f-32f5-428c-86e1-9bc55ece7454.tmp</t>
  </si>
  <si>
    <t>12/24/2019 14:27:52</t>
  </si>
  <si>
    <t>334ebdbd-364d-4dd2-a940-fbc343b77d65.tmp</t>
  </si>
  <si>
    <t>\\acsfs\profiles$\philipegsf\Downloads\334ebdbd-364d-4dd2-a940-fbc343b77d65.tmp</t>
  </si>
  <si>
    <t>12/24/2019 14:31:48</t>
  </si>
  <si>
    <t>12/24/2019 14:34:27</t>
  </si>
  <si>
    <t>12/24/2019 14:32:48</t>
  </si>
  <si>
    <t>12/24/2019 14:32:49</t>
  </si>
  <si>
    <t>$ILL4TIP.pdf</t>
  </si>
  <si>
    <t>\\acsfs\profiles$\regisadsa\My Documents\$RECYCLE.BIN\$ILL4TIP.pdf</t>
  </si>
  <si>
    <t>12/24/2019 14:32:10</t>
  </si>
  <si>
    <t>12/24/2019 14:36:27</t>
  </si>
  <si>
    <t>12/24/2019 14:32:51</t>
  </si>
  <si>
    <t>12/24/2019 14:37:27</t>
  </si>
  <si>
    <t>10.200.67.3</t>
  </si>
  <si>
    <t>cristianodab</t>
  </si>
  <si>
    <t>\\acsfs\profiles$\cristianodab\Desktop\</t>
  </si>
  <si>
    <t>BLOCO DE NOTAS.txt</t>
  </si>
  <si>
    <t>\\acsfs\profiles$\cristianodab\Desktop\BLOCO DE NOTAS.txt</t>
  </si>
  <si>
    <t>12/24/2019 14:33:04</t>
  </si>
  <si>
    <t>12/24/2019 14:34:49</t>
  </si>
  <si>
    <t>12/24/2019 14:34:50</t>
  </si>
  <si>
    <t>lu313042pyqjg.tmp</t>
  </si>
  <si>
    <t>\\acsfs\profiles$\LUCASBS\lu313042pyqjg.tmp</t>
  </si>
  <si>
    <t>\\acsfs\profiles$\LUCASBS\lu313042pyqjg.tmp\</t>
  </si>
  <si>
    <t>\\acsfs\profiles$\LUCASBS\lu313042pyqjg.tmp\META-INF\</t>
  </si>
  <si>
    <t>\\acsfs\profiles$\LUCASBS\lu313042pyqjg.tmp\Thumbnails\</t>
  </si>
  <si>
    <t>12/24/2019 14:33:58</t>
  </si>
  <si>
    <t>12/24/2019 14:38:28</t>
  </si>
  <si>
    <t>12/24/2019 14:35:58</t>
  </si>
  <si>
    <t>12/24/2019 14:40:27</t>
  </si>
  <si>
    <t>12/24/2019 14:36:56</t>
  </si>
  <si>
    <t>12/24/2019 14:42:27</t>
  </si>
  <si>
    <t>12/24/2019 14:37:33</t>
  </si>
  <si>
    <t>12/24/2019 14:37:34</t>
  </si>
  <si>
    <t>lu1370411ssf6.tmp</t>
  </si>
  <si>
    <t>\\acsfs\profiles$\FLAVIOJMM\My Documents\lu1370411ssf6.tmp</t>
  </si>
  <si>
    <t>\\acsfs\profiles$\FLAVIOJMM\My Documents\lu1370411ssf6.tmp\</t>
  </si>
  <si>
    <t>\\acsfs\profiles$\FLAVIOJMM\My Documents\lu1370411ssf6.tmp\META-INF\</t>
  </si>
  <si>
    <t>\\acsfs\profiles$\FLAVIOJMM\My Documents\lu1370411ssf6.tmp\Thumbnails\</t>
  </si>
  <si>
    <t>12/24/2019 14:41:09</t>
  </si>
  <si>
    <t>12/24/2019 14:41:10</t>
  </si>
  <si>
    <t>lu382525c3d1m.tmp</t>
  </si>
  <si>
    <t>\\acsfs\profiles$\ISABELLEGTDS\Nova pasta\lu382525c3d1m.tmp</t>
  </si>
  <si>
    <t>\\acsfs\profiles$\ISABELLEGTDS\Nova pasta\lu382525c3d1m.tmp\</t>
  </si>
  <si>
    <t>\\acsfs\profiles$\ISABELLEGTDS\Nova pasta\lu382525c3d1m.tmp\META-INF\</t>
  </si>
  <si>
    <t>\\acsfs\profiles$\ISABELLEGTDS\Nova pasta\lu382525c3d1m.tmp\Thumbnails\</t>
  </si>
  <si>
    <t>12/24/2019 14:41:33</t>
  </si>
  <si>
    <t>12/24/2019 14:43:27</t>
  </si>
  <si>
    <t>\\acsfs\profiles$\ayalabfi\Contacts\</t>
  </si>
  <si>
    <t>AYALA BORBA FILHO (28145).contact</t>
  </si>
  <si>
    <t>\\acsfs\profiles$\ayalabfi\Contacts\AYALA BORBA FILHO (28145).contact</t>
  </si>
  <si>
    <t>12/24/2019 14:41:50</t>
  </si>
  <si>
    <t>\\acsfs\profiles$\ayalabfi\My Documents\My Videos\</t>
  </si>
  <si>
    <t>\\acsfs\profiles$\ayalabfi\My Documents\My Videos\desktop.ini</t>
  </si>
  <si>
    <t>12/24/2019 14:41:51</t>
  </si>
  <si>
    <t>12/24/2019 14:41:52</t>
  </si>
  <si>
    <t>\\acsfs\profiles$\ayalabfi\My Documents\My Pictures\</t>
  </si>
  <si>
    <t>\\acsfs\profiles$\ayalabfi\My Documents\My Pictures\desktop.ini</t>
  </si>
  <si>
    <t>12/24/2019 14:41:55</t>
  </si>
  <si>
    <t>\\acsfs\profiles$\ayalabfi\Contacts\desktop.ini</t>
  </si>
  <si>
    <t>12/24/2019 14:41:56</t>
  </si>
  <si>
    <t>12/24/2019 14:41:57</t>
  </si>
  <si>
    <t>\\acsfs\profiles$\ayalabfi\Favorites\</t>
  </si>
  <si>
    <t>\\acsfs\profiles$\ayalabfi\Favorites\desktop.ini</t>
  </si>
  <si>
    <t>12/24/2019 14:41:58</t>
  </si>
  <si>
    <t>\\acsfs\profiles$\ayalabfi\My Documents\My Music\</t>
  </si>
  <si>
    <t>\\acsfs\profiles$\ayalabfi\My Documents\My Music\desktop.ini</t>
  </si>
  <si>
    <t>12/24/2019 14:41:59</t>
  </si>
  <si>
    <t>12/24/2019 14:42:00</t>
  </si>
  <si>
    <t>12/24/2019 14:42:01</t>
  </si>
  <si>
    <t>\\acsfs\profiles$\ayalabfi\Searches\</t>
  </si>
  <si>
    <t>\\acsfs\profiles$\ayalabfi\Searches\desktop.ini</t>
  </si>
  <si>
    <t>12/24/2019 14:42:02</t>
  </si>
  <si>
    <t>\\acsfs\profiles$\ayalabfi\Downloads\desktop.ini</t>
  </si>
  <si>
    <t>12/24/2019 14:42:03</t>
  </si>
  <si>
    <t>\\acsfs\profiles$\ayalabfi\My Documents\</t>
  </si>
  <si>
    <t>\\acsfs\profiles$\ayalabfi\My Documents\desktop.ini</t>
  </si>
  <si>
    <t>12/24/2019 14:42:04</t>
  </si>
  <si>
    <t>12/24/2019 14:42:05</t>
  </si>
  <si>
    <t>\\acsfs\profiles$\ayalabfi\Saved Games\</t>
  </si>
  <si>
    <t>\\acsfs\profiles$\ayalabfi\Saved Games\desktop.ini</t>
  </si>
  <si>
    <t>12/24/2019 14:42:35</t>
  </si>
  <si>
    <t>\\acsfs\profiles$\ayalabfi\Favorites\Links for Brasil\</t>
  </si>
  <si>
    <t>\\acsfs\profiles$\ayalabfi\Favorites\Links for Brasil\desktop.ini</t>
  </si>
  <si>
    <t>12/24/2019 14:42:38</t>
  </si>
  <si>
    <t>\\acsfs\profiles$\ayalabfi\Favorites\Links for Brasil\Microsoft Brasil.url</t>
  </si>
  <si>
    <t>\\acsfs\profiles$\ayalabfi\Favorites\Links for Brasil\Windows Brasil.url</t>
  </si>
  <si>
    <t>12/24/2019 14:42:39</t>
  </si>
  <si>
    <t>\\acsfs\profiles$\ayalabfi\Favorites\Links for Brasil\MSN Brasil.url</t>
  </si>
  <si>
    <t>12/24/2019 14:40:51</t>
  </si>
  <si>
    <t>12/24/2019 14:44:27</t>
  </si>
  <si>
    <t>6a200dcc-4f7e-43a4-a464-74c6bb21806e.tmp</t>
  </si>
  <si>
    <t>\\acsfs\profiles$\nayarasds\Downloads\6a200dcc-4f7e-43a4-a464-74c6bb21806e.tmp</t>
  </si>
  <si>
    <t>12/24/2019 14:40:23</t>
  </si>
  <si>
    <t>12/24/2019 14:40:24</t>
  </si>
  <si>
    <t>lu208202laf2g.tmp</t>
  </si>
  <si>
    <t>\\acsfs\profiles$\geovanaasa\My Documents\lu208202laf2g.tmp</t>
  </si>
  <si>
    <t>\\acsfs\profiles$\geovanaasa\My Documents\lu208202laf2g.tmp\</t>
  </si>
  <si>
    <t>\\acsfs\profiles$\geovanaasa\My Documents\lu208202laf2g.tmp\META-INF\</t>
  </si>
  <si>
    <t>\\acsfs\profiles$\geovanaasa\My Documents\lu208202laf2g.tmp\Thumbnails\</t>
  </si>
  <si>
    <t>12/24/2019 14:42:15</t>
  </si>
  <si>
    <t>12/24/2019 14:46:27</t>
  </si>
  <si>
    <t>d34eadb3-3a53-42ff-a8af-12d20580e75e.tmp</t>
  </si>
  <si>
    <t>\\acsfs\profiles$\fabianafv\Downloads\d34eadb3-3a53-42ff-a8af-12d20580e75e.tmp</t>
  </si>
  <si>
    <t>12/24/2019 14:44:45</t>
  </si>
  <si>
    <t>26fd4b03-8592-4307-9eb0-f09f6b6c9d6d.tmp</t>
  </si>
  <si>
    <t>\\acsfs\profiles$\fabianafv\Downloads\26fd4b03-8592-4307-9eb0-f09f6b6c9d6d.tmp</t>
  </si>
  <si>
    <t>12/24/2019 14:42:20</t>
  </si>
  <si>
    <t>12/24/2019 14:43:22</t>
  </si>
  <si>
    <t>12/24/2019 14:47:27</t>
  </si>
  <si>
    <t>12/24/2019 14:42:42</t>
  </si>
  <si>
    <t>12/24/2019 14:43:41</t>
  </si>
  <si>
    <t>12/24/2019 14:43:42</t>
  </si>
  <si>
    <t>lu313042pyqjl.tmp</t>
  </si>
  <si>
    <t>\\acsfs\profiles$\LUCASBS\lu313042pyqjl.tmp</t>
  </si>
  <si>
    <t>\\acsfs\profiles$\LUCASBS\lu313042pyqjl.tmp\</t>
  </si>
  <si>
    <t>\\acsfs\profiles$\LUCASBS\lu313042pyqjl.tmp\META-INF\</t>
  </si>
  <si>
    <t>\\acsfs\profiles$\LUCASBS\lu313042pyqjl.tmp\Thumbnails\</t>
  </si>
  <si>
    <t>12/24/2019 14:46:25</t>
  </si>
  <si>
    <t>12/24/2019 14:48:27</t>
  </si>
  <si>
    <t>anacms</t>
  </si>
  <si>
    <t>\\acsfs\profiles$\anacms\My Documents\My Pictures\</t>
  </si>
  <si>
    <t>\\acsfs\profiles$\anacms\My Documents\My Videos\desktop.ini</t>
  </si>
  <si>
    <t>\\acsfs\profiles$\anacms\My Documents\My Videos\</t>
  </si>
  <si>
    <t>12/24/2019 14:46:28</t>
  </si>
  <si>
    <t>12/24/2019 14:46:30</t>
  </si>
  <si>
    <t>12/24/2019 14:46:31</t>
  </si>
  <si>
    <t>\\acsfs\profiles$\anacms\My Documents\My Music\</t>
  </si>
  <si>
    <t>\\acsfs\profiles$\anacms\My Documents\My Pictures\desktop.ini</t>
  </si>
  <si>
    <t>12/24/2019 14:46:32</t>
  </si>
  <si>
    <t>12/24/2019 14:46:34</t>
  </si>
  <si>
    <t>12/24/2019 14:46:36</t>
  </si>
  <si>
    <t>12/24/2019 14:46:37</t>
  </si>
  <si>
    <t>\\acsfs\profiles$\anacms\Contacts\</t>
  </si>
  <si>
    <t>\\acsfs\profiles$\anacms\Contacts\desktop.ini</t>
  </si>
  <si>
    <t>12/24/2019 14:46:38</t>
  </si>
  <si>
    <t>12/24/2019 14:46:40</t>
  </si>
  <si>
    <t>12/24/2019 14:46:41</t>
  </si>
  <si>
    <t>12/24/2019 14:46:42</t>
  </si>
  <si>
    <t>12/24/2019 14:46:43</t>
  </si>
  <si>
    <t>12/24/2019 14:46:45</t>
  </si>
  <si>
    <t>\\acsfs\profiles$\anacms\My Documents\</t>
  </si>
  <si>
    <t>\\acsfs\profiles$\anacms\Favorites\desktop.ini</t>
  </si>
  <si>
    <t>12/24/2019 14:46:46</t>
  </si>
  <si>
    <t>12/24/2019 14:46:47</t>
  </si>
  <si>
    <t>12/24/2019 14:46:48</t>
  </si>
  <si>
    <t>12/24/2019 14:46:51</t>
  </si>
  <si>
    <t>12/24/2019 14:46:52</t>
  </si>
  <si>
    <t>12/24/2019 14:46:53</t>
  </si>
  <si>
    <t>12/24/2019 14:46:56</t>
  </si>
  <si>
    <t>\\acsfs\profiles$\anacms\My Documents\My Music\desktop.ini</t>
  </si>
  <si>
    <t>12/24/2019 14:46:58</t>
  </si>
  <si>
    <t>12/24/2019 14:46:59</t>
  </si>
  <si>
    <t>12/24/2019 14:47:00</t>
  </si>
  <si>
    <t>12/24/2019 14:47:01</t>
  </si>
  <si>
    <t>12/24/2019 14:47:03</t>
  </si>
  <si>
    <t>\\acsfs\profiles$\anacms\Searches\</t>
  </si>
  <si>
    <t>\\acsfs\profiles$\anacms\Searches\desktop.ini</t>
  </si>
  <si>
    <t>12/24/2019 14:47:04</t>
  </si>
  <si>
    <t>12/24/2019 14:47:07</t>
  </si>
  <si>
    <t>12/24/2019 14:47:09</t>
  </si>
  <si>
    <t>12/24/2019 14:47:10</t>
  </si>
  <si>
    <t>12/24/2019 14:47:12</t>
  </si>
  <si>
    <t>\\acsfs\profiles$\anacms\Downloads\</t>
  </si>
  <si>
    <t>\\acsfs\profiles$\anacms\Downloads\desktop.ini</t>
  </si>
  <si>
    <t>12/24/2019 14:47:14</t>
  </si>
  <si>
    <t>12/24/2019 14:47:16</t>
  </si>
  <si>
    <t>\\acsfs\profiles$\anacms\Favorites\</t>
  </si>
  <si>
    <t>\\acsfs\profiles$\anacms\My Documents\desktop.ini</t>
  </si>
  <si>
    <t>12/24/2019 14:47:18</t>
  </si>
  <si>
    <t>12/24/2019 14:47:19</t>
  </si>
  <si>
    <t>12/24/2019 14:47:21</t>
  </si>
  <si>
    <t>12/24/2019 14:47:23</t>
  </si>
  <si>
    <t>12/24/2019 14:47:24</t>
  </si>
  <si>
    <t>12/24/2019 14:47:26</t>
  </si>
  <si>
    <t>\\acsfs\profiles$\anacms\Saved Games\desktop.ini</t>
  </si>
  <si>
    <t>12/24/2019 14:47:28</t>
  </si>
  <si>
    <t>12/24/2019 14:47:44</t>
  </si>
  <si>
    <t>winrt--{S-1-5-21-602162358-764733703-839522115-358569}-.searchconnector-ms</t>
  </si>
  <si>
    <t>\\acsfs\profiles$\anacms\Searches\winrt--{S-1-5-21-602162358-764733703-839522115-358569}-.searchconnector-ms</t>
  </si>
  <si>
    <t>12/24/2019 14:50:28</t>
  </si>
  <si>
    <t>12/24/2019 14:52:26</t>
  </si>
  <si>
    <t>12/24/2019 14:49:54</t>
  </si>
  <si>
    <t>12/24/2019 14:49:55</t>
  </si>
  <si>
    <t>lu313042pyqjq.tmp</t>
  </si>
  <si>
    <t>\\acsfs\profiles$\LUCASBS\lu313042pyqjq.tmp</t>
  </si>
  <si>
    <t>\\acsfs\profiles$\LUCASBS\lu313042pyqjq.tmp\</t>
  </si>
  <si>
    <t>\\acsfs\profiles$\LUCASBS\lu313042pyqjq.tmp\META-INF\</t>
  </si>
  <si>
    <t>\\acsfs\profiles$\LUCASBS\lu313042pyqjq.tmp\Thumbnails\</t>
  </si>
  <si>
    <t>12/24/2019 14:48:54</t>
  </si>
  <si>
    <t>12/24/2019 14:48:55</t>
  </si>
  <si>
    <t>lu382525c3d1r.tmp</t>
  </si>
  <si>
    <t>\\acsfs\profiles$\ISABELLEGTDS\Nova pasta\lu382525c3d1r.tmp</t>
  </si>
  <si>
    <t>\\acsfs\profiles$\ISABELLEGTDS\Nova pasta\lu382525c3d1r.tmp\</t>
  </si>
  <si>
    <t>\\acsfs\profiles$\ISABELLEGTDS\Nova pasta\lu382525c3d1r.tmp\META-INF\</t>
  </si>
  <si>
    <t>\\acsfs\profiles$\ISABELLEGTDS\Nova pasta\lu382525c3d1r.tmp\Thumbnails\</t>
  </si>
  <si>
    <t>12/24/2019 14:49:15</t>
  </si>
  <si>
    <t>.~lock.isabelle 24.12.ods#</t>
  </si>
  <si>
    <t>\\acsfs\profiles$\ISABELLEGTDS\Nova pasta\.~lock.isabelle 24.12.ods#</t>
  </si>
  <si>
    <t>12/24/2019 14:49:16</t>
  </si>
  <si>
    <t>lu382525c3d1w.tmp</t>
  </si>
  <si>
    <t>\\acsfs\profiles$\ISABELLEGTDS\Nova pasta\lu382525c3d1w.tmp</t>
  </si>
  <si>
    <t>\\acsfs\profiles$\ISABELLEGTDS\Nova pasta\lu382525c3d1w.tmp\</t>
  </si>
  <si>
    <t>\\acsfs\profiles$\ISABELLEGTDS\Nova pasta\lu382525c3d1w.tmp\META-INF\</t>
  </si>
  <si>
    <t>\\acsfs\profiles$\ISABELLEGTDS\Nova pasta\lu382525c3d1w.tmp\Thumbnails\</t>
  </si>
  <si>
    <t>12/24/2019 14:49:29</t>
  </si>
  <si>
    <t>12/24/2019 14:53:27</t>
  </si>
  <si>
    <t>10.200.67.106</t>
  </si>
  <si>
    <t>D0-94-66-B5-7F-97</t>
  </si>
  <si>
    <t>VOTORANT-SB018</t>
  </si>
  <si>
    <t>12/24/2019 14:52:03</t>
  </si>
  <si>
    <t>12/24/2019 14:57:27</t>
  </si>
  <si>
    <t>12/24/2019 14:52:04</t>
  </si>
  <si>
    <t>lu1802411yugl.tmp</t>
  </si>
  <si>
    <t>\\acsfs\profiles$\CLAUDIAJCA\lu1802411yugl.tmp</t>
  </si>
  <si>
    <t>\\acsfs\profiles$\CLAUDIAJCA\lu1802411yugl.tmp\</t>
  </si>
  <si>
    <t>\\acsfs\profiles$\CLAUDIAJCA\lu1802411yugl.tmp\META-INF\</t>
  </si>
  <si>
    <t>\\acsfs\profiles$\CLAUDIAJCA\lu1802411yugl.tmp\Thumbnails\</t>
  </si>
  <si>
    <t>12/24/2019 14:55:03</t>
  </si>
  <si>
    <t>12/24/2019 14:56:10</t>
  </si>
  <si>
    <t>\\acsfs\profiles$\gabrieleods\My Documents\</t>
  </si>
  <si>
    <t>\\acsfs\profiles$\gabrieleods\My Documents\Download.pdf</t>
  </si>
  <si>
    <t>12/24/2019 14:52:43</t>
  </si>
  <si>
    <t>12/24/2019 14:54:00</t>
  </si>
  <si>
    <t>12/24/2019 14:55:11</t>
  </si>
  <si>
    <t>12/24/2019 14:55:28</t>
  </si>
  <si>
    <t>12/24/2019 14:54:26</t>
  </si>
  <si>
    <t>12/24/2019 14:59:27</t>
  </si>
  <si>
    <t>10.200.66.192</t>
  </si>
  <si>
    <t>78-2B-CB-C1-07-32</t>
  </si>
  <si>
    <t>VOTORANT-GB037</t>
  </si>
  <si>
    <t>032ce921-c6fb-4b45-88c5-32bcd2487d9d.tmp</t>
  </si>
  <si>
    <t>\\acsfs\profiles$\vivianibfs\Downloads\032ce921-c6fb-4b45-88c5-32bcd2487d9d.tmp</t>
  </si>
  <si>
    <t>12/24/2019 14:55:23</t>
  </si>
  <si>
    <t>ba14814a-f2d1-4490-8ef2-f8873b06b430.tmp</t>
  </si>
  <si>
    <t>\\acsfs\profiles$\vivianibfs\Downloads\ba14814a-f2d1-4490-8ef2-f8873b06b430.tmp</t>
  </si>
  <si>
    <t>12/24/2019 14:56:48</t>
  </si>
  <si>
    <t>d3888a3a-9354-4622-9c06-515c5b7b9a59.tmp</t>
  </si>
  <si>
    <t>\\acsfs\profiles$\vivianibfs\Downloads\d3888a3a-9354-4622-9c06-515c5b7b9a59.tmp</t>
  </si>
  <si>
    <t>12/24/2019 14:56:58</t>
  </si>
  <si>
    <t>0768494d-d806-4d95-9d25-469676ef59ee.tmp</t>
  </si>
  <si>
    <t>\\acsfs\profiles$\vivianibfs\Downloads\0768494d-d806-4d95-9d25-469676ef59ee.tmp</t>
  </si>
  <si>
    <t>12/24/2019 14:55:06</t>
  </si>
  <si>
    <t>12/24/2019 14:57:32</t>
  </si>
  <si>
    <t>12/24/2019 15:00:27</t>
  </si>
  <si>
    <t>12/24/2019 14:55:15</t>
  </si>
  <si>
    <t>12/24/2019 14:55:20</t>
  </si>
  <si>
    <t>12/24/2019 15:01:06</t>
  </si>
  <si>
    <t>12/24/2019 15:02:27</t>
  </si>
  <si>
    <t>45f38574-b38a-4426-95e7-54c859d2e4f2.tmp</t>
  </si>
  <si>
    <t>\\acsfs\profiles$\fernandofs\Downloads\45f38574-b38a-4426-95e7-54c859d2e4f2.tmp</t>
  </si>
  <si>
    <t>12/24/2019 15:00:08</t>
  </si>
  <si>
    <t>12/24/2019 15:00:09</t>
  </si>
  <si>
    <t>lu1802411yugq.tmp</t>
  </si>
  <si>
    <t>\\acsfs\profiles$\CLAUDIAJCA\lu1802411yugq.tmp</t>
  </si>
  <si>
    <t>\\acsfs\profiles$\CLAUDIAJCA\lu1802411yugq.tmp\</t>
  </si>
  <si>
    <t>\\acsfs\profiles$\CLAUDIAJCA\lu1802411yugq.tmp\META-INF\</t>
  </si>
  <si>
    <t>12/24/2019 15:00:07</t>
  </si>
  <si>
    <t>\\acsfs\profiles$\gabrieleods\My Documents\My Pictures\</t>
  </si>
  <si>
    <t>Capturar.PNG</t>
  </si>
  <si>
    <t>\\acsfs\profiles$\gabrieleods\My Documents\My Pictures\Capturar.PNG</t>
  </si>
  <si>
    <t>12/24/2019 15:01:28</t>
  </si>
  <si>
    <t>Capturar 1.PNG</t>
  </si>
  <si>
    <t>\\acsfs\profiles$\gabrieleods\My Documents\My Pictures\Capturar 1.PNG</t>
  </si>
  <si>
    <t>\\acsfs\profiles$\CLAUDIAJCA\lu1802411yugq.tmp\Thumbnails\</t>
  </si>
  <si>
    <t>12/24/2019 15:00:54</t>
  </si>
  <si>
    <t>12/24/2019 14:59:44</t>
  </si>
  <si>
    <t>12/24/2019 14:59:45</t>
  </si>
  <si>
    <t>lu313042pyqjv.tmp</t>
  </si>
  <si>
    <t>\\acsfs\profiles$\LUCASBS\lu313042pyqjv.tmp</t>
  </si>
  <si>
    <t>\\acsfs\profiles$\LUCASBS\lu313042pyqjv.tmp\</t>
  </si>
  <si>
    <t>\\acsfs\profiles$\LUCASBS\lu313042pyqjv.tmp\META-INF\</t>
  </si>
  <si>
    <t>\\acsfs\profiles$\LUCASBS\lu313042pyqjv.tmp\Thumbnails\</t>
  </si>
  <si>
    <t>12/24/2019 15:01:27</t>
  </si>
  <si>
    <t>.~lock.RENEG BV 23-12 (2).ods#</t>
  </si>
  <si>
    <t>\\acsfs\profiles$\LUCASBS\.~lock.RENEG BV 23-12 (2).ods#</t>
  </si>
  <si>
    <t>lu313042pyqk0.tmp</t>
  </si>
  <si>
    <t>\\acsfs\profiles$\LUCASBS\lu313042pyqk0.tmp</t>
  </si>
  <si>
    <t>\\acsfs\profiles$\LUCASBS\lu313042pyqk0.tmp\</t>
  </si>
  <si>
    <t>\\acsfs\profiles$\LUCASBS\lu313042pyqk0.tmp\META-INF\</t>
  </si>
  <si>
    <t>\\acsfs\profiles$\LUCASBS\lu313042pyqk0.tmp\Thumbnails\</t>
  </si>
  <si>
    <t>12/24/2019 14:57:47</t>
  </si>
  <si>
    <t>12/24/2019 14:57:48</t>
  </si>
  <si>
    <t>lu1370411ssfh.tmp</t>
  </si>
  <si>
    <t>\\acsfs\profiles$\FLAVIOJMM\My Documents\lu1370411ssfh.tmp</t>
  </si>
  <si>
    <t>\\acsfs\profiles$\FLAVIOJMM\My Documents\lu1370411ssfh.tmp\</t>
  </si>
  <si>
    <t>\\acsfs\profiles$\FLAVIOJMM\My Documents\lu1370411ssfh.tmp\META-INF\</t>
  </si>
  <si>
    <t>\\acsfs\profiles$\FLAVIOJMM\My Documents\lu1370411ssfh.tmp\Thumbnails\</t>
  </si>
  <si>
    <t>12/24/2019 15:00:00</t>
  </si>
  <si>
    <t>12/24/2019 15:03:27</t>
  </si>
  <si>
    <t>\\acsfs\profiles$\brendavdoa\My Documents\Download.pdf</t>
  </si>
  <si>
    <t>12/24/2019 15:03:44</t>
  </si>
  <si>
    <t>12/24/2019 15:04:27</t>
  </si>
  <si>
    <t>marianadjc</t>
  </si>
  <si>
    <t>12/24/2019 15:05:25</t>
  </si>
  <si>
    <t>12/24/2019 15:06:27</t>
  </si>
  <si>
    <t>12/24/2019 15:05:32</t>
  </si>
  <si>
    <t>12/24/2019 15:03:26</t>
  </si>
  <si>
    <t>12/24/2019 15:07:27</t>
  </si>
  <si>
    <t>Capturar2.PNG</t>
  </si>
  <si>
    <t>\\acsfs\profiles$\gabrieleods\My Documents\My Pictures\Capturar2.PNG</t>
  </si>
  <si>
    <t>12/24/2019 15:04:39</t>
  </si>
  <si>
    <t>Capturar3.PNG</t>
  </si>
  <si>
    <t>\\acsfs\profiles$\gabrieleods\My Documents\My Pictures\Capturar3.PNG</t>
  </si>
  <si>
    <t>12/24/2019 15:02:08</t>
  </si>
  <si>
    <t>12/24/2019 15:02:16</t>
  </si>
  <si>
    <t>12/24/2019 15:02:34</t>
  </si>
  <si>
    <t>12/24/2019 15:02:36</t>
  </si>
  <si>
    <t>lu313042pyqk5.tmp</t>
  </si>
  <si>
    <t>\\acsfs\profiles$\LUCASBS\lu313042pyqk5.tmp</t>
  </si>
  <si>
    <t>\\acsfs\profiles$\LUCASBS\lu313042pyqk5.tmp\</t>
  </si>
  <si>
    <t>\\acsfs\profiles$\LUCASBS\lu313042pyqk5.tmp\META-INF\</t>
  </si>
  <si>
    <t>\\acsfs\profiles$\LUCASBS\lu313042pyqk5.tmp\Thumbnails\</t>
  </si>
  <si>
    <t>12/24/2019 15:05:54</t>
  </si>
  <si>
    <t>12/24/2019 15:08:27</t>
  </si>
  <si>
    <t>12/24/2019 15:04:38</t>
  </si>
  <si>
    <t>12/24/2019 15:09:27</t>
  </si>
  <si>
    <t>12/24/2019 15:05:55</t>
  </si>
  <si>
    <t>12/24/2019 15:11:27</t>
  </si>
  <si>
    <t>39294c02-7596-4a21-bb67-77b769d58029.tmp</t>
  </si>
  <si>
    <t>\\acsfs\profiles$\quindaizaagds\Downloads\39294c02-7596-4a21-bb67-77b769d58029.tmp</t>
  </si>
  <si>
    <t>12/24/2019 15:06:18</t>
  </si>
  <si>
    <t>83e16220-fe89-470e-a060-067b21616f5e.tmp</t>
  </si>
  <si>
    <t>\\acsfs\profiles$\quindaizaagds\Downloads\83e16220-fe89-470e-a060-067b21616f5e.tmp</t>
  </si>
  <si>
    <t>12/24/2019 15:06:22</t>
  </si>
  <si>
    <t>a11d689f-9ed8-4902-aebd-860fed824e90.tmp</t>
  </si>
  <si>
    <t>\\acsfs\profiles$\quindaizaagds\Downloads\a11d689f-9ed8-4902-aebd-860fed824e90.tmp</t>
  </si>
  <si>
    <t>12/24/2019 15:09:32</t>
  </si>
  <si>
    <t>12/24/2019 15:08:00</t>
  </si>
  <si>
    <t>12/24/2019 15:12:27</t>
  </si>
  <si>
    <t>Capturar4.PNG</t>
  </si>
  <si>
    <t>\\acsfs\profiles$\gabrieleods\My Documents\My Pictures\Capturar4.PNG</t>
  </si>
  <si>
    <t>12/24/2019 15:08:39</t>
  </si>
  <si>
    <t>Capturar5.PNG</t>
  </si>
  <si>
    <t>\\acsfs\profiles$\gabrieleods\My Documents\My Pictures\Capturar5.PNG</t>
  </si>
  <si>
    <t>12/24/2019 15:07:13</t>
  </si>
  <si>
    <t>12/24/2019 15:07:49</t>
  </si>
  <si>
    <t>12/24/2019 15:11:24</t>
  </si>
  <si>
    <t>erichds</t>
  </si>
  <si>
    <t>\\acsfs\profiles$\erichds\Downloads\</t>
  </si>
  <si>
    <t>1805c039-15b6-47c7-b995-39299c37c30e.tmp</t>
  </si>
  <si>
    <t>\\acsfs\profiles$\erichds\Downloads\1805c039-15b6-47c7-b995-39299c37c30e.tmp</t>
  </si>
  <si>
    <t>12/24/2019 15:08:59</t>
  </si>
  <si>
    <t>12/24/2019 15:13:27</t>
  </si>
  <si>
    <t>12/24/2019 15:10:11</t>
  </si>
  <si>
    <t>12/24/2019 15:14:16</t>
  </si>
  <si>
    <t>12/24/2019 15:16:27</t>
  </si>
  <si>
    <t>e592d0b6-5d03-4693-9c54-cea86140228e.tmp</t>
  </si>
  <si>
    <t>\\acsfs\profiles$\fabianafv\Downloads\e592d0b6-5d03-4693-9c54-cea86140228e.tmp</t>
  </si>
  <si>
    <t>12/24/2019 15:10:59</t>
  </si>
  <si>
    <t>334d40f8-9e91-4279-9e3a-f955ede8db4c.tmp</t>
  </si>
  <si>
    <t>\\acsfs\profiles$\quindaizaagds\Downloads\334d40f8-9e91-4279-9e3a-f955ede8db4c.tmp</t>
  </si>
  <si>
    <t>12/24/2019 15:11:04</t>
  </si>
  <si>
    <t>f74a72f8-72f5-4428-b630-7eb030476f67.tmp</t>
  </si>
  <si>
    <t>\\acsfs\profiles$\quindaizaagds\Downloads\f74a72f8-72f5-4428-b630-7eb030476f67.tmp</t>
  </si>
  <si>
    <t>12/24/2019 15:15:15</t>
  </si>
  <si>
    <t>12/24/2019 15:17:28</t>
  </si>
  <si>
    <t>12/24/2019 15:13:37</t>
  </si>
  <si>
    <t>edf36af4-6663-42c1-9f5d-12b300650e1d.tmp</t>
  </si>
  <si>
    <t>\\acsfs\profiles$\erichds\Downloads\edf36af4-6663-42c1-9f5d-12b300650e1d.tmp</t>
  </si>
  <si>
    <t>12/24/2019 15:13:00</t>
  </si>
  <si>
    <t>12/24/2019 15:18:28</t>
  </si>
  <si>
    <t>12/24/2019 15:17:14</t>
  </si>
  <si>
    <t>3f2a087b-3427-459d-ba74-5a2d77545dc1.tmp</t>
  </si>
  <si>
    <t>\\acsfs\profiles$\marcosvnds\Downloads\3f2a087b-3427-459d-ba74-5a2d77545dc1.tmp</t>
  </si>
  <si>
    <t>12/24/2019 15:18:42</t>
  </si>
  <si>
    <t>12/24/2019 15:19:27</t>
  </si>
  <si>
    <t>12/24/2019 15:16:47</t>
  </si>
  <si>
    <t>12/24/2019 15:21:28</t>
  </si>
  <si>
    <t>12/24/2019 15:22:43</t>
  </si>
  <si>
    <t>12/24/2019 15:23:28</t>
  </si>
  <si>
    <t>12/24/2019 15:19:15</t>
  </si>
  <si>
    <t>10.200.66.106</t>
  </si>
  <si>
    <t>D0-94-66-B5-4E-78</t>
  </si>
  <si>
    <t>VOTORANT-ABB019</t>
  </si>
  <si>
    <t>12/24/2019 15:22:03</t>
  </si>
  <si>
    <t>12/24/2019 15:22:57</t>
  </si>
  <si>
    <t>laurandos</t>
  </si>
  <si>
    <t>\\acsfs\profiles$\laurandos\Downloads\</t>
  </si>
  <si>
    <t>425a2877-7f1f-4e01-8635-b8032ffeb6cc.tmp</t>
  </si>
  <si>
    <t>\\acsfs\profiles$\laurandos\Downloads\425a2877-7f1f-4e01-8635-b8032ffeb6cc.tmp</t>
  </si>
  <si>
    <t>12/24/2019 15:25:11</t>
  </si>
  <si>
    <t>12/24/2019 15:26:28</t>
  </si>
  <si>
    <t>12/24/2019 15:25:12</t>
  </si>
  <si>
    <t>lu1288412fvca.tmp</t>
  </si>
  <si>
    <t>\\acsfs\profiles$\KELLZYLENNEASR\My Documents\lu1288412fvca.tmp</t>
  </si>
  <si>
    <t>\\acsfs\profiles$\KELLZYLENNEASR\My Documents\lu1288412fvca.tmp\</t>
  </si>
  <si>
    <t>\\acsfs\profiles$\KELLZYLENNEASR\My Documents\lu1288412fvca.tmp\META-INF\</t>
  </si>
  <si>
    <t>\\acsfs\profiles$\KELLZYLENNEASR\My Documents\lu1288412fvca.tmp\Thumbnails\</t>
  </si>
  <si>
    <t>12/24/2019 15:24:41</t>
  </si>
  <si>
    <t>12/24/2019 15:28:28</t>
  </si>
  <si>
    <t>cbeac92f-52e1-49aa-91b6-95ad09c30b05.tmp</t>
  </si>
  <si>
    <t>\\acsfs\profiles$\laurandos\Downloads\cbeac92f-52e1-49aa-91b6-95ad09c30b05.tmp</t>
  </si>
  <si>
    <t>12/24/2019 15:27:54</t>
  </si>
  <si>
    <t>12/24/2019 15:29:29</t>
  </si>
  <si>
    <t>12/24/2019 15:30:09</t>
  </si>
  <si>
    <t>12/24/2019 15:31:29</t>
  </si>
  <si>
    <t>12/24/2019 15:29:50</t>
  </si>
  <si>
    <t>12/24/2019 15:33:29</t>
  </si>
  <si>
    <t>12/24/2019 15:31:22</t>
  </si>
  <si>
    <t>12/24/2019 15:34:28</t>
  </si>
  <si>
    <t>12/24/2019 15:34:19</t>
  </si>
  <si>
    <t>12/24/2019 15:35:29</t>
  </si>
  <si>
    <t>Pré auditoria.txt</t>
  </si>
  <si>
    <t>\\acsfs\profiles$\sarahbal\My Documents\Pré auditoria.txt</t>
  </si>
  <si>
    <t>12/24/2019 15:32:31</t>
  </si>
  <si>
    <t>12/24/2019 15:37:28</t>
  </si>
  <si>
    <t>12/24/2019 15:34:16</t>
  </si>
  <si>
    <t>12/24/2019 15:38:29</t>
  </si>
  <si>
    <t>12/24/2019 15:36:50</t>
  </si>
  <si>
    <t>12/24/2019 15:34:57</t>
  </si>
  <si>
    <t>12/24/2019 15:39:28</t>
  </si>
  <si>
    <t>12/24/2019 15:37:01</t>
  </si>
  <si>
    <t>12/24/2019 15:41:28</t>
  </si>
  <si>
    <t>5a117524-e7e0-4633-b245-f1e158699551.tmp</t>
  </si>
  <si>
    <t>\\acsfs\profiles$\deborahsi\Downloads\5a117524-e7e0-4633-b245-f1e158699551.tmp</t>
  </si>
  <si>
    <t>12/24/2019 15:40:29</t>
  </si>
  <si>
    <t>12/24/2019 15:42:29</t>
  </si>
  <si>
    <t>12/24/2019 15:43:04</t>
  </si>
  <si>
    <t>12/24/2019 15:43:28</t>
  </si>
  <si>
    <t>b178577a-5698-4e4d-a45e-c62f483b35b2.tmp</t>
  </si>
  <si>
    <t>\\acsfs\profiles$\laurandos\Downloads\b178577a-5698-4e4d-a45e-c62f483b35b2.tmp</t>
  </si>
  <si>
    <t>12/24/2019 15:43:00</t>
  </si>
  <si>
    <t>f49f292c-be9b-4054-8397-0c67a6c7d2a0.tmp</t>
  </si>
  <si>
    <t>\\acsfs\profiles$\paulohaf\Downloads\f49f292c-be9b-4054-8397-0c67a6c7d2a0.tmp</t>
  </si>
  <si>
    <t>12/24/2019 15:43:07</t>
  </si>
  <si>
    <t>1faceb59-c715-46eb-ad4f-f42eb71e1f1f.tmp</t>
  </si>
  <si>
    <t>\\acsfs\profiles$\paulohaf\Downloads\1faceb59-c715-46eb-ad4f-f42eb71e1f1f.tmp</t>
  </si>
  <si>
    <t>12/24/2019 15:40:39</t>
  </si>
  <si>
    <t>12/24/2019 15:44:28</t>
  </si>
  <si>
    <t>12/24/2019 15:41:37</t>
  </si>
  <si>
    <t>12/24/2019 15:41:10</t>
  </si>
  <si>
    <t>100026643261338;</t>
  </si>
  <si>
    <t>https://100026643261338</t>
  </si>
  <si>
    <t>12/24/2019 15:42:43</t>
  </si>
  <si>
    <t>12/24/2019 15:42:51</t>
  </si>
  <si>
    <t>12/24/2019 15:43:46</t>
  </si>
  <si>
    <t>12/24/2019 15:42:52</t>
  </si>
  <si>
    <t>12/24/2019 15:45:28</t>
  </si>
  <si>
    <t>12/24/2019 15:42:00</t>
  </si>
  <si>
    <t>12/24/2019 15:47:28</t>
  </si>
  <si>
    <t>64d5f2cc-7568-4319-b602-0afea6ad68e0.tmp</t>
  </si>
  <si>
    <t>\\acsfs\profiles$\milenaas\Downloads\64d5f2cc-7568-4319-b602-0afea6ad68e0.tmp</t>
  </si>
  <si>
    <t>12/24/2019 15:44:47</t>
  </si>
  <si>
    <t>12/24/2019 15:42:06</t>
  </si>
  <si>
    <t>12/24/2019 15:43:43</t>
  </si>
  <si>
    <t>12/24/2019 15:48:28</t>
  </si>
  <si>
    <t>c6235ff9-c2fd-48c4-b563-87f5865e5dc8.tmp</t>
  </si>
  <si>
    <t>\\acsfs\profiles$\paulohaf\Downloads\c6235ff9-c2fd-48c4-b563-87f5865e5dc8.tmp</t>
  </si>
  <si>
    <t>12/24/2019 15:45:38</t>
  </si>
  <si>
    <t>a960ba0a-20d5-45d1-8602-c7a7369774d8.tmp</t>
  </si>
  <si>
    <t>\\acsfs\profiles$\paulohaf\Downloads\a960ba0a-20d5-45d1-8602-c7a7369774d8.tmp</t>
  </si>
  <si>
    <t>12/24/2019 15:47:27</t>
  </si>
  <si>
    <t>12/24/2019 15:49:28</t>
  </si>
  <si>
    <t>b6cd896a-16d3-40ac-9db4-771974683d60.tmp</t>
  </si>
  <si>
    <t>\\acsfs\profiles$\alinepp\Downloads\b6cd896a-16d3-40ac-9db4-771974683d60.tmp</t>
  </si>
  <si>
    <t>12/24/2019 15:44:42</t>
  </si>
  <si>
    <t>https://player.vimeo.com/add/player-stats?beacon=1&amp;session-id=8d1c82d5463b022e3e1f91f466e90eed948b92191577212896</t>
  </si>
  <si>
    <t>12/24/2019 15:48:30</t>
  </si>
  <si>
    <t>12/24/2019 15:47:43</t>
  </si>
  <si>
    <t>https://udpwfmniceap02/web/guest/home?p_auth=iiaug7h2&amp;p_p_id=58&amp;p_p_lifecycle=1&amp;p_p_state=maximized&amp;p_p_mode=view&amp;savelastpath=0&amp;_58_struts_action=/login/forgot_password</t>
  </si>
  <si>
    <t>12/24/2019 15:47:24</t>
  </si>
  <si>
    <t>12/24/2019 15:50:28</t>
  </si>
  <si>
    <t>12/24/2019 15:48:10</t>
  </si>
  <si>
    <t>12/24/2019 15:47:45</t>
  </si>
  <si>
    <t>12/24/2019 15:47:52</t>
  </si>
  <si>
    <t>12/24/2019 15:47:53</t>
  </si>
  <si>
    <t>12/24/2019 15:47:55</t>
  </si>
  <si>
    <t>12/24/2019 15:51:28</t>
  </si>
  <si>
    <t>12/24/2019 15:52:28</t>
  </si>
  <si>
    <t>12/24/2019 15:49:10</t>
  </si>
  <si>
    <t>12/24/2019 15:52:37</t>
  </si>
  <si>
    <t>12/24/2019 15:54:28</t>
  </si>
  <si>
    <t>12/24/2019 15:53:30</t>
  </si>
  <si>
    <t>12/24/2019 15:53:53</t>
  </si>
  <si>
    <t>12/24/2019 15:53:59</t>
  </si>
  <si>
    <t>12/24/2019 15:51:39</t>
  </si>
  <si>
    <t>$I6ATQG0.pdf</t>
  </si>
  <si>
    <t>\\acsfs\profiles$\regisadsa\My Documents\$RECYCLE.BIN\$I6ATQG0.pdf</t>
  </si>
  <si>
    <t>12/24/2019 15:51:02</t>
  </si>
  <si>
    <t>12/24/2019 15:55:27</t>
  </si>
  <si>
    <t>12/24/2019 15:53:32</t>
  </si>
  <si>
    <t>12/24/2019 15:56:32</t>
  </si>
  <si>
    <t>12/24/2019 15:57:27</t>
  </si>
  <si>
    <t>12/24/2019 15:55:02</t>
  </si>
  <si>
    <t>12/24/2019 15:59:28</t>
  </si>
  <si>
    <t>12/24/2019 15:56:04</t>
  </si>
  <si>
    <t>12/24/2019 16:00:27</t>
  </si>
  <si>
    <t>12/24/2019 15:57:40</t>
  </si>
  <si>
    <t>12/24/2019 15:59:00</t>
  </si>
  <si>
    <t>12/24/2019 16:02:27</t>
  </si>
  <si>
    <t>XLOG_tiagosno_24122019_075621.log</t>
  </si>
  <si>
    <t>\\acsfs\profiles$\tiagosno\My Documents\xworkcenter\logs\XLOG_tiagosno_24122019_075621.log</t>
  </si>
  <si>
    <t>12/24/2019 15:58:35</t>
  </si>
  <si>
    <t>1c67b897-5b4b-4bd1-9e7a-519b724be1f2.tmp</t>
  </si>
  <si>
    <t>\\acsfs\profiles$\gabrieleods\Downloads\1c67b897-5b4b-4bd1-9e7a-519b724be1f2.tmp</t>
  </si>
  <si>
    <t>12/24/2019 15:59:08</t>
  </si>
  <si>
    <t>86aba569-474a-48b7-8b55-7dc90bce67ab.tmp</t>
  </si>
  <si>
    <t>\\acsfs\profiles$\gabrieleods\Downloads\86aba569-474a-48b7-8b55-7dc90bce67ab.tmp</t>
  </si>
  <si>
    <t>12/24/2019 15:59:32</t>
  </si>
  <si>
    <t>12/24/2019 16:01:27</t>
  </si>
  <si>
    <t>12/24/2019 16:03:28</t>
  </si>
  <si>
    <t>XLOG_ellencds_24122019_081733.log</t>
  </si>
  <si>
    <t>\\acsfs\profiles$\ellencds\My Documents\xworkcenter\logs\XLOG_ellencds_24122019_081733.log</t>
  </si>
  <si>
    <t>12/24/2019 15:59:09</t>
  </si>
  <si>
    <t>12/24/2019 16:04:28</t>
  </si>
  <si>
    <t>12/24/2019 16:02:30</t>
  </si>
  <si>
    <t>12/24/2019 16:05:28</t>
  </si>
  <si>
    <t>12/24/2019 16:02:36</t>
  </si>
  <si>
    <t>c8363ea3-4e5c-4fdf-a43a-6067130f11b8.tmp</t>
  </si>
  <si>
    <t>\\acsfs\profiles$\valeriasda\Downloads\c8363ea3-4e5c-4fdf-a43a-6067130f11b8.tmp</t>
  </si>
  <si>
    <t>12/24/2019 16:01:02</t>
  </si>
  <si>
    <t>12/24/2019 16:04:02</t>
  </si>
  <si>
    <t>12/24/2019 16:07:28</t>
  </si>
  <si>
    <t>12/24/2019 16:07:52</t>
  </si>
  <si>
    <t>12/24/2019 16:08:28</t>
  </si>
  <si>
    <t>12/24/2019 16:04:37</t>
  </si>
  <si>
    <t>12/24/2019 16:09:28</t>
  </si>
  <si>
    <t>12/24/2019 16:04:29</t>
  </si>
  <si>
    <t>\\acsfs\profiles$\regisadsa\My Documents\831e1540-cb4c-4ee0-94b2-360a5afab640.pdf</t>
  </si>
  <si>
    <t>12/24/2019 16:06:23</t>
  </si>
  <si>
    <t>12/24/2019 16:10:28</t>
  </si>
  <si>
    <t>12/24/2019 16:11:18</t>
  </si>
  <si>
    <t>12/24/2019 16:12:28</t>
  </si>
  <si>
    <t>12/24/2019 16:10:29</t>
  </si>
  <si>
    <t>12/24/2019 16:14:28</t>
  </si>
  <si>
    <t>12/24/2019 16:12:04</t>
  </si>
  <si>
    <t>12/24/2019 16:09:09</t>
  </si>
  <si>
    <t>12/24/2019 16:09:15</t>
  </si>
  <si>
    <t>12/24/2019 16:09:25</t>
  </si>
  <si>
    <t>12/24/2019 16:09:51</t>
  </si>
  <si>
    <t>mail.google.com/sync/u/0/i/s?hl=pt-BR&amp;c=41</t>
  </si>
  <si>
    <t>12/24/2019 16:10:27</t>
  </si>
  <si>
    <t>12/24/2019 16:11:41</t>
  </si>
  <si>
    <t>12/24/2019 16:11:46</t>
  </si>
  <si>
    <t>12/24/2019 16:11:49</t>
  </si>
  <si>
    <t>12/24/2019 16:11:54</t>
  </si>
  <si>
    <t>12/24/2019 16:13:27</t>
  </si>
  <si>
    <t>12/24/2019 16:15:27</t>
  </si>
  <si>
    <t>12/24/2019 16:14:43</t>
  </si>
  <si>
    <t>12/24/2019 16:10:18</t>
  </si>
  <si>
    <t>12/24/2019 16:15:08</t>
  </si>
  <si>
    <t>12/24/2019 16:19:28</t>
  </si>
  <si>
    <t>12/24/2019 16:18:20</t>
  </si>
  <si>
    <t>12/24/2019 16:20:28</t>
  </si>
  <si>
    <t>12/24/2019 16:17:40</t>
  </si>
  <si>
    <t>12/24/2019 16:22:28</t>
  </si>
  <si>
    <t>12/24/2019 16:19:18</t>
  </si>
  <si>
    <t>12/24/2019 16:23:27</t>
  </si>
  <si>
    <t>12/24/2019 16:22:27</t>
  </si>
  <si>
    <t>12/24/2019 16:22:49</t>
  </si>
  <si>
    <t>12/24/2019 16:24:28</t>
  </si>
  <si>
    <t>12/24/2019 16:21:55</t>
  </si>
  <si>
    <t>12/24/2019 16:25:28</t>
  </si>
  <si>
    <t>12/24/2019 16:25:18</t>
  </si>
  <si>
    <t>12/24/2019 16:26:27</t>
  </si>
  <si>
    <t>12/24/2019 16:26:31</t>
  </si>
  <si>
    <t>12/24/2019 16:30:27</t>
  </si>
  <si>
    <t>12/24/2019 16:28:02</t>
  </si>
  <si>
    <t>12/24/2019 16:29:34</t>
  </si>
  <si>
    <t>12/24/2019 16:27:28</t>
  </si>
  <si>
    <t>12/24/2019 16:32:27</t>
  </si>
  <si>
    <t>12/24/2019 16:30:44</t>
  </si>
  <si>
    <t>12/24/2019 16:29:52</t>
  </si>
  <si>
    <t>12/24/2019 16:34:28</t>
  </si>
  <si>
    <t>https://player.vimeo.com/add/player-stats?beacon=1&amp;session-id=6824d60962a1a8f7eacb4ba60fa5ee64f2583a6d1577215368</t>
  </si>
  <si>
    <t>12/24/2019 16:29:53</t>
  </si>
  <si>
    <t>12/24/2019 16:34:20</t>
  </si>
  <si>
    <t>12/24/2019 16:35:27</t>
  </si>
  <si>
    <t>mail.google.com/sync/u/0/i/s?hl=pt-BR&amp;c=808</t>
  </si>
  <si>
    <t>mail.google.com/sync/u/0/i/s?hl=pt-BR&amp;c=810</t>
  </si>
  <si>
    <t>12/24/2019 16:34:42</t>
  </si>
  <si>
    <t>mail.google.com/sync/u/0/i/s?hl=pt-BR&amp;c=813</t>
  </si>
  <si>
    <t>12/24/2019 16:34:55</t>
  </si>
  <si>
    <t>mail.google.com/sync/u/0/i/s?hl=pt-BR&amp;c=815</t>
  </si>
  <si>
    <t>12/24/2019 16:35:01</t>
  </si>
  <si>
    <t>mail.google.com/sync/u/0/i/s?hl=pt-BR&amp;c=817</t>
  </si>
  <si>
    <t>12/24/2019 16:35:10</t>
  </si>
  <si>
    <t>mail.google.com/sync/u/0/i/s?hl=pt-BR&amp;c=820</t>
  </si>
  <si>
    <t>12/24/2019 16:33:14</t>
  </si>
  <si>
    <t>12/24/2019 16:37:28</t>
  </si>
  <si>
    <t>12/24/2019 16:36:22</t>
  </si>
  <si>
    <t>12/24/2019 16:35:49</t>
  </si>
  <si>
    <t>12/24/2019 16:38:28</t>
  </si>
  <si>
    <t>12/24/2019 16:35:30</t>
  </si>
  <si>
    <t>12/24/2019 16:40:28</t>
  </si>
  <si>
    <t>mail.google.com/sync/u/0/i/s?hl=pt-BR&amp;c=823</t>
  </si>
  <si>
    <t>12/24/2019 16:37:44</t>
  </si>
  <si>
    <t>12/24/2019 16:42:28</t>
  </si>
  <si>
    <t>12/24/2019 16:38:17</t>
  </si>
  <si>
    <t>12/24/2019 16:43:27</t>
  </si>
  <si>
    <t>12/24/2019 16:41:22</t>
  </si>
  <si>
    <t>12/24/2019 16:45:29</t>
  </si>
  <si>
    <t>10.200.67.105</t>
  </si>
  <si>
    <t>D0-94-66-B5-5D-AE</t>
  </si>
  <si>
    <t>VOTORANT-SB020</t>
  </si>
  <si>
    <t>12/24/2019 16:45:25</t>
  </si>
  <si>
    <t>12/24/2019 16:49:29</t>
  </si>
  <si>
    <t>12/24/2019 16:47:36</t>
  </si>
  <si>
    <t>12/24/2019 16:52:28</t>
  </si>
  <si>
    <t>12/24/2019 16:50:11</t>
  </si>
  <si>
    <t>12/24/2019 16:53:20</t>
  </si>
  <si>
    <t>12/24/2019 16:54:28</t>
  </si>
  <si>
    <t>12/24/2019 16:50:49</t>
  </si>
  <si>
    <t>10.200.67.43</t>
  </si>
  <si>
    <t>D0-94-66-B5-4D-6C</t>
  </si>
  <si>
    <t>VOTORANT-ABB014</t>
  </si>
  <si>
    <t>12/24/2019 16:53:31</t>
  </si>
  <si>
    <t>12/24/2019 16:55:29</t>
  </si>
  <si>
    <t>12/24/2019 16:53:34</t>
  </si>
  <si>
    <t>12/24/2019 16:55:45</t>
  </si>
  <si>
    <t>12/24/2019 16:56:28</t>
  </si>
  <si>
    <t>12/24/2019 16:55:46</t>
  </si>
  <si>
    <t>12/24/2019 16:57:29</t>
  </si>
  <si>
    <t>12/24/2019 16:55:47</t>
  </si>
  <si>
    <t>12/24/2019 16:55:48</t>
  </si>
  <si>
    <t>12/24/2019 16:55:49</t>
  </si>
  <si>
    <t>12/24/2019 16:55:50</t>
  </si>
  <si>
    <t>12/24/2019 16:55:51</t>
  </si>
  <si>
    <t>12/24/2019 16:55:52</t>
  </si>
  <si>
    <t>12/24/2019 16:55:53</t>
  </si>
  <si>
    <t>12/24/2019 16:55:54</t>
  </si>
  <si>
    <t>12/24/2019 16:55:55</t>
  </si>
  <si>
    <t>12/24/2019 16:55:56</t>
  </si>
  <si>
    <t>12/24/2019 16:55:57</t>
  </si>
  <si>
    <t>12/24/2019 16:55:58</t>
  </si>
  <si>
    <t>12/24/2019 16:55:59</t>
  </si>
  <si>
    <t>12/24/2019 16:56:00</t>
  </si>
  <si>
    <t>12/24/2019 16:56:01</t>
  </si>
  <si>
    <t>12/24/2019 16:56:02</t>
  </si>
  <si>
    <t>12/24/2019 16:54:43</t>
  </si>
  <si>
    <t>12/24/2019 16:58:28</t>
  </si>
  <si>
    <t>12/24/2019 16:57:44</t>
  </si>
  <si>
    <t>12/24/2019 16:58:54</t>
  </si>
  <si>
    <t>12/24/2019 16:59:29</t>
  </si>
  <si>
    <t>12/24/2019 16:56:22</t>
  </si>
  <si>
    <t>12/24/2019 17:00:28</t>
  </si>
  <si>
    <t>12/24/2019 16:57:31</t>
  </si>
  <si>
    <t>https://algar.folhasinergyrh.com.br/rescisao/upload?id=0&amp;idsolicitacao=0&amp;idprerescisao=1542</t>
  </si>
  <si>
    <t>02/01/2020;josiascdsj@algartech.com;leonardoao@algartech.com;paulacn@algartech.com;rafaelggs@algartech.com;thiagordu@algartech.com;</t>
  </si>
  <si>
    <t>Comunicado Alice.zip</t>
  </si>
  <si>
    <t>https://02/01/2020,josiascdsj@algartech.com,leonardoao@algartech.com,paulacn@algartech.com,rafaelggs@algartech.com,thiagordu@algartech.com</t>
  </si>
  <si>
    <t>C:\Users\adilsonloj\Downloads\Comunicado Alice.zip\</t>
  </si>
  <si>
    <t>image2019-12-24-163030.pdf</t>
  </si>
  <si>
    <t>12/24/2019 17:02:28</t>
  </si>
  <si>
    <t>12/24/2019 16:56:03</t>
  </si>
  <si>
    <t>12/24/2019 16:56:04</t>
  </si>
  <si>
    <t>12/24/2019 16:56:05</t>
  </si>
  <si>
    <t>12/24/2019 16:56:06</t>
  </si>
  <si>
    <t>12/24/2019 16:56:07</t>
  </si>
  <si>
    <t>12/24/2019 16:56:08</t>
  </si>
  <si>
    <t>12/24/2019 16:56:09</t>
  </si>
  <si>
    <t>12/24/2019 16:56:10</t>
  </si>
  <si>
    <t>12/24/2019 16:56:11</t>
  </si>
  <si>
    <t>12/24/2019 17:00:21</t>
  </si>
  <si>
    <t>XLOG_anakcs_24122019_085342.log</t>
  </si>
  <si>
    <t>\\acsfs\profiles$\anakcs\My Documents\xworkcenter\logs\XLOG_anakcs_24122019_085342.log</t>
  </si>
  <si>
    <t>12/24/2019 17:00:56</t>
  </si>
  <si>
    <t>12/24/2019 17:03:28</t>
  </si>
  <si>
    <t>XLOG_marcosvnds_24122019_140400.log</t>
  </si>
  <si>
    <t>\\acsfs\profiles$\marcosvnds\My Documents\xworkcenter\logs\XLOG_marcosvnds_24122019_140400.log</t>
  </si>
  <si>
    <t>12/24/2019 16:58:46</t>
  </si>
  <si>
    <t>12/24/2019 17:02:38</t>
  </si>
  <si>
    <t>12/24/2019 17:04:28</t>
  </si>
  <si>
    <t>12/24/2019 17:03:12</t>
  </si>
  <si>
    <t>12/24/2019 17:04:40</t>
  </si>
  <si>
    <t>12/24/2019 17:05:28</t>
  </si>
  <si>
    <t>12/24/2019 17:03:26</t>
  </si>
  <si>
    <t>12/24/2019 17:03:51</t>
  </si>
  <si>
    <t>12/24/2019 17:03:53</t>
  </si>
  <si>
    <t>12/24/2019 17:04:05</t>
  </si>
  <si>
    <t>12/24/2019 17:07:29</t>
  </si>
  <si>
    <t>12/24/2019 17:09:29</t>
  </si>
  <si>
    <t>12/24/2019 17:11:29</t>
  </si>
  <si>
    <t>12/24/2019 17:12:29</t>
  </si>
  <si>
    <t>12/24/2019 17:11:55</t>
  </si>
  <si>
    <t>12/24/2019 17:12:33</t>
  </si>
  <si>
    <t>12/24/2019 17:13:29</t>
  </si>
  <si>
    <t>00cb2961-9b59-401b-a0ea-183d9bd19a7e.tmp</t>
  </si>
  <si>
    <t>\\acsfs\profiles$\matheusmax\Downloads\00cb2961-9b59-401b-a0ea-183d9bd19a7e.tmp</t>
  </si>
  <si>
    <t>12/24/2019 17:16:28</t>
  </si>
  <si>
    <t>12/24/2019 17:17:29</t>
  </si>
  <si>
    <t>12/24/2019 17:14:13</t>
  </si>
  <si>
    <t>12/24/2019 17:18:29</t>
  </si>
  <si>
    <t>12/24/2019 17:16:01</t>
  </si>
  <si>
    <t>7505e891-34e3-4556-a9f4-4cda07cc4b5e.tmp</t>
  </si>
  <si>
    <t>\\acsfs\profiles$\laurandos\Downloads\7505e891-34e3-4556-a9f4-4cda07cc4b5e.tmp</t>
  </si>
  <si>
    <t>12/24/2019 17:15:38</t>
  </si>
  <si>
    <t>12/24/2019 17:19:29</t>
  </si>
  <si>
    <t>12/24/2019 17:17:56</t>
  </si>
  <si>
    <t>12/24/2019 17:22:28</t>
  </si>
  <si>
    <t>12/24/2019 17:22:15</t>
  </si>
  <si>
    <t>12/24/2019 17:23:29</t>
  </si>
  <si>
    <t>10.200.66.153</t>
  </si>
  <si>
    <t>higorss</t>
  </si>
  <si>
    <t>12/24/2019 17:18:45</t>
  </si>
  <si>
    <t>10.200.66.156</t>
  </si>
  <si>
    <t>74-86-7A-FB-17-A5</t>
  </si>
  <si>
    <t>VOTORANT-IB014</t>
  </si>
  <si>
    <t>12/24/2019 17:22:26</t>
  </si>
  <si>
    <t>12/24/2019 17:22:36</t>
  </si>
  <si>
    <t>12/24/2019 17:25:41</t>
  </si>
  <si>
    <t>12/24/2019 17:28:29</t>
  </si>
  <si>
    <t>12/24/2019 17:26:11</t>
  </si>
  <si>
    <t>12/24/2019 17:30:29</t>
  </si>
  <si>
    <t>12/24/2019 17:26:45</t>
  </si>
  <si>
    <t>12/24/2019 17:27:16</t>
  </si>
  <si>
    <t>12/24/2019 17:29:04</t>
  </si>
  <si>
    <t>12/24/2019 17:29:11</t>
  </si>
  <si>
    <t>12/24/2019 17:27:36</t>
  </si>
  <si>
    <t>\\acsfs\DEPTOS\Operacao\Banco_Votorantim\Supervisao\SUPERS BV CARTÕES\ADILSON\Vendas\Retratações\</t>
  </si>
  <si>
    <t>Retratações Venda Dezembro 2.xlsx</t>
  </si>
  <si>
    <t>\\acsfs\DEPTOS\Operacao\Banco_Votorantim\Supervisao\SUPERS BV CARTÕES\ADILSON\Vendas\Retratações\Retratações Venda Dezembro 2.xlsx</t>
  </si>
  <si>
    <t>12/24/2019 17:29:28</t>
  </si>
  <si>
    <t>\\acsfs\DEPTOS\Operacao\Banco_Votorantim\Comum\00 - COMUM - BV CARTÕES\EQUIPE ADILSON\Retratação Vendas\</t>
  </si>
  <si>
    <t>Retratações Vendas Dezembro 2.pdf</t>
  </si>
  <si>
    <t>\\acsfs\DEPTOS\Operacao\Banco_Votorantim\Comum\00 - COMUM - BV CARTÕES\EQUIPE ADILSON\Retratação Vendas\Retratações Vendas Dezembro 2.pdf</t>
  </si>
  <si>
    <t>12/24/2019 17:29:32</t>
  </si>
  <si>
    <t>12/24/2019 17:30:33</t>
  </si>
  <si>
    <t>12/24/2019 17:33:30</t>
  </si>
  <si>
    <t>12/24/2019 17:34:49</t>
  </si>
  <si>
    <t>12/24/2019 17:36:29</t>
  </si>
  <si>
    <t>12/24/2019 17:36:50</t>
  </si>
  <si>
    <t>12/24/2019 17:37:29</t>
  </si>
  <si>
    <t>12/24/2019 17:33:06</t>
  </si>
  <si>
    <t>12/24/2019 17:38:29</t>
  </si>
  <si>
    <t>12/24/2019 17:35:05</t>
  </si>
  <si>
    <t>12/24/2019 17:39:01</t>
  </si>
  <si>
    <t>12/24/2019 17:39:29</t>
  </si>
  <si>
    <t>12/24/2019 17:37:46</t>
  </si>
  <si>
    <t>$I2TM534.pdf</t>
  </si>
  <si>
    <t>\\acsfs\profiles$\regisadsa\My Documents\$RECYCLE.BIN\$I2TM534.pdf</t>
  </si>
  <si>
    <t>12/24/2019 17:36:18</t>
  </si>
  <si>
    <t>12/24/2019 17:40:29</t>
  </si>
  <si>
    <t>10.200.67.143</t>
  </si>
  <si>
    <t>74-86-7A-FD-D1-B6</t>
  </si>
  <si>
    <t>VOTORANT-VB020</t>
  </si>
  <si>
    <t>leonardocb</t>
  </si>
  <si>
    <t>\\acsfs\profiles$\leonardocb\Downloads\</t>
  </si>
  <si>
    <t>da76fe44-b509-4ed4-bbf4-7c0e11ac4d40.tmp</t>
  </si>
  <si>
    <t>\\acsfs\profiles$\leonardocb\Downloads\da76fe44-b509-4ed4-bbf4-7c0e11ac4d40.tmp</t>
  </si>
  <si>
    <t>12/24/2019 17:36:20</t>
  </si>
  <si>
    <t>Q29udHJvbGxlci5QYXl3YXJlLU5vaXRl (25).ica</t>
  </si>
  <si>
    <t>\\acsfs\profiles$\leonardocb\Downloads\Q29udHJvbGxlci5QYXl3YXJlLU5vaXRl (25).ica</t>
  </si>
  <si>
    <t>12/24/2019 17:36:28</t>
  </si>
  <si>
    <t>04e316dc-c894-491f-8a8d-fa5cea523875.tmp</t>
  </si>
  <si>
    <t>\\acsfs\profiles$\leonardocb\Downloads\04e316dc-c894-491f-8a8d-fa5cea523875.tmp</t>
  </si>
  <si>
    <t>12/24/2019 17:36:36</t>
  </si>
  <si>
    <t>fc27d5ef-3fbd-40a9-818e-cab2ced50b1e.tmp</t>
  </si>
  <si>
    <t>\\acsfs\profiles$\leonardocb\Downloads\fc27d5ef-3fbd-40a9-818e-cab2ced50b1e.tmp</t>
  </si>
  <si>
    <t>12/24/2019 17:36:03</t>
  </si>
  <si>
    <t>12/24/2019 17:35:44</t>
  </si>
  <si>
    <t>12/24/2019 17:36:58</t>
  </si>
  <si>
    <t>mail.google.com/sync/u/0/i/s?hl=pt-BR&amp;c=956</t>
  </si>
  <si>
    <t>bvcartes-supervisores@algarnet.onmicrosoft.com;fabianacscg@algartech.com;mirianppb@algartech.com;qualidadealgarbv@algartech.com;talmaiardo@algartech.com;thiagordu@algartech.com;</t>
  </si>
  <si>
    <t>bvcartes-supervisores@algarnet.onmicrosoft.com,fabianacscg@algartech.com,mirianppb@algartech.com,qualidadealgarbv@algartech.com,talmaiardo@algartech.com,thiagordu@algartech.com</t>
  </si>
  <si>
    <t>12/24/2019 17:37:18</t>
  </si>
  <si>
    <t>mail.google.com/sync/u/0/i/s?hl=pt-BR&amp;c=958</t>
  </si>
  <si>
    <t>bvcartes-supervisores@algarnet.onmicrosoft.com;fabianacscg@algartech.com;josiascdsj@algartech.com;leonardoao@algartech.com;mirianppb@algartech.com;paulacn@algartech.com;qualidadealgarbv@algartech.com;rafaelggs@algartech.com;talmaiardo@algartech.com;thiagordu@algartech.com;</t>
  </si>
  <si>
    <t>bvcartes-supervisores@algarnet.onmicrosoft.com,fabianacscg@algartech.com,josiascdsj@algartech.com,leonardoao@algartech.com,mirianppb@algartech.com,paulacn@algartech.com,qualidadealgarbv@algartech.com,rafaelggs@algartech.com,talmaiardo@algartech.com,thiagordu@algartech.com</t>
  </si>
  <si>
    <t>12/24/2019 17:37:32</t>
  </si>
  <si>
    <t>mail.google.com/sync/u/0/i/s?hl=pt-BR&amp;c=962</t>
  </si>
  <si>
    <t>12/24/2019 17:37:38</t>
  </si>
  <si>
    <t>mail.google.com/sync/u/0/i/s?hl=pt-BR&amp;c=964</t>
  </si>
  <si>
    <t>02/01/2020;bvcartes-supervisores@algarnet.onmicrosoft.com;fabianacscg@algartech.com;josiascdsj@algartech.com;leonardoao@algartech.com;mirianppb@algartech.com;paulacn@algartech.com;qualidadealgarbv@algartech.com;rafaelggs@algartech.com;talmaiardo@algartech.com;thiagordu@algartech.com;</t>
  </si>
  <si>
    <t>02/01/2020,bvcartes-supervisores@algarnet.onmicrosoft.com,fabianacscg@algartech.com,josiascdsj@algartech.com,leonardoao@algartech.com,mirianppb@algartech.com,paulacn@algartech.com,qualidadealgarbv@algartech.com,rafaelggs@algartech.com,talmaiardo@algartech.com,thiagordu@algartech.com</t>
  </si>
  <si>
    <t>12/24/2019 17:37:42</t>
  </si>
  <si>
    <t>mail.google.com/sync/u/0/i/s?hl=pt-BR&amp;c=966</t>
  </si>
  <si>
    <t>12/24/2019 17:37:59</t>
  </si>
  <si>
    <t>mail.google.com/sync/u/0/i/s?hl=pt-BR&amp;c=968</t>
  </si>
  <si>
    <t>12/24/2019 17:38:13</t>
  </si>
  <si>
    <t>mail.google.com/sync/u/0/i/s?hl=pt-BR&amp;c=970</t>
  </si>
  <si>
    <t>12/24/2019 17:38:31</t>
  </si>
  <si>
    <t>mail.google.com/sync/u/0/i/s?hl=pt-BR&amp;c=973</t>
  </si>
  <si>
    <t>12/24/2019 17:38:46</t>
  </si>
  <si>
    <t>mail.google.com/sync/u/0/i/s?hl=pt-BR&amp;c=975</t>
  </si>
  <si>
    <t>12/24/2019 17:38:53</t>
  </si>
  <si>
    <t>mail.google.com/sync/u/0/i/s?hl=pt-BR&amp;c=977</t>
  </si>
  <si>
    <t>12/24/2019 17:38:57</t>
  </si>
  <si>
    <t>mail.google.com/sync/u/0/i/s?hl=pt-BR&amp;c=979</t>
  </si>
  <si>
    <t>12/24/2019 17:39:07</t>
  </si>
  <si>
    <t>mail.google.com/sync/u/0/i/s?hl=pt-BR&amp;c=981</t>
  </si>
  <si>
    <t>12/24/2019 17:39:44</t>
  </si>
  <si>
    <t>mail.google.com/sync/u/0/i/s?hl=pt-BR&amp;c=985</t>
  </si>
  <si>
    <t>12/24/2019 17:39:59</t>
  </si>
  <si>
    <t>mail.google.com/sync/u/0/i/s?hl=pt-BR&amp;c=987</t>
  </si>
  <si>
    <t>12/24/2019 17:40:12</t>
  </si>
  <si>
    <t>mail.google.com/sync/u/0/i/s?hl=pt-BR&amp;c=989</t>
  </si>
  <si>
    <t>12/24/2019 17:35:54</t>
  </si>
  <si>
    <t>12/24/2019 17:41:29</t>
  </si>
  <si>
    <t>12/24/2019 17:42:07</t>
  </si>
  <si>
    <t>12/24/2019 17:42:29</t>
  </si>
  <si>
    <t>12/24/2019 17:43:43</t>
  </si>
  <si>
    <t>12/24/2019 17:45:29</t>
  </si>
  <si>
    <t>leandromsa</t>
  </si>
  <si>
    <t>\\acsfs\profiles$\leandromsa\Downloads\</t>
  </si>
  <si>
    <t>e6b042a1-61bc-4741-9307-20a15daebe2f.tmp</t>
  </si>
  <si>
    <t>\\acsfs\profiles$\leandromsa\Downloads\e6b042a1-61bc-4741-9307-20a15daebe2f.tmp</t>
  </si>
  <si>
    <t>12/24/2019 17:40:23</t>
  </si>
  <si>
    <t>12/24/2019 17:40:38</t>
  </si>
  <si>
    <t>mail.google.com/sync/u/0/i/s?hl=pt-BR&amp;c=998</t>
  </si>
  <si>
    <t>12/24/2019 17:41:03</t>
  </si>
  <si>
    <t>mail.google.com/sync/u/0/i/s?hl=pt-BR&amp;c=1000</t>
  </si>
  <si>
    <t>12/24/2019 17:44:05</t>
  </si>
  <si>
    <t>12/24/2019 17:47:29</t>
  </si>
  <si>
    <t>12/24/2019 17:49:36</t>
  </si>
  <si>
    <t>12/24/2019 17:52:29</t>
  </si>
  <si>
    <t>10.200.66.5</t>
  </si>
  <si>
    <t>74-86-7A-FD-D6-5B</t>
  </si>
  <si>
    <t>VOTORANT-Z021</t>
  </si>
  <si>
    <t>12/24/2019 17:51:15</t>
  </si>
  <si>
    <t>12/24/2019 17:55:28</t>
  </si>
  <si>
    <t>aac796e5-94fd-41dc-8900-6fd8bc3252b5.tmp</t>
  </si>
  <si>
    <t>\\acsfs\profiles$\leandromsa\Downloads\aac796e5-94fd-41dc-8900-6fd8bc3252b5.tmp</t>
  </si>
  <si>
    <t>12/24/2019 18:00:43</t>
  </si>
  <si>
    <t>12/24/2019 18:02:29</t>
  </si>
  <si>
    <t>12/24/2019 18:00:08</t>
  </si>
  <si>
    <t>12/24/2019 18:04:29</t>
  </si>
  <si>
    <t>12/24/2019 18:01:36</t>
  </si>
  <si>
    <t>12/24/2019 18:06:29</t>
  </si>
  <si>
    <t>12/24/2019 18:06:27</t>
  </si>
  <si>
    <t>12/24/2019 18:09:28</t>
  </si>
  <si>
    <t>12/24/2019 18:05:44</t>
  </si>
  <si>
    <t>12/24/2019 18:06:07</t>
  </si>
  <si>
    <t>12/24/2019 18:11:28</t>
  </si>
  <si>
    <t>12/24/2019 18:07:34</t>
  </si>
  <si>
    <t>12/24/2019 18:12:29</t>
  </si>
  <si>
    <t>12/24/2019 18:07:41</t>
  </si>
  <si>
    <t>12/24/2019 18:11:30</t>
  </si>
  <si>
    <t>12/24/2019 18:11:02</t>
  </si>
  <si>
    <t>12/24/2019 18:14:29</t>
  </si>
  <si>
    <t>12/24/2019 18:12:15</t>
  </si>
  <si>
    <t>12/24/2019 18:17:29</t>
  </si>
  <si>
    <t>12/24/2019 18:12:12</t>
  </si>
  <si>
    <t>12/24/2019 18:12:26</t>
  </si>
  <si>
    <t>12/24/2019 18:15:53</t>
  </si>
  <si>
    <t>12/24/2019 18:18:29</t>
  </si>
  <si>
    <t>12/24/2019 18:16:12</t>
  </si>
  <si>
    <t>12/24/2019 18:17:36</t>
  </si>
  <si>
    <t>12/24/2019 18:22:29</t>
  </si>
  <si>
    <t>12/24/2019 18:18:03</t>
  </si>
  <si>
    <t>12/24/2019 18:20:24</t>
  </si>
  <si>
    <t>12/24/2019 18:19:50</t>
  </si>
  <si>
    <t>12/24/2019 18:20:29</t>
  </si>
  <si>
    <t>12/24/2019 18:23:28</t>
  </si>
  <si>
    <t>12/24/2019 18:22:27</t>
  </si>
  <si>
    <t>12/24/2019 18:20:10</t>
  </si>
  <si>
    <t>12/24/2019 18:24:29</t>
  </si>
  <si>
    <t>12/24/2019 18:23:35</t>
  </si>
  <si>
    <t>12/24/2019 18:27:28</t>
  </si>
  <si>
    <t>12/24/2019 18:27:56</t>
  </si>
  <si>
    <t>12/24/2019 18:29:28</t>
  </si>
  <si>
    <t>12/24/2019 18:30:09</t>
  </si>
  <si>
    <t>12/24/2019 18:32:28</t>
  </si>
  <si>
    <t>12/24/2019 18:27:47</t>
  </si>
  <si>
    <t>12/24/2019 18:27:55</t>
  </si>
  <si>
    <t>12/24/2019 18:30:39</t>
  </si>
  <si>
    <t>cabae1a5-a49c-4e0d-a627-2ba81f4e6863.tmp</t>
  </si>
  <si>
    <t>\\acsfs\profiles$\erichds\Downloads\cabae1a5-a49c-4e0d-a627-2ba81f4e6863.tmp</t>
  </si>
  <si>
    <t>12/24/2019 18:33:25</t>
  </si>
  <si>
    <t>12/24/2019 18:37:29</t>
  </si>
  <si>
    <t>12/24/2019 18:33:36</t>
  </si>
  <si>
    <t>https://udpwfmniceap02/pt_br/web/guest/home?p_auth=dba1rtpc&amp;p_p_id=58&amp;p_p_lifecycle=1&amp;p_p_state=maximized&amp;p_p_mode=view&amp;savelastpath=0&amp;_58_struts_action=/login/forgot_password</t>
  </si>
  <si>
    <t>12/24/2019 18:33:44</t>
  </si>
  <si>
    <t>12/24/2019 18:33:52</t>
  </si>
  <si>
    <t>12/24/2019 18:35:28</t>
  </si>
  <si>
    <t>12/24/2019 18:36:03</t>
  </si>
  <si>
    <t>12/24/2019 18:38:05</t>
  </si>
  <si>
    <t>12/24/2019 18:39:28</t>
  </si>
  <si>
    <t>12/24/2019 18:34:17</t>
  </si>
  <si>
    <t>12/24/2019 18:34:44</t>
  </si>
  <si>
    <t>12/24/2019 18:41:43</t>
  </si>
  <si>
    <t>12/24/2019 18:42:30</t>
  </si>
  <si>
    <t>12/24/2019 18:40:03</t>
  </si>
  <si>
    <t>12/24/2019 18:44:29</t>
  </si>
  <si>
    <t>12/24/2019 18:43:57</t>
  </si>
  <si>
    <t>12/24/2019 18:41:21</t>
  </si>
  <si>
    <t>12/24/2019 18:45:29</t>
  </si>
  <si>
    <t>12/24/2019 18:44:17</t>
  </si>
  <si>
    <t>12/24/2019 18:47:29</t>
  </si>
  <si>
    <t>12/24/2019 18:46:03</t>
  </si>
  <si>
    <t>12/24/2019 18:48:28</t>
  </si>
  <si>
    <t>12/24/2019 18:47:27</t>
  </si>
  <si>
    <t>12/24/2019 18:46:51</t>
  </si>
  <si>
    <t>12/24/2019 18:50:28</t>
  </si>
  <si>
    <t>12/24/2019 18:47:16</t>
  </si>
  <si>
    <t>12/24/2019 18:47:19</t>
  </si>
  <si>
    <t>12/24/2019 18:47:22</t>
  </si>
  <si>
    <t>12/24/2019 18:47:39</t>
  </si>
  <si>
    <t>12/24/2019 18:48:53</t>
  </si>
  <si>
    <t>12/24/2019 18:52:29</t>
  </si>
  <si>
    <t>12/24/2019 18:53:16</t>
  </si>
  <si>
    <t>12/24/2019 18:54:29</t>
  </si>
  <si>
    <t>12/24/2019 18:50:48</t>
  </si>
  <si>
    <t>12/24/2019 18:55:29</t>
  </si>
  <si>
    <t>12/24/2019 18:52:42</t>
  </si>
  <si>
    <t>12/24/2019 18:57:29</t>
  </si>
  <si>
    <t>12/24/2019 18:56:22</t>
  </si>
  <si>
    <t>12/24/2019 18:59:29</t>
  </si>
  <si>
    <t>12/24/2019 18:56:14</t>
  </si>
  <si>
    <t>12/24/2019 19:00:28</t>
  </si>
  <si>
    <t>12/24/2019 18:58:19</t>
  </si>
  <si>
    <t>12/24/2019 19:03:28</t>
  </si>
  <si>
    <t>12/24/2019 19:03:01</t>
  </si>
  <si>
    <t>12/24/2019 19:00:38</t>
  </si>
  <si>
    <t>12/24/2019 19:04:29</t>
  </si>
  <si>
    <t>12/24/2019 19:04:36</t>
  </si>
  <si>
    <t>12/24/2019 19:07:29</t>
  </si>
  <si>
    <t>12/24/2019 19:06:22</t>
  </si>
  <si>
    <t>12/24/2019 19:03:25</t>
  </si>
  <si>
    <t>12/24/2019 19:08:30</t>
  </si>
  <si>
    <t>12/24/2019 19:06:11</t>
  </si>
  <si>
    <t>12/24/2019 19:09:29</t>
  </si>
  <si>
    <t>12/24/2019 19:08:08</t>
  </si>
  <si>
    <t>12/24/2019 19:11:30</t>
  </si>
  <si>
    <t>10.200.67.142</t>
  </si>
  <si>
    <t>74-86-7A-FD-D5-04</t>
  </si>
  <si>
    <t>VOTORANT-WB014</t>
  </si>
  <si>
    <t>andreapdsg</t>
  </si>
  <si>
    <t>\\acsfs\profiles$\andreapdsg\Downloads\</t>
  </si>
  <si>
    <t>4608ba55-3f10-4a2a-9501-baae2e32b1dd.tmp</t>
  </si>
  <si>
    <t>\\acsfs\profiles$\andreapdsg\Downloads\4608ba55-3f10-4a2a-9501-baae2e32b1dd.tmp</t>
  </si>
  <si>
    <t>12/24/2019 19:08:17</t>
  </si>
  <si>
    <t>Q29udHJvbGxlci5QYXl3YXJl (23).ica</t>
  </si>
  <si>
    <t>\\acsfs\profiles$\andreapdsg\Downloads\Q29udHJvbGxlci5QYXl3YXJl (23).ica</t>
  </si>
  <si>
    <t>12/24/2019 19:08:38</t>
  </si>
  <si>
    <t>12/24/2019 19:12:30</t>
  </si>
  <si>
    <t>12/24/2019 19:10:01</t>
  </si>
  <si>
    <t>12/24/2019 19:08:46</t>
  </si>
  <si>
    <t>12/24/2019 19:13:31</t>
  </si>
  <si>
    <t>12/24/2019 19:11:33</t>
  </si>
  <si>
    <t>12/24/2019 19:15:31</t>
  </si>
  <si>
    <t>12/24/2019 19:15:27</t>
  </si>
  <si>
    <t>12/24/2019 19:17:31</t>
  </si>
  <si>
    <t>12/24/2019 19:15:32</t>
  </si>
  <si>
    <t>12/24/2019 19:18:30</t>
  </si>
  <si>
    <t>12/24/2019 19:21:25</t>
  </si>
  <si>
    <t>12/24/2019 19:22:31</t>
  </si>
  <si>
    <t>12/24/2019 19:20:49</t>
  </si>
  <si>
    <t>12/24/2019 19:23:31</t>
  </si>
  <si>
    <t>12/24/2019 19:21:20</t>
  </si>
  <si>
    <t>12/24/2019 19:19:42</t>
  </si>
  <si>
    <t>12/24/2019 19:23:53</t>
  </si>
  <si>
    <t>12/24/2019 19:25:30</t>
  </si>
  <si>
    <t>12/24/2019 19:25:14</t>
  </si>
  <si>
    <t>12/24/2019 19:26:31</t>
  </si>
  <si>
    <t>12/24/2019 19:23:33</t>
  </si>
  <si>
    <t>12/24/2019 19:27:30</t>
  </si>
  <si>
    <t>12/24/2019 19:22:13</t>
  </si>
  <si>
    <t>12/24/2019 19:25:34</t>
  </si>
  <si>
    <t>12/24/2019 19:28:31</t>
  </si>
  <si>
    <t>12/24/2019 19:27:55</t>
  </si>
  <si>
    <t>12/24/2019 19:29:30</t>
  </si>
  <si>
    <t>12/24/2019 19:29:54</t>
  </si>
  <si>
    <t>12/24/2019 19:33:30</t>
  </si>
  <si>
    <t>12/24/2019 19:32:35</t>
  </si>
  <si>
    <t>12/24/2019 19:34:31</t>
  </si>
  <si>
    <t>12/24/2019 19:33:22</t>
  </si>
  <si>
    <t>12/24/2019 19:38:31</t>
  </si>
  <si>
    <t>12/24/2019 19:34:43</t>
  </si>
  <si>
    <t>2ed64991-140b-4f37-bc07-5d6409dacc0a; .aspxformsauth=83616a1dce5e9bfee62b18d917c047c8b1081e8dc92e94dfbd32d1c7e6c882288fd4e454c62d5f2803c404e8d5d0708510e2fb356981aa0ba34419a38f762902551a2c7e79ef13434f1674cc1864c860d14703af26fe3ffdf362a5f42673a3cdd30d65f2da1</t>
  </si>
  <si>
    <t>12/24/2019 19:35:30</t>
  </si>
  <si>
    <t>12/24/2019 19:35:20</t>
  </si>
  <si>
    <t>12/24/2019 19:39:30</t>
  </si>
  <si>
    <t>12/24/2019 19:35:31</t>
  </si>
  <si>
    <t>12/24/2019 19:38:11</t>
  </si>
  <si>
    <t>12/24/2019 19:39:28</t>
  </si>
  <si>
    <t>12/24/2019 19:42:30</t>
  </si>
  <si>
    <t>d725a35e-ac36-44a5-ba55-2b1cbae1912a.tmp</t>
  </si>
  <si>
    <t>\\acsfs\profiles$\paulohaf\Downloads\d725a35e-ac36-44a5-ba55-2b1cbae1912a.tmp</t>
  </si>
  <si>
    <t>12/24/2019 19:40:08</t>
  </si>
  <si>
    <t>5af46f91-5e5f-4790-9f6e-b9359620f89c.tmp</t>
  </si>
  <si>
    <t>\\acsfs\profiles$\paulohaf\Downloads\5af46f91-5e5f-4790-9f6e-b9359620f89c.tmp</t>
  </si>
  <si>
    <t>12/24/2019 19:40:17</t>
  </si>
  <si>
    <t>12/24/2019 19:43:31</t>
  </si>
  <si>
    <t>12/24/2019 19:40:06</t>
  </si>
  <si>
    <t>12/24/2019 19:39:15</t>
  </si>
  <si>
    <t>12/24/2019 19:44:30</t>
  </si>
  <si>
    <t>12/24/2019 19:39:55</t>
  </si>
  <si>
    <t>12/24/2019 19:45:31</t>
  </si>
  <si>
    <t>12/24/2019 19:47:14</t>
  </si>
  <si>
    <t>12/24/2019 19:48:30</t>
  </si>
  <si>
    <t>12/24/2019 19:47:32</t>
  </si>
  <si>
    <t>ec7ea48b-d0c5-40c0-8d5a-145a8136367d.tmp</t>
  </si>
  <si>
    <t>\\acsfs\profiles$\laurandos\Downloads\ec7ea48b-d0c5-40c0-8d5a-145a8136367d.tmp</t>
  </si>
  <si>
    <t>12/24/2019 19:47:40</t>
  </si>
  <si>
    <t>12/24/2019 19:52:30</t>
  </si>
  <si>
    <t>12/24/2019 19:48:09</t>
  </si>
  <si>
    <t>12/24/2019 19:53:30</t>
  </si>
  <si>
    <t>12/24/2019 19:50:15</t>
  </si>
  <si>
    <t>12/24/2019 19:52:36</t>
  </si>
  <si>
    <t>12/24/2019 19:57:30</t>
  </si>
  <si>
    <t>https://unagi-na.amazon.com/1/events/com.amazon.csm.nexusclient.prod</t>
  </si>
  <si>
    <t>"application":"retail";"entities":{"page":{"id":"umdbsy-q658yf-qeyko1-x29bzi";"meaningful":"interactive";"messageid":"mc24a4-klm5lv-6orfno-r5dehl";"obfuscatedmarketplaceid":"art4wz8mwbx2y";"producerid":"csa";"requestid":"zftwwk8wpz3n730dqy98";"schemaid":"csa.pageimpressed.2";"timestamp":"2019-12-24t22:52:31.857z";"url":"https://www.amazon.com/ap/signin?accountstatuspolicy=p1;br accept-language: pt-br;deflate;en-us;q=0.8;en;q=0.7 cookie: session-id=146-0819929-8417651; session-id-time=2207947950l; lc-main-av=pt_br {"events":[{"data":{"renderedtomeaningful":74;https://www.primevideo.com/auth/return/ref=av_auth_ap?_encoding=utf8&amp;location=%2fsignup%2fref%3ddv_web_auth_no_re_sig%3f_encoding%3dutf8%26devicetypeid%3da13q6a55dbzb7m%26offer%3dpm accept-encoding: gzip;pt;q=0.9;renderedtoimpressed;renderedtoviewed;</t>
  </si>
  <si>
    <t>https://"application":"retail","entities":{"page":{"id":"umdbsy-q658yf-qeyko1-x29bzi","meaningful":"interactive","messageid":"mc24a4-klm5lv-6orfno-r5dehl","obfuscatedmarketplaceid":"art4wz8mwbx2y","producerid":"csa","requestid":"zftwwk8wpz3n730dqy98","schemaid":"csa.pageimpressed.2","timestamp":"2019-12-24t22:52:31.857z","url":"https://www.amazon.com/ap/signin?accountstatuspolicy=p1,br accept-language: pt-br,deflate,en-us;q=0.8,en;q=0.7 cookie: session-id=146-0819929-8417651; session-id-time=2207947950l; lc-main-av=pt_br {"events":[{"data":{"renderedtomeaningful":74,https://www.primevideo.com/auth/return/ref=av_auth_ap?_encoding=utf8&amp;location=%2fsignup%2fref%3ddv_web_auth_no_re_sig%3f_encoding%3dutf8%26devicetypeid%3da13q6a55dbzb7m%26offer%3dpm accept-encoding: gzip,pt;q=0.9,renderedtoimpressed,renderedtoviewed</t>
  </si>
  <si>
    <t>12/24/2019 19:53:21</t>
  </si>
  <si>
    <t>12/24/2019 19:56:02</t>
  </si>
  <si>
    <t>12/24/2019 19:58:30</t>
  </si>
  <si>
    <t>12/24/2019 20:01:42</t>
  </si>
  <si>
    <t>12/24/2019 20:03:30</t>
  </si>
  <si>
    <t>12/24/2019 19:58:25</t>
  </si>
  <si>
    <t>12/24/2019 19:59:03</t>
  </si>
  <si>
    <t>12/24/2019 19:59:57</t>
  </si>
  <si>
    <t>12/24/2019 20:02:05</t>
  </si>
  <si>
    <t>12/24/2019 20:01:23</t>
  </si>
  <si>
    <t>12/24/2019 20:06:16</t>
  </si>
  <si>
    <t>12/24/2019 20:07:30</t>
  </si>
  <si>
    <t>Não confirmado 263544.crdownload</t>
  </si>
  <si>
    <t>\\acsfs\profiles$\paulohaf\Downloads\Não confirmado 263544.crdownload</t>
  </si>
  <si>
    <t>\\acsfs\profiles$\paulohaf\Downloads\Não confirmado 263544.crdownload\</t>
  </si>
  <si>
    <t>cs2d_dedicated.exe</t>
  </si>
  <si>
    <t>Dedicated Readme.txt</t>
  </si>
  <si>
    <t>www.sitecs.net.txt</t>
  </si>
  <si>
    <t>12/24/2019 20:04:54</t>
  </si>
  <si>
    <t>12/24/2019 20:08:30</t>
  </si>
  <si>
    <t>12/24/2019 20:06:06</t>
  </si>
  <si>
    <t>12/24/2019 20:06:25</t>
  </si>
  <si>
    <t>12/24/2019 20:06:51</t>
  </si>
  <si>
    <t>12/24/2019 20:04:01</t>
  </si>
  <si>
    <t>12/24/2019 20:07:22</t>
  </si>
  <si>
    <t>12/24/2019 20:12:30</t>
  </si>
  <si>
    <t>Não confirmado 418301.crdownload</t>
  </si>
  <si>
    <t>\\acsfs\profiles$\paulohaf\Downloads\Não confirmado 418301.crdownload</t>
  </si>
  <si>
    <t>12/24/2019 20:08:22</t>
  </si>
  <si>
    <t>12/24/2019 20:13:31</t>
  </si>
  <si>
    <t>12/24/2019 20:10:54</t>
  </si>
  <si>
    <t>12/24/2019 20:12:12</t>
  </si>
  <si>
    <t>12/24/2019 20:09:02</t>
  </si>
  <si>
    <t>12/24/2019 20:09:26</t>
  </si>
  <si>
    <t>12/24/2019 20:09:53</t>
  </si>
  <si>
    <t>12/24/2019 20:10:45</t>
  </si>
  <si>
    <t>12/24/2019 20:11:02</t>
  </si>
  <si>
    <t>12/24/2019 20:12:08</t>
  </si>
  <si>
    <t>12/24/2019 20:12:59</t>
  </si>
  <si>
    <t>12/24/2019 20:10:50</t>
  </si>
  <si>
    <t>12/24/2019 20:14:31</t>
  </si>
  <si>
    <t>12/24/2019 20:11:47</t>
  </si>
  <si>
    <t>12/24/2019 20:12:38</t>
  </si>
  <si>
    <t>12/24/2019 20:13:36</t>
  </si>
  <si>
    <t>https://player.vimeo.com/add/player-stats?beacon=1&amp;session-id=f2ed993738c3d59d179aba10f0a984fd953ed4691577229157</t>
  </si>
  <si>
    <t>12/24/2019 20:13:37</t>
  </si>
  <si>
    <t>12/24/2019 20:13:39</t>
  </si>
  <si>
    <t>12/24/2019 20:18:31</t>
  </si>
  <si>
    <t>12/24/2019 20:20:14</t>
  </si>
  <si>
    <t>12/24/2019 20:22:31</t>
  </si>
  <si>
    <t>1a89507c-fcc7-4cb6-991b-0a3fde998622.tmp</t>
  </si>
  <si>
    <t>\\acsfs\profiles$\erichds\Downloads\1a89507c-fcc7-4cb6-991b-0a3fde998622.tmp</t>
  </si>
  <si>
    <t>12/24/2019 20:20:21</t>
  </si>
  <si>
    <t>909db2df-e651-4f4d-98a6-ed042156a396.tmp</t>
  </si>
  <si>
    <t>\\acsfs\profiles$\erichds\Downloads\909db2df-e651-4f4d-98a6-ed042156a396.tmp</t>
  </si>
  <si>
    <t>12/24/2019 20:20:40</t>
  </si>
  <si>
    <t>12/24/2019 20:23:30</t>
  </si>
  <si>
    <t>12/24/2019 20:20:57</t>
  </si>
  <si>
    <t>12/24/2019 20:19:21</t>
  </si>
  <si>
    <t>12/24/2019 20:24:31</t>
  </si>
  <si>
    <t>12/24/2019 20:22:12</t>
  </si>
  <si>
    <t>12/24/2019 20:22:18</t>
  </si>
  <si>
    <t>12/24/2019 20:25:30</t>
  </si>
  <si>
    <t>12/24/2019 20:24:04</t>
  </si>
  <si>
    <t>12/24/2019 20:27:31</t>
  </si>
  <si>
    <t>12/24/2019 20:22:30</t>
  </si>
  <si>
    <t>12/24/2019 20:24:14</t>
  </si>
  <si>
    <t>12/24/2019 20:28:30</t>
  </si>
  <si>
    <t>12/24/2019 20:23:19</t>
  </si>
  <si>
    <t>12/24/2019 20:24:40</t>
  </si>
  <si>
    <t>12/24/2019 20:24:48</t>
  </si>
  <si>
    <t>12/24/2019 20:28:58</t>
  </si>
  <si>
    <t>12/24/2019 20:31:31</t>
  </si>
  <si>
    <t>12/24/2019 20:32:10</t>
  </si>
  <si>
    <t>12/24/2019 20:33:31</t>
  </si>
  <si>
    <t>12/24/2019 20:28:14</t>
  </si>
  <si>
    <t>12/24/2019 20:30:32</t>
  </si>
  <si>
    <t>12/24/2019 20:31:50</t>
  </si>
  <si>
    <t>12/24/2019 20:29:08</t>
  </si>
  <si>
    <t>12/24/2019 20:34:30</t>
  </si>
  <si>
    <t>12/24/2019 20:30:45</t>
  </si>
  <si>
    <t>12/24/2019 20:29:33</t>
  </si>
  <si>
    <t>12/24/2019 20:34:34</t>
  </si>
  <si>
    <t>12/24/2019 20:37:30</t>
  </si>
  <si>
    <t>fbe595f2-1f5a-4f38-bf9f-d829112065c4.tmp</t>
  </si>
  <si>
    <t>\\acsfs\profiles$\paulohaf\Downloads\fbe595f2-1f5a-4f38-bf9f-d829112065c4.tmp</t>
  </si>
  <si>
    <t>12/24/2019 20:34:46</t>
  </si>
  <si>
    <t>Não confirmado 781669.crdownload</t>
  </si>
  <si>
    <t>\\acsfs\profiles$\paulohaf\Downloads\Não confirmado 781669.crdownload</t>
  </si>
  <si>
    <t>12/24/2019 20:42:01</t>
  </si>
  <si>
    <t>12/24/2019 20:43:31</t>
  </si>
  <si>
    <t>12/24/2019 20:41:57</t>
  </si>
  <si>
    <t>12/24/2019 20:44:30</t>
  </si>
  <si>
    <t>12/24/2019 20:42:59</t>
  </si>
  <si>
    <t>12/24/2019 20:47:31</t>
  </si>
  <si>
    <t>12/24/2019 20:46:51</t>
  </si>
  <si>
    <t>12/24/2019 20:52:31</t>
  </si>
  <si>
    <t>2c3cb03b-8740-4440-ac2b-48b50b43038f.tmp</t>
  </si>
  <si>
    <t>\\acsfs\profiles$\paulohaf\Downloads\2c3cb03b-8740-4440-ac2b-48b50b43038f.tmp</t>
  </si>
  <si>
    <t>12/24/2019 20:47:36</t>
  </si>
  <si>
    <t>Não confirmado 95544.crdownload</t>
  </si>
  <si>
    <t>\\acsfs\profiles$\paulohaf\Downloads\Não confirmado 95544.crdownload</t>
  </si>
  <si>
    <t>12/24/2019 20:52:48</t>
  </si>
  <si>
    <t>12/24/2019 20:53:30</t>
  </si>
  <si>
    <t>12/24/2019 20:48:02</t>
  </si>
  <si>
    <t>12/24/2019 20:51:58</t>
  </si>
  <si>
    <t>12/24/2019 20:56:14</t>
  </si>
  <si>
    <t>12/24/2019 20:57:31</t>
  </si>
  <si>
    <t>12/24/2019 20:55:35</t>
  </si>
  <si>
    <t>12/24/2019 20:58:31</t>
  </si>
  <si>
    <t>12/24/2019 21:02:39</t>
  </si>
  <si>
    <t>12/24/2019 21:03:31</t>
  </si>
  <si>
    <t>12/24/2019 21:01:43</t>
  </si>
  <si>
    <t>12/24/2019 21:02:48</t>
  </si>
  <si>
    <t>12/24/2019 21:03:57</t>
  </si>
  <si>
    <t>12/24/2019 21:05:31</t>
  </si>
  <si>
    <t>12/24/2019 21:05:00</t>
  </si>
  <si>
    <t>C:\Users\marianadjc\Desktop\</t>
  </si>
  <si>
    <t>Login_logout_Raí.xlsx</t>
  </si>
  <si>
    <t>12/24/2019 21:03:51</t>
  </si>
  <si>
    <t>12/24/2019 21:08:31</t>
  </si>
  <si>
    <t>12/24/2019 21:04:18</t>
  </si>
  <si>
    <t>12/24/2019 21:07:02</t>
  </si>
  <si>
    <t>12/24/2019 21:07:33</t>
  </si>
  <si>
    <t>12/24/2019 21:12:31</t>
  </si>
  <si>
    <t>12/24/2019 21:09:08</t>
  </si>
  <si>
    <t>12/24/2019 21:13:31</t>
  </si>
  <si>
    <t>12/24/2019 21:12:16</t>
  </si>
  <si>
    <t>12/24/2019 21:12:59</t>
  </si>
  <si>
    <t>12/24/2019 21:16:31</t>
  </si>
  <si>
    <t>12/24/2019 21:16:29</t>
  </si>
  <si>
    <t>12/24/2019 21:18:31</t>
  </si>
  <si>
    <t>12/24/2019 21:19:12</t>
  </si>
  <si>
    <t>12/24/2019 21:20:31</t>
  </si>
  <si>
    <t>mail.google.com/sync/u/0/i/s?hl=pt-BR&amp;c=1183</t>
  </si>
  <si>
    <t>02/01/2020;bvcartes-supervisores@algarnet.onmicrosoft.com;josiascdsj@algartech.com;leonardoao@algartech.com;paulacn@algartech.com;rafaelggs@algartech.com;thiagordu@algartech.com;</t>
  </si>
  <si>
    <t>02/01/2020,bvcartes-supervisores@algarnet.onmicrosoft.com,josiascdsj@algartech.com,leonardoao@algartech.com,paulacn@algartech.com,rafaelggs@algartech.com,thiagordu@algartech.com</t>
  </si>
  <si>
    <t>12/24/2019 21:19:17</t>
  </si>
  <si>
    <t>mail.google.com/sync/u/0/i/s?hl=pt-BR&amp;c=1188</t>
  </si>
  <si>
    <t>12/24/2019 21:19:22</t>
  </si>
  <si>
    <t>mail.google.com/sync/u/0/i/s?hl=pt-BR&amp;c=1193</t>
  </si>
  <si>
    <t>12/24/2019 21:19:44</t>
  </si>
  <si>
    <t>mail.google.com/sync/u/0/i/s?hl=pt-BR&amp;c=1199</t>
  </si>
  <si>
    <t>12/24/2019 21:20:10</t>
  </si>
  <si>
    <t>mail.google.com/sync/u/0/i/s?hl=pt-BR&amp;c=1204</t>
  </si>
  <si>
    <t>12/24/2019 21:17:04</t>
  </si>
  <si>
    <t>12/24/2019 21:21:31</t>
  </si>
  <si>
    <t>12/24/2019 21:22:19</t>
  </si>
  <si>
    <t>12/24/2019 21:23:31</t>
  </si>
  <si>
    <t>12/24/2019 21:20:32</t>
  </si>
  <si>
    <t>12/24/2019 21:20:26</t>
  </si>
  <si>
    <t>12/24/2019 21:25:32</t>
  </si>
  <si>
    <t>mail.google.com/sync/u/0/i/s?hl=pt-BR&amp;c=1211</t>
  </si>
  <si>
    <t>12/24/2019 21:20:43</t>
  </si>
  <si>
    <t>mail.google.com/sync/u/0/i/s?hl=pt-BR&amp;c=1216</t>
  </si>
  <si>
    <t>12/24/2019 21:20:50</t>
  </si>
  <si>
    <t>12/24/2019 21:21:05</t>
  </si>
  <si>
    <t>mail.google.com/sync/u/0/i/s?hl=pt-BR&amp;c=1226</t>
  </si>
  <si>
    <t>12/24/2019 21:21:10</t>
  </si>
  <si>
    <t>mail.google.com/sync/u/0/i/s?hl=pt-BR&amp;c=1231</t>
  </si>
  <si>
    <t>12/24/2019 21:21:11</t>
  </si>
  <si>
    <t>12/24/2019 21:24:25</t>
  </si>
  <si>
    <t>mail.google.com/_/upload?authuser=0&amp;dcp=asu-n&amp;upload_id=AEnB2UqqAPbuM0J003pWF3fJOIfRlqtkxy1I_Ftdr5ipLMYGcFa27CJbVNevUrOY1pllGttTfGefdFzQ5qHBh9enAnRmBDVWiw&amp;upload_protocol=resumable</t>
  </si>
  <si>
    <t>C:\Users\adilsonloj\Desktop\</t>
  </si>
  <si>
    <t>Ligação Wender - 23.12.2019 - 09.03.47_1_6773604196893670305_1_32.wav</t>
  </si>
  <si>
    <t>mail.google.com/_/upload?authuser=0&amp;dcp=asu-n&amp;upload_id=AEnB2Uqs0_PeRsZY58DUM56_AdbhOCiJ06uMJKSAPwdM6OunYTNFw4Tb1CaEipFgK6K63zW0GaRAVNxThQMh6txkg1YSN9gaHQ&amp;upload_protocol=resumable</t>
  </si>
  <si>
    <t>Ligação Wender - 23.12.2019 - 10.13.55_1_6773622270116039780_1_32.wav</t>
  </si>
  <si>
    <t>12/24/2019 21:24:27</t>
  </si>
  <si>
    <t>mail.google.com/sync/u/0/i/s?hl=pt-BR&amp;c=1240</t>
  </si>
  <si>
    <t>12/24/2019 21:24:35</t>
  </si>
  <si>
    <t>mail.google.com/sync/u/0/i/s?hl=pt-BR&amp;c=1245</t>
  </si>
  <si>
    <t>12/24/2019 21:24:48</t>
  </si>
  <si>
    <t>mail.google.com/sync/u/0/i/s?hl=pt-BR&amp;c=1250</t>
  </si>
  <si>
    <t>12/24/2019 21:24:59</t>
  </si>
  <si>
    <t>mail.google.com/sync/u/0/i/s?hl=pt-BR&amp;c=1255</t>
  </si>
  <si>
    <t>12/24/2019 21:25:07</t>
  </si>
  <si>
    <t>mail.google.com/sync/u/0/i/s?hl=pt-BR&amp;c=1260</t>
  </si>
  <si>
    <t>12/24/2019 21:25:12</t>
  </si>
  <si>
    <t>mail.google.com/sync/u/0/i/s?hl=pt-BR&amp;c=1265</t>
  </si>
  <si>
    <t>12/24/2019 21:23:49</t>
  </si>
  <si>
    <t>12/24/2019 21:27:31</t>
  </si>
  <si>
    <t>12/24/2019 21:27:03</t>
  </si>
  <si>
    <t>12/24/2019 21:28:31</t>
  </si>
  <si>
    <t>12/24/2019 21:27:35</t>
  </si>
  <si>
    <t>12/24/2019 21:25:30</t>
  </si>
  <si>
    <t>12/24/2019 21:30:31</t>
  </si>
  <si>
    <t>mail.google.com/sync/u/0/i/s?hl=pt-BR&amp;c=1271</t>
  </si>
  <si>
    <t>12/24/2019 21:25:39</t>
  </si>
  <si>
    <t>mail.google.com/sync/u/0/i/s?hl=pt-BR&amp;c=1276</t>
  </si>
  <si>
    <t>12/24/2019 21:25:48</t>
  </si>
  <si>
    <t>mail.google.com/sync/u/0/i/s?hl=pt-BR&amp;c=1282</t>
  </si>
  <si>
    <t>12/24/2019 21:27:06</t>
  </si>
  <si>
    <t>mail.google.com/sync/u/0/i/s?hl=pt-BR&amp;c=1310</t>
  </si>
  <si>
    <t>12/24/2019 21:27:07</t>
  </si>
  <si>
    <t>12/24/2019 21:27:13</t>
  </si>
  <si>
    <t>mail.google.com/sync/u/0/i/s?hl=pt-BR&amp;c=1315</t>
  </si>
  <si>
    <t>12/24/2019 21:27:39</t>
  </si>
  <si>
    <t>mail.google.com/sync/u/0/i/s?hl=pt-BR&amp;c=1321</t>
  </si>
  <si>
    <t>12/24/2019 21:27:49</t>
  </si>
  <si>
    <t>mail.google.com/sync/u/0/i/s?hl=pt-BR&amp;c=1326</t>
  </si>
  <si>
    <t>12/24/2019 21:27:51</t>
  </si>
  <si>
    <t>mail.google.com/sync/u/0/i/s?hl=pt-BR&amp;c=1330</t>
  </si>
  <si>
    <t>12/24/2019 21:28:55</t>
  </si>
  <si>
    <t>mail.google.com/sync/u/0/i/s?hl=pt-BR&amp;c=1372</t>
  </si>
  <si>
    <t>12/24/2019 21:29:10</t>
  </si>
  <si>
    <t>mail.google.com/sync/u/0/i/s?hl=pt-BR&amp;c=1377</t>
  </si>
  <si>
    <t>12/24/2019 21:29:14</t>
  </si>
  <si>
    <t>mail.google.com/sync/u/0/i/s?hl=pt-BR&amp;c=1382</t>
  </si>
  <si>
    <t>12/24/2019 21:29:16</t>
  </si>
  <si>
    <t>mail.google.com/sync/u/0/i/s?hl=pt-BR&amp;c=1387</t>
  </si>
  <si>
    <t>12/24/2019 21:29:27</t>
  </si>
  <si>
    <t>12/24/2019 21:32:32</t>
  </si>
  <si>
    <t>12/24/2019 21:30:09</t>
  </si>
  <si>
    <t>12/24/2019 21:33:31</t>
  </si>
  <si>
    <t>12/24/2019 21:29:58</t>
  </si>
  <si>
    <t>12/24/2019 21:39:07</t>
  </si>
  <si>
    <t>12/24/2019 21:43:31</t>
  </si>
  <si>
    <t>12/24/2019 21:40:30</t>
  </si>
  <si>
    <t>12/24/2019 21:42:50</t>
  </si>
  <si>
    <t>12/24/2019 21:43:57</t>
  </si>
  <si>
    <t>12/24/2019 21:48:32</t>
  </si>
  <si>
    <t>12/24/2019 21:45:44</t>
  </si>
  <si>
    <t>12/24/2019 21:47:54</t>
  </si>
  <si>
    <t>12/24/2019 21:52:32</t>
  </si>
  <si>
    <t>12/24/2019 21:50:08</t>
  </si>
  <si>
    <t>12/24/2019 21:55:31</t>
  </si>
  <si>
    <t>12/24/2019 21:51:15</t>
  </si>
  <si>
    <t>12/24/2019 21:56:32</t>
  </si>
  <si>
    <t>12/24/2019 21:55:33</t>
  </si>
  <si>
    <t>12/24/2019 21:58:32</t>
  </si>
  <si>
    <t>12/24/2019 21:57:07</t>
  </si>
  <si>
    <t>12/24/2019 22:00:32</t>
  </si>
  <si>
    <t>12/24/2019 21:57:16</t>
  </si>
  <si>
    <t>12/24/2019 21:57:25</t>
  </si>
  <si>
    <t>12/24/2019 21:57:32</t>
  </si>
  <si>
    <t>12/24/2019 21:57:43</t>
  </si>
  <si>
    <t>12/24/2019 21:59:31</t>
  </si>
  <si>
    <t>Controle Equipe Adilson BV.xls</t>
  </si>
  <si>
    <t>\\acsfs\DEPTOS\Operacao\Banco_Votorantim\Supervisao\SUPERS BV CARTÕES\ADILSON\Controle Equipe Adilson BV.xls</t>
  </si>
  <si>
    <t>12/24/2019 21:59:35</t>
  </si>
  <si>
    <t>12/24/2019 22:02:01</t>
  </si>
  <si>
    <t>12/24/2019 22:05:31</t>
  </si>
  <si>
    <t>\\acsfs\DEPTOS\Operacao\PCP\5 - Comum\PLANEJAMENTO BV\22 - BANCO DE DADOS BV\FINANCEIRA\</t>
  </si>
  <si>
    <t>~$Banco de Dados BV.xlsx</t>
  </si>
  <si>
    <t>\\acsfs\DEPTOS\Operacao\PCP\5 - Comum\PLANEJAMENTO BV\22 - BANCO DE DADOS BV\FINANCEIRA\~$Banco de Dados BV.xlsx</t>
  </si>
  <si>
    <t>12/24/2019 22:04:41</t>
  </si>
  <si>
    <t>12/24/2019 22:07:31</t>
  </si>
  <si>
    <t>12/24/2019 22:06:08</t>
  </si>
  <si>
    <t>12/24/2019 22:09:31</t>
  </si>
  <si>
    <t>12/24/2019 22:14:26</t>
  </si>
  <si>
    <t>12/24/2019 22:19:33</t>
  </si>
  <si>
    <t>12/24/2019 22:17:54</t>
  </si>
  <si>
    <t>12/24/2019 22:22:32</t>
  </si>
  <si>
    <t>12/24/2019 22:22:36</t>
  </si>
  <si>
    <t>12/24/2019 22:23:32</t>
  </si>
  <si>
    <t>12/24/2019 22:23:40</t>
  </si>
  <si>
    <t>12/24/2019 22:24:32</t>
  </si>
  <si>
    <t>12/24/2019 22:22:02</t>
  </si>
  <si>
    <t>12/24/2019 22:25:32</t>
  </si>
  <si>
    <t>12/24/2019 22:40:15</t>
  </si>
  <si>
    <t>12/24/2019 22:42:32</t>
  </si>
  <si>
    <t>12/24/2019 22:43:09</t>
  </si>
  <si>
    <t>12/24/2019 22:46:32</t>
  </si>
  <si>
    <t>10.200.67.110</t>
  </si>
  <si>
    <t>D0-94-66-B5-5D-59</t>
  </si>
  <si>
    <t>VOTORANT-PB017</t>
  </si>
  <si>
    <t>12/24/2019 23:02:22</t>
  </si>
  <si>
    <t>12/24/2019 23:07:31</t>
  </si>
  <si>
    <t>12/24/2019 23:15:22</t>
  </si>
  <si>
    <t>12/24/2019 23:19:32</t>
  </si>
  <si>
    <t>12/24/2019 23:20:14</t>
  </si>
  <si>
    <t>12/24/2019 23:24:31</t>
  </si>
  <si>
    <t>12/24/2019 23:22:26</t>
  </si>
  <si>
    <t>12/24/2019 23:26:32</t>
  </si>
  <si>
    <t>12/24/2019 23:31:48</t>
  </si>
  <si>
    <t>12/24/2019 23:32:32</t>
  </si>
  <si>
    <t>12/24/2019 23:32:28</t>
  </si>
  <si>
    <t>12/24/2019 23:35:32</t>
  </si>
  <si>
    <t>12/24/2019 23:33:19</t>
  </si>
  <si>
    <t>12/24/2019 23:37:32</t>
  </si>
  <si>
    <t>12/24/2019 23:51:29</t>
  </si>
  <si>
    <t>12/24/2019 23:52:33</t>
  </si>
  <si>
    <t>12/24/2019 23:52:29</t>
  </si>
  <si>
    <t>12/24/2019 23:53:33</t>
  </si>
  <si>
    <t>12/24/2019 23:51:41</t>
  </si>
  <si>
    <t>12/24/2019 23:52:42</t>
  </si>
  <si>
    <t>12/24/2019 23:54:33</t>
  </si>
  <si>
    <t>12/24/2019 23:53:07</t>
  </si>
  <si>
    <t>12/24/2019 23:56:33</t>
  </si>
  <si>
    <t>12/25/2019 00:01:26</t>
  </si>
  <si>
    <t>12/25/2019 00:02:33</t>
  </si>
  <si>
    <t>12/25/2019 00:01:48</t>
  </si>
  <si>
    <t>12/25/2019 00:03:34</t>
  </si>
  <si>
    <t>12/25/2019 00:02:28</t>
  </si>
  <si>
    <t>12/25/2019 00:04:33</t>
  </si>
  <si>
    <t>12/25/2019 00:01:03</t>
  </si>
  <si>
    <t>10.200.67.107</t>
  </si>
  <si>
    <t>D0-94-66-B5-80-0D</t>
  </si>
  <si>
    <t>VOTORANT-RB020</t>
  </si>
  <si>
    <t>12/25/2019 00:01:40</t>
  </si>
  <si>
    <t>12/25/2019 00:05:33</t>
  </si>
  <si>
    <t>10.200.66.190</t>
  </si>
  <si>
    <t>D0-94-66-B5-5C-F3</t>
  </si>
  <si>
    <t>VOTORANT-RB019</t>
  </si>
  <si>
    <t>12/25/2019 00:03:14</t>
  </si>
  <si>
    <t>12/25/2019 00:06:33</t>
  </si>
  <si>
    <t>12/25/2019 00:04:42</t>
  </si>
  <si>
    <t>12/25/2019 00:07:33</t>
  </si>
  <si>
    <t>12/25/2019 00:03:10</t>
  </si>
  <si>
    <t>12/25/2019 00:06:14</t>
  </si>
  <si>
    <t>12/25/2019 00:08:33</t>
  </si>
  <si>
    <t>12/25/2019 00:08:08</t>
  </si>
  <si>
    <t>12/25/2019 00:09:34</t>
  </si>
  <si>
    <t>12/25/2019 00:05:54</t>
  </si>
  <si>
    <t>12/25/2019 00:10:30</t>
  </si>
  <si>
    <t>12/25/2019 00:12:34</t>
  </si>
  <si>
    <t>12/25/2019 00:10:59</t>
  </si>
  <si>
    <t>12/25/2019 00:09:08</t>
  </si>
  <si>
    <t>12/25/2019 00:13:34</t>
  </si>
  <si>
    <t>12/25/2019 00:12:27</t>
  </si>
  <si>
    <t>12/25/2019 00:14:35</t>
  </si>
  <si>
    <t>12/25/2019 00:15:34</t>
  </si>
  <si>
    <t>12/25/2019 00:12:03</t>
  </si>
  <si>
    <t>12/25/2019 00:15:06</t>
  </si>
  <si>
    <t>12/25/2019 00:16:35</t>
  </si>
  <si>
    <t>12/25/2019 00:18:49</t>
  </si>
  <si>
    <t>12/25/2019 00:20:34</t>
  </si>
  <si>
    <t>12/25/2019 00:18:22</t>
  </si>
  <si>
    <t>12/25/2019 00:23:34</t>
  </si>
  <si>
    <t>12/25/2019 00:35:27</t>
  </si>
  <si>
    <t>12/25/2019 00:37:34</t>
  </si>
  <si>
    <t>12/25/2019 00:43:36</t>
  </si>
  <si>
    <t>12/25/2019 00:45:34</t>
  </si>
  <si>
    <t>12/25/2019 00:45:42</t>
  </si>
  <si>
    <t>12/25/2019 00:47:34</t>
  </si>
  <si>
    <t>12/25/2019 00:45:00</t>
  </si>
  <si>
    <t>12/25/2019 00:49:35</t>
  </si>
  <si>
    <t>12/25/2019 00:47:19</t>
  </si>
  <si>
    <t>12/25/2019 00:51:35</t>
  </si>
  <si>
    <t>12/25/2019 00:55:16</t>
  </si>
  <si>
    <t>12/25/2019 00:56:35</t>
  </si>
  <si>
    <t>12/25/2019 00:57:21</t>
  </si>
  <si>
    <t>12/25/2019 00:58:35</t>
  </si>
  <si>
    <t>12/25/2019 01:09:00</t>
  </si>
  <si>
    <t>12/25/2019 01:15:37</t>
  </si>
  <si>
    <t>12/25/2019 01:14:11</t>
  </si>
  <si>
    <t>12/25/2019 01:17:37</t>
  </si>
  <si>
    <t>12/25/2019 01:16:12</t>
  </si>
  <si>
    <t>12/25/2019 01:17:27</t>
  </si>
  <si>
    <t>12/25/2019 01:20:36</t>
  </si>
  <si>
    <t>12/25/2019 01:17:00</t>
  </si>
  <si>
    <t>12/25/2019 01:21:36</t>
  </si>
  <si>
    <t>12/25/2019 01:46:01</t>
  </si>
  <si>
    <t>12/25/2019 01:47:35</t>
  </si>
  <si>
    <t>12/25/2019 01:50:57</t>
  </si>
  <si>
    <t>12/25/2019 01:53:36</t>
  </si>
  <si>
    <t>12/25/2019 01:58:31</t>
  </si>
  <si>
    <t>12/25/2019 02:02:35</t>
  </si>
  <si>
    <t>12/25/2019 02:00:27</t>
  </si>
  <si>
    <t>12/25/2019 02:04:36</t>
  </si>
  <si>
    <t>12/25/2019 02:02:58</t>
  </si>
  <si>
    <t>12/25/2019 02:05:36</t>
  </si>
  <si>
    <t>12/25/2019 02:06:44</t>
  </si>
  <si>
    <t>12/25/2019 02:08:35</t>
  </si>
  <si>
    <t>12/25/2019 02:05:44</t>
  </si>
  <si>
    <t>12/25/2019 02:09:36</t>
  </si>
  <si>
    <t>12/25/2019 02:06:48</t>
  </si>
  <si>
    <t>12/25/2019 02:10:36</t>
  </si>
  <si>
    <t>12/25/2019 02:09:03</t>
  </si>
  <si>
    <t>12/25/2019 02:13:36</t>
  </si>
  <si>
    <t>12/25/2019 02:24:31</t>
  </si>
  <si>
    <t>12/25/2019 02:27:36</t>
  </si>
  <si>
    <t>12/25/2019 02:22:31</t>
  </si>
  <si>
    <t>12/25/2019 02:24:30</t>
  </si>
  <si>
    <t>12/25/2019 02:28:45</t>
  </si>
  <si>
    <t>12/25/2019 02:30:36</t>
  </si>
  <si>
    <t>12/25/2019 02:28:57</t>
  </si>
  <si>
    <t>12/25/2019 02:31:36</t>
  </si>
  <si>
    <t>12/25/2019 02:28:29</t>
  </si>
  <si>
    <t>12/25/2019 02:36:35</t>
  </si>
  <si>
    <t>12/25/2019 02:40:36</t>
  </si>
  <si>
    <t>12/25/2019 02:45:33</t>
  </si>
  <si>
    <t>12/25/2019 02:47:36</t>
  </si>
  <si>
    <t>12/25/2019 02:58:32</t>
  </si>
  <si>
    <t>12/25/2019 02:59:36</t>
  </si>
  <si>
    <t>12/25/2019 03:22:47</t>
  </si>
  <si>
    <t>12/25/2019 03:23:37</t>
  </si>
  <si>
    <t>12/25/2019 03:23:28</t>
  </si>
  <si>
    <t>12/25/2019 03:25:37</t>
  </si>
  <si>
    <t>12/25/2019 03:25:43</t>
  </si>
  <si>
    <t>12/25/2019 03:27:37</t>
  </si>
  <si>
    <t>12/25/2019 03:25:01</t>
  </si>
  <si>
    <t>12/25/2019 03:26:43</t>
  </si>
  <si>
    <t>12/25/2019 03:28:37</t>
  </si>
  <si>
    <t>12/25/2019 03:28:32</t>
  </si>
  <si>
    <t>12/25/2019 03:29:37</t>
  </si>
  <si>
    <t>12/25/2019 03:29:14</t>
  </si>
  <si>
    <t>12/25/2019 03:30:37</t>
  </si>
  <si>
    <t>12/25/2019 03:31:27</t>
  </si>
  <si>
    <t>12/25/2019 03:33:37</t>
  </si>
  <si>
    <t>12/25/2019 03:32:04</t>
  </si>
  <si>
    <t>12/25/2019 03:35:37</t>
  </si>
  <si>
    <t>12/25/2019 03:32:26</t>
  </si>
  <si>
    <t>12/25/2019 03:36:37</t>
  </si>
  <si>
    <t>12/25/2019 03:32:10</t>
  </si>
  <si>
    <t>12/25/2019 03:38:48</t>
  </si>
  <si>
    <t>12/25/2019 03:43:37</t>
  </si>
  <si>
    <t>12/25/2019 03:44:20</t>
  </si>
  <si>
    <t>12/25/2019 03:44:38</t>
  </si>
  <si>
    <t>12/25/2019 03:43:49</t>
  </si>
  <si>
    <t>12/25/2019 03:47:38</t>
  </si>
  <si>
    <t>12/25/2019 03:51:13</t>
  </si>
  <si>
    <t>12/25/2019 03:56:38</t>
  </si>
  <si>
    <t>12/25/2019 04:01:30</t>
  </si>
  <si>
    <t>12/25/2019 04:02:38</t>
  </si>
  <si>
    <t>12/25/2019 04:07:13</t>
  </si>
  <si>
    <t>12/25/2019 04:08:37</t>
  </si>
  <si>
    <t>12/25/2019 04:11:23</t>
  </si>
  <si>
    <t>12/25/2019 04:13:38</t>
  </si>
  <si>
    <t>12/25/2019 04:14:20</t>
  </si>
  <si>
    <t>12/25/2019 04:17:39</t>
  </si>
  <si>
    <t>12/25/2019 04:17:54</t>
  </si>
  <si>
    <t>12/25/2019 04:22:38</t>
  </si>
  <si>
    <t>12/25/2019 04:19:01</t>
  </si>
  <si>
    <t>12/25/2019 04:21:40</t>
  </si>
  <si>
    <t>12/25/2019 04:23:39</t>
  </si>
  <si>
    <t>12/25/2019 04:19:51</t>
  </si>
  <si>
    <t>12/25/2019 04:24:39</t>
  </si>
  <si>
    <t>12/25/2019 04:20:36</t>
  </si>
  <si>
    <t>12/25/2019 04:25:49</t>
  </si>
  <si>
    <t>12/25/2019 04:26:39</t>
  </si>
  <si>
    <t>12/25/2019 04:24:44</t>
  </si>
  <si>
    <t>12/25/2019 04:27:39</t>
  </si>
  <si>
    <t>12/25/2019 04:26:30</t>
  </si>
  <si>
    <t>12/25/2019 04:31:38</t>
  </si>
  <si>
    <t>12/25/2019 04:30:47</t>
  </si>
  <si>
    <t>12/25/2019 04:32:39</t>
  </si>
  <si>
    <t>12/25/2019 04:30:34</t>
  </si>
  <si>
    <t>12/25/2019 04:33:38</t>
  </si>
  <si>
    <t>12/25/2019 04:35:19</t>
  </si>
  <si>
    <t>12/25/2019 04:37:38</t>
  </si>
  <si>
    <t>12/25/2019 04:34:56</t>
  </si>
  <si>
    <t>12/25/2019 04:34:04</t>
  </si>
  <si>
    <t>12/25/2019 04:37:36</t>
  </si>
  <si>
    <t>12/25/2019 04:39:38</t>
  </si>
  <si>
    <t>12/25/2019 04:41:43</t>
  </si>
  <si>
    <t>12/25/2019 04:42:38</t>
  </si>
  <si>
    <t>12/25/2019 04:40:11</t>
  </si>
  <si>
    <t>12/25/2019 04:45:38</t>
  </si>
  <si>
    <t>12/25/2019 04:45:26</t>
  </si>
  <si>
    <t>12/25/2019 04:48:39</t>
  </si>
  <si>
    <t>12/25/2019 04:48:50</t>
  </si>
  <si>
    <t>12/25/2019 04:50:38</t>
  </si>
  <si>
    <t>12/25/2019 04:46:20</t>
  </si>
  <si>
    <t>12/25/2019 04:56:00</t>
  </si>
  <si>
    <t>12/25/2019 04:56:39</t>
  </si>
  <si>
    <t>12/25/2019 04:55:46</t>
  </si>
  <si>
    <t>12/25/2019 05:03:06</t>
  </si>
  <si>
    <t>12/25/2019 05:08:39</t>
  </si>
  <si>
    <t>12/25/2019 05:05:36</t>
  </si>
  <si>
    <t>12/25/2019 05:10:38</t>
  </si>
  <si>
    <t>12/25/2019 05:10:33</t>
  </si>
  <si>
    <t>12/25/2019 05:12:38</t>
  </si>
  <si>
    <t>12/25/2019 05:11:20</t>
  </si>
  <si>
    <t>12/25/2019 05:13:39</t>
  </si>
  <si>
    <t>12/25/2019 05:12:21</t>
  </si>
  <si>
    <t>12/25/2019 05:14:38</t>
  </si>
  <si>
    <t>12/25/2019 05:17:46</t>
  </si>
  <si>
    <t>12/25/2019 05:20:38</t>
  </si>
  <si>
    <t>12/25/2019 05:22:09</t>
  </si>
  <si>
    <t>12/25/2019 05:22:38</t>
  </si>
  <si>
    <t>12/25/2019 05:20:13</t>
  </si>
  <si>
    <t>12/25/2019 05:24:38</t>
  </si>
  <si>
    <t>12/25/2019 05:24:29</t>
  </si>
  <si>
    <t>12/25/2019 05:25:38</t>
  </si>
  <si>
    <t>12/25/2019 05:44:55</t>
  </si>
  <si>
    <t>12/25/2019 05:47:38</t>
  </si>
  <si>
    <t>12/25/2019 05:52:42</t>
  </si>
  <si>
    <t>12/25/2019 05:54:38</t>
  </si>
  <si>
    <t>12/25/2019 06:00:48</t>
  </si>
  <si>
    <t>12/25/2019 06:03:37</t>
  </si>
  <si>
    <t>12/25/2019 06:06:28</t>
  </si>
  <si>
    <t>12/25/2019 06:07:37</t>
  </si>
  <si>
    <t>12/25/2019 06:12:02</t>
  </si>
  <si>
    <t>12/25/2019 06:15:38</t>
  </si>
  <si>
    <t>12/25/2019 06:15:56</t>
  </si>
  <si>
    <t>12/25/2019 06:17:38</t>
  </si>
  <si>
    <t>12/25/2019 06:21:27</t>
  </si>
  <si>
    <t>12/25/2019 06:22:39</t>
  </si>
  <si>
    <t>12/25/2019 06:32:31</t>
  </si>
  <si>
    <t>12/25/2019 06:37:38</t>
  </si>
  <si>
    <t>12/25/2019 06:38:26</t>
  </si>
  <si>
    <t>12/25/2019 06:41:37</t>
  </si>
  <si>
    <t>12/25/2019 06:44:17</t>
  </si>
  <si>
    <t>12/25/2019 06:47:38</t>
  </si>
  <si>
    <t>12/25/2019 06:52:33</t>
  </si>
  <si>
    <t>12/25/2019 06:55:38</t>
  </si>
  <si>
    <t>12/25/2019 06:58:43</t>
  </si>
  <si>
    <t>12/25/2019 07:01:38</t>
  </si>
  <si>
    <t>vivianalds</t>
  </si>
  <si>
    <t>\\acsfs\profiles$\vivianalds\Downloads\</t>
  </si>
  <si>
    <t>a1a0dde8-fb89-41b3-98b9-599c9e04583a.tmp</t>
  </si>
  <si>
    <t>\\acsfs\profiles$\vivianalds\Downloads\a1a0dde8-fb89-41b3-98b9-599c9e04583a.tmp</t>
  </si>
  <si>
    <t>12/25/2019 06:58:57</t>
  </si>
  <si>
    <t>12/25/2019 07:00:04</t>
  </si>
  <si>
    <t>b9d5c4be-a5a8-4298-b9eb-8a427732a713.tmp</t>
  </si>
  <si>
    <t>\\acsfs\profiles$\vivianalds\Downloads\b9d5c4be-a5a8-4298-b9eb-8a427732a713.tmp</t>
  </si>
  <si>
    <t>12/25/2019 07:00:05</t>
  </si>
  <si>
    <t>12/25/2019 07:04:39</t>
  </si>
  <si>
    <t>josiascdsj@algartech.com</t>
  </si>
  <si>
    <t>12/25/2019 07:00:11</t>
  </si>
  <si>
    <t>12/25/2019 07:00:15</t>
  </si>
  <si>
    <t>katia.cardoso@bv.com.br;</t>
  </si>
  <si>
    <t>katia.cardoso@bv.com.br</t>
  </si>
  <si>
    <t>12/25/2019 07:00:22</t>
  </si>
  <si>
    <t>12/25/2019 07:01:34</t>
  </si>
  <si>
    <t>12/25/2019 07:01:39</t>
  </si>
  <si>
    <t>12/25/2019 07:01:50</t>
  </si>
  <si>
    <t>12/25/2019 07:01:55</t>
  </si>
  <si>
    <t>12/25/2019 07:03:59</t>
  </si>
  <si>
    <t>12/25/2019 07:04:03</t>
  </si>
  <si>
    <t>12/25/2019 07:04:11</t>
  </si>
  <si>
    <t>mail.google.com/sync/u/0/i/s?hl=pt-BR&amp;c=66</t>
  </si>
  <si>
    <t>12/25/2019 07:04:12</t>
  </si>
  <si>
    <t>mail.google.com/sync/u/0/i/s?hl=pt-BR&amp;c=68</t>
  </si>
  <si>
    <t>12/25/2019 07:10:58</t>
  </si>
  <si>
    <t>12/25/2019 07:11:38</t>
  </si>
  <si>
    <t>12/25/2019 07:10:19</t>
  </si>
  <si>
    <t>12/25/2019 07:14:38</t>
  </si>
  <si>
    <t>34-E6-D7-FC-A1-E5</t>
  </si>
  <si>
    <t>VOTORANT-WB021</t>
  </si>
  <si>
    <t>danielac</t>
  </si>
  <si>
    <t>\\acsfs\profiles$\danielac\Contacts\</t>
  </si>
  <si>
    <t>DANIELA COSTA (9).contact</t>
  </si>
  <si>
    <t>\\acsfs\profiles$\danielac\Contacts\DANIELA COSTA (9).contact</t>
  </si>
  <si>
    <t>12/25/2019 07:10:46</t>
  </si>
  <si>
    <t>\\acsfs\profiles$\danielac\My Documents\My Videos\</t>
  </si>
  <si>
    <t>\\acsfs\profiles$\danielac\My Documents\My Videos\desktop.ini</t>
  </si>
  <si>
    <t>12/25/2019 07:10:47</t>
  </si>
  <si>
    <t>12/25/2019 07:10:48</t>
  </si>
  <si>
    <t>12/25/2019 07:10:49</t>
  </si>
  <si>
    <t>12/25/2019 07:10:50</t>
  </si>
  <si>
    <t>\\acsfs\profiles$\danielac\My Documents\My Pictures\</t>
  </si>
  <si>
    <t>\\acsfs\profiles$\danielac\My Documents\My Pictures\desktop.ini</t>
  </si>
  <si>
    <t>12/25/2019 07:10:51</t>
  </si>
  <si>
    <t>12/25/2019 07:10:52</t>
  </si>
  <si>
    <t>12/25/2019 07:10:53</t>
  </si>
  <si>
    <t>12/25/2019 07:10:55</t>
  </si>
  <si>
    <t>\\acsfs\profiles$\danielac\Contacts\desktop.ini</t>
  </si>
  <si>
    <t>12/25/2019 07:10:56</t>
  </si>
  <si>
    <t>12/25/2019 07:10:57</t>
  </si>
  <si>
    <t>\\acsfs\profiles$\danielac\Favorites\</t>
  </si>
  <si>
    <t>\\acsfs\profiles$\danielac\Favorites\desktop.ini</t>
  </si>
  <si>
    <t>12/25/2019 07:10:59</t>
  </si>
  <si>
    <t>12/25/2019 07:11:00</t>
  </si>
  <si>
    <t>\\acsfs\profiles$\danielac\My Documents\My Music\</t>
  </si>
  <si>
    <t>\\acsfs\profiles$\danielac\My Documents\My Music\desktop.ini</t>
  </si>
  <si>
    <t>12/25/2019 07:11:01</t>
  </si>
  <si>
    <t>12/25/2019 07:11:02</t>
  </si>
  <si>
    <t>12/25/2019 07:11:03</t>
  </si>
  <si>
    <t>12/25/2019 07:11:05</t>
  </si>
  <si>
    <t>\\acsfs\profiles$\danielac\Searches\</t>
  </si>
  <si>
    <t>\\acsfs\profiles$\danielac\Searches\desktop.ini</t>
  </si>
  <si>
    <t>12/25/2019 07:11:06</t>
  </si>
  <si>
    <t>\\acsfs\profiles$\danielac\Downloads\</t>
  </si>
  <si>
    <t>\\acsfs\profiles$\danielac\Downloads\desktop.ini</t>
  </si>
  <si>
    <t>12/25/2019 07:11:07</t>
  </si>
  <si>
    <t>12/25/2019 07:11:09</t>
  </si>
  <si>
    <t>\\acsfs\profiles$\danielac\My Documents\</t>
  </si>
  <si>
    <t>\\acsfs\profiles$\danielac\My Documents\desktop.ini</t>
  </si>
  <si>
    <t>12/25/2019 07:11:10</t>
  </si>
  <si>
    <t>12/25/2019 07:11:11</t>
  </si>
  <si>
    <t>12/25/2019 07:11:13</t>
  </si>
  <si>
    <t>\\acsfs\profiles$\danielac\Saved Games\</t>
  </si>
  <si>
    <t>\\acsfs\profiles$\danielac\Saved Games\desktop.ini</t>
  </si>
  <si>
    <t>12/25/2019 07:11:14</t>
  </si>
  <si>
    <t>12/25/2019 07:11:49</t>
  </si>
  <si>
    <t>\\acsfs\profiles$\danielac\Favorites\Links for Brasil\</t>
  </si>
  <si>
    <t>\\acsfs\profiles$\danielac\Favorites\Links for Brasil\desktop.ini</t>
  </si>
  <si>
    <t>12/25/2019 07:11:51</t>
  </si>
  <si>
    <t>\\acsfs\profiles$\danielac\Favorites\Links for Brasil\Microsoft Brasil.url</t>
  </si>
  <si>
    <t>12/25/2019 07:11:52</t>
  </si>
  <si>
    <t>12/25/2019 07:11:54</t>
  </si>
  <si>
    <t>\\acsfs\profiles$\danielac\Favorites\Links for Brasil\Windows Brasil.url</t>
  </si>
  <si>
    <t>12/25/2019 07:11:55</t>
  </si>
  <si>
    <t>12/25/2019 07:11:57</t>
  </si>
  <si>
    <t>\\acsfs\profiles$\danielac\Favorites\Links for Brasil\MSN Brasil.url</t>
  </si>
  <si>
    <t>12/25/2019 07:11:58</t>
  </si>
  <si>
    <t>12/25/2019 07:11:18</t>
  </si>
  <si>
    <t>12/25/2019 07:11:22</t>
  </si>
  <si>
    <t>mail.google.com/sync/u/0/i/s?hl=pt-BR&amp;c=81</t>
  </si>
  <si>
    <t>12/25/2019 07:11:26</t>
  </si>
  <si>
    <t>12/25/2019 07:11:32</t>
  </si>
  <si>
    <t>mail.google.com/sync/u/0/i/s?hl=pt-BR&amp;c=85</t>
  </si>
  <si>
    <t>12/25/2019 07:11:50</t>
  </si>
  <si>
    <t>joaogvc@algartech.com;marianadjc@algartech.com;rafaelggs@algartech.com;taysdss@algartech.com;viniciussg@algartech.com;</t>
  </si>
  <si>
    <t>joaogvc@algartech.com,marianadjc@algartech.com,rafaelggs@algartech.com,taysdss@algartech.com,viniciussg@algartech.com</t>
  </si>
  <si>
    <t>12/25/2019 07:12:02</t>
  </si>
  <si>
    <t>Range.xlsx</t>
  </si>
  <si>
    <t>\\acsfs\DEPTOS\Operacao\PCP\5 - Comum\PLANEJAMENTO BV\14 - ACOMPANHAMENTO\1 - REPORT ACOMPANHAMENTO\12 - Dezembro\CARTÕES\Range.xlsx</t>
  </si>
  <si>
    <t>12/25/2019 07:12:11</t>
  </si>
  <si>
    <t>mail.google.com/sync/u/0/i/s?hl=pt-BR&amp;c=91</t>
  </si>
  <si>
    <t>12/25/2019 07:12:14</t>
  </si>
  <si>
    <t>mail.google.com/sync/u/0/i/s?hl=pt-BR&amp;c=93</t>
  </si>
  <si>
    <t>12/25/2019 07:13:05</t>
  </si>
  <si>
    <t>12/25/2019 07:13:09</t>
  </si>
  <si>
    <t>12/25/2019 07:14:08</t>
  </si>
  <si>
    <t>12/25/2019 07:18:38</t>
  </si>
  <si>
    <t>12/25/2019 07:17:19</t>
  </si>
  <si>
    <t>12/25/2019 07:19:39</t>
  </si>
  <si>
    <t>13108e43-def3-44dd-8ba2-eb9cb72e3227.tmp</t>
  </si>
  <si>
    <t>\\acsfs\profiles$\danielac\Downloads\13108e43-def3-44dd-8ba2-eb9cb72e3227.tmp</t>
  </si>
  <si>
    <t>12/25/2019 07:18:32</t>
  </si>
  <si>
    <t>21dd85c1-417c-4acf-93ec-4143dad5ef29.tmp</t>
  </si>
  <si>
    <t>\\acsfs\profiles$\danielac\Downloads\21dd85c1-417c-4acf-93ec-4143dad5ef29.tmp</t>
  </si>
  <si>
    <t>12/25/2019 07:14:41</t>
  </si>
  <si>
    <t>12/25/2019 07:21:59</t>
  </si>
  <si>
    <t>12/25/2019 07:22:38</t>
  </si>
  <si>
    <t>12/25/2019 07:19:15</t>
  </si>
  <si>
    <t>12/25/2019 07:24:39</t>
  </si>
  <si>
    <t>99e3d261-1875-435b-8a83-9b329dc10b4b.tmp</t>
  </si>
  <si>
    <t>\\acsfs\profiles$\danielac\Downloads\99e3d261-1875-435b-8a83-9b329dc10b4b.tmp</t>
  </si>
  <si>
    <t>12/25/2019 07:21:52</t>
  </si>
  <si>
    <t>12/25/2019 07:22:48</t>
  </si>
  <si>
    <t>12/25/2019 07:20:30</t>
  </si>
  <si>
    <t>12/25/2019 07:25:39</t>
  </si>
  <si>
    <t>12/25/2019 07:24:41</t>
  </si>
  <si>
    <t>12/25/2019 07:28:39</t>
  </si>
  <si>
    <t>12/25/2019 07:31:50</t>
  </si>
  <si>
    <t>12/25/2019 07:35:39</t>
  </si>
  <si>
    <t>10.200.67.219</t>
  </si>
  <si>
    <t>D0-94-66-B5-5D-AC</t>
  </si>
  <si>
    <t>VOTORANT-SB017</t>
  </si>
  <si>
    <t>12/25/2019 07:35:50</t>
  </si>
  <si>
    <t>12/25/2019 07:39:39</t>
  </si>
  <si>
    <t>12/25/2019 07:35:20</t>
  </si>
  <si>
    <t>12/25/2019 07:40:39</t>
  </si>
  <si>
    <t>12/25/2019 07:38:54</t>
  </si>
  <si>
    <t>12/25/2019 07:39:17</t>
  </si>
  <si>
    <t>12/25/2019 07:44:38</t>
  </si>
  <si>
    <t>12/25/2019 07:39:20</t>
  </si>
  <si>
    <t>mail.google.com/sync/u/0/i/s?hl=pt-BR&amp;c=133</t>
  </si>
  <si>
    <t>12/25/2019 07:39:23</t>
  </si>
  <si>
    <t>12/25/2019 07:39:25</t>
  </si>
  <si>
    <t>12/25/2019 07:39:33</t>
  </si>
  <si>
    <t>12/25/2019 07:39:40</t>
  </si>
  <si>
    <t>mail.google.com/sync/u/0/i/s?hl=pt-BR&amp;c=142</t>
  </si>
  <si>
    <t>12/25/2019 07:39:47</t>
  </si>
  <si>
    <t>mail.google.com/sync/u/0/i/s?hl=pt-BR&amp;c=144</t>
  </si>
  <si>
    <t>joaogvc@algartech.com;marianadjc@algartech.com;planejamentodeoperacoesetrafego@bv.com.br;rafaelggs@algartech.com;taysdss@algartech.com;viniciussg@algartech.com;</t>
  </si>
  <si>
    <t>joaogvc@algartech.com,marianadjc@algartech.com,planejamentodeoperacoesetrafego@bv.com.br,rafaelggs@algartech.com,taysdss@algartech.com,viniciussg@algartech.com</t>
  </si>
  <si>
    <t>12/25/2019 07:39:53</t>
  </si>
  <si>
    <t>12/25/2019 07:41:54</t>
  </si>
  <si>
    <t>12/25/2019 07:45:39</t>
  </si>
  <si>
    <t>12/25/2019 07:42:01</t>
  </si>
  <si>
    <t>12/25/2019 07:42:15</t>
  </si>
  <si>
    <t>12/25/2019 07:46:22</t>
  </si>
  <si>
    <t>12/25/2019 07:47:39</t>
  </si>
  <si>
    <t>12/25/2019 07:45:25</t>
  </si>
  <si>
    <t>c42cc09f-30d0-493d-88a4-82844c55eb56.tmp</t>
  </si>
  <si>
    <t>\\acsfs\profiles$\danielac\Downloads\c42cc09f-30d0-493d-88a4-82844c55eb56.tmp</t>
  </si>
  <si>
    <t>12/25/2019 07:44:41</t>
  </si>
  <si>
    <t>12/25/2019 07:49:39</t>
  </si>
  <si>
    <t>https://links.services.disqus.com/api/optimize</t>
  </si>
  <si>
    <t>12/25/2019 07:47:14</t>
  </si>
  <si>
    <t>12/25/2019 07:47:16</t>
  </si>
  <si>
    <t>100035125381406;</t>
  </si>
  <si>
    <t>https://100035125381406</t>
  </si>
  <si>
    <t>12/25/2019 07:47:47</t>
  </si>
  <si>
    <t>12/25/2019 07:52:38</t>
  </si>
  <si>
    <t>387e5274-7fe6-4eef-88c7-683b18d4c0f7.tmp</t>
  </si>
  <si>
    <t>\\acsfs\profiles$\danielac\Downloads\387e5274-7fe6-4eef-88c7-683b18d4c0f7.tmp</t>
  </si>
  <si>
    <t>12/25/2019 07:50:56</t>
  </si>
  <si>
    <t>12/25/2019 07:53:39</t>
  </si>
  <si>
    <t>12/25/2019 07:53:59</t>
  </si>
  <si>
    <t>12/25/2019 07:55:38</t>
  </si>
  <si>
    <t>72410a80-3c15-440b-a4be-c31d2ccde75b.tmp</t>
  </si>
  <si>
    <t>\\acsfs\profiles$\valeriasda\Downloads\72410a80-3c15-440b-a4be-c31d2ccde75b.tmp</t>
  </si>
  <si>
    <t>12/25/2019 07:56:04</t>
  </si>
  <si>
    <t>12/25/2019 07:58:39</t>
  </si>
  <si>
    <t>12/24/2019 20:22:36</t>
  </si>
  <si>
    <t>12/25/2019 08:03:38</t>
  </si>
  <si>
    <t>12/25/2019 08:03:07</t>
  </si>
  <si>
    <t>\\acsfs\profiles$\vivianalds\My Documents\My Pictures\</t>
  </si>
  <si>
    <t>\\acsfs\profiles$\vivianalds\My Documents\My Videos\desktop.ini</t>
  </si>
  <si>
    <t>12/25/2019 08:03:08</t>
  </si>
  <si>
    <t>\\acsfs\profiles$\vivianalds\My Documents\My Videos\</t>
  </si>
  <si>
    <t>12/25/2019 08:03:09</t>
  </si>
  <si>
    <t>12/25/2019 08:03:10</t>
  </si>
  <si>
    <t>12/25/2019 08:01:11</t>
  </si>
  <si>
    <t>12/25/2019 08:05:37</t>
  </si>
  <si>
    <t>12/25/2019 08:01:16</t>
  </si>
  <si>
    <t>12/25/2019 08:01:32</t>
  </si>
  <si>
    <t>12/25/2019 08:00:56</t>
  </si>
  <si>
    <t>\\acsfs\profiles$\geovanaasa\My Documents\My Pictures\</t>
  </si>
  <si>
    <t>\\acsfs\profiles$\geovanaasa\My Documents\My Videos\desktop.ini</t>
  </si>
  <si>
    <t>12/25/2019 08:01:01</t>
  </si>
  <si>
    <t>\\acsfs\profiles$\geovanaasa\My Documents\My Videos\</t>
  </si>
  <si>
    <t>12/25/2019 08:01:07</t>
  </si>
  <si>
    <t>12/25/2019 08:01:08</t>
  </si>
  <si>
    <t>12/25/2019 08:01:09</t>
  </si>
  <si>
    <t>\\acsfs\profiles$\geovanaasa\My Documents\My Music\</t>
  </si>
  <si>
    <t>\\acsfs\profiles$\geovanaasa\My Documents\My Pictures\desktop.ini</t>
  </si>
  <si>
    <t>12/25/2019 08:01:12</t>
  </si>
  <si>
    <t>12/25/2019 08:01:14</t>
  </si>
  <si>
    <t>12/25/2019 08:01:15</t>
  </si>
  <si>
    <t>12/25/2019 08:01:18</t>
  </si>
  <si>
    <t>\\acsfs\profiles$\geovanaasa\Contacts\</t>
  </si>
  <si>
    <t>\\acsfs\profiles$\geovanaasa\Contacts\desktop.ini</t>
  </si>
  <si>
    <t>12/25/2019 08:01:19</t>
  </si>
  <si>
    <t>12/25/2019 08:01:20</t>
  </si>
  <si>
    <t>12/25/2019 08:01:21</t>
  </si>
  <si>
    <t>12/25/2019 08:01:23</t>
  </si>
  <si>
    <t>12/25/2019 08:01:25</t>
  </si>
  <si>
    <t>12/25/2019 08:01:27</t>
  </si>
  <si>
    <t>\\acsfs\profiles$\geovanaasa\Favorites\desktop.ini</t>
  </si>
  <si>
    <t>12/25/2019 08:01:29</t>
  </si>
  <si>
    <t>12/25/2019 08:01:31</t>
  </si>
  <si>
    <t>12/25/2019 08:01:33</t>
  </si>
  <si>
    <t>12/25/2019 08:01:34</t>
  </si>
  <si>
    <t>12/25/2019 08:01:35</t>
  </si>
  <si>
    <t>12/25/2019 08:01:37</t>
  </si>
  <si>
    <t>\\acsfs\profiles$\geovanaasa\My Documents\My Music\desktop.ini</t>
  </si>
  <si>
    <t>12/25/2019 08:01:39</t>
  </si>
  <si>
    <t>12/25/2019 08:01:40</t>
  </si>
  <si>
    <t>12/25/2019 08:01:41</t>
  </si>
  <si>
    <t>12/25/2019 08:01:42</t>
  </si>
  <si>
    <t>12/25/2019 08:01:45</t>
  </si>
  <si>
    <t>\\acsfs\profiles$\geovanaasa\Searches\</t>
  </si>
  <si>
    <t>\\acsfs\profiles$\geovanaasa\Searches\desktop.ini</t>
  </si>
  <si>
    <t>12/25/2019 08:01:46</t>
  </si>
  <si>
    <t>12/25/2019 08:01:48</t>
  </si>
  <si>
    <t>12/25/2019 08:01:49</t>
  </si>
  <si>
    <t>12/25/2019 08:01:50</t>
  </si>
  <si>
    <t>12/25/2019 08:01:52</t>
  </si>
  <si>
    <t>\\acsfs\profiles$\geovanaasa\Downloads\desktop.ini</t>
  </si>
  <si>
    <t>12/25/2019 08:01:53</t>
  </si>
  <si>
    <t>12/25/2019 08:01:55</t>
  </si>
  <si>
    <t>\\acsfs\profiles$\geovanaasa\Favorites\</t>
  </si>
  <si>
    <t>\\acsfs\profiles$\geovanaasa\My Documents\desktop.ini</t>
  </si>
  <si>
    <t>12/25/2019 08:01:58</t>
  </si>
  <si>
    <t>12/25/2019 08:01:59</t>
  </si>
  <si>
    <t>12/25/2019 08:02:00</t>
  </si>
  <si>
    <t>12/25/2019 08:02:02</t>
  </si>
  <si>
    <t>12/25/2019 08:02:03</t>
  </si>
  <si>
    <t>12/25/2019 08:02:05</t>
  </si>
  <si>
    <t>\\acsfs\profiles$\geovanaasa\Saved Games\desktop.ini</t>
  </si>
  <si>
    <t>12/25/2019 08:02:06</t>
  </si>
  <si>
    <t>12/25/2019 08:02:11</t>
  </si>
  <si>
    <t>12/25/2019 08:02:33</t>
  </si>
  <si>
    <t>winrt--{S-1-5-21-602162358-764733703-839522115-321445}-.searchconnector-ms</t>
  </si>
  <si>
    <t>\\acsfs\profiles$\geovanaasa\Searches\winrt--{S-1-5-21-602162358-764733703-839522115-321445}-.searchconnector-ms</t>
  </si>
  <si>
    <t>12/25/2019 08:04:21</t>
  </si>
  <si>
    <t>0df57737-f4f3-485a-8d29-285f5015e984.tmp</t>
  </si>
  <si>
    <t>\\acsfs\profiles$\geovanaasa\Downloads\0df57737-f4f3-485a-8d29-285f5015e984.tmp</t>
  </si>
  <si>
    <t>12/25/2019 08:03:13</t>
  </si>
  <si>
    <t>12/25/2019 08:08:38</t>
  </si>
  <si>
    <t>\\acsfs\profiles$\vivianalds\My Documents\My Music\</t>
  </si>
  <si>
    <t>\\acsfs\profiles$\vivianalds\My Documents\My Pictures\desktop.ini</t>
  </si>
  <si>
    <t>12/25/2019 08:03:15</t>
  </si>
  <si>
    <t>12/25/2019 08:03:17</t>
  </si>
  <si>
    <t>12/25/2019 08:03:18</t>
  </si>
  <si>
    <t>12/25/2019 08:03:19</t>
  </si>
  <si>
    <t>12/25/2019 08:03:21</t>
  </si>
  <si>
    <t>\\acsfs\profiles$\vivianalds\Contacts\</t>
  </si>
  <si>
    <t>\\acsfs\profiles$\vivianalds\Contacts\desktop.ini</t>
  </si>
  <si>
    <t>12/25/2019 08:03:27</t>
  </si>
  <si>
    <t>12/25/2019 08:03:29</t>
  </si>
  <si>
    <t>12/25/2019 08:03:30</t>
  </si>
  <si>
    <t>12/25/2019 08:03:33</t>
  </si>
  <si>
    <t>12/25/2019 08:03:35</t>
  </si>
  <si>
    <t>12/25/2019 08:03:36</t>
  </si>
  <si>
    <t>\\acsfs\profiles$\vivianalds\My Documents\</t>
  </si>
  <si>
    <t>\\acsfs\profiles$\vivianalds\Favorites\desktop.ini</t>
  </si>
  <si>
    <t>12/25/2019 08:03:39</t>
  </si>
  <si>
    <t>12/25/2019 08:03:47</t>
  </si>
  <si>
    <t>12/25/2019 08:03:48</t>
  </si>
  <si>
    <t>12/25/2019 08:03:53</t>
  </si>
  <si>
    <t>12/25/2019 08:03:54</t>
  </si>
  <si>
    <t>12/25/2019 08:04:12</t>
  </si>
  <si>
    <t>12/25/2019 08:04:15</t>
  </si>
  <si>
    <t>\\acsfs\profiles$\vivianalds\My Documents\My Music\desktop.ini</t>
  </si>
  <si>
    <t>12/25/2019 08:04:16</t>
  </si>
  <si>
    <t>12/25/2019 08:04:19</t>
  </si>
  <si>
    <t>12/25/2019 08:04:23</t>
  </si>
  <si>
    <t>12/25/2019 08:04:26</t>
  </si>
  <si>
    <t>12/25/2019 08:04:27</t>
  </si>
  <si>
    <t>\\acsfs\profiles$\vivianalds\Searches\</t>
  </si>
  <si>
    <t>\\acsfs\profiles$\vivianalds\Searches\desktop.ini</t>
  </si>
  <si>
    <t>12/25/2019 08:04:29</t>
  </si>
  <si>
    <t>12/25/2019 08:04:31</t>
  </si>
  <si>
    <t>12/25/2019 08:04:32</t>
  </si>
  <si>
    <t>12/25/2019 08:04:33</t>
  </si>
  <si>
    <t>12/25/2019 08:04:37</t>
  </si>
  <si>
    <t>\\acsfs\profiles$\vivianalds\Downloads\desktop.ini</t>
  </si>
  <si>
    <t>12/25/2019 08:04:38</t>
  </si>
  <si>
    <t>12/25/2019 08:04:40</t>
  </si>
  <si>
    <t>\\acsfs\profiles$\vivianalds\Favorites\</t>
  </si>
  <si>
    <t>\\acsfs\profiles$\vivianalds\My Documents\desktop.ini</t>
  </si>
  <si>
    <t>12/25/2019 08:04:43</t>
  </si>
  <si>
    <t>12/25/2019 08:04:44</t>
  </si>
  <si>
    <t>12/25/2019 08:04:45</t>
  </si>
  <si>
    <t>12/25/2019 08:04:49</t>
  </si>
  <si>
    <t>12/25/2019 08:04:51</t>
  </si>
  <si>
    <t>12/25/2019 08:04:55</t>
  </si>
  <si>
    <t>\\acsfs\profiles$\vivianalds\Saved Games\desktop.ini</t>
  </si>
  <si>
    <t>12/25/2019 08:04:57</t>
  </si>
  <si>
    <t>12/25/2019 08:05:31</t>
  </si>
  <si>
    <t>winrt--{S-1-5-21-602162358-764733703-839522115-330444}-.searchconnector-ms</t>
  </si>
  <si>
    <t>\\acsfs\profiles$\vivianalds\Searches\winrt--{S-1-5-21-602162358-764733703-839522115-330444}-.searchconnector-ms</t>
  </si>
  <si>
    <t>12/25/2019 08:05:50</t>
  </si>
  <si>
    <t>12/25/2019 08:10:38</t>
  </si>
  <si>
    <t>62b5ce03-d2b9-43b8-ae72-e48aa828e72f.tmp</t>
  </si>
  <si>
    <t>\\acsfs\profiles$\geovanaasa\Downloads\62b5ce03-d2b9-43b8-ae72-e48aa828e72f.tmp</t>
  </si>
  <si>
    <t>12/25/2019 08:08:57</t>
  </si>
  <si>
    <t>12/25/2019 08:13:38</t>
  </si>
  <si>
    <t>8e13ce22-768c-42d7-ab1b-4500a5968a4d.tmp</t>
  </si>
  <si>
    <t>\\acsfs\profiles$\vivianalds\Downloads\8e13ce22-768c-42d7-ab1b-4500a5968a4d.tmp</t>
  </si>
  <si>
    <t>12/25/2019 08:10:19</t>
  </si>
  <si>
    <t>fbb8a491-fdaa-48a4-b96a-c7ef7242891c.tmp</t>
  </si>
  <si>
    <t>\\acsfs\profiles$\vivianalds\Downloads\fbb8a491-fdaa-48a4-b96a-c7ef7242891c.tmp</t>
  </si>
  <si>
    <t>12/25/2019 08:10:57</t>
  </si>
  <si>
    <t>12/25/2019 08:12:37</t>
  </si>
  <si>
    <t>12/25/2019 08:14:38</t>
  </si>
  <si>
    <t>12/25/2019 08:12:43</t>
  </si>
  <si>
    <t>12/25/2019 08:10:18</t>
  </si>
  <si>
    <t>12/25/2019 08:11:34</t>
  </si>
  <si>
    <t>12/25/2019 08:15:38</t>
  </si>
  <si>
    <t>12/25/2019 08:11:37</t>
  </si>
  <si>
    <t>12/25/2019 08:11:42</t>
  </si>
  <si>
    <t>12/25/2019 08:11:45</t>
  </si>
  <si>
    <t>12/25/2019 08:14:32</t>
  </si>
  <si>
    <t>12/25/2019 08:15:04</t>
  </si>
  <si>
    <t>12/25/2019 08:12:07</t>
  </si>
  <si>
    <t>12/25/2019 08:16:38</t>
  </si>
  <si>
    <t>2ecbcff3-ad56-4739-9544-b823ff56f071.tmp</t>
  </si>
  <si>
    <t>\\acsfs\profiles$\quindaizaagds\Downloads\2ecbcff3-ad56-4739-9544-b823ff56f071.tmp</t>
  </si>
  <si>
    <t>12/25/2019 08:13:18</t>
  </si>
  <si>
    <t>4898a61f-055a-43f2-a466-f4a4fe13b73a.tmp</t>
  </si>
  <si>
    <t>\\acsfs\profiles$\quindaizaagds\Downloads\4898a61f-055a-43f2-a466-f4a4fe13b73a.tmp</t>
  </si>
  <si>
    <t>12/25/2019 08:13:20</t>
  </si>
  <si>
    <t>96e8f2e8-3c00-4606-a141-2d08e1c64af1.tmp</t>
  </si>
  <si>
    <t>\\acsfs\profiles$\quindaizaagds\Downloads\96e8f2e8-3c00-4606-a141-2d08e1c64af1.tmp</t>
  </si>
  <si>
    <t>12/25/2019 08:17:16</t>
  </si>
  <si>
    <t>12/25/2019 08:18:38</t>
  </si>
  <si>
    <t>12/25/2019 08:14:37</t>
  </si>
  <si>
    <t>68473bce-4b72-4cc1-ab18-6ace153b57bd.tmp</t>
  </si>
  <si>
    <t>\\acsfs\profiles$\kellzylenneasr\Downloads\68473bce-4b72-4cc1-ab18-6ace153b57bd.tmp</t>
  </si>
  <si>
    <t>12/25/2019 08:15:06</t>
  </si>
  <si>
    <t>12/25/2019 08:17:54</t>
  </si>
  <si>
    <t>31807646-9dba-4b5a-a819-0791f51c6d0f.tmp</t>
  </si>
  <si>
    <t>\\acsfs\profiles$\kellzylenneasr\Downloads\31807646-9dba-4b5a-a819-0791f51c6d0f.tmp</t>
  </si>
  <si>
    <t>12/25/2019 08:19:08</t>
  </si>
  <si>
    <t>12/25/2019 08:19:38</t>
  </si>
  <si>
    <t>12/25/2019 08:17:20</t>
  </si>
  <si>
    <t>12/25/2019 08:22:38</t>
  </si>
  <si>
    <t>12/25/2019 08:21:08</t>
  </si>
  <si>
    <t>12/25/2019 08:23:38</t>
  </si>
  <si>
    <t>12/25/2019 08:20:16</t>
  </si>
  <si>
    <t>12/25/2019 08:25:38</t>
  </si>
  <si>
    <t>12/25/2019 08:23:45</t>
  </si>
  <si>
    <t>12/25/2019 08:28:38</t>
  </si>
  <si>
    <t>12/25/2019 08:28:56</t>
  </si>
  <si>
    <t>12/25/2019 08:30:38</t>
  </si>
  <si>
    <t>12/24/2019 14:18:21</t>
  </si>
  <si>
    <t>12/25/2019 08:31:39</t>
  </si>
  <si>
    <t>12/24/2019 14:18:23</t>
  </si>
  <si>
    <t>12/25/2019 08:31:44</t>
  </si>
  <si>
    <t>12/25/2019 08:34:38</t>
  </si>
  <si>
    <t>10.200.66.52</t>
  </si>
  <si>
    <t>34-E6-D7-FC-B7-87</t>
  </si>
  <si>
    <t>VOTORANT-VB015</t>
  </si>
  <si>
    <t>\\acsfs\profiles$\Flaviojmm\Contacts\</t>
  </si>
  <si>
    <t>FLAVIO JUNIO MENDES MOREIRA (7).contact</t>
  </si>
  <si>
    <t>\\acsfs\profiles$\Flaviojmm\Contacts\FLAVIO JUNIO MENDES MOREIRA (7).contact</t>
  </si>
  <si>
    <t>12/25/2019 08:31:45</t>
  </si>
  <si>
    <t>12/25/2019 08:31:55</t>
  </si>
  <si>
    <t>\\acsfs\profiles$\Flaviojmm\My Documents\My Videos\</t>
  </si>
  <si>
    <t>\\acsfs\profiles$\Flaviojmm\My Documents\My Videos\desktop.ini</t>
  </si>
  <si>
    <t>12/25/2019 08:31:56</t>
  </si>
  <si>
    <t>\\acsfs\profiles$\Flaviojmm\My Documents\My Pictures\</t>
  </si>
  <si>
    <t>\\acsfs\profiles$\Flaviojmm\My Documents\My Pictures\desktop.ini</t>
  </si>
  <si>
    <t>12/25/2019 08:31:57</t>
  </si>
  <si>
    <t>\\acsfs\profiles$\Flaviojmm\Contacts\desktop.ini</t>
  </si>
  <si>
    <t>\\acsfs\profiles$\Flaviojmm\Favorites\</t>
  </si>
  <si>
    <t>\\acsfs\profiles$\Flaviojmm\Favorites\desktop.ini</t>
  </si>
  <si>
    <t>12/25/2019 08:31:58</t>
  </si>
  <si>
    <t>\\acsfs\profiles$\Flaviojmm\My Documents\My Music\</t>
  </si>
  <si>
    <t>\\acsfs\profiles$\Flaviojmm\My Documents\My Music\desktop.ini</t>
  </si>
  <si>
    <t>12/25/2019 08:31:59</t>
  </si>
  <si>
    <t>12/25/2019 08:32:00</t>
  </si>
  <si>
    <t>\\acsfs\profiles$\Flaviojmm\Searches\</t>
  </si>
  <si>
    <t>\\acsfs\profiles$\Flaviojmm\Searches\desktop.ini</t>
  </si>
  <si>
    <t>\\acsfs\profiles$\Flaviojmm\Downloads\desktop.ini</t>
  </si>
  <si>
    <t>12/25/2019 08:32:01</t>
  </si>
  <si>
    <t>\\acsfs\profiles$\Flaviojmm\My Documents\desktop.ini</t>
  </si>
  <si>
    <t>12/25/2019 08:32:02</t>
  </si>
  <si>
    <t>\\acsfs\profiles$\Flaviojmm\Saved Games\</t>
  </si>
  <si>
    <t>\\acsfs\profiles$\Flaviojmm\Saved Games\desktop.ini</t>
  </si>
  <si>
    <t>12/25/2019 08:32:03</t>
  </si>
  <si>
    <t>12/25/2019 08:32:13</t>
  </si>
  <si>
    <t>\\acsfs\profiles$\FLAVIOJMM\Favorites\Links for Brasil\</t>
  </si>
  <si>
    <t>\\acsfs\profiles$\FLAVIOJMM\Favorites\Links for Brasil\desktop.ini</t>
  </si>
  <si>
    <t>\\acsfs\profiles$\FLAVIOJMM\Favorites\Links for Brasil\Microsoft Brasil.url</t>
  </si>
  <si>
    <t>12/25/2019 08:32:14</t>
  </si>
  <si>
    <t>\\acsfs\profiles$\FLAVIOJMM\Favorites\Links for Brasil\Windows Brasil.url</t>
  </si>
  <si>
    <t>\\acsfs\profiles$\FLAVIOJMM\Favorites\Links for Brasil\MSN Brasil.url</t>
  </si>
  <si>
    <t>12/25/2019 08:31:48</t>
  </si>
  <si>
    <t>12/25/2019 08:35:38</t>
  </si>
  <si>
    <t>12/25/2019 08:33:17</t>
  </si>
  <si>
    <t>12/25/2019 08:36:39</t>
  </si>
  <si>
    <t>12/25/2019 08:35:04</t>
  </si>
  <si>
    <t>12/25/2019 08:34:10</t>
  </si>
  <si>
    <t>12/25/2019 08:39:39</t>
  </si>
  <si>
    <t>336ba233-a54a-460d-988d-202e1ba1029c.tmp</t>
  </si>
  <si>
    <t>\\acsfs\profiles$\Flaviojmm\Downloads\336ba233-a54a-460d-988d-202e1ba1029c.tmp</t>
  </si>
  <si>
    <t>12/25/2019 08:35:35</t>
  </si>
  <si>
    <t>1cafd1fc-9624-4268-8c7e-64be89aad615.tmp</t>
  </si>
  <si>
    <t>\\acsfs\profiles$\Flaviojmm\Downloads\1cafd1fc-9624-4268-8c7e-64be89aad615.tmp</t>
  </si>
  <si>
    <t>12/25/2019 08:36:49</t>
  </si>
  <si>
    <t>12/25/2019 08:40:38</t>
  </si>
  <si>
    <t>12/25/2019 08:36:25</t>
  </si>
  <si>
    <t>12/25/2019 08:38:01</t>
  </si>
  <si>
    <t>08df0895-476e-4e48-bb9e-cd31c06e9593.tmp</t>
  </si>
  <si>
    <t>\\acsfs\profiles$\joycemmdl\Downloads\08df0895-476e-4e48-bb9e-cd31c06e9593.tmp</t>
  </si>
  <si>
    <t>12/25/2019 08:39:13</t>
  </si>
  <si>
    <t>4372fd7f-de16-4214-86b8-618c0241cd8d.tmp</t>
  </si>
  <si>
    <t>\\acsfs\profiles$\joycemmdl\Downloads\4372fd7f-de16-4214-86b8-618c0241cd8d.tmp</t>
  </si>
  <si>
    <t>12/25/2019 08:39:25</t>
  </si>
  <si>
    <t>49225132-95a5-4462-97ef-9348ac8bffd6.tmp</t>
  </si>
  <si>
    <t>\\acsfs\profiles$\joycemmdl\Downloads\49225132-95a5-4462-97ef-9348ac8bffd6.tmp</t>
  </si>
  <si>
    <t>12/25/2019 08:42:18</t>
  </si>
  <si>
    <t>12/25/2019 08:44:39</t>
  </si>
  <si>
    <t>adelvinsonle</t>
  </si>
  <si>
    <t>\\acsfs\profiles$\adelvinsonle\Downloads\</t>
  </si>
  <si>
    <t>0cd1540d-92de-4c45-b451-009e3b38d644.tmp</t>
  </si>
  <si>
    <t>\\acsfs\profiles$\adelvinsonle\Downloads\0cd1540d-92de-4c45-b451-009e3b38d644.tmp</t>
  </si>
  <si>
    <t>12/25/2019 08:42:28</t>
  </si>
  <si>
    <t>Q29udHJvbGxlci5DYWxjdWxhZG9yYURlVmVuY2lt (7).ica</t>
  </si>
  <si>
    <t>\\acsfs\profiles$\adelvinsonle\Downloads\Q29udHJvbGxlci5DYWxjdWxhZG9yYURlVmVuY2lt (7).ica</t>
  </si>
  <si>
    <t>12/25/2019 08:46:04</t>
  </si>
  <si>
    <t>12/25/2019 08:46:38</t>
  </si>
  <si>
    <t>12/25/2019 08:44:16</t>
  </si>
  <si>
    <t>12/25/2019 08:49:38</t>
  </si>
  <si>
    <t>abce024d-7cde-4a6b-a7e8-89de60ee471e.tmp</t>
  </si>
  <si>
    <t>\\acsfs\profiles$\adelvinsonle\Downloads\abce024d-7cde-4a6b-a7e8-89de60ee471e.tmp</t>
  </si>
  <si>
    <t>12/25/2019 08:49:44</t>
  </si>
  <si>
    <t>12/25/2019 08:50:39</t>
  </si>
  <si>
    <t>12/25/2019 08:51:25</t>
  </si>
  <si>
    <t>12/25/2019 08:56:39</t>
  </si>
  <si>
    <t>10.200.32.12</t>
  </si>
  <si>
    <t>5C-F9-DD-EB-0C-3F</t>
  </si>
  <si>
    <t>VOTORANT-AB013</t>
  </si>
  <si>
    <t>12/25/2019 08:58:01</t>
  </si>
  <si>
    <t>12/25/2019 09:01:39</t>
  </si>
  <si>
    <t>b8f8cb3c-52da-4e5b-b022-ff699abb24f4.tmp</t>
  </si>
  <si>
    <t>\\acsfs\profiles$\nataliacsl\Downloads\b8f8cb3c-52da-4e5b-b022-ff699abb24f4.tmp</t>
  </si>
  <si>
    <t>12/25/2019 08:59:33</t>
  </si>
  <si>
    <t>6c58eb9d-5ef4-46f9-b545-0fe4a316407c.tmp</t>
  </si>
  <si>
    <t>\\acsfs\profiles$\nataliacsl\Downloads\6c58eb9d-5ef4-46f9-b545-0fe4a316407c.tmp</t>
  </si>
  <si>
    <t>12/25/2019 08:58:59</t>
  </si>
  <si>
    <t>12/25/2019 09:04:39</t>
  </si>
  <si>
    <t>12/25/2019 08:59:53</t>
  </si>
  <si>
    <t>dhiulliananads</t>
  </si>
  <si>
    <t>\\acsfs\profiles$\dhiulliananads\My Documents\My Pictures\</t>
  </si>
  <si>
    <t>\\acsfs\profiles$\dhiulliananads\My Documents\My Videos\desktop.ini</t>
  </si>
  <si>
    <t>12/25/2019 09:00:00</t>
  </si>
  <si>
    <t>\\acsfs\profiles$\dhiulliananads\My Documents\My Videos\</t>
  </si>
  <si>
    <t>12/25/2019 09:00:01</t>
  </si>
  <si>
    <t>12/25/2019 09:00:04</t>
  </si>
  <si>
    <t>12/25/2019 09:00:08</t>
  </si>
  <si>
    <t>12/25/2019 09:00:12</t>
  </si>
  <si>
    <t>\\acsfs\profiles$\dhiulliananads\My Documents\My Music\</t>
  </si>
  <si>
    <t>\\acsfs\profiles$\dhiulliananads\My Documents\My Pictures\desktop.ini</t>
  </si>
  <si>
    <t>12/25/2019 09:00:14</t>
  </si>
  <si>
    <t>12/25/2019 09:00:15</t>
  </si>
  <si>
    <t>12/25/2019 09:00:16</t>
  </si>
  <si>
    <t>12/25/2019 09:00:18</t>
  </si>
  <si>
    <t>12/25/2019 09:00:21</t>
  </si>
  <si>
    <t>\\acsfs\profiles$\dhiulliananads\Contacts\</t>
  </si>
  <si>
    <t>\\acsfs\profiles$\dhiulliananads\Contacts\desktop.ini</t>
  </si>
  <si>
    <t>12/25/2019 09:00:35</t>
  </si>
  <si>
    <t>12/25/2019 09:00:42</t>
  </si>
  <si>
    <t>12/25/2019 09:00:43</t>
  </si>
  <si>
    <t>12/25/2019 09:00:48</t>
  </si>
  <si>
    <t>12/25/2019 09:00:49</t>
  </si>
  <si>
    <t>\\acsfs\profiles$\dhiulliananads\My Documents\</t>
  </si>
  <si>
    <t>\\acsfs\profiles$\dhiulliananads\Favorites\desktop.ini</t>
  </si>
  <si>
    <t>12/25/2019 09:00:54</t>
  </si>
  <si>
    <t>12/25/2019 09:00:55</t>
  </si>
  <si>
    <t>12/25/2019 09:01:07</t>
  </si>
  <si>
    <t>12/25/2019 09:01:10</t>
  </si>
  <si>
    <t>12/25/2019 09:01:11</t>
  </si>
  <si>
    <t>12/25/2019 09:01:20</t>
  </si>
  <si>
    <t>12/25/2019 09:01:21</t>
  </si>
  <si>
    <t>\\acsfs\profiles$\dhiulliananads\My Documents\My Music\desktop.ini</t>
  </si>
  <si>
    <t>12/25/2019 09:01:29</t>
  </si>
  <si>
    <t>12/25/2019 09:01:30</t>
  </si>
  <si>
    <t>12/25/2019 09:01:34</t>
  </si>
  <si>
    <t>12/25/2019 09:01:36</t>
  </si>
  <si>
    <t>\\acsfs\profiles$\dhiulliananads\Searches\</t>
  </si>
  <si>
    <t>\\acsfs\profiles$\dhiulliananads\Searches\desktop.ini</t>
  </si>
  <si>
    <t>12/25/2019 09:01:38</t>
  </si>
  <si>
    <t>12/25/2019 09:01:41</t>
  </si>
  <si>
    <t>12/25/2019 09:01:43</t>
  </si>
  <si>
    <t>\\acsfs\profiles$\dhiulliananads\Downloads\</t>
  </si>
  <si>
    <t>\\acsfs\profiles$\dhiulliananads\Downloads\desktop.ini</t>
  </si>
  <si>
    <t>12/25/2019 09:01:44</t>
  </si>
  <si>
    <t>12/25/2019 09:01:45</t>
  </si>
  <si>
    <t>\\acsfs\profiles$\dhiulliananads\Favorites\</t>
  </si>
  <si>
    <t>\\acsfs\profiles$\dhiulliananads\My Documents\desktop.ini</t>
  </si>
  <si>
    <t>12/25/2019 09:01:47</t>
  </si>
  <si>
    <t>12/25/2019 09:01:48</t>
  </si>
  <si>
    <t>12/25/2019 09:01:49</t>
  </si>
  <si>
    <t>12/25/2019 09:01:50</t>
  </si>
  <si>
    <t>12/25/2019 09:01:51</t>
  </si>
  <si>
    <t>12/25/2019 09:01:52</t>
  </si>
  <si>
    <t>\\acsfs\profiles$\dhiulliananads\Saved Games\desktop.ini</t>
  </si>
  <si>
    <t>12/25/2019 09:01:53</t>
  </si>
  <si>
    <t>12/25/2019 09:02:20</t>
  </si>
  <si>
    <t>winrt--{S-1-5-21-602162358-764733703-839522115-354119}-.searchconnector-ms</t>
  </si>
  <si>
    <t>\\acsfs\profiles$\dhiulliananads\Searches\winrt--{S-1-5-21-602162358-764733703-839522115-354119}-.searchconnector-ms</t>
  </si>
  <si>
    <t>12/25/2019 09:05:38</t>
  </si>
  <si>
    <t>12/25/2019 09:02:50</t>
  </si>
  <si>
    <t>56cfbc6f-637b-4f02-9f62-655b38435dbd.tmp</t>
  </si>
  <si>
    <t>\\acsfs\profiles$\PEDROHAB\Downloads\56cfbc6f-637b-4f02-9f62-655b38435dbd.tmp</t>
  </si>
  <si>
    <t>08f9f3e2-d3ba-4126-883a-af81c59fa25f.tmp</t>
  </si>
  <si>
    <t>\\acsfs\profiles$\PEDROHAB\Downloads\08f9f3e2-d3ba-4126-883a-af81c59fa25f.tmp</t>
  </si>
  <si>
    <t>12/25/2019 09:05:49</t>
  </si>
  <si>
    <t>12/25/2019 09:07:40</t>
  </si>
  <si>
    <t>12/25/2019 09:07:33</t>
  </si>
  <si>
    <t>12/25/2019 09:08:39</t>
  </si>
  <si>
    <t>12/25/2019 09:06:27</t>
  </si>
  <si>
    <t>12/25/2019 09:10:39</t>
  </si>
  <si>
    <t>12/25/2019 09:07:12</t>
  </si>
  <si>
    <t>12/25/2019 09:11:21</t>
  </si>
  <si>
    <t>12/25/2019 09:12:39</t>
  </si>
  <si>
    <t>12/25/2019 09:09:13</t>
  </si>
  <si>
    <t>12/25/2019 09:14:39</t>
  </si>
  <si>
    <t>363b64ea-3cec-416c-a20b-c8e836fb6130.tmp</t>
  </si>
  <si>
    <t>\\acsfs\profiles$\dhiulliananads\Downloads\363b64ea-3cec-416c-a20b-c8e836fb6130.tmp</t>
  </si>
  <si>
    <t>12/25/2019 09:10:15</t>
  </si>
  <si>
    <t>c79662cd-bb30-4f2e-b934-bb362a75d6b0.tmp</t>
  </si>
  <si>
    <t>\\acsfs\profiles$\dhiulliananads\Downloads\c79662cd-bb30-4f2e-b934-bb362a75d6b0.tmp</t>
  </si>
  <si>
    <t>12/25/2019 09:11:19</t>
  </si>
  <si>
    <t>.~lock.Planilha Vendas.ods#</t>
  </si>
  <si>
    <t>\\acsfs\profiles$\dhiulliananads\My Documents\.~lock.Planilha Vendas.ods#</t>
  </si>
  <si>
    <t>12/25/2019 09:11:44</t>
  </si>
  <si>
    <t>12/25/2019 09:11:45</t>
  </si>
  <si>
    <t>lu14032h60z.tmp</t>
  </si>
  <si>
    <t>\\acsfs\profiles$\dhiulliananads\My Documents\lu14032h60z.tmp</t>
  </si>
  <si>
    <t>\\acsfs\profiles$\dhiulliananads\My Documents\lu14032h60z.tmp\</t>
  </si>
  <si>
    <t>\\acsfs\profiles$\dhiulliananads\My Documents\lu14032h60z.tmp\META-INF\</t>
  </si>
  <si>
    <t>\\acsfs\profiles$\dhiulliananads\My Documents\lu14032h60z.tmp\Thumbnails\</t>
  </si>
  <si>
    <t>12/25/2019 09:13:05</t>
  </si>
  <si>
    <t>12/25/2019 09:13:09</t>
  </si>
  <si>
    <t>12/25/2019 09:13:11</t>
  </si>
  <si>
    <t>12/25/2019 09:13:18</t>
  </si>
  <si>
    <t>12/25/2019 09:13:32</t>
  </si>
  <si>
    <t>bvcartes-supervisores@algarnet.onmicrosoft.com;bvs-centralcartoes@bv.com.br;daniela.ribeiro@bv.com.br;eduardo.santana@bv.com.br;fabio.ernest@bv.com.br;leonardoao@algartech.com;marcus.pelegrine@bv.com.br;marcus.pellegrini@bv.com.br;paulacn@algartech.com;planejamentodeoperacoesetrafego@bv.com.br;thiagordu@algartech.com;</t>
  </si>
  <si>
    <t>bvcartes-supervisores@algarnet.onmicrosoft.com,bvs-centralcartoes@bv.com.br,daniela.ribeiro@bv.com.br,eduardo.santana@bv.com.br,fabio.ernest@bv.com.br,leonardoao@algartech.com,marcus.pelegrine@bv.com.br,marcus.pellegrini@bv.com.br,paulacn@algartech.com,planejamentodeoperacoesetrafego@bv.com.br,thiagordu@algartech.com</t>
  </si>
  <si>
    <t>12/25/2019 09:13:37</t>
  </si>
  <si>
    <t>12/25/2019 09:13:42</t>
  </si>
  <si>
    <t>12/25/2019 09:11:51</t>
  </si>
  <si>
    <t>12/25/2019 09:15:39</t>
  </si>
  <si>
    <t>12/25/2019 09:13:34</t>
  </si>
  <si>
    <t>12/25/2019 09:16:26</t>
  </si>
  <si>
    <t>12/25/2019 09:17:39</t>
  </si>
  <si>
    <t>eduardofss</t>
  </si>
  <si>
    <t>\\acsfs\profiles$\eduardofss\Downloads\</t>
  </si>
  <si>
    <t>df2ae7f1-65e9-440b-bd0e-75d97fbffa9b.tmp</t>
  </si>
  <si>
    <t>\\acsfs\profiles$\eduardofss\Downloads\df2ae7f1-65e9-440b-bd0e-75d97fbffa9b.tmp</t>
  </si>
  <si>
    <t>12/25/2019 09:18:29</t>
  </si>
  <si>
    <t>12/25/2019 09:21:38</t>
  </si>
  <si>
    <t>12/25/2019 09:22:46</t>
  </si>
  <si>
    <t>12/25/2019 09:23:39</t>
  </si>
  <si>
    <t>12/25/2019 09:21:20</t>
  </si>
  <si>
    <t>d02c635d-b5c4-4192-97b3-99bc5bdd02d7.tmp</t>
  </si>
  <si>
    <t>\\acsfs\profiles$\milenaas\Downloads\d02c635d-b5c4-4192-97b3-99bc5bdd02d7.tmp</t>
  </si>
  <si>
    <t>12/25/2019 09:22:38</t>
  </si>
  <si>
    <t>ccc465bb-8810-4664-a781-f526ee75faa1.tmp</t>
  </si>
  <si>
    <t>\\acsfs\profiles$\milenaas\Downloads\ccc465bb-8810-4664-a781-f526ee75faa1.tmp</t>
  </si>
  <si>
    <t>12/25/2019 09:23:06</t>
  </si>
  <si>
    <t>a3c1be31-55ee-4e9a-8d6c-2adc79b1a0ea.tmp</t>
  </si>
  <si>
    <t>\\acsfs\profiles$\milenaas\Downloads\a3c1be31-55ee-4e9a-8d6c-2adc79b1a0ea.tmp</t>
  </si>
  <si>
    <t>12/25/2019 09:20:23</t>
  </si>
  <si>
    <t>12/25/2019 09:24:38</t>
  </si>
  <si>
    <t>12/25/2019 09:20:19</t>
  </si>
  <si>
    <t>12/25/2019 09:22:06</t>
  </si>
  <si>
    <t>12/25/2019 09:25:39</t>
  </si>
  <si>
    <t>12/25/2019 09:23:31</t>
  </si>
  <si>
    <t>12/25/2019 09:28:39</t>
  </si>
  <si>
    <t>0da57a57-ec54-49ad-a606-bd35c993f0e1.tmp</t>
  </si>
  <si>
    <t>\\acsfs\profiles$\milenaas\Downloads\0da57a57-ec54-49ad-a606-bd35c993f0e1.tmp</t>
  </si>
  <si>
    <t>12/25/2019 09:31:44</t>
  </si>
  <si>
    <t>12/25/2019 09:33:39</t>
  </si>
  <si>
    <t>709b9abb-17a2-40e9-b4cf-700bdb926ce3.tmp</t>
  </si>
  <si>
    <t>\\acsfs\profiles$\milenaas\Downloads\709b9abb-17a2-40e9-b4cf-700bdb926ce3.tmp</t>
  </si>
  <si>
    <t>12/25/2019 09:31:09</t>
  </si>
  <si>
    <t>12/25/2019 09:30:14</t>
  </si>
  <si>
    <t>12/25/2019 09:35:39</t>
  </si>
  <si>
    <t>12/25/2019 09:32:02</t>
  </si>
  <si>
    <t>12/25/2019 09:35:02</t>
  </si>
  <si>
    <t>12/25/2019 09:32:56</t>
  </si>
  <si>
    <t>12/25/2019 09:36:38</t>
  </si>
  <si>
    <t>12/25/2019 09:37:39</t>
  </si>
  <si>
    <t>12/25/2019 09:36:44</t>
  </si>
  <si>
    <t>12/25/2019 09:40:39</t>
  </si>
  <si>
    <t>12/25/2019 09:39:44</t>
  </si>
  <si>
    <t>12/25/2019 09:42:39</t>
  </si>
  <si>
    <t>12/25/2019 09:40:10</t>
  </si>
  <si>
    <t>12/25/2019 09:45:39</t>
  </si>
  <si>
    <t>WHIRLPOOL SAC</t>
  </si>
  <si>
    <t>laisr</t>
  </si>
  <si>
    <t>\\acsfs\profiles$\laisr\My Documents\My Pictures\</t>
  </si>
  <si>
    <t>\\acsfs\profiles$\laisr\My Documents\My Videos\desktop.ini</t>
  </si>
  <si>
    <t>\\acsfs\profiles$\laisr\My Documents\My Videos\</t>
  </si>
  <si>
    <t>12/25/2019 09:40:11</t>
  </si>
  <si>
    <t>12/25/2019 09:40:14</t>
  </si>
  <si>
    <t>12/25/2019 09:40:15</t>
  </si>
  <si>
    <t>12/25/2019 09:40:16</t>
  </si>
  <si>
    <t>\\acsfs\profiles$\laisr\My Documents\My Music\</t>
  </si>
  <si>
    <t>\\acsfs\profiles$\laisr\My Documents\My Pictures\desktop.ini</t>
  </si>
  <si>
    <t>12/25/2019 09:40:18</t>
  </si>
  <si>
    <t>12/25/2019 09:40:19</t>
  </si>
  <si>
    <t>12/25/2019 09:40:21</t>
  </si>
  <si>
    <t>12/25/2019 09:40:29</t>
  </si>
  <si>
    <t>12/25/2019 09:40:30</t>
  </si>
  <si>
    <t>\\acsfs\profiles$\laisr\Contacts\</t>
  </si>
  <si>
    <t>\\acsfs\profiles$\laisr\Contacts\desktop.ini</t>
  </si>
  <si>
    <t>12/25/2019 09:40:31</t>
  </si>
  <si>
    <t>12/25/2019 09:40:32</t>
  </si>
  <si>
    <t>12/25/2019 09:40:34</t>
  </si>
  <si>
    <t>12/25/2019 09:40:35</t>
  </si>
  <si>
    <t>12/25/2019 09:40:37</t>
  </si>
  <si>
    <t>12/25/2019 09:40:38</t>
  </si>
  <si>
    <t>\\acsfs\profiles$\laisr\My Documents\</t>
  </si>
  <si>
    <t>\\acsfs\profiles$\laisr\Favorites\desktop.ini</t>
  </si>
  <si>
    <t>12/25/2019 09:40:41</t>
  </si>
  <si>
    <t>12/25/2019 09:40:42</t>
  </si>
  <si>
    <t>12/25/2019 09:40:43</t>
  </si>
  <si>
    <t>12/25/2019 09:40:46</t>
  </si>
  <si>
    <t>12/25/2019 09:40:47</t>
  </si>
  <si>
    <t>12/25/2019 09:40:48</t>
  </si>
  <si>
    <t>\\acsfs\profiles$\laisr\My Documents\My Music\desktop.ini</t>
  </si>
  <si>
    <t>12/25/2019 09:40:50</t>
  </si>
  <si>
    <t>12/25/2019 09:40:51</t>
  </si>
  <si>
    <t>12/25/2019 09:40:52</t>
  </si>
  <si>
    <t>12/25/2019 09:40:53</t>
  </si>
  <si>
    <t>12/25/2019 09:40:54</t>
  </si>
  <si>
    <t>\\acsfs\profiles$\laisr\Searches\</t>
  </si>
  <si>
    <t>\\acsfs\profiles$\laisr\Searches\desktop.ini</t>
  </si>
  <si>
    <t>12/25/2019 09:40:55</t>
  </si>
  <si>
    <t>12/25/2019 09:40:58</t>
  </si>
  <si>
    <t>12/25/2019 09:40:59</t>
  </si>
  <si>
    <t>12/25/2019 09:41:00</t>
  </si>
  <si>
    <t>12/25/2019 09:41:01</t>
  </si>
  <si>
    <t>\\acsfs\profiles$\laisr\Downloads\</t>
  </si>
  <si>
    <t>\\acsfs\profiles$\laisr\Downloads\desktop.ini</t>
  </si>
  <si>
    <t>12/25/2019 09:41:03</t>
  </si>
  <si>
    <t>12/25/2019 09:41:05</t>
  </si>
  <si>
    <t>\\acsfs\profiles$\laisr\Favorites\</t>
  </si>
  <si>
    <t>\\acsfs\profiles$\laisr\My Documents\desktop.ini</t>
  </si>
  <si>
    <t>12/25/2019 09:41:07</t>
  </si>
  <si>
    <t>12/25/2019 09:41:08</t>
  </si>
  <si>
    <t>12/25/2019 09:41:09</t>
  </si>
  <si>
    <t>12/25/2019 09:41:12</t>
  </si>
  <si>
    <t>12/25/2019 09:41:13</t>
  </si>
  <si>
    <t>12/25/2019 09:41:15</t>
  </si>
  <si>
    <t>\\acsfs\profiles$\laisr\Saved Games\desktop.ini</t>
  </si>
  <si>
    <t>12/25/2019 09:41:17</t>
  </si>
  <si>
    <t>12/25/2019 09:41:42</t>
  </si>
  <si>
    <t>winrt--{S-1-5-21-602162358-764733703-839522115-355812}-.searchconnector-ms</t>
  </si>
  <si>
    <t>\\acsfs\profiles$\laisr\Searches\winrt--{S-1-5-21-602162358-764733703-839522115-355812}-.searchconnector-ms</t>
  </si>
  <si>
    <t>12/25/2019 09:41:43</t>
  </si>
  <si>
    <t>12/25/2019 09:41:36</t>
  </si>
  <si>
    <t>12/25/2019 09:50:53</t>
  </si>
  <si>
    <t>12/25/2019 09:52:39</t>
  </si>
  <si>
    <t>84167c1d-9178-44ea-a8a7-c5349e2b739b.tmp</t>
  </si>
  <si>
    <t>\\acsfs\profiles$\eduardofss\Downloads\84167c1d-9178-44ea-a8a7-c5349e2b739b.tmp</t>
  </si>
  <si>
    <t>12/25/2019 09:50:56</t>
  </si>
  <si>
    <t>Q29udHJvbGxlci5DYWxjdWxhZG9yYURlVmVuY2lt (26).ica</t>
  </si>
  <si>
    <t>\\acsfs\profiles$\eduardofss\Downloads\Q29udHJvbGxlci5DYWxjdWxhZG9yYURlVmVuY2lt (26).ica</t>
  </si>
  <si>
    <t>12/25/2019 09:54:30</t>
  </si>
  <si>
    <t>12/25/2019 09:55:39</t>
  </si>
  <si>
    <t>12/25/2019 09:51:13</t>
  </si>
  <si>
    <t>12/25/2019 09:56:39</t>
  </si>
  <si>
    <t>12/25/2019 09:59:33</t>
  </si>
  <si>
    <t>12/25/2019 10:00:39</t>
  </si>
  <si>
    <t>12/25/2019 10:02:27</t>
  </si>
  <si>
    <t>12/25/2019 10:07:40</t>
  </si>
  <si>
    <t>db7ccc8a-fcf6-4fc4-9eb8-0a8df4fe74b1.tmp</t>
  </si>
  <si>
    <t>\\acsfs\profiles$\danielac\Downloads\db7ccc8a-fcf6-4fc4-9eb8-0a8df4fe74b1.tmp</t>
  </si>
  <si>
    <t>12/25/2019 10:11:28</t>
  </si>
  <si>
    <t>12/25/2019 10:12:40</t>
  </si>
  <si>
    <t>12/25/2019 10:09:32</t>
  </si>
  <si>
    <t>12/25/2019 10:12:22</t>
  </si>
  <si>
    <t>12/25/2019 10:13:40</t>
  </si>
  <si>
    <t>12/25/2019 10:13:45</t>
  </si>
  <si>
    <t>12/25/2019 10:14:40</t>
  </si>
  <si>
    <t>12/25/2019 10:12:10</t>
  </si>
  <si>
    <t>12/25/2019 10:15:39</t>
  </si>
  <si>
    <t>12/25/2019 10:12:37</t>
  </si>
  <si>
    <t>12/25/2019 10:13:10</t>
  </si>
  <si>
    <t>12/25/2019 10:17:40</t>
  </si>
  <si>
    <t>12/25/2019 10:16:52</t>
  </si>
  <si>
    <t>12/25/2019 10:19:40</t>
  </si>
  <si>
    <t>c77eceda-74dc-4860-95e0-235a8dbecf40.tmp</t>
  </si>
  <si>
    <t>\\acsfs\profiles$\vivianibfs\Downloads\c77eceda-74dc-4860-95e0-235a8dbecf40.tmp</t>
  </si>
  <si>
    <t>12/25/2019 10:18:07</t>
  </si>
  <si>
    <t>048cf2b0-8dff-4d46-aa6c-fe29bbf70aea.tmp</t>
  </si>
  <si>
    <t>\\acsfs\profiles$\vivianibfs\Downloads\048cf2b0-8dff-4d46-aa6c-fe29bbf70aea.tmp</t>
  </si>
  <si>
    <t>12/25/2019 10:18:55</t>
  </si>
  <si>
    <t>060a35f7-8013-4469-ba62-c1aeee7f412e.tmp</t>
  </si>
  <si>
    <t>\\acsfs\profiles$\vivianibfs\Downloads\060a35f7-8013-4469-ba62-c1aeee7f412e.tmp</t>
  </si>
  <si>
    <t>12/25/2019 10:21:12</t>
  </si>
  <si>
    <t>12/25/2019 10:23:41</t>
  </si>
  <si>
    <t>\\acsfs\profiles$\gisellyador\Downloads\</t>
  </si>
  <si>
    <t>1763a13b-0946-4d11-abde-084e7ca953c3.tmp</t>
  </si>
  <si>
    <t>\\acsfs\profiles$\gisellyador\Downloads\1763a13b-0946-4d11-abde-084e7ca953c3.tmp</t>
  </si>
  <si>
    <t>12/25/2019 10:21:20</t>
  </si>
  <si>
    <t>a69dcfcc-9c8c-4255-b928-592867c1823d.tmp</t>
  </si>
  <si>
    <t>\\acsfs\profiles$\gisellyador\Downloads\a69dcfcc-9c8c-4255-b928-592867c1823d.tmp</t>
  </si>
  <si>
    <t>12/25/2019 10:21:27</t>
  </si>
  <si>
    <t>c055b15f-7803-49b6-ad23-0143d0d4c2a7.tmp</t>
  </si>
  <si>
    <t>\\acsfs\profiles$\gisellyador\Downloads\c055b15f-7803-49b6-ad23-0143d0d4c2a7.tmp</t>
  </si>
  <si>
    <t>12/25/2019 10:21:34</t>
  </si>
  <si>
    <t>00c4c41a-d84c-45fc-bd4b-983466925a2b.tmp</t>
  </si>
  <si>
    <t>\\acsfs\profiles$\gisellyador\Downloads\00c4c41a-d84c-45fc-bd4b-983466925a2b.tmp</t>
  </si>
  <si>
    <t>12/25/2019 10:21:38</t>
  </si>
  <si>
    <t>130d1a3e-c1d4-49ea-9cdf-ed2c439513af.tmp</t>
  </si>
  <si>
    <t>\\acsfs\profiles$\gisellyador\Downloads\130d1a3e-c1d4-49ea-9cdf-ed2c439513af.tmp</t>
  </si>
  <si>
    <t>12/25/2019 10:23:00</t>
  </si>
  <si>
    <t>f2a30a8a-2b06-40d4-966a-e8dfd8e39db0.tmp</t>
  </si>
  <si>
    <t>\\acsfs\profiles$\gisellyador\Downloads\f2a30a8a-2b06-40d4-966a-e8dfd8e39db0.tmp</t>
  </si>
  <si>
    <t>12/25/2019 10:19:42</t>
  </si>
  <si>
    <t>12/25/2019 10:24:40</t>
  </si>
  <si>
    <t>b3c6b843-e599-4f6e-ad0c-157790294d19.tmp</t>
  </si>
  <si>
    <t>\\acsfs\profiles$\vivianibfs\Downloads\b3c6b843-e599-4f6e-ad0c-157790294d19.tmp</t>
  </si>
  <si>
    <t>12/25/2019 10:23:57</t>
  </si>
  <si>
    <t>12/25/2019 10:27:41</t>
  </si>
  <si>
    <t>12/25/2019 10:23:18</t>
  </si>
  <si>
    <t>12/25/2019 10:24:44</t>
  </si>
  <si>
    <t>12/25/2019 10:28:40</t>
  </si>
  <si>
    <t>12/25/2019 10:25:00</t>
  </si>
  <si>
    <t>12/25/2019 10:25:04</t>
  </si>
  <si>
    <t>12/25/2019 10:25:05</t>
  </si>
  <si>
    <t>12/25/2019 10:25:06</t>
  </si>
  <si>
    <t>12/25/2019 10:25:07</t>
  </si>
  <si>
    <t>12/25/2019 10:25:10</t>
  </si>
  <si>
    <t>12/25/2019 10:25:11</t>
  </si>
  <si>
    <t>12/25/2019 10:25:12</t>
  </si>
  <si>
    <t>12/25/2019 10:25:13</t>
  </si>
  <si>
    <t>12/25/2019 10:25:14</t>
  </si>
  <si>
    <t>12/25/2019 10:25:15</t>
  </si>
  <si>
    <t>12/25/2019 10:25:16</t>
  </si>
  <si>
    <t>12/25/2019 10:25:17</t>
  </si>
  <si>
    <t>12/25/2019 10:25:18</t>
  </si>
  <si>
    <t>12/25/2019 10:25:20</t>
  </si>
  <si>
    <t>12/25/2019 10:25:21</t>
  </si>
  <si>
    <t>12/25/2019 10:25:27</t>
  </si>
  <si>
    <t>12/25/2019 10:25:28</t>
  </si>
  <si>
    <t>12/25/2019 10:25:33</t>
  </si>
  <si>
    <t>12/25/2019 10:25:36</t>
  </si>
  <si>
    <t>12/25/2019 10:25:37</t>
  </si>
  <si>
    <t>12/25/2019 10:25:42</t>
  </si>
  <si>
    <t>12/25/2019 10:25:44</t>
  </si>
  <si>
    <t>12/25/2019 10:25:45</t>
  </si>
  <si>
    <t>12/25/2019 10:25:46</t>
  </si>
  <si>
    <t>12/25/2019 10:25:59</t>
  </si>
  <si>
    <t>12/25/2019 10:26:00</t>
  </si>
  <si>
    <t>12/25/2019 10:26:01</t>
  </si>
  <si>
    <t>12/25/2019 10:26:02</t>
  </si>
  <si>
    <t>12/25/2019 10:26:03</t>
  </si>
  <si>
    <t>12/25/2019 10:26:05</t>
  </si>
  <si>
    <t>12/25/2019 10:26:06</t>
  </si>
  <si>
    <t>12/25/2019 10:26:13</t>
  </si>
  <si>
    <t>12/25/2019 10:26:14</t>
  </si>
  <si>
    <t>12/25/2019 10:26:15</t>
  </si>
  <si>
    <t>12/25/2019 10:26:16</t>
  </si>
  <si>
    <t>12/25/2019 10:26:17</t>
  </si>
  <si>
    <t>12/25/2019 10:26:18</t>
  </si>
  <si>
    <t>12/25/2019 10:26:19</t>
  </si>
  <si>
    <t>12/25/2019 10:26:20</t>
  </si>
  <si>
    <t>12/25/2019 10:26:22</t>
  </si>
  <si>
    <t>12/25/2019 10:26:25</t>
  </si>
  <si>
    <t>12/25/2019 10:26:50</t>
  </si>
  <si>
    <t>12/25/2019 10:26:44</t>
  </si>
  <si>
    <t>12/25/2019 10:29:41</t>
  </si>
  <si>
    <t>12/25/2019 10:30:41</t>
  </si>
  <si>
    <t>12/25/2019 10:26:08</t>
  </si>
  <si>
    <t>12/25/2019 10:26:31</t>
  </si>
  <si>
    <t>12/25/2019 10:28:57</t>
  </si>
  <si>
    <t>12/25/2019 10:31:41</t>
  </si>
  <si>
    <t>12/25/2019 10:31:01</t>
  </si>
  <si>
    <t>12/25/2019 10:32:41</t>
  </si>
  <si>
    <t>12/25/2019 10:30:04</t>
  </si>
  <si>
    <t>12/25/2019 10:33:40</t>
  </si>
  <si>
    <t>12/25/2019 10:31:59</t>
  </si>
  <si>
    <t>e70e57da-7550-459b-861c-5e986275cb85.tmp</t>
  </si>
  <si>
    <t>\\acsfs\profiles$\dhiulliananads\Downloads\e70e57da-7550-459b-861c-5e986275cb85.tmp</t>
  </si>
  <si>
    <t>12/25/2019 10:31:37</t>
  </si>
  <si>
    <t>12/25/2019 10:34:41</t>
  </si>
  <si>
    <t>10.200.67.133</t>
  </si>
  <si>
    <t>anapdsb</t>
  </si>
  <si>
    <t>\\acsfs\profiles$\ANAPDSB\Downloads\</t>
  </si>
  <si>
    <t>18c42d12-287a-4fcd-b9c0-ec4e5b364aec.tmp</t>
  </si>
  <si>
    <t>\\acsfs\profiles$\ANAPDSB\Downloads\18c42d12-287a-4fcd-b9c0-ec4e5b364aec.tmp</t>
  </si>
  <si>
    <t>12/25/2019 10:31:47</t>
  </si>
  <si>
    <t>Q29udHJvbGxlci5QYXl3YXJlXzEtMg-- (15).ica</t>
  </si>
  <si>
    <t>\\acsfs\profiles$\ANAPDSB\Downloads\Q29udHJvbGxlci5QYXl3YXJlXzEtMg-- (15).ica</t>
  </si>
  <si>
    <t>12/25/2019 10:34:00</t>
  </si>
  <si>
    <t>c9d928f1-f5a9-452a-9a5b-56c245aae67e.tmp</t>
  </si>
  <si>
    <t>\\acsfs\profiles$\ANAPDSB\Downloads\c9d928f1-f5a9-452a-9a5b-56c245aae67e.tmp</t>
  </si>
  <si>
    <t>12/25/2019 10:34:51</t>
  </si>
  <si>
    <t>12/25/2019 10:35:40</t>
  </si>
  <si>
    <t>12/25/2019 10:34:59</t>
  </si>
  <si>
    <t>12/25/2019 10:31:40</t>
  </si>
  <si>
    <t>12/25/2019 10:36:41</t>
  </si>
  <si>
    <t>12/25/2019 10:40:05</t>
  </si>
  <si>
    <t>12/25/2019 10:41:41</t>
  </si>
  <si>
    <t>12/24/2019 21:20:57</t>
  </si>
  <si>
    <t>12/25/2019 10:42:40</t>
  </si>
  <si>
    <t>12/25/2019 10:41:50</t>
  </si>
  <si>
    <t>12/25/2019 10:43:41</t>
  </si>
  <si>
    <t>12/25/2019 10:44:10</t>
  </si>
  <si>
    <t>12/25/2019 10:45:41</t>
  </si>
  <si>
    <t>10.200.66.126</t>
  </si>
  <si>
    <t>34-E6-D7-FC-B7-64</t>
  </si>
  <si>
    <t>VOTORANT-WB015</t>
  </si>
  <si>
    <t>laylaams</t>
  </si>
  <si>
    <t>\\acsfs\profiles$\laylaams\Contacts\</t>
  </si>
  <si>
    <t>LAYLA APARECIDA MACEDO SILVEIRA (14).contact</t>
  </si>
  <si>
    <t>\\acsfs\profiles$\laylaams\Contacts\LAYLA APARECIDA MACEDO SILVEIRA (14).contact</t>
  </si>
  <si>
    <t>12/25/2019 10:44:22</t>
  </si>
  <si>
    <t>\\acsfs\profiles$\laylaams\My Documents\My Videos\</t>
  </si>
  <si>
    <t>\\acsfs\profiles$\laylaams\My Documents\My Videos\desktop.ini</t>
  </si>
  <si>
    <t>12/25/2019 10:44:23</t>
  </si>
  <si>
    <t>\\acsfs\profiles$\laylaams\My Documents\My Pictures\</t>
  </si>
  <si>
    <t>\\acsfs\profiles$\laylaams\My Documents\My Pictures\desktop.ini</t>
  </si>
  <si>
    <t>12/25/2019 10:44:24</t>
  </si>
  <si>
    <t>12/25/2019 10:44:25</t>
  </si>
  <si>
    <t>\\acsfs\profiles$\laylaams\Contacts\desktop.ini</t>
  </si>
  <si>
    <t>\\acsfs\profiles$\laylaams\Favorites\</t>
  </si>
  <si>
    <t>\\acsfs\profiles$\laylaams\Favorites\desktop.ini</t>
  </si>
  <si>
    <t>12/25/2019 10:44:26</t>
  </si>
  <si>
    <t>12/25/2019 10:44:27</t>
  </si>
  <si>
    <t>\\acsfs\profiles$\laylaams\My Documents\My Music\</t>
  </si>
  <si>
    <t>\\acsfs\profiles$\laylaams\My Documents\My Music\desktop.ini</t>
  </si>
  <si>
    <t>12/25/2019 10:44:28</t>
  </si>
  <si>
    <t>12/25/2019 10:44:29</t>
  </si>
  <si>
    <t>\\acsfs\profiles$\laylaams\Searches\</t>
  </si>
  <si>
    <t>\\acsfs\profiles$\laylaams\Searches\desktop.ini</t>
  </si>
  <si>
    <t>\\acsfs\profiles$\laylaams\Downloads\</t>
  </si>
  <si>
    <t>\\acsfs\profiles$\laylaams\Downloads\desktop.ini</t>
  </si>
  <si>
    <t>12/25/2019 10:44:30</t>
  </si>
  <si>
    <t>12/25/2019 10:44:31</t>
  </si>
  <si>
    <t>\\acsfs\profiles$\laylaams\My Documents\</t>
  </si>
  <si>
    <t>\\acsfs\profiles$\laylaams\My Documents\desktop.ini</t>
  </si>
  <si>
    <t>12/25/2019 10:44:32</t>
  </si>
  <si>
    <t>\\acsfs\profiles$\laylaams\Saved Games\</t>
  </si>
  <si>
    <t>\\acsfs\profiles$\laylaams\Saved Games\desktop.ini</t>
  </si>
  <si>
    <t>12/25/2019 10:44:33</t>
  </si>
  <si>
    <t>12/25/2019 10:44:46</t>
  </si>
  <si>
    <t>\\acsfs\profiles$\laylaams\Favorites\Links for Brasil\</t>
  </si>
  <si>
    <t>\\acsfs\profiles$\laylaams\Favorites\Links for Brasil\desktop.ini</t>
  </si>
  <si>
    <t>\\acsfs\profiles$\laylaams\Favorites\Links for Brasil\Microsoft Brasil.url</t>
  </si>
  <si>
    <t>12/25/2019 10:44:47</t>
  </si>
  <si>
    <t>\\acsfs\profiles$\laylaams\Favorites\Links for Brasil\Windows Brasil.url</t>
  </si>
  <si>
    <t>12/25/2019 10:44:48</t>
  </si>
  <si>
    <t>\\acsfs\profiles$\laylaams\Favorites\Links for Brasil\MSN Brasil.url</t>
  </si>
  <si>
    <t>12/25/2019 10:43:55</t>
  </si>
  <si>
    <t>12/25/2019 10:47:41</t>
  </si>
  <si>
    <t>12/25/2019 10:44:41</t>
  </si>
  <si>
    <t>d2016855-ef97-469f-86d3-7fa22bc5a735.tmp</t>
  </si>
  <si>
    <t>\\acsfs\profiles$\philipegsf\Downloads\d2016855-ef97-469f-86d3-7fa22bc5a735.tmp</t>
  </si>
  <si>
    <t>12/25/2019 10:46:06</t>
  </si>
  <si>
    <t>5b921ab5-756f-4e04-a09d-250a238f32e0.tmp</t>
  </si>
  <si>
    <t>\\acsfs\profiles$\philipegsf\Downloads\5b921ab5-756f-4e04-a09d-250a238f32e0.tmp</t>
  </si>
  <si>
    <t>12/25/2019 10:44:57</t>
  </si>
  <si>
    <t>12/25/2019 10:48:41</t>
  </si>
  <si>
    <t>12/25/2019 10:47:02</t>
  </si>
  <si>
    <t>12/25/2019 10:50:41</t>
  </si>
  <si>
    <t>6b9411c7-b828-4a49-b576-e5128e98ba11.tmp</t>
  </si>
  <si>
    <t>\\acsfs\profiles$\laylaams\Downloads\6b9411c7-b828-4a49-b576-e5128e98ba11.tmp</t>
  </si>
  <si>
    <t>12/25/2019 10:47:24</t>
  </si>
  <si>
    <t>Não confirmado 304275.crdownload</t>
  </si>
  <si>
    <t>\\acsfs\profiles$\laylaams\Downloads\Não confirmado 304275.crdownload</t>
  </si>
  <si>
    <t>12/25/2019 10:47:37</t>
  </si>
  <si>
    <t>8481cdb3-33e2-43c5-a886-1a9037cd9351.tmp</t>
  </si>
  <si>
    <t>\\acsfs\profiles$\laylaams\Downloads\8481cdb3-33e2-43c5-a886-1a9037cd9351.tmp</t>
  </si>
  <si>
    <t>Q29udHJvbGxlci5DYWxjdWxhZG9yYURlVmVuY2lt (8).ica</t>
  </si>
  <si>
    <t>\\acsfs\profiles$\laylaams\Downloads\Q29udHJvbGxlci5DYWxjdWxhZG9yYURlVmVuY2lt (8).ica</t>
  </si>
  <si>
    <t>12/25/2019 10:48:00</t>
  </si>
  <si>
    <t>1c721f55-191c-4436-b18f-fab1f5b35420.tmp</t>
  </si>
  <si>
    <t>\\acsfs\profiles$\laylaams\Downloads\1c721f55-191c-4436-b18f-fab1f5b35420.tmp</t>
  </si>
  <si>
    <t>12/25/2019 10:48:23</t>
  </si>
  <si>
    <t>84b1fa8b-23fa-4efd-889d-f80460909f7f.tmp</t>
  </si>
  <si>
    <t>\\acsfs\profiles$\laylaams\Downloads\84b1fa8b-23fa-4efd-889d-f80460909f7f.tmp</t>
  </si>
  <si>
    <t>12/25/2019 10:48:56</t>
  </si>
  <si>
    <t>12/25/2019 10:52:41</t>
  </si>
  <si>
    <t>12/25/2019 10:49:38</t>
  </si>
  <si>
    <t>12/25/2019 10:54:41</t>
  </si>
  <si>
    <t>12/25/2019 10:57:16</t>
  </si>
  <si>
    <t>12/25/2019 11:02:41</t>
  </si>
  <si>
    <t>12/25/2019 11:00:26</t>
  </si>
  <si>
    <t>12/25/2019 11:00:06</t>
  </si>
  <si>
    <t>12/25/2019 11:05:41</t>
  </si>
  <si>
    <t>12/25/2019 11:10:59</t>
  </si>
  <si>
    <t>12/25/2019 11:11:41</t>
  </si>
  <si>
    <t>12/25/2019 11:11:12</t>
  </si>
  <si>
    <t>12/25/2019 11:12:41</t>
  </si>
  <si>
    <t>12/25/2019 11:12:22</t>
  </si>
  <si>
    <t>12/25/2019 11:13:41</t>
  </si>
  <si>
    <t>12/25/2019 11:13:04</t>
  </si>
  <si>
    <t>12/25/2019 11:17:41</t>
  </si>
  <si>
    <t>12/25/2019 11:16:06</t>
  </si>
  <si>
    <t>12/25/2019 11:20:41</t>
  </si>
  <si>
    <t>12/25/2019 11:20:23</t>
  </si>
  <si>
    <t>12/25/2019 11:21:41</t>
  </si>
  <si>
    <t>12/25/2019 11:20:07</t>
  </si>
  <si>
    <t>12/25/2019 11:22:42</t>
  </si>
  <si>
    <t>12/25/2019 11:20:12</t>
  </si>
  <si>
    <t>12/25/2019 11:24:42</t>
  </si>
  <si>
    <t>12/25/2019 11:25:06</t>
  </si>
  <si>
    <t>12/25/2019 11:28:42</t>
  </si>
  <si>
    <t>12/25/2019 11:30:14</t>
  </si>
  <si>
    <t>12/25/2019 11:34:42</t>
  </si>
  <si>
    <t>12/25/2019 11:30:18</t>
  </si>
  <si>
    <t>12/25/2019 11:30:23</t>
  </si>
  <si>
    <t>12/25/2019 11:30:32</t>
  </si>
  <si>
    <t>12/25/2019 11:30:49</t>
  </si>
  <si>
    <t>12/25/2019 11:30:57</t>
  </si>
  <si>
    <t>12/25/2019 11:31:11</t>
  </si>
  <si>
    <t>12/25/2019 11:39:53</t>
  </si>
  <si>
    <t>12/25/2019 11:42:41</t>
  </si>
  <si>
    <t>12/25/2019 11:40:38</t>
  </si>
  <si>
    <t>12/25/2019 11:43:42</t>
  </si>
  <si>
    <t>12/25/2019 11:43:24</t>
  </si>
  <si>
    <t>12/25/2019 11:44:41</t>
  </si>
  <si>
    <t>mail.google.com/sync/u/0/i/s?hl=pt-BR&amp;c=247</t>
  </si>
  <si>
    <t>12/25/2019 11:43:27</t>
  </si>
  <si>
    <t>mail.google.com/sync/u/0/i/s?hl=pt-BR&amp;c=249</t>
  </si>
  <si>
    <t>12/25/2019 11:43:30</t>
  </si>
  <si>
    <t>mail.google.com/sync/u/0/i/s?hl=pt-BR&amp;c=251</t>
  </si>
  <si>
    <t>12/25/2019 11:43:35</t>
  </si>
  <si>
    <t>mail.google.com/sync/u/0/i/s?hl=pt-BR&amp;c=253</t>
  </si>
  <si>
    <t>12/25/2019 11:42:42</t>
  </si>
  <si>
    <t>12/25/2019 11:46:41</t>
  </si>
  <si>
    <t>12/25/2019 11:42:16</t>
  </si>
  <si>
    <t>12/25/2019 11:42:20</t>
  </si>
  <si>
    <t>12/25/2019 11:47:41</t>
  </si>
  <si>
    <t>12/25/2019 11:49:05</t>
  </si>
  <si>
    <t>12/25/2019 11:50:41</t>
  </si>
  <si>
    <t>12/25/2019 11:51:11</t>
  </si>
  <si>
    <t>12/25/2019 11:51:41</t>
  </si>
  <si>
    <t>12/25/2019 11:48:55</t>
  </si>
  <si>
    <t>12/25/2019 11:52:41</t>
  </si>
  <si>
    <t>12/25/2019 11:49:10</t>
  </si>
  <si>
    <t>12/25/2019 11:53:41</t>
  </si>
  <si>
    <t>12/25/2019 11:52:12</t>
  </si>
  <si>
    <t>12/25/2019 11:54:41</t>
  </si>
  <si>
    <t>\\acsfs\profiles$\henriqueco\My Documents\My Pictures\</t>
  </si>
  <si>
    <t>\\acsfs\profiles$\henriqueco\My Documents\My Videos\desktop.ini</t>
  </si>
  <si>
    <t>12/25/2019 11:52:14</t>
  </si>
  <si>
    <t>\\acsfs\profiles$\henriqueco\My Documents\My Videos\</t>
  </si>
  <si>
    <t>12/25/2019 11:52:15</t>
  </si>
  <si>
    <t>12/25/2019 11:52:17</t>
  </si>
  <si>
    <t>12/25/2019 11:52:19</t>
  </si>
  <si>
    <t>\\acsfs\profiles$\henriqueco\My Documents\My Pictures\desktop.ini</t>
  </si>
  <si>
    <t>12/25/2019 11:52:24</t>
  </si>
  <si>
    <t>12/25/2019 11:52:25</t>
  </si>
  <si>
    <t>\\acsfs\profiles$\henriqueco\Contacts\</t>
  </si>
  <si>
    <t>\\acsfs\profiles$\henriqueco\Contacts\desktop.ini</t>
  </si>
  <si>
    <t>12/25/2019 11:52:26</t>
  </si>
  <si>
    <t>12/25/2019 11:52:27</t>
  </si>
  <si>
    <t>12/25/2019 11:52:29</t>
  </si>
  <si>
    <t>\\acsfs\profiles$\henriqueco\My Documents\My Music\</t>
  </si>
  <si>
    <t>12/25/2019 11:52:30</t>
  </si>
  <si>
    <t>\\acsfs\profiles$\henriqueco\My Documents\</t>
  </si>
  <si>
    <t>\\acsfs\profiles$\henriqueco\Favorites\desktop.ini</t>
  </si>
  <si>
    <t>12/25/2019 11:52:31</t>
  </si>
  <si>
    <t>12/25/2019 11:52:33</t>
  </si>
  <si>
    <t>12/25/2019 11:52:34</t>
  </si>
  <si>
    <t>12/25/2019 11:52:35</t>
  </si>
  <si>
    <t>\\acsfs\profiles$\henriqueco\My Documents\My Music\desktop.ini</t>
  </si>
  <si>
    <t>12/25/2019 11:52:38</t>
  </si>
  <si>
    <t>12/25/2019 11:52:40</t>
  </si>
  <si>
    <t>12/25/2019 11:52:42</t>
  </si>
  <si>
    <t>\\acsfs\profiles$\henriqueco\Searches\</t>
  </si>
  <si>
    <t>\\acsfs\profiles$\henriqueco\Searches\desktop.ini</t>
  </si>
  <si>
    <t>12/25/2019 11:52:43</t>
  </si>
  <si>
    <t>12/25/2019 11:52:44</t>
  </si>
  <si>
    <t>12/25/2019 11:52:45</t>
  </si>
  <si>
    <t>12/25/2019 11:52:49</t>
  </si>
  <si>
    <t>12/25/2019 11:52:51</t>
  </si>
  <si>
    <t>\\acsfs\profiles$\henriqueco\Downloads\desktop.ini</t>
  </si>
  <si>
    <t>12/25/2019 11:52:53</t>
  </si>
  <si>
    <t>\\acsfs\profiles$\henriqueco\Favorites\</t>
  </si>
  <si>
    <t>\\acsfs\profiles$\henriqueco\My Documents\desktop.ini</t>
  </si>
  <si>
    <t>12/25/2019 11:52:56</t>
  </si>
  <si>
    <t>12/25/2019 11:53:00</t>
  </si>
  <si>
    <t>12/25/2019 11:53:01</t>
  </si>
  <si>
    <t>12/25/2019 11:53:02</t>
  </si>
  <si>
    <t>12/25/2019 11:53:03</t>
  </si>
  <si>
    <t>\\acsfs\profiles$\henriqueco\Saved Games\desktop.ini</t>
  </si>
  <si>
    <t>12/25/2019 11:53:05</t>
  </si>
  <si>
    <t>12/25/2019 11:56:38</t>
  </si>
  <si>
    <t>12/25/2019 11:58:42</t>
  </si>
  <si>
    <t>12/25/2019 11:54:22</t>
  </si>
  <si>
    <t>12/25/2019 11:59:41</t>
  </si>
  <si>
    <t>12/25/2019 11:54:44</t>
  </si>
  <si>
    <t>61ea7d20-e2bf-41c4-8dde-1960da37e226.tmp</t>
  </si>
  <si>
    <t>\\acsfs\profiles$\henriqueco\Downloads\61ea7d20-e2bf-41c4-8dde-1960da37e226.tmp</t>
  </si>
  <si>
    <t>12/25/2019 11:56:53</t>
  </si>
  <si>
    <t>12/25/2019 12:00:41</t>
  </si>
  <si>
    <t>12/25/2019 12:01:19</t>
  </si>
  <si>
    <t>12/25/2019 12:04:41</t>
  </si>
  <si>
    <t>lu11436e115.tmp</t>
  </si>
  <si>
    <t>\\acsfs\profiles$\kamillacr\My Documents\lu11436e115.tmp</t>
  </si>
  <si>
    <t>\\acsfs\profiles$\kamillacr\My Documents\lu11436e115.tmp\</t>
  </si>
  <si>
    <t>\\acsfs\profiles$\kamillacr\My Documents\lu11436e115.tmp\META-INF\</t>
  </si>
  <si>
    <t>\\acsfs\profiles$\kamillacr\My Documents\lu11436e115.tmp\Thumbnails\</t>
  </si>
  <si>
    <t>12/25/2019 12:01:29</t>
  </si>
  <si>
    <t>12/25/2019 12:06:46</t>
  </si>
  <si>
    <t>12/25/2019 12:09:42</t>
  </si>
  <si>
    <t>12/25/2019 12:08:59</t>
  </si>
  <si>
    <t>12/25/2019 12:10:42</t>
  </si>
  <si>
    <t>12/25/2019 12:12:34</t>
  </si>
  <si>
    <t>12/25/2019 12:14:43</t>
  </si>
  <si>
    <t>f3666f0e-8888-4c19-a8b1-834a608170ea.tmp</t>
  </si>
  <si>
    <t>\\acsfs\profiles$\henriqueco\Downloads\f3666f0e-8888-4c19-a8b1-834a608170ea.tmp</t>
  </si>
  <si>
    <t>12/25/2019 12:12:07</t>
  </si>
  <si>
    <t>12/25/2019 12:15:43</t>
  </si>
  <si>
    <t>12/25/2019 12:18:32</t>
  </si>
  <si>
    <t>12/25/2019 12:19:43</t>
  </si>
  <si>
    <t>4c933ad1-5d17-4696-b440-00238a564abd.tmp</t>
  </si>
  <si>
    <t>\\acsfs\profiles$\henriqueco\Downloads\4c933ad1-5d17-4696-b440-00238a564abd.tmp</t>
  </si>
  <si>
    <t>12/25/2019 12:16:37</t>
  </si>
  <si>
    <t>12/25/2019 12:20:43</t>
  </si>
  <si>
    <t>12/25/2019 12:21:33</t>
  </si>
  <si>
    <t>12/25/2019 12:22:43</t>
  </si>
  <si>
    <t>12/25/2019 12:24:24</t>
  </si>
  <si>
    <t>12/25/2019 12:25:43</t>
  </si>
  <si>
    <t>12/25/2019 12:28:08</t>
  </si>
  <si>
    <t>12/25/2019 12:28:44</t>
  </si>
  <si>
    <t>12/25/2019 12:31:53</t>
  </si>
  <si>
    <t>12/25/2019 12:33:44</t>
  </si>
  <si>
    <t>a427222e-177d-4d21-9a1d-6ad42326f1b6.tmp</t>
  </si>
  <si>
    <t>\\acsfs\profiles$\dhiulliananads\Downloads\a427222e-177d-4d21-9a1d-6ad42326f1b6.tmp</t>
  </si>
  <si>
    <t>12/25/2019 12:36:00</t>
  </si>
  <si>
    <t>12/25/2019 12:36:43</t>
  </si>
  <si>
    <t>12/25/2019 12:36:22</t>
  </si>
  <si>
    <t>12/25/2019 12:40:43</t>
  </si>
  <si>
    <t>12/25/2019 12:35:17</t>
  </si>
  <si>
    <t>12/25/2019 12:37:21</t>
  </si>
  <si>
    <t>12/25/2019 12:41:43</t>
  </si>
  <si>
    <t>12/25/2019 12:38:54</t>
  </si>
  <si>
    <t>12/25/2019 12:42:43</t>
  </si>
  <si>
    <t>12/25/2019 12:39:21</t>
  </si>
  <si>
    <t>12/25/2019 12:44:43</t>
  </si>
  <si>
    <t>12/25/2019 12:43:44</t>
  </si>
  <si>
    <t>12/25/2019 12:46:13</t>
  </si>
  <si>
    <t>12/25/2019 12:49:42</t>
  </si>
  <si>
    <t>4b2e60d4-9f27-4d2a-8533-7851cc94b7f7.tmp</t>
  </si>
  <si>
    <t>\\acsfs\profiles$\henriqueco\Downloads\4b2e60d4-9f27-4d2a-8533-7851cc94b7f7.tmp</t>
  </si>
  <si>
    <t>12/25/2019 12:53:21</t>
  </si>
  <si>
    <t>12/25/2019 12:54:42</t>
  </si>
  <si>
    <t>12/25/2019 12:53:48</t>
  </si>
  <si>
    <t>12/25/2019 12:57:42</t>
  </si>
  <si>
    <t>12/25/2019 12:53:42</t>
  </si>
  <si>
    <t>12/25/2019 13:02:09</t>
  </si>
  <si>
    <t>12/25/2019 13:06:41</t>
  </si>
  <si>
    <t>12/25/2019 13:15:44</t>
  </si>
  <si>
    <t>12/25/2019 13:16:41</t>
  </si>
  <si>
    <t>12/25/2019 13:13:04</t>
  </si>
  <si>
    <t>12/25/2019 13:17:41</t>
  </si>
  <si>
    <t>12/25/2019 13:16:24</t>
  </si>
  <si>
    <t>12/25/2019 13:18:41</t>
  </si>
  <si>
    <t>12/25/2019 13:19:25</t>
  </si>
  <si>
    <t>12/25/2019 13:22:41</t>
  </si>
  <si>
    <t>12/25/2019 13:19:55</t>
  </si>
  <si>
    <t>12/25/2019 13:24:42</t>
  </si>
  <si>
    <t>12/25/2019 13:23:41</t>
  </si>
  <si>
    <t>12/25/2019 13:27:41</t>
  </si>
  <si>
    <t>12/25/2019 13:25:07</t>
  </si>
  <si>
    <t>12/25/2019 13:26:06</t>
  </si>
  <si>
    <t>12/25/2019 13:29:55</t>
  </si>
  <si>
    <t>12/25/2019 13:30:42</t>
  </si>
  <si>
    <t>12/25/2019 13:34:00</t>
  </si>
  <si>
    <t>12/25/2019 13:35:42</t>
  </si>
  <si>
    <t>12/25/2019 13:38:04</t>
  </si>
  <si>
    <t>12/25/2019 13:38:42</t>
  </si>
  <si>
    <t>12/25/2019 13:36:36</t>
  </si>
  <si>
    <t>12/25/2019 13:40:41</t>
  </si>
  <si>
    <t>12/25/2019 13:42:51</t>
  </si>
  <si>
    <t>12/25/2019 13:43:42</t>
  </si>
  <si>
    <t>cb86568a-871b-4221-bb66-1a98071ff9b2.tmp</t>
  </si>
  <si>
    <t>\\acsfs\profiles$\vivianalds\Downloads\cb86568a-871b-4221-bb66-1a98071ff9b2.tmp</t>
  </si>
  <si>
    <t>12/25/2019 13:40:35</t>
  </si>
  <si>
    <t>12/25/2019 13:45:42</t>
  </si>
  <si>
    <t>12/25/2019 13:46:15</t>
  </si>
  <si>
    <t>12/25/2019 13:47:41</t>
  </si>
  <si>
    <t>12/25/2019 13:48:20</t>
  </si>
  <si>
    <t>12/25/2019 13:50:41</t>
  </si>
  <si>
    <t>12/25/2019 13:54:35</t>
  </si>
  <si>
    <t>12/25/2019 13:57:42</t>
  </si>
  <si>
    <t>12/25/2019 13:52:33</t>
  </si>
  <si>
    <t>12/25/2019 13:55:34</t>
  </si>
  <si>
    <t>12/25/2019 13:59:42</t>
  </si>
  <si>
    <t>12/25/2019 13:56:41</t>
  </si>
  <si>
    <t>12/25/2019 14:00:41</t>
  </si>
  <si>
    <t>12/25/2019 14:01:29</t>
  </si>
  <si>
    <t>12/25/2019 14:05:42</t>
  </si>
  <si>
    <t>12/25/2019 14:03:40</t>
  </si>
  <si>
    <t>fabianobmf</t>
  </si>
  <si>
    <t>\\acsfs\profiles$\fabianobmf\Downloads\</t>
  </si>
  <si>
    <t>a8b40187-e435-48ed-9160-c1efc801fa7a.tmp</t>
  </si>
  <si>
    <t>\\acsfs\profiles$\fabianobmf\Downloads\a8b40187-e435-48ed-9160-c1efc801fa7a.tmp</t>
  </si>
  <si>
    <t>12/25/2019 14:04:31</t>
  </si>
  <si>
    <t>c4217ffa-86b5-456a-b19b-161b76dba15f.tmp</t>
  </si>
  <si>
    <t>\\acsfs\profiles$\fabianobmf\Downloads\c4217ffa-86b5-456a-b19b-161b76dba15f.tmp</t>
  </si>
  <si>
    <t>12/25/2019 14:05:47</t>
  </si>
  <si>
    <t>12/25/2019 14:10:42</t>
  </si>
  <si>
    <t>12/25/2019 14:05:40</t>
  </si>
  <si>
    <t>44e5ddea-f034-4a07-baa5-52886c3ef6e2.tmp</t>
  </si>
  <si>
    <t>\\acsfs\profiles$\fabianobmf\Downloads\44e5ddea-f034-4a07-baa5-52886c3ef6e2.tmp</t>
  </si>
  <si>
    <t>12/25/2019 14:06:27</t>
  </si>
  <si>
    <t>8cf815b6-2672-42aa-99ae-ed3248c4d77d.tmp</t>
  </si>
  <si>
    <t>\\acsfs\profiles$\fabianobmf\Downloads\8cf815b6-2672-42aa-99ae-ed3248c4d77d.tmp</t>
  </si>
  <si>
    <t>12/25/2019 14:08:04</t>
  </si>
  <si>
    <t>12/25/2019 14:10:32</t>
  </si>
  <si>
    <t>12/25/2019 14:12:42</t>
  </si>
  <si>
    <t>12/25/2019 14:14:04</t>
  </si>
  <si>
    <t>12/25/2019 14:16:43</t>
  </si>
  <si>
    <t>12/25/2019 14:18:08</t>
  </si>
  <si>
    <t>12/25/2019 14:21:42</t>
  </si>
  <si>
    <t>edicarlosdl</t>
  </si>
  <si>
    <t>\\acsfs\profiles$\EDICARLOSDL\My Documents\</t>
  </si>
  <si>
    <t>.~lock.NOVO ACESSO.odt#</t>
  </si>
  <si>
    <t>\\acsfs\profiles$\EDICARLOSDL\My Documents\.~lock.NOVO ACESSO.odt#</t>
  </si>
  <si>
    <t>12/25/2019 14:18:59</t>
  </si>
  <si>
    <t>\\acsfs\profiles$\edicarlosdl\Downloads\</t>
  </si>
  <si>
    <t>c7cbaf4f-74d1-4f43-8774-4a83107b1a75.tmp</t>
  </si>
  <si>
    <t>\\acsfs\profiles$\edicarlosdl\Downloads\c7cbaf4f-74d1-4f43-8774-4a83107b1a75.tmp</t>
  </si>
  <si>
    <t>12/25/2019 14:19:05</t>
  </si>
  <si>
    <t>221ff3e9-812e-464b-8de1-54714b87dae3.tmp</t>
  </si>
  <si>
    <t>\\acsfs\profiles$\edicarlosdl\Downloads\221ff3e9-812e-464b-8de1-54714b87dae3.tmp</t>
  </si>
  <si>
    <t>12/25/2019 14:20:29</t>
  </si>
  <si>
    <t>29a124b7-5a89-41d6-8a67-1d924f19f5a4.tmp</t>
  </si>
  <si>
    <t>\\acsfs\profiles$\edicarlosdl\Downloads\29a124b7-5a89-41d6-8a67-1d924f19f5a4.tmp</t>
  </si>
  <si>
    <t>12/25/2019 14:17:01</t>
  </si>
  <si>
    <t>12/25/2019 14:22:43</t>
  </si>
  <si>
    <t>12/25/2019 14:21:08</t>
  </si>
  <si>
    <t>12/25/2019 14:23:42</t>
  </si>
  <si>
    <t>12/25/2019 14:21:40</t>
  </si>
  <si>
    <t>12/25/2019 14:25:43</t>
  </si>
  <si>
    <t>12/25/2019 14:22:31</t>
  </si>
  <si>
    <t>12/25/2019 14:26:43</t>
  </si>
  <si>
    <t>12/25/2019 14:27:42</t>
  </si>
  <si>
    <t>12/25/2019 14:30:42</t>
  </si>
  <si>
    <t>12/25/2019 14:26:33</t>
  </si>
  <si>
    <t>12/25/2019 14:31:43</t>
  </si>
  <si>
    <t>12/25/2019 14:28:46</t>
  </si>
  <si>
    <t>12/25/2019 14:29:24</t>
  </si>
  <si>
    <t>12/25/2019 14:29:25</t>
  </si>
  <si>
    <t>lu145321dchu0.tmp</t>
  </si>
  <si>
    <t>\\acsfs\profiles$\KELLZYLENNEASR\My Documents\lu145321dchu0.tmp</t>
  </si>
  <si>
    <t>\\acsfs\profiles$\KELLZYLENNEASR\My Documents\lu145321dchu0.tmp\</t>
  </si>
  <si>
    <t>\\acsfs\profiles$\KELLZYLENNEASR\My Documents\lu145321dchu0.tmp\META-INF\</t>
  </si>
  <si>
    <t>\\acsfs\profiles$\KELLZYLENNEASR\My Documents\lu145321dchu0.tmp\Thumbnails\</t>
  </si>
  <si>
    <t>12/25/2019 14:31:28</t>
  </si>
  <si>
    <t>12/25/2019 14:32:42</t>
  </si>
  <si>
    <t>12/25/2019 14:35:08</t>
  </si>
  <si>
    <t>12/25/2019 14:35:43</t>
  </si>
  <si>
    <t>12/25/2019 14:32:37</t>
  </si>
  <si>
    <t>12/25/2019 14:36:44</t>
  </si>
  <si>
    <t>12/25/2019 14:38:00</t>
  </si>
  <si>
    <t>12/25/2019 14:38:43</t>
  </si>
  <si>
    <t>12/25/2019 14:35:15</t>
  </si>
  <si>
    <t>12/25/2019 14:39:43</t>
  </si>
  <si>
    <t>12/25/2019 14:36:39</t>
  </si>
  <si>
    <t>12/25/2019 14:41:43</t>
  </si>
  <si>
    <t>12/25/2019 14:38:44</t>
  </si>
  <si>
    <t>12/25/2019 14:43:07</t>
  </si>
  <si>
    <t>12/25/2019 14:44:44</t>
  </si>
  <si>
    <t>12/25/2019 14:46:43</t>
  </si>
  <si>
    <t>12/25/2019 14:46:03</t>
  </si>
  <si>
    <t>12/25/2019 14:51:43</t>
  </si>
  <si>
    <t>12/25/2019 14:51:06</t>
  </si>
  <si>
    <t>12/25/2019 14:52:48</t>
  </si>
  <si>
    <t>12/25/2019 14:55:42</t>
  </si>
  <si>
    <t>12/25/2019 14:52:46</t>
  </si>
  <si>
    <t>12/25/2019 14:57:42</t>
  </si>
  <si>
    <t>12/25/2019 14:53:57</t>
  </si>
  <si>
    <t>12/25/2019 14:53:42</t>
  </si>
  <si>
    <t>12/25/2019 14:57:11</t>
  </si>
  <si>
    <t>12/25/2019 15:02:43</t>
  </si>
  <si>
    <t>12/25/2019 15:01:38</t>
  </si>
  <si>
    <t>12/25/2019 15:00:42</t>
  </si>
  <si>
    <t>12/25/2019 15:03:43</t>
  </si>
  <si>
    <t>12/25/2019 14:59:37</t>
  </si>
  <si>
    <t>12/25/2019 15:04:42</t>
  </si>
  <si>
    <t>48c475e4-0c7e-4baf-aa44-1978eff3edba.tmp</t>
  </si>
  <si>
    <t>\\acsfs\profiles$\fabianafv\Downloads\48c475e4-0c7e-4baf-aa44-1978eff3edba.tmp</t>
  </si>
  <si>
    <t>12/25/2019 14:59:40</t>
  </si>
  <si>
    <t>12/25/2019 15:03:28</t>
  </si>
  <si>
    <t>12/25/2019 15:08:39</t>
  </si>
  <si>
    <t>12/25/2019 15:09:43</t>
  </si>
  <si>
    <t>4a5f150e-eede-4156-b0c3-20c47e2aed93.tmp</t>
  </si>
  <si>
    <t>\\acsfs\profiles$\fabianafv\Downloads\4a5f150e-eede-4156-b0c3-20c47e2aed93.tmp</t>
  </si>
  <si>
    <t>12/25/2019 15:06:47</t>
  </si>
  <si>
    <t>12/25/2019 15:10:42</t>
  </si>
  <si>
    <t>12/25/2019 15:10:02</t>
  </si>
  <si>
    <t>12/25/2019 15:12:42</t>
  </si>
  <si>
    <t>12/25/2019 15:08:23</t>
  </si>
  <si>
    <t>12/25/2019 15:13:43</t>
  </si>
  <si>
    <t>12/25/2019 15:10:49</t>
  </si>
  <si>
    <t>12/25/2019 15:10:46</t>
  </si>
  <si>
    <t>12/25/2019 15:14:42</t>
  </si>
  <si>
    <t>9c285595-019a-47c8-b661-6f1c1851f0ab.tmp</t>
  </si>
  <si>
    <t>\\acsfs\profiles$\fabianafv\Downloads\9c285595-019a-47c8-b661-6f1c1851f0ab.tmp</t>
  </si>
  <si>
    <t>12/25/2019 15:12:29</t>
  </si>
  <si>
    <t>12/25/2019 15:14:33</t>
  </si>
  <si>
    <t>12/25/2019 15:16:42</t>
  </si>
  <si>
    <t>12/25/2019 15:13:38</t>
  </si>
  <si>
    <t>12/25/2019 15:17:43</t>
  </si>
  <si>
    <t>12/25/2019 15:15:28</t>
  </si>
  <si>
    <t>12/25/2019 15:20:43</t>
  </si>
  <si>
    <t>12/25/2019 15:18:37</t>
  </si>
  <si>
    <t>12/25/2019 15:19:17</t>
  </si>
  <si>
    <t>12/25/2019 15:22:43</t>
  </si>
  <si>
    <t>60ff6264-17b5-4592-b0f0-2021fb828a42.tmp</t>
  </si>
  <si>
    <t>\\acsfs\profiles$\andreapdsg\Downloads\60ff6264-17b5-4592-b0f0-2021fb828a42.tmp</t>
  </si>
  <si>
    <t>12/25/2019 15:19:19</t>
  </si>
  <si>
    <t>Q29udHJvbGxlci5QYXl3YXJl (18).ica</t>
  </si>
  <si>
    <t>\\acsfs\profiles$\andreapdsg\Downloads\Q29udHJvbGxlci5QYXl3YXJl (18).ica</t>
  </si>
  <si>
    <t>12/25/2019 15:19:45</t>
  </si>
  <si>
    <t>12/25/2019 15:20:33</t>
  </si>
  <si>
    <t>8bbbcc03-4f6b-44fc-b5ad-58440f657b62.tmp</t>
  </si>
  <si>
    <t>\\acsfs\profiles$\andreapdsg\Downloads\8bbbcc03-4f6b-44fc-b5ad-58440f657b62.tmp</t>
  </si>
  <si>
    <t>12/25/2019 15:22:20</t>
  </si>
  <si>
    <t>12/25/2019 15:20:41</t>
  </si>
  <si>
    <t>12/25/2019 15:24:43</t>
  </si>
  <si>
    <t>12/25/2019 15:24:16</t>
  </si>
  <si>
    <t>12/25/2019 15:25:43</t>
  </si>
  <si>
    <t>12/25/2019 15:21:17</t>
  </si>
  <si>
    <t>12/25/2019 15:24:35</t>
  </si>
  <si>
    <t>12/25/2019 15:23:33</t>
  </si>
  <si>
    <t>12/25/2019 15:26:43</t>
  </si>
  <si>
    <t>12/25/2019 15:22:40</t>
  </si>
  <si>
    <t>12/25/2019 15:27:43</t>
  </si>
  <si>
    <t>70a0e8df-fa3f-425e-b8f6-8c22a290190b.tmp</t>
  </si>
  <si>
    <t>\\acsfs\profiles$\laurandos\Downloads\70a0e8df-fa3f-425e-b8f6-8c22a290190b.tmp</t>
  </si>
  <si>
    <t>12/25/2019 15:23:47</t>
  </si>
  <si>
    <t>f7c37725-6195-4c65-8c3c-a9c56392637c.tmp</t>
  </si>
  <si>
    <t>\\acsfs\profiles$\laurandos\Downloads\f7c37725-6195-4c65-8c3c-a9c56392637c.tmp</t>
  </si>
  <si>
    <t>12/25/2019 15:29:25</t>
  </si>
  <si>
    <t>12/25/2019 15:30:43</t>
  </si>
  <si>
    <t>12/25/2019 15:27:19</t>
  </si>
  <si>
    <t>12/25/2019 15:32:44</t>
  </si>
  <si>
    <t>12/25/2019 15:27:50</t>
  </si>
  <si>
    <t>12/25/2019 15:33:05</t>
  </si>
  <si>
    <t>12/25/2019 15:34:43</t>
  </si>
  <si>
    <t>12/25/2019 15:37:25</t>
  </si>
  <si>
    <t>12/25/2019 15:40:43</t>
  </si>
  <si>
    <t>12/25/2019 15:39:08</t>
  </si>
  <si>
    <t>12/25/2019 15:43:43</t>
  </si>
  <si>
    <t>12/25/2019 15:41:19</t>
  </si>
  <si>
    <t>12/25/2019 15:45:42</t>
  </si>
  <si>
    <t>952e0900-1330-47a0-ad8b-4d2a15aad4e2.tmp</t>
  </si>
  <si>
    <t>\\acsfs\profiles$\joycemmdl\Downloads\952e0900-1330-47a0-ad8b-4d2a15aad4e2.tmp</t>
  </si>
  <si>
    <t>12/25/2019 15:50:01</t>
  </si>
  <si>
    <t>12/25/2019 15:51:43</t>
  </si>
  <si>
    <t>nayaranao</t>
  </si>
  <si>
    <t>\\acsfs\profiles$\Nayaranao\My Documents\My Pictures\</t>
  </si>
  <si>
    <t>\\acsfs\profiles$\Nayaranao\My Documents\My Videos\desktop.ini</t>
  </si>
  <si>
    <t>\\acsfs\profiles$\Nayaranao\My Documents\My Videos\</t>
  </si>
  <si>
    <t>12/25/2019 15:50:02</t>
  </si>
  <si>
    <t>12/25/2019 15:50:03</t>
  </si>
  <si>
    <t>12/25/2019 15:50:05</t>
  </si>
  <si>
    <t>12/25/2019 15:50:07</t>
  </si>
  <si>
    <t>\\acsfs\profiles$\Nayaranao\My Documents\My Music\</t>
  </si>
  <si>
    <t>\\acsfs\profiles$\Nayaranao\My Documents\My Pictures\desktop.ini</t>
  </si>
  <si>
    <t>12/25/2019 15:50:08</t>
  </si>
  <si>
    <t>12/25/2019 15:50:10</t>
  </si>
  <si>
    <t>\\acsfs\profiles$\Nayaranao\Contacts\</t>
  </si>
  <si>
    <t>\\acsfs\profiles$\Nayaranao\Contacts\desktop.ini</t>
  </si>
  <si>
    <t>12/25/2019 15:50:12</t>
  </si>
  <si>
    <t>12/25/2019 15:50:13</t>
  </si>
  <si>
    <t>12/25/2019 15:50:14</t>
  </si>
  <si>
    <t>12/25/2019 15:50:15</t>
  </si>
  <si>
    <t>12/25/2019 15:50:16</t>
  </si>
  <si>
    <t>\\acsfs\profiles$\Nayaranao\My Documents\</t>
  </si>
  <si>
    <t>\\acsfs\profiles$\Nayaranao\Favorites\desktop.ini</t>
  </si>
  <si>
    <t>12/25/2019 15:50:18</t>
  </si>
  <si>
    <t>12/25/2019 15:50:19</t>
  </si>
  <si>
    <t>12/25/2019 15:50:21</t>
  </si>
  <si>
    <t>12/25/2019 15:50:22</t>
  </si>
  <si>
    <t>12/25/2019 15:50:24</t>
  </si>
  <si>
    <t>\\acsfs\profiles$\Nayaranao\My Documents\My Music\desktop.ini</t>
  </si>
  <si>
    <t>12/25/2019 15:50:26</t>
  </si>
  <si>
    <t>12/25/2019 15:50:27</t>
  </si>
  <si>
    <t>12/25/2019 15:50:29</t>
  </si>
  <si>
    <t>12/25/2019 15:50:31</t>
  </si>
  <si>
    <t>\\acsfs\profiles$\Nayaranao\Searches\</t>
  </si>
  <si>
    <t>\\acsfs\profiles$\Nayaranao\Searches\desktop.ini</t>
  </si>
  <si>
    <t>12/25/2019 15:50:32</t>
  </si>
  <si>
    <t>12/25/2019 15:50:35</t>
  </si>
  <si>
    <t>12/25/2019 15:50:36</t>
  </si>
  <si>
    <t>12/25/2019 15:50:37</t>
  </si>
  <si>
    <t>12/25/2019 15:50:38</t>
  </si>
  <si>
    <t>\\acsfs\profiles$\Nayaranao\Downloads\</t>
  </si>
  <si>
    <t>\\acsfs\profiles$\Nayaranao\Downloads\desktop.ini</t>
  </si>
  <si>
    <t>12/25/2019 15:50:39</t>
  </si>
  <si>
    <t>12/25/2019 15:50:42</t>
  </si>
  <si>
    <t>\\acsfs\profiles$\Nayaranao\Favorites\</t>
  </si>
  <si>
    <t>\\acsfs\profiles$\Nayaranao\My Documents\desktop.ini</t>
  </si>
  <si>
    <t>12/25/2019 15:50:43</t>
  </si>
  <si>
    <t>12/25/2019 15:50:44</t>
  </si>
  <si>
    <t>12/25/2019 15:50:45</t>
  </si>
  <si>
    <t>12/25/2019 15:50:47</t>
  </si>
  <si>
    <t>12/25/2019 15:50:48</t>
  </si>
  <si>
    <t>12/25/2019 15:50:49</t>
  </si>
  <si>
    <t>\\acsfs\profiles$\Nayaranao\Saved Games\desktop.ini</t>
  </si>
  <si>
    <t>12/25/2019 15:50:50</t>
  </si>
  <si>
    <t>12/25/2019 15:51:51</t>
  </si>
  <si>
    <t>12/25/2019 15:56:43</t>
  </si>
  <si>
    <t>12/25/2019 16:00:47</t>
  </si>
  <si>
    <t>12/25/2019 16:01:43</t>
  </si>
  <si>
    <t>\\acsfs\profiles$\edicarlosdl\My Documents\</t>
  </si>
  <si>
    <t>NOTAS SYNERGY.txt</t>
  </si>
  <si>
    <t>\\acsfs\profiles$\edicarlosdl\My Documents\NOTAS SYNERGY.txt</t>
  </si>
  <si>
    <t>12/25/2019 16:01:54</t>
  </si>
  <si>
    <t>12/25/2019 16:03:43</t>
  </si>
  <si>
    <t>12/25/2019 16:00:20</t>
  </si>
  <si>
    <t>12/25/2019 16:05:43</t>
  </si>
  <si>
    <t>12/25/2019 16:04:50</t>
  </si>
  <si>
    <t>12/25/2019 16:04:27</t>
  </si>
  <si>
    <t>12/25/2019 16:06:43</t>
  </si>
  <si>
    <t>12/25/2019 16:05:45</t>
  </si>
  <si>
    <t>12/25/2019 16:08:43</t>
  </si>
  <si>
    <t>12/25/2019 16:06:23</t>
  </si>
  <si>
    <t>12/25/2019 16:07:57</t>
  </si>
  <si>
    <t>12/25/2019 16:12:43</t>
  </si>
  <si>
    <t>12/25/2019 16:10:26</t>
  </si>
  <si>
    <t>12/25/2019 16:13:43</t>
  </si>
  <si>
    <t>12/25/2019 16:14:11</t>
  </si>
  <si>
    <t>12/25/2019 16:15:43</t>
  </si>
  <si>
    <t>12/25/2019 16:15:13</t>
  </si>
  <si>
    <t>12/25/2019 16:17:43</t>
  </si>
  <si>
    <t>12/25/2019 16:14:14</t>
  </si>
  <si>
    <t>12/25/2019 16:18:44</t>
  </si>
  <si>
    <t>12/25/2019 16:15:36</t>
  </si>
  <si>
    <t>12/25/2019 16:20:44</t>
  </si>
  <si>
    <t>12/25/2019 16:23:43</t>
  </si>
  <si>
    <t>12/25/2019 16:18:37</t>
  </si>
  <si>
    <t>12/25/2019 16:20:23</t>
  </si>
  <si>
    <t>12/25/2019 16:21:54</t>
  </si>
  <si>
    <t>12/25/2019 16:20:54</t>
  </si>
  <si>
    <t>12/25/2019 16:24:43</t>
  </si>
  <si>
    <t>12/25/2019 16:23:57</t>
  </si>
  <si>
    <t>12/25/2019 16:25:43</t>
  </si>
  <si>
    <t>12/25/2019 16:26:04</t>
  </si>
  <si>
    <t>12/25/2019 16:30:43</t>
  </si>
  <si>
    <t>bvcartes-supervisores@algarnet.onmicrosoft.com;joaogvc@algartech.com;josiascdsj@algartech.com;leonardoao@algartech.com;marianadjc@algartech.com;rafaelggs@algartech.com;taysdss@algartech.com;viniciussg@algartech.com;</t>
  </si>
  <si>
    <t>bvcartes-supervisores@algarnet.onmicrosoft.com,joaogvc@algartech.com,josiascdsj@algartech.com,leonardoao@algartech.com,marianadjc@algartech.com,rafaelggs@algartech.com,taysdss@algartech.com,viniciussg@algartech.com</t>
  </si>
  <si>
    <t>bvcartes-supervisores@algarnet.onmicrosoft.com;joaogvc@algartech.com;josiascdsj@algartech.com;leonardoao@algartech.com;marianadjc@algartech.com;rafaelggs@algartech.com;taysdss@algartech.com;thiagordu@algartech.com;viniciussg@algartech.com;</t>
  </si>
  <si>
    <t>bvcartes-supervisores@algarnet.onmicrosoft.com,joaogvc@algartech.com,josiascdsj@algartech.com,leonardoao@algartech.com,marianadjc@algartech.com,rafaelggs@algartech.com,taysdss@algartech.com,thiagordu@algartech.com,viniciussg@algartech.com</t>
  </si>
  <si>
    <t>12/25/2019 16:26:34</t>
  </si>
  <si>
    <t>12/25/2019 16:26:36</t>
  </si>
  <si>
    <t>12/25/2019 16:26:57</t>
  </si>
  <si>
    <t>12/25/2019 16:27:26</t>
  </si>
  <si>
    <t>mail.google.com/sync/u/0/i/s?hl=pt-BR&amp;c=29</t>
  </si>
  <si>
    <t>12/25/2019 16:27:30</t>
  </si>
  <si>
    <t>mail.google.com/sync/u/0/i/s?hl=pt-BR&amp;c=31</t>
  </si>
  <si>
    <t>12/25/2019 16:27:54</t>
  </si>
  <si>
    <t>12/25/2019 16:27:56</t>
  </si>
  <si>
    <t>12/25/2019 16:25:57</t>
  </si>
  <si>
    <t>12/25/2019 16:30:20</t>
  </si>
  <si>
    <t>12/25/2019 16:31:43</t>
  </si>
  <si>
    <t>12/25/2019 16:29:09</t>
  </si>
  <si>
    <t>12/25/2019 16:33:43</t>
  </si>
  <si>
    <t>12/25/2019 16:33:01</t>
  </si>
  <si>
    <t>12/25/2019 16:35:43</t>
  </si>
  <si>
    <t>12/25/2019 16:36:01</t>
  </si>
  <si>
    <t>12/25/2019 16:37:43</t>
  </si>
  <si>
    <t>12/25/2019 16:33:55</t>
  </si>
  <si>
    <t>12/25/2019 16:38:43</t>
  </si>
  <si>
    <t>12/25/2019 16:34:28</t>
  </si>
  <si>
    <t>12/25/2019 16:37:53</t>
  </si>
  <si>
    <t>12/25/2019 16:41:43</t>
  </si>
  <si>
    <t>12/25/2019 16:43:17</t>
  </si>
  <si>
    <t>12/25/2019 16:45:43</t>
  </si>
  <si>
    <t>12/25/2019 16:46:24</t>
  </si>
  <si>
    <t>12/25/2019 16:49:42</t>
  </si>
  <si>
    <t>12/25/2019 16:46:29</t>
  </si>
  <si>
    <t>12/25/2019 17:00:47</t>
  </si>
  <si>
    <t>12/25/2019 17:02:42</t>
  </si>
  <si>
    <t>12/25/2019 16:58:14</t>
  </si>
  <si>
    <t>12/25/2019 17:03:43</t>
  </si>
  <si>
    <t>12/25/2019 17:03:39</t>
  </si>
  <si>
    <t>12/25/2019 17:05:42</t>
  </si>
  <si>
    <t>12/25/2019 17:10:34</t>
  </si>
  <si>
    <t>12/25/2019 17:15:44</t>
  </si>
  <si>
    <t>12/25/2019 17:10:45</t>
  </si>
  <si>
    <t>12/25/2019 17:12:06</t>
  </si>
  <si>
    <t>12/25/2019 17:17:44</t>
  </si>
  <si>
    <t>12/25/2019 17:17:26</t>
  </si>
  <si>
    <t>12/25/2019 17:19:44</t>
  </si>
  <si>
    <t>12/25/2019 17:19:46</t>
  </si>
  <si>
    <t>12/25/2019 17:22:44</t>
  </si>
  <si>
    <t>12/25/2019 17:21:50</t>
  </si>
  <si>
    <t>12/25/2019 17:23:28</t>
  </si>
  <si>
    <t>12/25/2019 17:24:44</t>
  </si>
  <si>
    <t>12/25/2019 17:24:47</t>
  </si>
  <si>
    <t>12/25/2019 17:25:43</t>
  </si>
  <si>
    <t>12/25/2019 17:23:03</t>
  </si>
  <si>
    <t>12/25/2019 17:24:55</t>
  </si>
  <si>
    <t>12/25/2019 17:29:43</t>
  </si>
  <si>
    <t>12/25/2019 17:31:53</t>
  </si>
  <si>
    <t>12/25/2019 17:32:43</t>
  </si>
  <si>
    <t>12/25/2019 17:37:04</t>
  </si>
  <si>
    <t>12/25/2019 17:37:43</t>
  </si>
  <si>
    <t>12/25/2019 17:37:59</t>
  </si>
  <si>
    <t>12/25/2019 17:39:42</t>
  </si>
  <si>
    <t>d8859039-f361-41d2-9c2b-35c934f1ce53.tmp</t>
  </si>
  <si>
    <t>\\acsfs\profiles$\fabianafv\Downloads\d8859039-f361-41d2-9c2b-35c934f1ce53.tmp</t>
  </si>
  <si>
    <t>12/25/2019 17:38:27</t>
  </si>
  <si>
    <t>12/25/2019 17:40:43</t>
  </si>
  <si>
    <t>12/25/2019 17:39:40</t>
  </si>
  <si>
    <t>12/25/2019 17:41:43</t>
  </si>
  <si>
    <t>12/25/2019 17:40:50</t>
  </si>
  <si>
    <t>12/25/2019 17:42:42</t>
  </si>
  <si>
    <t>d518dd59-442b-4103-bf6b-68f8f18d1d13.tmp</t>
  </si>
  <si>
    <t>\\acsfs\profiles$\laurandos\Downloads\d518dd59-442b-4103-bf6b-68f8f18d1d13.tmp</t>
  </si>
  <si>
    <t>12/25/2019 17:40:32</t>
  </si>
  <si>
    <t>12/25/2019 17:41:25</t>
  </si>
  <si>
    <t>12/25/2019 17:44:42</t>
  </si>
  <si>
    <t>12/25/2019 17:50:34</t>
  </si>
  <si>
    <t>12/25/2019 17:51:42</t>
  </si>
  <si>
    <t>12/25/2019 17:50:59</t>
  </si>
  <si>
    <t>12/25/2019 17:55:43</t>
  </si>
  <si>
    <t>12/25/2019 17:51:54</t>
  </si>
  <si>
    <t>12/25/2019 17:54:44</t>
  </si>
  <si>
    <t>12/25/2019 17:56:42</t>
  </si>
  <si>
    <t>12/25/2019 17:53:31</t>
  </si>
  <si>
    <t>12/25/2019 17:58:43</t>
  </si>
  <si>
    <t>12/25/2019 17:58:45</t>
  </si>
  <si>
    <t>12/25/2019 18:03:43</t>
  </si>
  <si>
    <t>https://fresnel.vimeocdn.com/add/player-stats?beacon=1&amp;session-id=3ac641cab7316d45741d43f0e972743896fb6b241577307206</t>
  </si>
  <si>
    <t>12/25/2019 18:00:44</t>
  </si>
  <si>
    <t>12/25/2019 18:01:49</t>
  </si>
  <si>
    <t>12/25/2019 18:04:43</t>
  </si>
  <si>
    <t>12/25/2019 18:04:20</t>
  </si>
  <si>
    <t>12/25/2019 18:08:43</t>
  </si>
  <si>
    <t>12/25/2019 18:07:14</t>
  </si>
  <si>
    <t>12/25/2019 18:09:43</t>
  </si>
  <si>
    <t>12/25/2019 18:10:06</t>
  </si>
  <si>
    <t>12/25/2019 18:10:42</t>
  </si>
  <si>
    <t>12/25/2019 18:10:54</t>
  </si>
  <si>
    <t>12/25/2019 18:13:42</t>
  </si>
  <si>
    <t>12/25/2019 18:14:05</t>
  </si>
  <si>
    <t>12/25/2019 18:16:42</t>
  </si>
  <si>
    <t>12/25/2019 18:16:41</t>
  </si>
  <si>
    <t>12/25/2019 18:17:43</t>
  </si>
  <si>
    <t>12/25/2019 18:15:33</t>
  </si>
  <si>
    <t>12/25/2019 18:18:42</t>
  </si>
  <si>
    <t>12/25/2019 18:19:00</t>
  </si>
  <si>
    <t>12/25/2019 18:20:42</t>
  </si>
  <si>
    <t>12/25/2019 18:20:06</t>
  </si>
  <si>
    <t>12/25/2019 18:24:42</t>
  </si>
  <si>
    <t>12/25/2019 18:24:24</t>
  </si>
  <si>
    <t>12/25/2019 18:28:43</t>
  </si>
  <si>
    <t>12/25/2019 18:26:59</t>
  </si>
  <si>
    <t>12/25/2019 18:29:43</t>
  </si>
  <si>
    <t>12/25/2019 18:27:22</t>
  </si>
  <si>
    <t>brunogdsi</t>
  </si>
  <si>
    <t>\\acsfs\profiles$\brunogdsi\My Documents\My Pictures\</t>
  </si>
  <si>
    <t>\\acsfs\profiles$\brunogdsi\My Documents\My Videos\desktop.ini</t>
  </si>
  <si>
    <t>12/25/2019 18:27:24</t>
  </si>
  <si>
    <t>\\acsfs\profiles$\brunogdsi\My Documents\My Videos\</t>
  </si>
  <si>
    <t>12/25/2019 18:27:25</t>
  </si>
  <si>
    <t>12/25/2019 18:27:26</t>
  </si>
  <si>
    <t>12/25/2019 18:27:28</t>
  </si>
  <si>
    <t>\\acsfs\profiles$\brunogdsi\My Documents\My Music\</t>
  </si>
  <si>
    <t>\\acsfs\profiles$\brunogdsi\My Documents\My Pictures\desktop.ini</t>
  </si>
  <si>
    <t>12/25/2019 18:27:29</t>
  </si>
  <si>
    <t>12/25/2019 18:27:30</t>
  </si>
  <si>
    <t>12/25/2019 18:27:31</t>
  </si>
  <si>
    <t>\\acsfs\profiles$\brunogdsi\Contacts\</t>
  </si>
  <si>
    <t>\\acsfs\profiles$\brunogdsi\Contacts\desktop.ini</t>
  </si>
  <si>
    <t>12/25/2019 18:27:32</t>
  </si>
  <si>
    <t>12/25/2019 18:27:33</t>
  </si>
  <si>
    <t>12/25/2019 18:27:34</t>
  </si>
  <si>
    <t>12/25/2019 18:27:35</t>
  </si>
  <si>
    <t>\\acsfs\profiles$\brunogdsi\My Documents\</t>
  </si>
  <si>
    <t>\\acsfs\profiles$\brunogdsi\Favorites\desktop.ini</t>
  </si>
  <si>
    <t>12/25/2019 18:27:36</t>
  </si>
  <si>
    <t>12/25/2019 18:27:37</t>
  </si>
  <si>
    <t>12/25/2019 18:27:38</t>
  </si>
  <si>
    <t>12/25/2019 18:27:39</t>
  </si>
  <si>
    <t>12/25/2019 18:27:41</t>
  </si>
  <si>
    <t>12/25/2019 18:27:42</t>
  </si>
  <si>
    <t>\\acsfs\profiles$\brunogdsi\My Documents\My Music\desktop.ini</t>
  </si>
  <si>
    <t>12/25/2019 18:27:43</t>
  </si>
  <si>
    <t>12/25/2019 18:27:45</t>
  </si>
  <si>
    <t>12/25/2019 18:27:46</t>
  </si>
  <si>
    <t>12/25/2019 18:27:47</t>
  </si>
  <si>
    <t>\\acsfs\profiles$\brunogdsi\Searches\</t>
  </si>
  <si>
    <t>\\acsfs\profiles$\brunogdsi\Searches\desktop.ini</t>
  </si>
  <si>
    <t>12/25/2019 18:27:48</t>
  </si>
  <si>
    <t>12/25/2019 18:27:49</t>
  </si>
  <si>
    <t>12/25/2019 18:27:50</t>
  </si>
  <si>
    <t>12/25/2019 18:27:51</t>
  </si>
  <si>
    <t>\\acsfs\profiles$\brunogdsi\Downloads\</t>
  </si>
  <si>
    <t>\\acsfs\profiles$\brunogdsi\Downloads\desktop.ini</t>
  </si>
  <si>
    <t>12/25/2019 18:27:52</t>
  </si>
  <si>
    <t>12/25/2019 18:27:53</t>
  </si>
  <si>
    <t>\\acsfs\profiles$\brunogdsi\Favorites\</t>
  </si>
  <si>
    <t>\\acsfs\profiles$\brunogdsi\My Documents\desktop.ini</t>
  </si>
  <si>
    <t>12/25/2019 18:27:54</t>
  </si>
  <si>
    <t>12/25/2019 18:27:55</t>
  </si>
  <si>
    <t>12/25/2019 18:27:56</t>
  </si>
  <si>
    <t>12/25/2019 18:27:57</t>
  </si>
  <si>
    <t>12/25/2019 18:27:58</t>
  </si>
  <si>
    <t>\\acsfs\profiles$\brunogdsi\Saved Games\desktop.ini</t>
  </si>
  <si>
    <t>12/25/2019 18:27:59</t>
  </si>
  <si>
    <t>12/25/2019 18:28:26</t>
  </si>
  <si>
    <t>winrt--{S-1-5-21-602162358-764733703-839522115-352945}-.searchconnector-ms</t>
  </si>
  <si>
    <t>\\acsfs\profiles$\brunogdsi\Searches\winrt--{S-1-5-21-602162358-764733703-839522115-352945}-.searchconnector-ms</t>
  </si>
  <si>
    <t>12/25/2019 18:28:57</t>
  </si>
  <si>
    <t>12/25/2019 18:33:44</t>
  </si>
  <si>
    <t>12/25/2019 18:37:49</t>
  </si>
  <si>
    <t>12/25/2019 18:38:43</t>
  </si>
  <si>
    <t>12/25/2019 18:43:10</t>
  </si>
  <si>
    <t>12/25/2019 18:45:44</t>
  </si>
  <si>
    <t>12/25/2019 18:45:23</t>
  </si>
  <si>
    <t>12/25/2019 18:49:44</t>
  </si>
  <si>
    <t>12/25/2019 18:57:28</t>
  </si>
  <si>
    <t>12/25/2019 18:57:44</t>
  </si>
  <si>
    <t>taylaedoa</t>
  </si>
  <si>
    <t>\\acsfs\profiles$\taylaedoa\My Documents\My Pictures\</t>
  </si>
  <si>
    <t>\\acsfs\profiles$\taylaedoa\My Documents\My Videos\desktop.ini</t>
  </si>
  <si>
    <t>12/25/2019 18:57:31</t>
  </si>
  <si>
    <t>\\acsfs\profiles$\taylaedoa\My Documents\My Videos\</t>
  </si>
  <si>
    <t>12/25/2019 18:57:32</t>
  </si>
  <si>
    <t>12/25/2019 18:56:13</t>
  </si>
  <si>
    <t>12/25/2019 18:58:44</t>
  </si>
  <si>
    <t>12/25/2019 18:57:56</t>
  </si>
  <si>
    <t>12/25/2019 18:57:34</t>
  </si>
  <si>
    <t>12/25/2019 19:02:44</t>
  </si>
  <si>
    <t>12/25/2019 18:57:35</t>
  </si>
  <si>
    <t>12/25/2019 18:57:38</t>
  </si>
  <si>
    <t>\\acsfs\profiles$\taylaedoa\My Documents\My Music\</t>
  </si>
  <si>
    <t>\\acsfs\profiles$\taylaedoa\My Documents\My Pictures\desktop.ini</t>
  </si>
  <si>
    <t>12/25/2019 18:57:39</t>
  </si>
  <si>
    <t>12/25/2019 18:57:40</t>
  </si>
  <si>
    <t>12/25/2019 18:57:41</t>
  </si>
  <si>
    <t>12/25/2019 18:57:42</t>
  </si>
  <si>
    <t>\\acsfs\profiles$\taylaedoa\Contacts\</t>
  </si>
  <si>
    <t>\\acsfs\profiles$\taylaedoa\Contacts\desktop.ini</t>
  </si>
  <si>
    <t>12/25/2019 18:57:43</t>
  </si>
  <si>
    <t>12/25/2019 18:57:45</t>
  </si>
  <si>
    <t>12/25/2019 18:57:50</t>
  </si>
  <si>
    <t>12/25/2019 18:57:51</t>
  </si>
  <si>
    <t>\\acsfs\profiles$\taylaedoa\My Documents\</t>
  </si>
  <si>
    <t>\\acsfs\profiles$\taylaedoa\Favorites\desktop.ini</t>
  </si>
  <si>
    <t>12/25/2019 18:57:53</t>
  </si>
  <si>
    <t>12/25/2019 18:57:55</t>
  </si>
  <si>
    <t>12/25/2019 18:57:58</t>
  </si>
  <si>
    <t>12/25/2019 18:57:59</t>
  </si>
  <si>
    <t>12/25/2019 18:58:00</t>
  </si>
  <si>
    <t>12/25/2019 18:58:01</t>
  </si>
  <si>
    <t>\\acsfs\profiles$\taylaedoa\My Documents\My Music\desktop.ini</t>
  </si>
  <si>
    <t>12/25/2019 18:58:02</t>
  </si>
  <si>
    <t>12/25/2019 18:58:03</t>
  </si>
  <si>
    <t>12/25/2019 18:58:04</t>
  </si>
  <si>
    <t>12/25/2019 18:58:06</t>
  </si>
  <si>
    <t>12/25/2019 18:58:09</t>
  </si>
  <si>
    <t>\\acsfs\profiles$\taylaedoa\Searches\</t>
  </si>
  <si>
    <t>\\acsfs\profiles$\taylaedoa\Searches\desktop.ini</t>
  </si>
  <si>
    <t>12/25/2019 18:58:10</t>
  </si>
  <si>
    <t>12/25/2019 18:58:11</t>
  </si>
  <si>
    <t>12/25/2019 18:58:12</t>
  </si>
  <si>
    <t>12/25/2019 18:58:13</t>
  </si>
  <si>
    <t>\\acsfs\profiles$\taylaedoa\Downloads\</t>
  </si>
  <si>
    <t>\\acsfs\profiles$\taylaedoa\Downloads\desktop.ini</t>
  </si>
  <si>
    <t>12/25/2019 18:58:14</t>
  </si>
  <si>
    <t>12/25/2019 18:58:15</t>
  </si>
  <si>
    <t>\\acsfs\profiles$\taylaedoa\Favorites\</t>
  </si>
  <si>
    <t>\\acsfs\profiles$\taylaedoa\My Documents\desktop.ini</t>
  </si>
  <si>
    <t>12/25/2019 18:58:17</t>
  </si>
  <si>
    <t>12/25/2019 18:58:18</t>
  </si>
  <si>
    <t>12/25/2019 18:58:19</t>
  </si>
  <si>
    <t>12/25/2019 18:58:21</t>
  </si>
  <si>
    <t>12/25/2019 18:58:22</t>
  </si>
  <si>
    <t>12/25/2019 18:58:25</t>
  </si>
  <si>
    <t>\\acsfs\profiles$\taylaedoa\Saved Games\desktop.ini</t>
  </si>
  <si>
    <t>12/25/2019 18:58:27</t>
  </si>
  <si>
    <t>12/25/2019 18:58:56</t>
  </si>
  <si>
    <t>winrt--{S-1-5-21-602162358-764733703-839522115-358552}-.searchconnector-ms</t>
  </si>
  <si>
    <t>\\acsfs\profiles$\taylaedoa\Searches\winrt--{S-1-5-21-602162358-764733703-839522115-358552}-.searchconnector-ms</t>
  </si>
  <si>
    <t>12/25/2019 19:01:03</t>
  </si>
  <si>
    <t>ca9750a8-ce72-453c-94a6-e2537c16328c.tmp</t>
  </si>
  <si>
    <t>\\acsfs\profiles$\taylaedoa\Downloads\ca9750a8-ce72-453c-94a6-e2537c16328c.tmp</t>
  </si>
  <si>
    <t>12/25/2019 19:02:22</t>
  </si>
  <si>
    <t>bb1f34c8-d1d2-4796-a5ad-71851224d8cc.tmp</t>
  </si>
  <si>
    <t>\\acsfs\profiles$\taylaedoa\Downloads\bb1f34c8-d1d2-4796-a5ad-71851224d8cc.tmp</t>
  </si>
  <si>
    <t>12/25/2019 19:01:17</t>
  </si>
  <si>
    <t>12/25/2019 19:06:44</t>
  </si>
  <si>
    <t>12/25/2019 19:01:29</t>
  </si>
  <si>
    <t>12/25/2019 19:05:14</t>
  </si>
  <si>
    <t>12/25/2019 19:09:43</t>
  </si>
  <si>
    <t>12/25/2019 19:06:02</t>
  </si>
  <si>
    <t>12/25/2019 19:10:43</t>
  </si>
  <si>
    <t>12/25/2019 19:09:38</t>
  </si>
  <si>
    <t>12/25/2019 19:11:44</t>
  </si>
  <si>
    <t>12/25/2019 19:12:10</t>
  </si>
  <si>
    <t>12/25/2019 19:14:44</t>
  </si>
  <si>
    <t>12/25/2019 19:13:02</t>
  </si>
  <si>
    <t>12/25/2019 19:15:43</t>
  </si>
  <si>
    <t>12/25/2019 19:15:33</t>
  </si>
  <si>
    <t>12/25/2019 19:16:42</t>
  </si>
  <si>
    <t>12/25/2019 19:16:51</t>
  </si>
  <si>
    <t>12/25/2019 19:17:43</t>
  </si>
  <si>
    <t>12/25/2019 19:30:24</t>
  </si>
  <si>
    <t>12/25/2019 19:32:44</t>
  </si>
  <si>
    <t>12/25/2019 19:43:29</t>
  </si>
  <si>
    <t>12/25/2019 19:44:44</t>
  </si>
  <si>
    <t>12/25/2019 19:40:26</t>
  </si>
  <si>
    <t>12/25/2019 19:45:44</t>
  </si>
  <si>
    <t>12/25/2019 19:41:09</t>
  </si>
  <si>
    <t>12/25/2019 19:42:59</t>
  </si>
  <si>
    <t>12/25/2019 19:46:44</t>
  </si>
  <si>
    <t>12/25/2019 19:45:22</t>
  </si>
  <si>
    <t>12/25/2019 19:49:44</t>
  </si>
  <si>
    <t>12/25/2019 20:00:23</t>
  </si>
  <si>
    <t>12/25/2019 20:03:44</t>
  </si>
  <si>
    <t>12/25/2019 20:05:17</t>
  </si>
  <si>
    <t>12/25/2019 20:06:44</t>
  </si>
  <si>
    <t>12/25/2019 20:05:42</t>
  </si>
  <si>
    <t>12/25/2019 20:10:44</t>
  </si>
  <si>
    <t>12/25/2019 20:11:49</t>
  </si>
  <si>
    <t>12/25/2019 20:12:43</t>
  </si>
  <si>
    <t>12/25/2019 20:13:31</t>
  </si>
  <si>
    <t>12/25/2019 20:15:44</t>
  </si>
  <si>
    <t>12/25/2019 20:14:55</t>
  </si>
  <si>
    <t>12/25/2019 20:18:44</t>
  </si>
  <si>
    <t>12/25/2019 20:15:39</t>
  </si>
  <si>
    <t>12/25/2019 20:19:43</t>
  </si>
  <si>
    <t>12/25/2019 20:20:55</t>
  </si>
  <si>
    <t>12/25/2019 20:23:43</t>
  </si>
  <si>
    <t>12/25/2019 20:28:11</t>
  </si>
  <si>
    <t>12/25/2019 20:28:44</t>
  </si>
  <si>
    <t>12/25/2019 20:28:55</t>
  </si>
  <si>
    <t>12/25/2019 20:30:44</t>
  </si>
  <si>
    <t>12/25/2019 20:29:03</t>
  </si>
  <si>
    <t>12/25/2019 20:32:44</t>
  </si>
  <si>
    <t>12/25/2019 20:29:50</t>
  </si>
  <si>
    <t>372c1880-d198-4534-84af-ed707f9cfb94.tmp</t>
  </si>
  <si>
    <t>\\acsfs\profiles$\laurandos\Downloads\372c1880-d198-4534-84af-ed707f9cfb94.tmp</t>
  </si>
  <si>
    <t>12/25/2019 20:29:55</t>
  </si>
  <si>
    <t>59ec6c85-319a-4f30-87a2-48dad412cbc2.tmp</t>
  </si>
  <si>
    <t>\\acsfs\profiles$\laurandos\Downloads\59ec6c85-319a-4f30-87a2-48dad412cbc2.tmp</t>
  </si>
  <si>
    <t>12/25/2019 20:30:42</t>
  </si>
  <si>
    <t>e8be36b8-264a-4883-a21f-13dc1af02e80.tmp</t>
  </si>
  <si>
    <t>\\acsfs\profiles$\laurandos\Downloads\e8be36b8-264a-4883-a21f-13dc1af02e80.tmp</t>
  </si>
  <si>
    <t>12/25/2019 20:32:36</t>
  </si>
  <si>
    <t>12/25/2019 20:37:44</t>
  </si>
  <si>
    <t>12/25/2019 20:48:54</t>
  </si>
  <si>
    <t>12/25/2019 20:50:44</t>
  </si>
  <si>
    <t>12/25/2019 20:50:53</t>
  </si>
  <si>
    <t>12/25/2019 20:54:44</t>
  </si>
  <si>
    <t>12/25/2019 20:54:17</t>
  </si>
  <si>
    <t>12/25/2019 20:54:14</t>
  </si>
  <si>
    <t>12/25/2019 20:56:43</t>
  </si>
  <si>
    <t>12/25/2019 20:59:08</t>
  </si>
  <si>
    <t>12/25/2019 20:59:44</t>
  </si>
  <si>
    <t>1156cd7d-4f12-4e8a-bea3-8853769c8ac6.tmp</t>
  </si>
  <si>
    <t>\\acsfs\profiles$\fabianafv\Downloads\1156cd7d-4f12-4e8a-bea3-8853769c8ac6.tmp</t>
  </si>
  <si>
    <t>12/25/2019 20:57:18</t>
  </si>
  <si>
    <t>12/25/2019 21:01:44</t>
  </si>
  <si>
    <t>12/25/2019 21:04:45</t>
  </si>
  <si>
    <t>12/25/2019 21:06:44</t>
  </si>
  <si>
    <t>12/25/2019 21:06:45</t>
  </si>
  <si>
    <t>12/25/2019 21:10:44</t>
  </si>
  <si>
    <t>12/25/2019 21:13:05</t>
  </si>
  <si>
    <t>12/25/2019 21:14:45</t>
  </si>
  <si>
    <t>12/25/2019 21:12:40</t>
  </si>
  <si>
    <t>12/25/2019 21:11:04</t>
  </si>
  <si>
    <t>12/25/2019 21:15:44</t>
  </si>
  <si>
    <t>12/25/2019 21:13:32</t>
  </si>
  <si>
    <t>12/25/2019 21:10:56</t>
  </si>
  <si>
    <t>12/25/2019 21:16:45</t>
  </si>
  <si>
    <t>mail.google.com/sync/u/0/i/s?hl=pt-BR&amp;c=1717</t>
  </si>
  <si>
    <t>12/25/2019 21:11:11</t>
  </si>
  <si>
    <t>mail.google.com/sync/u/0/i/s?hl=pt-BR&amp;c=1721</t>
  </si>
  <si>
    <t>12/25/2019 21:11:14</t>
  </si>
  <si>
    <t>mail.google.com/sync/u/0/i/s?hl=pt-BR&amp;c=1723</t>
  </si>
  <si>
    <t>12/25/2019 21:11:30</t>
  </si>
  <si>
    <t>mail.google.com/sync/u/0/i/s?hl=pt-BR&amp;c=1726</t>
  </si>
  <si>
    <t>12/25/2019 21:11:41</t>
  </si>
  <si>
    <t>mail.google.com/sync/u/0/i/s?hl=pt-BR&amp;c=1728</t>
  </si>
  <si>
    <t>12/25/2019 21:11:52</t>
  </si>
  <si>
    <t>mail.google.com/_/upload?authuser=0&amp;dcp=asu-n&amp;upload_id=AEnB2Ur__EZHkbBFb2PsfVC36bpSEfo5z89D6L_2k297E4NrrAj9bKxUF2Ranx0LhXxKYfgArxof8yED2DiPd4S8p0b-_49QAkR66OvACmG88BADN4EFcjA&amp;upload_protocol=resumable</t>
  </si>
  <si>
    <t>Contatos Reneg Manual 24.12.xlsx</t>
  </si>
  <si>
    <t>12/25/2019 21:15:05</t>
  </si>
  <si>
    <t>mail.google.com/sync/u/0/i/s?hl=pt-BR&amp;c=1756</t>
  </si>
  <si>
    <t>ouvidoria@algar.com.br;thiagordu@algartech.com;</t>
  </si>
  <si>
    <t>ouvidoria@algar.com.br,thiagordu@algartech.com</t>
  </si>
  <si>
    <t>12/25/2019 21:18:53</t>
  </si>
  <si>
    <t>12/25/2019 21:20:45</t>
  </si>
  <si>
    <t>12/25/2019 21:18:56</t>
  </si>
  <si>
    <t>12/25/2019 21:22:51</t>
  </si>
  <si>
    <t>12/25/2019 21:26:45</t>
  </si>
  <si>
    <t>12/25/2019 21:24:57</t>
  </si>
  <si>
    <t>12/25/2019 21:32:03</t>
  </si>
  <si>
    <t>12/25/2019 21:35:46</t>
  </si>
  <si>
    <t>12/25/2019 21:33:55</t>
  </si>
  <si>
    <t>12/25/2019 21:36:46</t>
  </si>
  <si>
    <t>12/25/2019 21:36:25</t>
  </si>
  <si>
    <t>12/25/2019 21:37:46</t>
  </si>
  <si>
    <t>12/25/2019 21:38:05</t>
  </si>
  <si>
    <t>12/25/2019 21:39:46</t>
  </si>
  <si>
    <t>12/25/2019 21:43:12</t>
  </si>
  <si>
    <t>12/25/2019 21:45:47</t>
  </si>
  <si>
    <t>12/25/2019 21:43:31</t>
  </si>
  <si>
    <t>12/25/2019 21:43:34</t>
  </si>
  <si>
    <t>joaogvc@algartech.com;josiascdsj@algartech.com;marianadjc@algartech.com;rafaelggs@algartech.com;taysdss@algartech.com;viniciussg@algartech.com;</t>
  </si>
  <si>
    <t>joaogvc@algartech.com,josiascdsj@algartech.com,marianadjc@algartech.com,rafaelggs@algartech.com,taysdss@algartech.com,viniciussg@algartech.com</t>
  </si>
  <si>
    <t>12/25/2019 21:43:51</t>
  </si>
  <si>
    <t>12/25/2019 21:43:55</t>
  </si>
  <si>
    <t>12/25/2019 21:44:11</t>
  </si>
  <si>
    <t>12/25/2019 21:44:12</t>
  </si>
  <si>
    <t>12/25/2019 21:44:32</t>
  </si>
  <si>
    <t>12/25/2019 21:46:46</t>
  </si>
  <si>
    <t>12/25/2019 21:45:42</t>
  </si>
  <si>
    <t>12/25/2019 21:49:47</t>
  </si>
  <si>
    <t>12/25/2019 21:51:16</t>
  </si>
  <si>
    <t>12/25/2019 21:56:47</t>
  </si>
  <si>
    <t>12/25/2019 21:57:56</t>
  </si>
  <si>
    <t>12/25/2019 22:02:47</t>
  </si>
  <si>
    <t>12/25/2019 22:02:37</t>
  </si>
  <si>
    <t>12/25/2019 22:05:46</t>
  </si>
  <si>
    <t>12/25/2019 22:01:25</t>
  </si>
  <si>
    <t>12/25/2019 22:03:12</t>
  </si>
  <si>
    <t>12/25/2019 22:06:47</t>
  </si>
  <si>
    <t>10.200.67.224</t>
  </si>
  <si>
    <t>D0-94-66-B5-4E-B0</t>
  </si>
  <si>
    <t>VOTORANT-PB019</t>
  </si>
  <si>
    <t>12/25/2019 22:02:35</t>
  </si>
  <si>
    <t>12/25/2019 22:09:47</t>
  </si>
  <si>
    <t>mail.google.com/sync/u/0/i/s?hl=pt-BR&amp;c=27</t>
  </si>
  <si>
    <t>12/25/2019 22:02:39</t>
  </si>
  <si>
    <t>12/25/2019 22:02:44</t>
  </si>
  <si>
    <t>12/25/2019 22:19:11</t>
  </si>
  <si>
    <t>12/25/2019 22:23:46</t>
  </si>
  <si>
    <t>12/25/2019 22:26:35</t>
  </si>
  <si>
    <t>12/25/2019 22:27:45</t>
  </si>
  <si>
    <t>12/25/2019 22:26:00</t>
  </si>
  <si>
    <t>12/25/2019 22:31:46</t>
  </si>
  <si>
    <t>12/25/2019 22:38:04</t>
  </si>
  <si>
    <t>12/25/2019 22:40:46</t>
  </si>
  <si>
    <t>12/25/2019 22:39:42</t>
  </si>
  <si>
    <t>12/25/2019 22:41:12</t>
  </si>
  <si>
    <t>12/25/2019 22:44:46</t>
  </si>
  <si>
    <t>12/25/2019 22:41:23</t>
  </si>
  <si>
    <t>12/25/2019 22:45:45</t>
  </si>
  <si>
    <t>12/25/2019 22:44:29</t>
  </si>
  <si>
    <t>12/25/2019 22:46:14</t>
  </si>
  <si>
    <t>12/25/2019 22:49:46</t>
  </si>
  <si>
    <t>12/25/2019 22:48:01</t>
  </si>
  <si>
    <t>12/25/2019 22:50:46</t>
  </si>
  <si>
    <t>12/25/2019 23:04:14</t>
  </si>
  <si>
    <t>12/25/2019 23:05:47</t>
  </si>
  <si>
    <t>12/25/2019 23:11:02</t>
  </si>
  <si>
    <t>12/25/2019 23:12:47</t>
  </si>
  <si>
    <t>12/25/2019 23:14:18</t>
  </si>
  <si>
    <t>12/25/2019 23:15:47</t>
  </si>
  <si>
    <t>12/25/2019 23:15:54</t>
  </si>
  <si>
    <t>12/25/2019 23:18:47</t>
  </si>
  <si>
    <t>12/25/2019 23:16:01</t>
  </si>
  <si>
    <t>12/25/2019 23:19:47</t>
  </si>
  <si>
    <t>12/25/2019 23:15:35</t>
  </si>
  <si>
    <t>12/25/2019 23:20:46</t>
  </si>
  <si>
    <t>12/25/2019 23:21:06</t>
  </si>
  <si>
    <t>12/25/2019 23:22:47</t>
  </si>
  <si>
    <t>12/25/2019 23:22:10</t>
  </si>
  <si>
    <t>12/25/2019 23:23:46</t>
  </si>
  <si>
    <t>12/25/2019 23:24:18</t>
  </si>
  <si>
    <t>12/25/2019 23:27:46</t>
  </si>
  <si>
    <t>6f1347a1-ed54-4311-99af-2e3c3e662ca2.tmp</t>
  </si>
  <si>
    <t>\\acsfs\profiles$\taylaedoa\Downloads\6f1347a1-ed54-4311-99af-2e3c3e662ca2.tmp</t>
  </si>
  <si>
    <t>12/25/2019 23:28:16</t>
  </si>
  <si>
    <t>12/25/2019 23:30:47</t>
  </si>
  <si>
    <t>12/25/2019 23:30:28</t>
  </si>
  <si>
    <t>12/25/2019 23:32:47</t>
  </si>
  <si>
    <t>12/25/2019 23:38:24</t>
  </si>
  <si>
    <t>12/25/2019 23:42:46</t>
  </si>
  <si>
    <t>10.200.67.5</t>
  </si>
  <si>
    <t>34-E6-D7-FC-BF-4C</t>
  </si>
  <si>
    <t>VOTORANT-VB018</t>
  </si>
  <si>
    <t>adrieledgc</t>
  </si>
  <si>
    <t>\\acsfs\profiles$\Adrieledgc\Downloads\</t>
  </si>
  <si>
    <t>76c6bec3-2ce9-4405-827e-91e5f1179ad4.tmp</t>
  </si>
  <si>
    <t>\\acsfs\profiles$\Adrieledgc\Downloads\76c6bec3-2ce9-4405-827e-91e5f1179ad4.tmp</t>
  </si>
  <si>
    <t>12/25/2019 23:39:20</t>
  </si>
  <si>
    <t>afc76d02-400f-489c-adff-f4ea0fc0d369.tmp</t>
  </si>
  <si>
    <t>\\acsfs\profiles$\Adrieledgc\Downloads\afc76d02-400f-489c-adff-f4ea0fc0d369.tmp</t>
  </si>
  <si>
    <t>12/25/2019 23:40:14</t>
  </si>
  <si>
    <t>12/25/2019 23:41:15</t>
  </si>
  <si>
    <t>12/25/2019 23:45:46</t>
  </si>
  <si>
    <t>12/25/2019 23:44:35</t>
  </si>
  <si>
    <t>12/25/2019 23:46:47</t>
  </si>
  <si>
    <t>12/25/2019 23:43:14</t>
  </si>
  <si>
    <t>12/25/2019 23:47:46</t>
  </si>
  <si>
    <t>12/25/2019 23:49:30</t>
  </si>
  <si>
    <t>12/25/2019 23:50:47</t>
  </si>
  <si>
    <t>12/25/2019 23:50:39</t>
  </si>
  <si>
    <t>12/25/2019 23:51:46</t>
  </si>
  <si>
    <t>rogeriofd</t>
  </si>
  <si>
    <t>\\acsfs\profiles$\rogeriofd\Downloads\</t>
  </si>
  <si>
    <t>c785d9db-4661-4d1a-be3a-3c157cead036.tmp</t>
  </si>
  <si>
    <t>\\acsfs\profiles$\rogeriofd\Downloads\c785d9db-4661-4d1a-be3a-3c157cead036.tmp</t>
  </si>
  <si>
    <t>12/25/2019 23:50:14</t>
  </si>
  <si>
    <t>12/25/2019 23:54:47</t>
  </si>
  <si>
    <t>12/25/2019 23:51:38</t>
  </si>
  <si>
    <t>12/25/2019 23:56:47</t>
  </si>
  <si>
    <t>cd4dcca9-2e2a-4e74-ad08-ab7c6e440528.tmp</t>
  </si>
  <si>
    <t>\\acsfs\profiles$\rogeriofd\Downloads\cd4dcca9-2e2a-4e74-ad08-ab7c6e440528.tmp</t>
  </si>
  <si>
    <t>12/25/2019 23:57:02</t>
  </si>
  <si>
    <t>12/25/2019 23:59:46</t>
  </si>
  <si>
    <t>12/25/2019 23:56:46</t>
  </si>
  <si>
    <t>12/26/2019 00:01:46</t>
  </si>
  <si>
    <t>12/26/2019 00:02:12</t>
  </si>
  <si>
    <t>12/26/2019 00:03:46</t>
  </si>
  <si>
    <t>12/26/2019 00:03:51</t>
  </si>
  <si>
    <t>12/26/2019 00:05:47</t>
  </si>
  <si>
    <t>12/26/2019 00:04:41</t>
  </si>
  <si>
    <t>12/26/2019 00:02:28</t>
  </si>
  <si>
    <t>12/26/2019 00:04:51</t>
  </si>
  <si>
    <t>12/26/2019 00:03:13</t>
  </si>
  <si>
    <t>12/26/2019 00:06:46</t>
  </si>
  <si>
    <t>12/26/2019 00:04:31</t>
  </si>
  <si>
    <t>12/26/2019 00:04:59</t>
  </si>
  <si>
    <t>12/26/2019 00:03:32</t>
  </si>
  <si>
    <t>12/26/2019 00:07:46</t>
  </si>
  <si>
    <t>10.200.67.207</t>
  </si>
  <si>
    <t>D0-94-66-B5-52-D2</t>
  </si>
  <si>
    <t>VOTORANT-RB016</t>
  </si>
  <si>
    <t>12/26/2019 00:05:52</t>
  </si>
  <si>
    <t>12/26/2019 00:09:47</t>
  </si>
  <si>
    <t>12/26/2019 00:07:54</t>
  </si>
  <si>
    <t>12/26/2019 00:06:58</t>
  </si>
  <si>
    <t>12/26/2019 00:10:46</t>
  </si>
  <si>
    <t>12/26/2019 00:09:36</t>
  </si>
  <si>
    <t>12/26/2019 00:11:46</t>
  </si>
  <si>
    <t>12/26/2019 00:10:31</t>
  </si>
  <si>
    <t>12/26/2019 00:12:46</t>
  </si>
  <si>
    <t>12/26/2019 00:10:57</t>
  </si>
  <si>
    <t>12/26/2019 00:12:26</t>
  </si>
  <si>
    <t>12/26/2019 00:13:46</t>
  </si>
  <si>
    <t>12/26/2019 00:13:05</t>
  </si>
  <si>
    <t>12/26/2019 00:14:47</t>
  </si>
  <si>
    <t>12/26/2019 00:13:12</t>
  </si>
  <si>
    <t>12/26/2019 00:15:46</t>
  </si>
  <si>
    <t>12/26/2019 00:13:08</t>
  </si>
  <si>
    <t>12/26/2019 00:13:53</t>
  </si>
  <si>
    <t>12/26/2019 00:14:26</t>
  </si>
  <si>
    <t>12/26/2019 00:12:13</t>
  </si>
  <si>
    <t>12/26/2019 00:17:46</t>
  </si>
  <si>
    <t>12/26/2019 00:15:38</t>
  </si>
  <si>
    <t>12/26/2019 00:14:36</t>
  </si>
  <si>
    <t>12/26/2019 00:19:46</t>
  </si>
  <si>
    <t>12/26/2019 00:17:34</t>
  </si>
  <si>
    <t>12/26/2019 00:21:46</t>
  </si>
  <si>
    <t>12/26/2019 00:21:27</t>
  </si>
  <si>
    <t>12/26/2019 00:22:45</t>
  </si>
  <si>
    <t>12/26/2019 00:24:25</t>
  </si>
  <si>
    <t>12/26/2019 00:27:46</t>
  </si>
  <si>
    <t>12/26/2019 00:26:11</t>
  </si>
  <si>
    <t>12/26/2019 00:28:46</t>
  </si>
  <si>
    <t>12/26/2019 00:34:21</t>
  </si>
  <si>
    <t>12/26/2019 00:36:46</t>
  </si>
  <si>
    <t>12/26/2019 00:42:41</t>
  </si>
  <si>
    <t>12/26/2019 00:44:46</t>
  </si>
  <si>
    <t>12/26/2019 00:42:02</t>
  </si>
  <si>
    <t>12/26/2019 00:45:46</t>
  </si>
  <si>
    <t>12/26/2019 00:43:09</t>
  </si>
  <si>
    <t>12/26/2019 00:47:32</t>
  </si>
  <si>
    <t>12/26/2019 00:49:47</t>
  </si>
  <si>
    <t>12/26/2019 00:45:39</t>
  </si>
  <si>
    <t>12/26/2019 00:50:46</t>
  </si>
  <si>
    <t>12/26/2019 00:50:40</t>
  </si>
  <si>
    <t>12/26/2019 00:55:46</t>
  </si>
  <si>
    <t>12/26/2019 00:54:46</t>
  </si>
  <si>
    <t>12/26/2019 00:56:53</t>
  </si>
  <si>
    <t>12/26/2019 00:58:47</t>
  </si>
  <si>
    <t>12/26/2019 01:02:42</t>
  </si>
  <si>
    <t>12/26/2019 01:13:48</t>
  </si>
  <si>
    <t>12/26/2019 01:10:36</t>
  </si>
  <si>
    <t>12/26/2019 01:15:48</t>
  </si>
  <si>
    <t>12/26/2019 01:15:01</t>
  </si>
  <si>
    <t>12/26/2019 01:16:48</t>
  </si>
  <si>
    <t>12/26/2019 01:24:53</t>
  </si>
  <si>
    <t>12/26/2019 01:25:48</t>
  </si>
  <si>
    <t>12/26/2019 01:23:53</t>
  </si>
  <si>
    <t>12/26/2019 01:27:48</t>
  </si>
  <si>
    <t>12/26/2019 01:25:54</t>
  </si>
  <si>
    <t>12/26/2019 01:35:30</t>
  </si>
  <si>
    <t>12/26/2019 01:37:48</t>
  </si>
  <si>
    <t>12/26/2019 01:40:32</t>
  </si>
  <si>
    <t>12/26/2019 01:41:49</t>
  </si>
  <si>
    <t>12/26/2019 01:43:44</t>
  </si>
  <si>
    <t>12/26/2019 01:48:48</t>
  </si>
  <si>
    <t>12/26/2019 02:00:36</t>
  </si>
  <si>
    <t>12/26/2019 02:02:48</t>
  </si>
  <si>
    <t>a9f848a5-2688-40e7-aa20-10afa288d913.tmp</t>
  </si>
  <si>
    <t>\\acsfs\profiles$\Adrieledgc\Downloads\a9f848a5-2688-40e7-aa20-10afa288d913.tmp</t>
  </si>
  <si>
    <t>12/26/2019 02:00:55</t>
  </si>
  <si>
    <t>a579bcd3-76af-4f04-b952-ba2a2cd2e5a9.tmp</t>
  </si>
  <si>
    <t>\\acsfs\profiles$\Adrieledgc\Downloads\a579bcd3-76af-4f04-b952-ba2a2cd2e5a9.tmp</t>
  </si>
  <si>
    <t>12/26/2019 02:02:33</t>
  </si>
  <si>
    <t>12/26/2019 02:06:47</t>
  </si>
  <si>
    <t>12/26/2019 02:04:05</t>
  </si>
  <si>
    <t>12/26/2019 02:07:47</t>
  </si>
  <si>
    <t>12/26/2019 02:05:13</t>
  </si>
  <si>
    <t>23a5abb0-cbc4-4541-af50-e2570ea83aca.tmp</t>
  </si>
  <si>
    <t>\\acsfs\profiles$\Adrieledgc\Downloads\23a5abb0-cbc4-4541-af50-e2570ea83aca.tmp</t>
  </si>
  <si>
    <t>12/26/2019 02:05:46</t>
  </si>
  <si>
    <t>12/26/2019 02:10:47</t>
  </si>
  <si>
    <t>12/26/2019 02:07:40</t>
  </si>
  <si>
    <t>12/26/2019 02:12:48</t>
  </si>
  <si>
    <t>12/26/2019 02:12:44</t>
  </si>
  <si>
    <t>12/26/2019 02:14:48</t>
  </si>
  <si>
    <t>12/26/2019 02:13:31</t>
  </si>
  <si>
    <t>12/26/2019 02:16:48</t>
  </si>
  <si>
    <t>12/26/2019 02:15:14</t>
  </si>
  <si>
    <t>b2b16416-c96a-448a-9db6-b160a86e0cd2.tmp</t>
  </si>
  <si>
    <t>\\acsfs\profiles$\rogeriofd\Downloads\b2b16416-c96a-448a-9db6-b160a86e0cd2.tmp</t>
  </si>
  <si>
    <t>12/26/2019 02:19:01</t>
  </si>
  <si>
    <t>12/26/2019 02:19:48</t>
  </si>
  <si>
    <t>12/26/2019 02:21:06</t>
  </si>
  <si>
    <t>12/26/2019 02:23:48</t>
  </si>
  <si>
    <t>12/26/2019 02:24:35</t>
  </si>
  <si>
    <t>12/26/2019 02:25:49</t>
  </si>
  <si>
    <t>12/26/2019 02:25:00</t>
  </si>
  <si>
    <t>12/26/2019 02:27:48</t>
  </si>
  <si>
    <t>12/26/2019 02:26:09</t>
  </si>
  <si>
    <t>12/26/2019 02:30:48</t>
  </si>
  <si>
    <t>12/26/2019 02:28:57</t>
  </si>
  <si>
    <t>12/26/2019 02:31:48</t>
  </si>
  <si>
    <t>12/26/2019 02:34:15</t>
  </si>
  <si>
    <t>12/26/2019 02:37:48</t>
  </si>
  <si>
    <t>12/26/2019 02:36:35</t>
  </si>
  <si>
    <t>12/26/2019 02:40:48</t>
  </si>
  <si>
    <t>12/26/2019 02:49:11</t>
  </si>
  <si>
    <t>12/26/2019 02:51:49</t>
  </si>
  <si>
    <t>12/26/2019 02:53:58</t>
  </si>
  <si>
    <t>12/26/2019 02:56:49</t>
  </si>
  <si>
    <t>12/26/2019 03:06:43</t>
  </si>
  <si>
    <t>12/26/2019 03:10:49</t>
  </si>
  <si>
    <t>12/26/2019 03:12:17</t>
  </si>
  <si>
    <t>12/26/2019 03:13:48</t>
  </si>
  <si>
    <t>12/26/2019 03:13:06</t>
  </si>
  <si>
    <t>12/26/2019 03:14:49</t>
  </si>
  <si>
    <t>12/26/2019 03:10:32</t>
  </si>
  <si>
    <t>12/26/2019 03:15:48</t>
  </si>
  <si>
    <t>12/26/2019 03:14:13</t>
  </si>
  <si>
    <t>12/26/2019 03:16:58</t>
  </si>
  <si>
    <t>12/26/2019 03:19:48</t>
  </si>
  <si>
    <t>12/26/2019 03:18:56</t>
  </si>
  <si>
    <t>12/26/2019 03:20:49</t>
  </si>
  <si>
    <t>12/26/2019 03:19:16</t>
  </si>
  <si>
    <t>12/26/2019 03:21:48</t>
  </si>
  <si>
    <t>12/26/2019 03:21:21</t>
  </si>
  <si>
    <t>12/26/2019 03:25:48</t>
  </si>
  <si>
    <t>12/26/2019 03:29:15</t>
  </si>
  <si>
    <t>12/26/2019 03:29:49</t>
  </si>
  <si>
    <t>12/26/2019 03:26:01</t>
  </si>
  <si>
    <t>12/26/2019 03:31:49</t>
  </si>
  <si>
    <t>12/26/2019 03:32:02</t>
  </si>
  <si>
    <t>12/26/2019 03:35:48</t>
  </si>
  <si>
    <t>12/26/2019 03:33:35</t>
  </si>
  <si>
    <t>12/26/2019 03:36:48</t>
  </si>
  <si>
    <t>12/26/2019 03:36:56</t>
  </si>
  <si>
    <t>12/26/2019 03:41:48</t>
  </si>
  <si>
    <t>12/26/2019 03:43:33</t>
  </si>
  <si>
    <t>12/26/2019 03:45:48</t>
  </si>
  <si>
    <t>12/26/2019 03:45:15</t>
  </si>
  <si>
    <t>12/26/2019 03:47:48</t>
  </si>
  <si>
    <t>12/26/2019 03:45:42</t>
  </si>
  <si>
    <t>12/26/2019 03:48:49</t>
  </si>
  <si>
    <t>12/26/2019 03:48:51</t>
  </si>
  <si>
    <t>12/26/2019 03:49:48</t>
  </si>
  <si>
    <t>12/26/2019 03:50:02</t>
  </si>
  <si>
    <t>12/26/2019 03:53:48</t>
  </si>
  <si>
    <t>12/26/2019 03:49:31</t>
  </si>
  <si>
    <t>12/26/2019 03:54:48</t>
  </si>
  <si>
    <t>12/26/2019 03:51:14</t>
  </si>
  <si>
    <t>12/26/2019 03:56:48</t>
  </si>
  <si>
    <t>12/26/2019 03:54:23</t>
  </si>
  <si>
    <t>12/26/2019 03:57:47</t>
  </si>
  <si>
    <t>12/26/2019 03:57:28</t>
  </si>
  <si>
    <t>12/26/2019 03:58:48</t>
  </si>
  <si>
    <t>12/26/2019 03:56:09</t>
  </si>
  <si>
    <t>12/26/2019 03:59:48</t>
  </si>
  <si>
    <t>12/26/2019 03:57:39</t>
  </si>
  <si>
    <t>12/26/2019 04:01:48</t>
  </si>
  <si>
    <t>12/26/2019 04:01:01</t>
  </si>
  <si>
    <t>12/26/2019 04:02:47</t>
  </si>
  <si>
    <t>12/26/2019 04:01:03</t>
  </si>
  <si>
    <t>12/26/2019 04:01:59</t>
  </si>
  <si>
    <t>12/26/2019 04:04:47</t>
  </si>
  <si>
    <t>12/26/2019 04:05:06</t>
  </si>
  <si>
    <t>12/26/2019 04:05:48</t>
  </si>
  <si>
    <t>12/26/2019 04:04:14</t>
  </si>
  <si>
    <t>12/26/2019 04:06:48</t>
  </si>
  <si>
    <t>12/26/2019 04:04:41</t>
  </si>
  <si>
    <t>12/26/2019 04:10:33</t>
  </si>
  <si>
    <t>12/26/2019 04:11:48</t>
  </si>
  <si>
    <t>12/26/2019 04:08:08</t>
  </si>
  <si>
    <t>12/26/2019 04:12:48</t>
  </si>
  <si>
    <t>12/26/2019 04:09:00</t>
  </si>
  <si>
    <t>12/26/2019 04:11:23</t>
  </si>
  <si>
    <t>12/26/2019 04:14:49</t>
  </si>
  <si>
    <t>12/26/2019 04:13:00</t>
  </si>
  <si>
    <t>12/26/2019 04:15:48</t>
  </si>
  <si>
    <t>12/26/2019 04:17:59</t>
  </si>
  <si>
    <t>12/26/2019 04:20:48</t>
  </si>
  <si>
    <t>12/26/2019 04:17:45</t>
  </si>
  <si>
    <t>12/26/2019 04:18:56</t>
  </si>
  <si>
    <t>12/26/2019 04:22:34</t>
  </si>
  <si>
    <t>12/26/2019 04:24:49</t>
  </si>
  <si>
    <t>12/26/2019 04:30:12</t>
  </si>
  <si>
    <t>12/26/2019 04:35:50</t>
  </si>
  <si>
    <t>12/26/2019 04:36:02</t>
  </si>
  <si>
    <t>12/26/2019 04:36:51</t>
  </si>
  <si>
    <t>12/26/2019 04:35:28</t>
  </si>
  <si>
    <t>12/26/2019 04:38:51</t>
  </si>
  <si>
    <t>12/26/2019 04:39:02</t>
  </si>
  <si>
    <t>12/26/2019 04:40:50</t>
  </si>
  <si>
    <t>12/26/2019 04:36:42</t>
  </si>
  <si>
    <t>12/26/2019 04:41:50</t>
  </si>
  <si>
    <t>12/26/2019 04:39:32</t>
  </si>
  <si>
    <t>12/26/2019 04:42:38</t>
  </si>
  <si>
    <t>12/26/2019 04:46:50</t>
  </si>
  <si>
    <t>12/26/2019 04:47:25</t>
  </si>
  <si>
    <t>12/26/2019 04:51:50</t>
  </si>
  <si>
    <t>12/26/2019 04:51:18</t>
  </si>
  <si>
    <t>12/26/2019 04:54:41</t>
  </si>
  <si>
    <t>12/26/2019 04:57:49</t>
  </si>
  <si>
    <t>12/26/2019 04:58:01</t>
  </si>
  <si>
    <t>12/26/2019 05:00:49</t>
  </si>
  <si>
    <t>12/26/2019 05:10:46</t>
  </si>
  <si>
    <t>12/26/2019 05:11:49</t>
  </si>
  <si>
    <t>12/26/2019 05:12:19</t>
  </si>
  <si>
    <t>12/26/2019 05:13:49</t>
  </si>
  <si>
    <t>12/26/2019 05:12:30</t>
  </si>
  <si>
    <t>12/26/2019 05:14:49</t>
  </si>
  <si>
    <t>12/26/2019 05:17:30</t>
  </si>
  <si>
    <t>12/26/2019 05:18:49</t>
  </si>
  <si>
    <t>12/26/2019 05:23:38</t>
  </si>
  <si>
    <t>12/26/2019 05:25:50</t>
  </si>
  <si>
    <t>12/26/2019 05:21:35</t>
  </si>
  <si>
    <t>12/26/2019 05:33:21</t>
  </si>
  <si>
    <t>12/26/2019 05:35:50</t>
  </si>
  <si>
    <t>12/26/2019 05:36:04</t>
  </si>
  <si>
    <t>12/26/2019 05:41:49</t>
  </si>
  <si>
    <t>12/26/2019 05:39:24</t>
  </si>
  <si>
    <t>12/26/2019 05:42:49</t>
  </si>
  <si>
    <t>12/26/2019 05:48:16</t>
  </si>
  <si>
    <t>12/26/2019 05:49:49</t>
  </si>
  <si>
    <t>12/26/2019 05:50:14</t>
  </si>
  <si>
    <t>12/26/2019 05:54:50</t>
  </si>
  <si>
    <t>12/26/2019 05:56:13</t>
  </si>
  <si>
    <t>12/26/2019 05:57:49</t>
  </si>
  <si>
    <t>12/26/2019 05:52:51</t>
  </si>
  <si>
    <t>12/26/2019 05:55:07</t>
  </si>
  <si>
    <t>12/26/2019 05:59:50</t>
  </si>
  <si>
    <t>12/26/2019 05:58:29</t>
  </si>
  <si>
    <t>12/26/2019 06:01:50</t>
  </si>
  <si>
    <t>12/26/2019 06:00:25</t>
  </si>
  <si>
    <t>12/26/2019 06:05:26</t>
  </si>
  <si>
    <t>12/26/2019 06:10:49</t>
  </si>
  <si>
    <t>12/26/2019 06:09:38</t>
  </si>
  <si>
    <t>12/26/2019 06:11:50</t>
  </si>
  <si>
    <t>12/26/2019 06:07:20</t>
  </si>
  <si>
    <t>10.200.67.1</t>
  </si>
  <si>
    <t>lucasqdss</t>
  </si>
  <si>
    <t>\\acsfs\profiles$\lucasqdss\Downloads\</t>
  </si>
  <si>
    <t>16ad1d08-a25c-48a5-9d62-2497e9b4a20b.tmp</t>
  </si>
  <si>
    <t>\\acsfs\profiles$\lucasqdss\Downloads\16ad1d08-a25c-48a5-9d62-2497e9b4a20b.tmp</t>
  </si>
  <si>
    <t>12/26/2019 06:09:36</t>
  </si>
  <si>
    <t>368d954d-1435-4739-89c5-2b400263b630.tmp</t>
  </si>
  <si>
    <t>\\acsfs\profiles$\lucasqdss\Downloads\368d954d-1435-4739-89c5-2b400263b630.tmp</t>
  </si>
  <si>
    <t>12/26/2019 06:12:16</t>
  </si>
  <si>
    <t>12/26/2019 06:15:50</t>
  </si>
  <si>
    <t>12/26/2019 06:15:16</t>
  </si>
  <si>
    <t>12/26/2019 06:18:51</t>
  </si>
  <si>
    <t>12/26/2019 06:39:31</t>
  </si>
  <si>
    <t>12/26/2019 06:40:49</t>
  </si>
  <si>
    <t>12/26/2019 06:42:03</t>
  </si>
  <si>
    <t>12/26/2019 06:45:49</t>
  </si>
  <si>
    <t>12/26/2019 06:42:47</t>
  </si>
  <si>
    <t>12/26/2019 06:46:49</t>
  </si>
  <si>
    <t>12/26/2019 06:41:39</t>
  </si>
  <si>
    <t>\\acsfs\profiles$\albertofn\Contacts\</t>
  </si>
  <si>
    <t>ALBERTO FERREIRA NETO (7053).contact</t>
  </si>
  <si>
    <t>\\acsfs\profiles$\albertofn\Contacts\ALBERTO FERREIRA NETO (7053).contact</t>
  </si>
  <si>
    <t>12/26/2019 06:41:52</t>
  </si>
  <si>
    <t>\\acsfs\profiles$\albertofn\My Documents\My Videos\</t>
  </si>
  <si>
    <t>\\acsfs\profiles$\albertofn\My Documents\My Videos\desktop.ini</t>
  </si>
  <si>
    <t>12/26/2019 06:41:53</t>
  </si>
  <si>
    <t>\\acsfs\profiles$\albertofn\My Documents\My Pictures\</t>
  </si>
  <si>
    <t>\\acsfs\profiles$\albertofn\My Documents\My Pictures\desktop.ini</t>
  </si>
  <si>
    <t>\\acsfs\profiles$\albertofn\Contacts\desktop.ini</t>
  </si>
  <si>
    <t>12/26/2019 06:41:54</t>
  </si>
  <si>
    <t>\\acsfs\profiles$\albertofn\Favorites\</t>
  </si>
  <si>
    <t>\\acsfs\profiles$\albertofn\Favorites\desktop.ini</t>
  </si>
  <si>
    <t>\\acsfs\profiles$\albertofn\My Documents\My Music\</t>
  </si>
  <si>
    <t>\\acsfs\profiles$\albertofn\My Documents\My Music\desktop.ini</t>
  </si>
  <si>
    <t>12/26/2019 06:41:55</t>
  </si>
  <si>
    <t>\\acsfs\profiles$\albertofn\Searches\</t>
  </si>
  <si>
    <t>\\acsfs\profiles$\albertofn\Searches\desktop.ini</t>
  </si>
  <si>
    <t>12/26/2019 06:41:56</t>
  </si>
  <si>
    <t>\\acsfs\profiles$\albertofn\Downloads\</t>
  </si>
  <si>
    <t>\\acsfs\profiles$\albertofn\Downloads\desktop.ini</t>
  </si>
  <si>
    <t>\\acsfs\profiles$\albertofn\My Documents\</t>
  </si>
  <si>
    <t>\\acsfs\profiles$\albertofn\My Documents\desktop.ini</t>
  </si>
  <si>
    <t>12/26/2019 06:41:57</t>
  </si>
  <si>
    <t>\\acsfs\profiles$\albertofn\Saved Games\</t>
  </si>
  <si>
    <t>\\acsfs\profiles$\albertofn\Saved Games\desktop.ini</t>
  </si>
  <si>
    <t>12/26/2019 06:41:58</t>
  </si>
  <si>
    <t>12/26/2019 06:42:07</t>
  </si>
  <si>
    <t>\\acsfs\profiles$\albertofn\Favorites\Links for Brasil\</t>
  </si>
  <si>
    <t>\\acsfs\profiles$\albertofn\Favorites\Links for Brasil\desktop.ini</t>
  </si>
  <si>
    <t>\\acsfs\profiles$\albertofn\Favorites\Links for Brasil\Microsoft Brasil.url</t>
  </si>
  <si>
    <t>\\acsfs\profiles$\albertofn\Favorites\Links for Brasil\Windows Brasil.url</t>
  </si>
  <si>
    <t>12/26/2019 06:42:08</t>
  </si>
  <si>
    <t>\\acsfs\profiles$\albertofn\Favorites\Links for Brasil\MSN Brasil.url</t>
  </si>
  <si>
    <t>12/26/2019 06:43:51</t>
  </si>
  <si>
    <t>\\acsfs\profiles$\albertofn\Favorites\Links\Citrix Receiver.url\</t>
  </si>
  <si>
    <t>\\acsfs\profiles$\albertofn\Favorites\Links\Citrix Receiver.url\:favicon:$DATA</t>
  </si>
  <si>
    <t>12/26/2019 06:46:15</t>
  </si>
  <si>
    <t>12/26/2019 06:48:49</t>
  </si>
  <si>
    <t>$IKL3NJ4.pdf</t>
  </si>
  <si>
    <t>\\acsfs\profiles$\brendavdoa\My Documents\$RECYCLE.BIN\$IKL3NJ4.pdf</t>
  </si>
  <si>
    <t>12/26/2019 06:46:31</t>
  </si>
  <si>
    <t>\\acsfs\profiles$\brendavdoa\Favorites\Citrix Receiver.url:favicon</t>
  </si>
  <si>
    <t>12/26/2019 06:46:32</t>
  </si>
  <si>
    <t>12/26/2019 06:46:53</t>
  </si>
  <si>
    <t>12/26/2019 06:49:50</t>
  </si>
  <si>
    <t>12/26/2019 06:47:30</t>
  </si>
  <si>
    <t>12/26/2019 06:51:50</t>
  </si>
  <si>
    <t>296c170a-2d4c-4fe3-b302-e7194a8ef1ba.tmp</t>
  </si>
  <si>
    <t>\\acsfs\profiles$\nathaliadf\Downloads\296c170a-2d4c-4fe3-b302-e7194a8ef1ba.tmp</t>
  </si>
  <si>
    <t>12/26/2019 06:48:43</t>
  </si>
  <si>
    <t>2263b4d2-ce13-41a4-b1ce-2b97d0c3aa0f.tmp</t>
  </si>
  <si>
    <t>\\acsfs\profiles$\nathaliadf\Downloads\2263b4d2-ce13-41a4-b1ce-2b97d0c3aa0f.tmp</t>
  </si>
  <si>
    <t>12/26/2019 06:49:15</t>
  </si>
  <si>
    <t>4e102ab1-98c7-4ea4-940c-566d209de8a0.tmp</t>
  </si>
  <si>
    <t>\\acsfs\profiles$\nathaliadf\Downloads\4e102ab1-98c7-4ea4-940c-566d209de8a0.tmp</t>
  </si>
  <si>
    <t>12/26/2019 06:49:58</t>
  </si>
  <si>
    <t>c14bc457-1306-4f53-b34d-f413f32bf7cf.tmp</t>
  </si>
  <si>
    <t>\\acsfs\profiles$\nathaliadf\Downloads\c14bc457-1306-4f53-b34d-f413f32bf7cf.tmp</t>
  </si>
  <si>
    <t>12/26/2019 06:50:47</t>
  </si>
  <si>
    <t>12/26/2019 06:53:50</t>
  </si>
  <si>
    <t>12/26/2019 06:52:37</t>
  </si>
  <si>
    <t>Welcome - 1 total view.url:favicon</t>
  </si>
  <si>
    <t>\\acsfs\profiles$\brendavdoa\Favorites\Welcome - 1 total view.url:favicon</t>
  </si>
  <si>
    <t>12/26/2019 06:52:38</t>
  </si>
  <si>
    <t>12/26/2019 06:53:36</t>
  </si>
  <si>
    <t>12/26/2019 06:57:50</t>
  </si>
  <si>
    <t>8ebf97e3-b4ea-4339-896b-2fc6676c7290.tmp</t>
  </si>
  <si>
    <t>\\acsfs\profiles$\vivianealda\Downloads\8ebf97e3-b4ea-4339-896b-2fc6676c7290.tmp</t>
  </si>
  <si>
    <t>12/26/2019 06:55:44</t>
  </si>
  <si>
    <t>5e785cbe-2cab-4770-9398-99dfd954def6.tmp</t>
  </si>
  <si>
    <t>\\acsfs\profiles$\vivianealda\Downloads\5e785cbe-2cab-4770-9398-99dfd954def6.tmp</t>
  </si>
  <si>
    <t>12/26/2019 06:56:27</t>
  </si>
  <si>
    <t>3c762fe9-8b2d-450f-a61a-2cdc6cb88c7c.tmp</t>
  </si>
  <si>
    <t>\\acsfs\profiles$\vivianealda\Downloads\3c762fe9-8b2d-450f-a61a-2cdc6cb88c7c.tmp</t>
  </si>
  <si>
    <t>12/26/2019 06:53:35</t>
  </si>
  <si>
    <t>12/26/2019 06:58:50</t>
  </si>
  <si>
    <t>10.200.67.159</t>
  </si>
  <si>
    <t>D0-94-66-B5-5C-AB</t>
  </si>
  <si>
    <t>VOTORANT-ZB014</t>
  </si>
  <si>
    <t>12/26/2019 06:58:40</t>
  </si>
  <si>
    <t>12/26/2019 07:02:50</t>
  </si>
  <si>
    <t>12/26/2019 07:01:46</t>
  </si>
  <si>
    <t>74644260-e3a8-4b4c-9d32-12ce3fcf73b7.tmp</t>
  </si>
  <si>
    <t>\\acsfs\profiles$\vivianealda\Downloads\74644260-e3a8-4b4c-9d32-12ce3fcf73b7.tmp</t>
  </si>
  <si>
    <t>12/26/2019 06:59:11</t>
  </si>
  <si>
    <t>12/26/2019 07:03:50</t>
  </si>
  <si>
    <t>12/26/2019 06:59:29</t>
  </si>
  <si>
    <t>brunaar</t>
  </si>
  <si>
    <t>\\acsfs\profiles$\BRUNAAR\Downloads\</t>
  </si>
  <si>
    <t>0acc7409-9ee4-456a-a3f3-73119429b2a5.tmp</t>
  </si>
  <si>
    <t>\\acsfs\profiles$\BRUNAAR\Downloads\0acc7409-9ee4-456a-a3f3-73119429b2a5.tmp</t>
  </si>
  <si>
    <t>12/26/2019 07:00:55</t>
  </si>
  <si>
    <t>94b778bc-cdb6-4053-9bec-e6c443d1a847.tmp</t>
  </si>
  <si>
    <t>\\acsfs\profiles$\BRUNAAR\Downloads\94b778bc-cdb6-4053-9bec-e6c443d1a847.tmp</t>
  </si>
  <si>
    <t>12/26/2019 07:03:07</t>
  </si>
  <si>
    <t>12/26/2019 07:05:50</t>
  </si>
  <si>
    <t>12/26/2019 07:12:50</t>
  </si>
  <si>
    <t>12/26/2019 07:09:03</t>
  </si>
  <si>
    <t>4266d79a-ebcb-4d62-9359-3a75bc339f5f.tmp</t>
  </si>
  <si>
    <t>\\acsfs\profiles$\vivianealda\Downloads\4266d79a-ebcb-4d62-9359-3a75bc339f5f.tmp</t>
  </si>
  <si>
    <t>12/26/2019 07:09:45</t>
  </si>
  <si>
    <t>12/26/2019 07:14:50</t>
  </si>
  <si>
    <t>mail.google.com/sync/u/0/i/s?hl=pt-BR&amp;c=417</t>
  </si>
  <si>
    <t>12/26/2019 07:09:49</t>
  </si>
  <si>
    <t>mail.google.com/sync/u/0/i/s?hl=pt-BR&amp;c=419</t>
  </si>
  <si>
    <t>12/26/2019 07:09:55</t>
  </si>
  <si>
    <t>mail.google.com/sync/u/0/i/s?hl=pt-BR&amp;c=421</t>
  </si>
  <si>
    <t>12/26/2019 07:10:24</t>
  </si>
  <si>
    <t>12/26/2019 07:11:17</t>
  </si>
  <si>
    <t>mail.google.com/sync/u/0/i/s?hl=pt-BR&amp;c=427</t>
  </si>
  <si>
    <t>12/26/2019 07:11:26</t>
  </si>
  <si>
    <t>12/26/2019 07:12:56</t>
  </si>
  <si>
    <t>12/26/2019 07:13:00</t>
  </si>
  <si>
    <t>12/26/2019 07:12:41</t>
  </si>
  <si>
    <t>12/26/2019 07:11:12</t>
  </si>
  <si>
    <t>12/26/2019 07:15:50</t>
  </si>
  <si>
    <t>12/26/2019 07:13:08</t>
  </si>
  <si>
    <t>12/26/2019 07:12:37</t>
  </si>
  <si>
    <t>12/26/2019 07:17:50</t>
  </si>
  <si>
    <t>12/26/2019 07:12:39</t>
  </si>
  <si>
    <t>12/26/2019 07:13:48</t>
  </si>
  <si>
    <t>b3724381-af57-4cac-bc99-3daf788a1c69.tmp</t>
  </si>
  <si>
    <t>\\acsfs\profiles$\deboraaa\Downloads\b3724381-af57-4cac-bc99-3daf788a1c69.tmp</t>
  </si>
  <si>
    <t>12/26/2019 07:15:10</t>
  </si>
  <si>
    <t>6c8295f5-6391-4b7a-b441-8c5c3ca7e497.tmp</t>
  </si>
  <si>
    <t>\\acsfs\profiles$\deboraaa\Downloads\6c8295f5-6391-4b7a-b441-8c5c3ca7e497.tmp</t>
  </si>
  <si>
    <t>12/26/2019 07:15:40</t>
  </si>
  <si>
    <t>48e75f0a-c781-46b1-9e33-f64b5ac8858d.tmp</t>
  </si>
  <si>
    <t>\\acsfs\profiles$\deboraaa\Downloads\48e75f0a-c781-46b1-9e33-f64b5ac8858d.tmp</t>
  </si>
  <si>
    <t>12/26/2019 07:15:47</t>
  </si>
  <si>
    <t>12/26/2019 07:18:50</t>
  </si>
  <si>
    <t>12/26/2019 07:15:12</t>
  </si>
  <si>
    <t>12/26/2019 07:20:44</t>
  </si>
  <si>
    <t>12/26/2019 07:21:50</t>
  </si>
  <si>
    <t>12/26/2019 07:22:37</t>
  </si>
  <si>
    <t>12/26/2019 07:23:50</t>
  </si>
  <si>
    <t>BRUNA LARA ARAUJO SANTOS_1_6770051773608573683_1_32.wav</t>
  </si>
  <si>
    <t>\\acsfs\Deptos\EDUCACAO EMPRESARIAL\KÉSIA\Ligações 3º ciclo - Késia\BRUNA LARA ARAUJO SANTOS_1_6770051773608573683_1_32.wav</t>
  </si>
  <si>
    <t>12/26/2019 07:22:47</t>
  </si>
  <si>
    <t>12/26/2019 07:24:50</t>
  </si>
  <si>
    <t>12/26/2019 07:21:56</t>
  </si>
  <si>
    <t>12/26/2019 07:25:50</t>
  </si>
  <si>
    <t>12/26/2019 07:24:13</t>
  </si>
  <si>
    <t>12/26/2019 07:27:50</t>
  </si>
  <si>
    <t>45ad0f1d-a486-43d5-b54a-9fb12bc685f5.tmp</t>
  </si>
  <si>
    <t>\\acsfs\profiles$\deboraaa\Downloads\45ad0f1d-a486-43d5-b54a-9fb12bc685f5.tmp</t>
  </si>
  <si>
    <t>12/26/2019 07:25:00</t>
  </si>
  <si>
    <t>12/26/2019 07:29:50</t>
  </si>
  <si>
    <t>03c529a6-7324-4688-958f-1c476b632539.tmp</t>
  </si>
  <si>
    <t>\\acsfs\profiles$\websondsa\Downloads\03c529a6-7324-4688-958f-1c476b632539.tmp</t>
  </si>
  <si>
    <t>12/26/2019 07:25:01</t>
  </si>
  <si>
    <t>ade18c86-f4ba-40c5-8f29-ccf271906861.tmp</t>
  </si>
  <si>
    <t>\\acsfs\profiles$\websondsa\Downloads\ade18c86-f4ba-40c5-8f29-ccf271906861.tmp</t>
  </si>
  <si>
    <t>12/26/2019 07:25:16</t>
  </si>
  <si>
    <t>34936c66-fa80-4488-94fa-8d76429398b6.tmp</t>
  </si>
  <si>
    <t>\\acsfs\profiles$\websondsa\Downloads\34936c66-fa80-4488-94fa-8d76429398b6.tmp</t>
  </si>
  <si>
    <t>12/26/2019 07:26:53</t>
  </si>
  <si>
    <t>d33bfc17-de2d-4c72-8a73-1b18d3f3d26f.tmp</t>
  </si>
  <si>
    <t>\\acsfs\profiles$\websondsa\Downloads\d33bfc17-de2d-4c72-8a73-1b18d3f3d26f.tmp</t>
  </si>
  <si>
    <t>12/26/2019 07:28:46</t>
  </si>
  <si>
    <t>d7b1d4d1-59fa-4231-b65d-36967e5d30e1.tmp</t>
  </si>
  <si>
    <t>\\acsfs\profiles$\websondsa\Downloads\d7b1d4d1-59fa-4231-b65d-36967e5d30e1.tmp</t>
  </si>
  <si>
    <t>12/26/2019 07:28:21</t>
  </si>
  <si>
    <t>12/26/2019 07:30:50</t>
  </si>
  <si>
    <t>12/26/2019 07:27:44</t>
  </si>
  <si>
    <t>12/26/2019 07:30:54</t>
  </si>
  <si>
    <t>12/26/2019 07:31:50</t>
  </si>
  <si>
    <t>12/26/2019 07:31:25</t>
  </si>
  <si>
    <t>12/26/2019 07:33:50</t>
  </si>
  <si>
    <t>\\acsfs\profiles$\BRUNAAR\Numero\</t>
  </si>
  <si>
    <t>.~lock.Transferencia.docx#</t>
  </si>
  <si>
    <t>\\acsfs\profiles$\BRUNAAR\Numero\.~lock.Transferencia.docx#</t>
  </si>
  <si>
    <t>12/26/2019 07:34:15</t>
  </si>
  <si>
    <t>12/26/2019 07:34:49</t>
  </si>
  <si>
    <t>12/26/2019 07:34:23</t>
  </si>
  <si>
    <t>mail.google.com/sync/u/0/i/s?hl=pt-BR&amp;c=463</t>
  </si>
  <si>
    <t>12/26/2019 07:31:20</t>
  </si>
  <si>
    <t>12/26/2019 07:35:50</t>
  </si>
  <si>
    <t>6995a9be-9b4d-4756-b552-117d46e8dc15.tmp</t>
  </si>
  <si>
    <t>\\acsfs\profiles$\sarahbal\Downloads\6995a9be-9b4d-4756-b552-117d46e8dc15.tmp</t>
  </si>
  <si>
    <t>12/26/2019 07:32:32</t>
  </si>
  <si>
    <t>8ff961ab-4c39-43b3-be7d-59fc78a98f37.tmp</t>
  </si>
  <si>
    <t>\\acsfs\profiles$\sarahbal\Downloads\8ff961ab-4c39-43b3-be7d-59fc78a98f37.tmp</t>
  </si>
  <si>
    <t>12/26/2019 07:33:04</t>
  </si>
  <si>
    <t>a6419042-53f9-4c91-bc3f-3bdaca29a0cb.tmp</t>
  </si>
  <si>
    <t>\\acsfs\profiles$\sarahbal\Downloads\a6419042-53f9-4c91-bc3f-3bdaca29a0cb.tmp</t>
  </si>
  <si>
    <t>12/26/2019 07:32:02</t>
  </si>
  <si>
    <t>12/26/2019 07:36:50</t>
  </si>
  <si>
    <t>d4de610a-8761-432e-8501-b6d67912f024.tmp</t>
  </si>
  <si>
    <t>\\acsfs\profiles$\lucasqdss\Downloads\d4de610a-8761-432e-8501-b6d67912f024.tmp</t>
  </si>
  <si>
    <t>12/26/2019 07:34:29</t>
  </si>
  <si>
    <t>12/26/2019 07:39:50</t>
  </si>
  <si>
    <t>mail.google.com/sync/u/0/i/s?hl=pt-BR&amp;c=465</t>
  </si>
  <si>
    <t>12/26/2019 07:34:45</t>
  </si>
  <si>
    <t>mail.google.com/sync/u/0/i/s?hl=pt-BR&amp;c=467</t>
  </si>
  <si>
    <t>12/26/2019 07:34:50</t>
  </si>
  <si>
    <t>12/26/2019 07:37:40</t>
  </si>
  <si>
    <t>12/26/2019 07:37:47</t>
  </si>
  <si>
    <t>12/26/2019 07:38:19</t>
  </si>
  <si>
    <t>mail.google.com/sync/u/0/i/s?hl=pt-BR&amp;c=478</t>
  </si>
  <si>
    <t>12/26/2019 07:38:22</t>
  </si>
  <si>
    <t>mail.google.com/sync/u/0/i/s?hl=pt-BR&amp;c=480</t>
  </si>
  <si>
    <t>12/26/2019 07:38:55</t>
  </si>
  <si>
    <t>mail.google.com/sync/u/0/i/s?hl=pt-BR&amp;c=484</t>
  </si>
  <si>
    <t>12/26/2019 07:38:59</t>
  </si>
  <si>
    <t>mail.google.com/sync/u/0/i/s?hl=pt-BR&amp;c=486</t>
  </si>
  <si>
    <t>12/26/2019 07:35:31</t>
  </si>
  <si>
    <t>12/26/2019 07:37:53</t>
  </si>
  <si>
    <t>jonathanwap</t>
  </si>
  <si>
    <t>\\acsfs\profiles$\jonathanwap\</t>
  </si>
  <si>
    <t>.~lock.Vendas.ods#</t>
  </si>
  <si>
    <t>\\acsfs\profiles$\jonathanwap\.~lock.Vendas.ods#</t>
  </si>
  <si>
    <t>12/26/2019 07:37:44</t>
  </si>
  <si>
    <t>12/26/2019 07:40:50</t>
  </si>
  <si>
    <t>514452b5-3d96-4a93-b6d9-78e392bbaf26.tmp</t>
  </si>
  <si>
    <t>\\acsfs\profiles$\sarahbal\Downloads\514452b5-3d96-4a93-b6d9-78e392bbaf26.tmp</t>
  </si>
  <si>
    <t>12/26/2019 07:39:46</t>
  </si>
  <si>
    <t>12/26/2019 07:41:50</t>
  </si>
  <si>
    <t>12/26/2019 07:40:16</t>
  </si>
  <si>
    <t>12/26/2019 07:44:50</t>
  </si>
  <si>
    <t>mail.google.com/sync/u/0/i/s?hl=pt-BR&amp;c=490</t>
  </si>
  <si>
    <t>12/26/2019 07:40:27</t>
  </si>
  <si>
    <t>mail.google.com/sync/u/0/i/s?hl=pt-BR&amp;c=493</t>
  </si>
  <si>
    <t>12/26/2019 07:42:06</t>
  </si>
  <si>
    <t>12/26/2019 07:42:12</t>
  </si>
  <si>
    <t>12/26/2019 07:42:25</t>
  </si>
  <si>
    <t>12/26/2019 07:42:34</t>
  </si>
  <si>
    <t>12/26/2019 07:43:16</t>
  </si>
  <si>
    <t>mail.google.com/sync/u/0/i/s?hl=pt-BR&amp;c=510</t>
  </si>
  <si>
    <t>12/26/2019 07:43:23</t>
  </si>
  <si>
    <t>mail.google.com/sync/u/0/i/s?hl=pt-BR&amp;c=512</t>
  </si>
  <si>
    <t>12/26/2019 07:43:24</t>
  </si>
  <si>
    <t>12/26/2019 07:48:50</t>
  </si>
  <si>
    <t>ERIC HENRIQUE DA SILVA_1_6771180113056834898_1_32.wav</t>
  </si>
  <si>
    <t>\\acsfs\Deptos\EDUCACAO EMPRESARIAL\KÉSIA\Ligações 3º ciclo - Késia\ERIC HENRIQUE DA SILVA_1_6771180113056834898_1_32.wav</t>
  </si>
  <si>
    <t>12/26/2019 07:46:48</t>
  </si>
  <si>
    <t>12/26/2019 07:45:57</t>
  </si>
  <si>
    <t>12/26/2019 07:49:50</t>
  </si>
  <si>
    <t>mail.google.com/sync/u/0/i/s?hl=pt-BR&amp;c=517</t>
  </si>
  <si>
    <t>12/26/2019 07:46:01</t>
  </si>
  <si>
    <t>mail.google.com/sync/u/0/i/s?hl=pt-BR&amp;c=519</t>
  </si>
  <si>
    <t>12/26/2019 07:48:12</t>
  </si>
  <si>
    <t>mail.google.com/sync/u/0/i/s?hl=pt-BR&amp;c=524</t>
  </si>
  <si>
    <t>12/26/2019 07:48:21</t>
  </si>
  <si>
    <t>mail.google.com/sync/u/0/i/s?hl=pt-BR&amp;c=526</t>
  </si>
  <si>
    <t>12/26/2019 07:49:07</t>
  </si>
  <si>
    <t>12/26/2019 07:50:01</t>
  </si>
  <si>
    <t>12/26/2019 07:50:50</t>
  </si>
  <si>
    <t>12/26/2019 07:47:33</t>
  </si>
  <si>
    <t>12/26/2019 07:51:49</t>
  </si>
  <si>
    <t>\\acsfs\Deptos\Operacao\Banco_Votorantim\Comum\00 - COMUM - BV CARTÕES\EQUIPE ANA VITORIA\</t>
  </si>
  <si>
    <t>Controle de vendas.ods</t>
  </si>
  <si>
    <t>\\acsfs\profiles$\LUCASQDSS\My Documents\Controle de vendas.ods</t>
  </si>
  <si>
    <t>\\acsfs\Deptos\Operacao\Banco_Votorantim\Comum\00 - COMUM - BV CARTÕES\EQUIPE ANA VITORIA\Controle de vendas.ods\</t>
  </si>
  <si>
    <t>\\acsfs\Deptos\Operacao\Banco_Votorantim\Comum\00 - COMUM - BV CARTÕES\EQUIPE ANA VITORIA\Controle de vendas.ods\META-INF\</t>
  </si>
  <si>
    <t>\\acsfs\Deptos\Operacao\Banco_Votorantim\Comum\00 - COMUM - BV CARTÕES\EQUIPE ANA VITORIA\Controle de vendas.ods\Thumbnails\</t>
  </si>
  <si>
    <t>12/26/2019 07:50:38</t>
  </si>
  <si>
    <t>12/26/2019 07:52:50</t>
  </si>
  <si>
    <t>12/26/2019 07:50:45</t>
  </si>
  <si>
    <t>12/26/2019 07:52:20</t>
  </si>
  <si>
    <t>Q29udHJvbGxlci5Hb29nbGUtQ2hyb21lXzE-.ica.crdownload</t>
  </si>
  <si>
    <t>\\acsfs\ACS\001 - Qualidade Lilian\PAULO\FAROL DE QUALIDADE\DEZEMBRO\Q29udHJvbGxlci5Hb29nbGUtQ2hyb21lXzE-.ica.crdownload</t>
  </si>
  <si>
    <t>12/26/2019 07:52:22</t>
  </si>
  <si>
    <t>Q29udHJvbGxlci5Hb29nbGUtQ2hyb21lXzE-.ica:Zone.Identifier</t>
  </si>
  <si>
    <t>\\acsfs\ACS\001 - Qualidade Lilian\PAULO\FAROL DE QUALIDADE\DEZEMBRO\Q29udHJvbGxlci5Hb29nbGUtQ2hyb21lXzE-.ica:Zone.Identifier</t>
  </si>
  <si>
    <t>12/26/2019 07:53:07</t>
  </si>
  <si>
    <t>12/26/2019 07:55:50</t>
  </si>
  <si>
    <t>12/26/2019 07:53:55</t>
  </si>
  <si>
    <t>d480381b-9cb6-4cd9-a52f-99d5ac720760.tmp</t>
  </si>
  <si>
    <t>\\acsfs\profiles$\luanarda\Downloads\d480381b-9cb6-4cd9-a52f-99d5ac720760.tmp</t>
  </si>
  <si>
    <t>12/26/2019 07:54:47</t>
  </si>
  <si>
    <t>12/26/2019 07:56:49</t>
  </si>
  <si>
    <t>12/26/2019 07:55:21</t>
  </si>
  <si>
    <t>12/26/2019 07:55:29</t>
  </si>
  <si>
    <t>12/26/2019 07:57:50</t>
  </si>
  <si>
    <t>Q29udHJvbGxlci5TQUNBLVNBQw--.ica.crdownload</t>
  </si>
  <si>
    <t>\\acsfs\ACS\001 - Qualidade Lilian\PAULO\FAROL DE QUALIDADE\DEZEMBRO\Q29udHJvbGxlci5TQUNBLVNBQw--.ica.crdownload</t>
  </si>
  <si>
    <t>Q29udHJvbGxlci5TQUNBLVNBQw--.ica:Zone.Identifier</t>
  </si>
  <si>
    <t>\\acsfs\ACS\001 - Qualidade Lilian\PAULO\FAROL DE QUALIDADE\DEZEMBRO\Q29udHJvbGxlci5TQUNBLVNBQw--.ica:Zone.Identifier</t>
  </si>
  <si>
    <t>12/26/2019 07:56:20</t>
  </si>
  <si>
    <t>12/26/2019 07:57:33</t>
  </si>
  <si>
    <t>12/26/2019 07:59:50</t>
  </si>
  <si>
    <t>12/26/2019 07:58:31</t>
  </si>
  <si>
    <t>12/26/2019 07:59:13</t>
  </si>
  <si>
    <t>mariliafplb</t>
  </si>
  <si>
    <t>\\acsfs\profiles$\mariliafplb\Downloads\</t>
  </si>
  <si>
    <t>8602808e-e2e8-4af1-b33f-0c5c780f32f8.tmp</t>
  </si>
  <si>
    <t>\\acsfs\profiles$\mariliafplb\Downloads\8602808e-e2e8-4af1-b33f-0c5c780f32f8.tmp</t>
  </si>
  <si>
    <t>12/26/2019 07:59:29</t>
  </si>
  <si>
    <t>12/26/2019 08:00:50</t>
  </si>
  <si>
    <t>421bdbc5-9bc1-40ba-b057-6658a75ab415.tmp</t>
  </si>
  <si>
    <t>\\acsfs\profiles$\valeriasda\Downloads\421bdbc5-9bc1-40ba-b057-6658a75ab415.tmp</t>
  </si>
  <si>
    <t>12/26/2019 07:59:35</t>
  </si>
  <si>
    <t>cf31a4fd-e70c-449f-98db-8901e31fae07.tmp</t>
  </si>
  <si>
    <t>\\acsfs\profiles$\valeriasda\Downloads\cf31a4fd-e70c-449f-98db-8901e31fae07.tmp</t>
  </si>
  <si>
    <t>0b91fa48-87fb-4510-be7a-782ea6eac537.tmp</t>
  </si>
  <si>
    <t>\\acsfs\profiles$\valeriasda\Downloads\0b91fa48-87fb-4510-be7a-782ea6eac537.tmp</t>
  </si>
  <si>
    <t>12/26/2019 08:00:06</t>
  </si>
  <si>
    <t>12/26/2019 07:57:54</t>
  </si>
  <si>
    <t>2a43dc2e-8b79-43f0-bf1c-e57f630ea4af.tmp</t>
  </si>
  <si>
    <t>\\acsfs\profiles$\luanarda\Downloads\2a43dc2e-8b79-43f0-bf1c-e57f630ea4af.tmp</t>
  </si>
  <si>
    <t>12/26/2019 07:58:52</t>
  </si>
  <si>
    <t>12/26/2019 07:55:59</t>
  </si>
  <si>
    <t>12/26/2019 08:00:16</t>
  </si>
  <si>
    <t>278a63a8-feff-457a-abb0-9897d5fecae2.tmp</t>
  </si>
  <si>
    <t>\\acsfs\profiles$\marcellewdl\Downloads\278a63a8-feff-457a-abb0-9897d5fecae2.tmp</t>
  </si>
  <si>
    <t>12/26/2019 07:58:13</t>
  </si>
  <si>
    <t>a258f804-167e-44db-9832-be15092322c1.tmp</t>
  </si>
  <si>
    <t>\\acsfs\profiles$\paulovadc\Downloads\a258f804-167e-44db-9832-be15092322c1.tmp</t>
  </si>
  <si>
    <t>12/26/2019 07:58:57</t>
  </si>
  <si>
    <t>12/26/2019 07:59:07</t>
  </si>
  <si>
    <t>948aa7c7-6b19-43f4-a4ee-6779b7f4fa86.tmp</t>
  </si>
  <si>
    <t>\\acsfs\profiles$\paulovadc\Downloads\948aa7c7-6b19-43f4-a4ee-6779b7f4fa86.tmp</t>
  </si>
  <si>
    <t>12/26/2019 08:00:07</t>
  </si>
  <si>
    <t>12/26/2019 08:01:50</t>
  </si>
  <si>
    <t>dd789b12-f663-474c-807e-7e5c5c01fb8b.tmp</t>
  </si>
  <si>
    <t>\\acsfs\profiles$\quindaizaagds\Downloads\dd789b12-f663-474c-807e-7e5c5c01fb8b.tmp</t>
  </si>
  <si>
    <t>12/26/2019 08:00:20</t>
  </si>
  <si>
    <t>297fa849-8976-4569-a7ae-23618d79baad.tmp</t>
  </si>
  <si>
    <t>\\acsfs\profiles$\lucasqdss\Downloads\297fa849-8976-4569-a7ae-23618d79baad.tmp</t>
  </si>
  <si>
    <t>12/26/2019 08:00:12</t>
  </si>
  <si>
    <t>ulog_AcroARM2_Reader_22bb18ef-a0cc-4985-b2f1-d8449a05e1d0_0275cca0-2475-422a-a779-73530afb9c53_0.log</t>
  </si>
  <si>
    <t>C:\Users\Jordanarb\AppData\Roaming\Adobe\LogTransport2\Logs\ulog_AcroARM2_Reader_22bb18ef-a0cc-4985-b2f1-d8449a05e1d0_0275cca0-2475-422a-a779-73530afb9c53_0.log\</t>
  </si>
  <si>
    <t>12/26/2019 08:00:13</t>
  </si>
  <si>
    <t>12/26/2019 08:02:49</t>
  </si>
  <si>
    <t>12/26/2019 08:00:14</t>
  </si>
  <si>
    <t>12/26/2019 08:00:15</t>
  </si>
  <si>
    <t>12/26/2019 08:00:19</t>
  </si>
  <si>
    <t>12/26/2019 08:00:21</t>
  </si>
  <si>
    <t>12/26/2019 08:00:22</t>
  </si>
  <si>
    <t>12/26/2019 08:00:23</t>
  </si>
  <si>
    <t>12/26/2019 08:00:36</t>
  </si>
  <si>
    <t>12/26/2019 08:00:37</t>
  </si>
  <si>
    <t>12/26/2019 08:00:38</t>
  </si>
  <si>
    <t>12/26/2019 08:00:39</t>
  </si>
  <si>
    <t>12/26/2019 07:58:11</t>
  </si>
  <si>
    <t>12/26/2019 08:03:50</t>
  </si>
  <si>
    <t>12/26/2019 07:59:26</t>
  </si>
  <si>
    <t>2463ece2-7336-4c29-8ec7-bba5431a3993.tmp</t>
  </si>
  <si>
    <t>\\acsfs\profiles$\jonatanls\Downloads\2463ece2-7336-4c29-8ec7-bba5431a3993.tmp</t>
  </si>
  <si>
    <t>12/26/2019 08:00:55</t>
  </si>
  <si>
    <t>fe2ec891-cb0a-4b78-ab94-5a3fc1682ac6.tmp</t>
  </si>
  <si>
    <t>\\acsfs\profiles$\jonatanls\Downloads\fe2ec891-cb0a-4b78-ab94-5a3fc1682ac6.tmp</t>
  </si>
  <si>
    <t>12/26/2019 07:58:35</t>
  </si>
  <si>
    <t>02c2a146-7e93-426d-8c5a-505fd6f1a440.tmp</t>
  </si>
  <si>
    <t>\\acsfs\profiles$\vivianalds\Downloads\02c2a146-7e93-426d-8c5a-505fd6f1a440.tmp</t>
  </si>
  <si>
    <t>12/26/2019 07:58:41</t>
  </si>
  <si>
    <t>JUCELIA OLIVEIRA DE AMORIM_1_6770739376397815162_1_32.wav</t>
  </si>
  <si>
    <t>\\acsfs\Deptos\EDUCACAO EMPRESARIAL\KÉSIA\Ligações 3º ciclo - Késia\JUCELIA OLIVEIRA DE AMORIM_1_6770739376397815162_1_32.wav</t>
  </si>
  <si>
    <t>12/26/2019 07:59:19</t>
  </si>
  <si>
    <t>12/26/2019 07:59:49</t>
  </si>
  <si>
    <t>5ca0757d-b1c5-4f58-8cf7-b24c2a4996d5.tmp</t>
  </si>
  <si>
    <t>\\acsfs\profiles$\vivianalds\Downloads\5ca0757d-b1c5-4f58-8cf7-b24c2a4996d5.tmp</t>
  </si>
  <si>
    <t>12/26/2019 08:03:05</t>
  </si>
  <si>
    <t>12/26/2019 08:04:50</t>
  </si>
  <si>
    <t>12/26/2019 07:59:36</t>
  </si>
  <si>
    <t>ee1a969e-3846-4674-a037-8895ad966c65.tmp</t>
  </si>
  <si>
    <t>\\acsfs\profiles$\mariliafplb\Downloads\ee1a969e-3846-4674-a037-8895ad966c65.tmp</t>
  </si>
  <si>
    <t>12/26/2019 08:01:02</t>
  </si>
  <si>
    <t>12/26/2019 08:05:50</t>
  </si>
  <si>
    <t>10.200.66.27</t>
  </si>
  <si>
    <t>D0-94-66-B5-4E-28</t>
  </si>
  <si>
    <t>VOTORANT-YB020</t>
  </si>
  <si>
    <t>12/26/2019 08:01:36</t>
  </si>
  <si>
    <t>e7d4eb3a-4366-4f5e-9bf9-5cabd9654fbc.tmp</t>
  </si>
  <si>
    <t>\\acsfs\profiles$\dhiulliananads\Downloads\e7d4eb3a-4366-4f5e-9bf9-5cabd9654fbc.tmp</t>
  </si>
  <si>
    <t>12/26/2019 08:02:11</t>
  </si>
  <si>
    <t>89e27b99-e6c9-4f4f-b122-3f41a5e47963.tmp</t>
  </si>
  <si>
    <t>\\acsfs\profiles$\dhiulliananads\Downloads\89e27b99-e6c9-4f4f-b122-3f41a5e47963.tmp</t>
  </si>
  <si>
    <t>12/26/2019 08:01:34</t>
  </si>
  <si>
    <t>12/26/2019 08:02:58</t>
  </si>
  <si>
    <t>12/26/2019 08:01:43</t>
  </si>
  <si>
    <t>12/26/2019 08:02:15</t>
  </si>
  <si>
    <t>c50ae174-bc47-420e-afe2-d4f0d0111654.tmp</t>
  </si>
  <si>
    <t>\\acsfs\profiles$\marcellewdl\Downloads\c50ae174-bc47-420e-afe2-d4f0d0111654.tmp</t>
  </si>
  <si>
    <t>12/26/2019 08:04:08</t>
  </si>
  <si>
    <t>12/26/2019 08:05:20</t>
  </si>
  <si>
    <t>.~lock.vendas 123.ods#</t>
  </si>
  <si>
    <t>\\acsfs\profiles$\marcellewdl\My Documents\.~lock.vendas 123.ods#</t>
  </si>
  <si>
    <t>12/26/2019 08:02:06</t>
  </si>
  <si>
    <t>12/26/2019 08:06:49</t>
  </si>
  <si>
    <t>9f912c66-2c64-4249-95ca-8c75ab699dbd.tmp</t>
  </si>
  <si>
    <t>\\acsfs\profiles$\quindaizaagds\Downloads\9f912c66-2c64-4249-95ca-8c75ab699dbd.tmp</t>
  </si>
  <si>
    <t>12/26/2019 08:02:18</t>
  </si>
  <si>
    <t>ccbfe938-fb9b-406b-a15c-06a98cb21ae7.tmp</t>
  </si>
  <si>
    <t>\\acsfs\profiles$\quindaizaagds\Downloads\ccbfe938-fb9b-406b-a15c-06a98cb21ae7.tmp</t>
  </si>
  <si>
    <t>12/26/2019 08:03:57</t>
  </si>
  <si>
    <t>12/26/2019 08:01:55</t>
  </si>
  <si>
    <t>10.200.67.101</t>
  </si>
  <si>
    <t>D0-94-66-B5-4E-58</t>
  </si>
  <si>
    <t>VOTORANT-ZB015</t>
  </si>
  <si>
    <t>rafaelamsv</t>
  </si>
  <si>
    <t>\\acsfs\profiles$\rafaelamsv\Downloads\</t>
  </si>
  <si>
    <t>07e67a3c-40e2-4c87-8212-d10ded25ea97.tmp</t>
  </si>
  <si>
    <t>\\acsfs\profiles$\rafaelamsv\Downloads\07e67a3c-40e2-4c87-8212-d10ded25ea97.tmp</t>
  </si>
  <si>
    <t>12/26/2019 08:02:00</t>
  </si>
  <si>
    <t>db364142-e5cc-4882-8031-624f1979f9a2.tmp</t>
  </si>
  <si>
    <t>\\acsfs\profiles$\rafaelamsv\Downloads\db364142-e5cc-4882-8031-624f1979f9a2.tmp</t>
  </si>
  <si>
    <t>12/26/2019 08:03:24</t>
  </si>
  <si>
    <t>5cef7ec4-5b5c-4c19-bf7f-c75ca1e16fa7.tmp</t>
  </si>
  <si>
    <t>\\acsfs\profiles$\rafaelamsv\Downloads\5cef7ec4-5b5c-4c19-bf7f-c75ca1e16fa7.tmp</t>
  </si>
  <si>
    <t>12/26/2019 08:05:57</t>
  </si>
  <si>
    <t>12/26/2019 08:07:50</t>
  </si>
  <si>
    <t>12/26/2019 08:04:30</t>
  </si>
  <si>
    <t>f2c224c8-88f5-4e45-9c8a-1cc7079dcfdd.tmp</t>
  </si>
  <si>
    <t>\\acsfs\profiles$\deborahsi\Downloads\f2c224c8-88f5-4e45-9c8a-1cc7079dcfdd.tmp</t>
  </si>
  <si>
    <t>12/26/2019 08:05:48</t>
  </si>
  <si>
    <t>f5d0af7c-29c9-4059-98dd-f25fe8049179.tmp</t>
  </si>
  <si>
    <t>\\acsfs\profiles$\deborahsi\Downloads\f5d0af7c-29c9-4059-98dd-f25fe8049179.tmp</t>
  </si>
  <si>
    <t>12/26/2019 08:03:08</t>
  </si>
  <si>
    <t>12/26/2019 08:03:09</t>
  </si>
  <si>
    <t>12/26/2019 08:03:10</t>
  </si>
  <si>
    <t>12/26/2019 08:03:11</t>
  </si>
  <si>
    <t>12/26/2019 08:03:12</t>
  </si>
  <si>
    <t>12/26/2019 08:03:13</t>
  </si>
  <si>
    <t>12/26/2019 08:03:14</t>
  </si>
  <si>
    <t>12/26/2019 08:03:15</t>
  </si>
  <si>
    <t>12/26/2019 08:03:16</t>
  </si>
  <si>
    <t>12/26/2019 08:03:17</t>
  </si>
  <si>
    <t>12/26/2019 08:03:18</t>
  </si>
  <si>
    <t>12/26/2019 08:03:20</t>
  </si>
  <si>
    <t>12/26/2019 08:03:21</t>
  </si>
  <si>
    <t>12/26/2019 08:03:22</t>
  </si>
  <si>
    <t>12/26/2019 08:08:49</t>
  </si>
  <si>
    <t>12/26/2019 08:03:23</t>
  </si>
  <si>
    <t>12/26/2019 08:03:25</t>
  </si>
  <si>
    <t>12/26/2019 08:03:26</t>
  </si>
  <si>
    <t>12/26/2019 08:03:27</t>
  </si>
  <si>
    <t>12/26/2019 08:03:28</t>
  </si>
  <si>
    <t>12/26/2019 08:03:29</t>
  </si>
  <si>
    <t>12/26/2019 08:03:30</t>
  </si>
  <si>
    <t>12/26/2019 08:03:31</t>
  </si>
  <si>
    <t>12/26/2019 08:03:32</t>
  </si>
  <si>
    <t>12/26/2019 08:03:33</t>
  </si>
  <si>
    <t>12/26/2019 08:03:36</t>
  </si>
  <si>
    <t>12/26/2019 08:06:47</t>
  </si>
  <si>
    <t>12/26/2019 08:06:19</t>
  </si>
  <si>
    <t>12/26/2019 08:09:50</t>
  </si>
  <si>
    <t>12/26/2019 08:06:21</t>
  </si>
  <si>
    <t>12/26/2019 08:06:24</t>
  </si>
  <si>
    <t>12/26/2019 08:06:03</t>
  </si>
  <si>
    <t>12/26/2019 08:08:35</t>
  </si>
  <si>
    <t>12/26/2019 08:10:49</t>
  </si>
  <si>
    <t>12/26/2019 08:05:44</t>
  </si>
  <si>
    <t>12/26/2019 08:08:39</t>
  </si>
  <si>
    <t>12/26/2019 08:11:57</t>
  </si>
  <si>
    <t>12/26/2019 08:12:49</t>
  </si>
  <si>
    <t>12/26/2019 08:11:23</t>
  </si>
  <si>
    <t>c:\users\adilsonloj\desktop\medidas disciplinares\</t>
  </si>
  <si>
    <t>formulário - feedback registrado dhiulliana.doc</t>
  </si>
  <si>
    <t>12/26/2019 08:11:50</t>
  </si>
  <si>
    <t>formulário - aviso de 1ª advertência disciplinar wender.doc</t>
  </si>
  <si>
    <t>12/26/2019 08:13:50</t>
  </si>
  <si>
    <t>12/26/2019 08:10:58</t>
  </si>
  <si>
    <t>\\acsfs\profiles$\VIVIANALDS\My Documents\</t>
  </si>
  <si>
    <t>\\acsfs\profiles$\VIVIANALDS\My Documents\.~lock.Vendas.ods#</t>
  </si>
  <si>
    <t>12/26/2019 08:12:01</t>
  </si>
  <si>
    <t>12/26/2019 08:09:37</t>
  </si>
  <si>
    <t>12/26/2019 08:14:49</t>
  </si>
  <si>
    <t>12/26/2019 08:12:23</t>
  </si>
  <si>
    <t>12/26/2019 08:11:58</t>
  </si>
  <si>
    <t>12/26/2019 08:14:23</t>
  </si>
  <si>
    <t>12/26/2019 08:15:50</t>
  </si>
  <si>
    <t>anavbg</t>
  </si>
  <si>
    <t>\\acsfs\DEPTOS\Operacao\Banco_Votorantim\Supervisao\SUPERS BV CARTÕES\ANA VITORIA\APOIO\</t>
  </si>
  <si>
    <t>.~lock.Filas Rafael.ods#</t>
  </si>
  <si>
    <t>\\acsfs\DEPTOS\Operacao\Banco_Votorantim\Supervisao\SUPERS BV CARTÕES\ANA VITORIA\APOIO\.~lock.Filas Rafael.ods#</t>
  </si>
  <si>
    <t>12/26/2019 08:15:14</t>
  </si>
  <si>
    <t>https://udpmailboxap01.acs.com.br:8443/h/search;jsessionid=1l8asuxur3tr21xzdqtghhn0h7?si=0&amp;so=0&amp;sc=52903&amp;st=conversation&amp;action=compose</t>
  </si>
  <si>
    <t>12/26/2019 08:11:47</t>
  </si>
  <si>
    <t>12/26/2019 08:11:37</t>
  </si>
  <si>
    <t>12/26/2019 08:16:50</t>
  </si>
  <si>
    <t>12/26/2019 08:12:40</t>
  </si>
  <si>
    <t>Check List - BV CARTOES_.xlsx</t>
  </si>
  <si>
    <t>\\acsfs\DEPTOS\Operacao\Banco_Votorantim\Qualidade\Anderson\Jose\Check List - BV CARTOES_.xlsx</t>
  </si>
  <si>
    <t>12/26/2019 08:13:16</t>
  </si>
  <si>
    <t>10.200.66.141</t>
  </si>
  <si>
    <t>34-E6-D7-FC-5D-7E</t>
  </si>
  <si>
    <t>VOTORANT-VB017</t>
  </si>
  <si>
    <t>henriquehmdo</t>
  </si>
  <si>
    <t>\\acsfs\profiles$\henriquehmdo\Downloads\</t>
  </si>
  <si>
    <t>6427c720-e889-45b1-b205-2535c452e888.tmp</t>
  </si>
  <si>
    <t>\\acsfs\profiles$\henriquehmdo\Downloads\6427c720-e889-45b1-b205-2535c452e888.tmp</t>
  </si>
  <si>
    <t>12/26/2019 08:14:59</t>
  </si>
  <si>
    <t>7c2b06c3-36e0-44fb-bbf7-054bb5193a7e.tmp</t>
  </si>
  <si>
    <t>\\acsfs\profiles$\henriquehmdo\Downloads\7c2b06c3-36e0-44fb-bbf7-054bb5193a7e.tmp</t>
  </si>
  <si>
    <t>12/26/2019 08:12:42</t>
  </si>
  <si>
    <t>12/26/2019 08:17:50</t>
  </si>
  <si>
    <t>formulário - feedback registrado kamilla.doc</t>
  </si>
  <si>
    <t>12/26/2019 08:14:06</t>
  </si>
  <si>
    <t>Q29udHJvbGxlci5JRS1Qb3J0YWw-.ica.crdownload</t>
  </si>
  <si>
    <t>\\acsfs\ACS\001 - Qualidade Lilian\PAULO\FAROL DE QUALIDADE\DEZEMBRO\Q29udHJvbGxlci5JRS1Qb3J0YWw-.ica.crdownload</t>
  </si>
  <si>
    <t>Q29udHJvbGxlci5JRS1Qb3J0YWw-.ica:Zone.Identifier</t>
  </si>
  <si>
    <t>\\acsfs\ACS\001 - Qualidade Lilian\PAULO\FAROL DE QUALIDADE\DEZEMBRO\Q29udHJvbGxlci5JRS1Qb3J0YWw-.ica:Zone.Identifier</t>
  </si>
  <si>
    <t>12/26/2019 08:16:10</t>
  </si>
  <si>
    <t>12/26/2019 08:19:50</t>
  </si>
  <si>
    <t>12/26/2019 08:15:05</t>
  </si>
  <si>
    <t>12/26/2019 08:16:44</t>
  </si>
  <si>
    <t>12/26/2019 08:20:50</t>
  </si>
  <si>
    <t>12/26/2019 08:17:14</t>
  </si>
  <si>
    <t>12/26/2019 08:20:48</t>
  </si>
  <si>
    <t>12/26/2019 08:21:50</t>
  </si>
  <si>
    <t>b21d262b-51bc-4a03-9774-8ab1531cfb88.tmp</t>
  </si>
  <si>
    <t>\\acsfs\profiles$\felipetds\Downloads\b21d262b-51bc-4a03-9774-8ab1531cfb88.tmp</t>
  </si>
  <si>
    <t>12/26/2019 08:17:57</t>
  </si>
  <si>
    <t>12/26/2019 08:22:49</t>
  </si>
  <si>
    <t>12/26/2019 08:19:22</t>
  </si>
  <si>
    <t>affbaa2d-ca0a-4bc2-9604-86f8bf7334ba.tmp</t>
  </si>
  <si>
    <t>\\acsfs\profiles$\deborahsi\Downloads\affbaa2d-ca0a-4bc2-9604-86f8bf7334ba.tmp</t>
  </si>
  <si>
    <t>12/26/2019 08:21:55</t>
  </si>
  <si>
    <t>12/26/2019 08:23:50</t>
  </si>
  <si>
    <t>12/26/2019 08:21:56</t>
  </si>
  <si>
    <t>12/26/2019 08:22:35</t>
  </si>
  <si>
    <t>12/26/2019 08:24:49</t>
  </si>
  <si>
    <t>01049444-a25c-41ab-a58d-fb4adcef1b28.tmp</t>
  </si>
  <si>
    <t>\\acsfs\profiles$\nayarasds\Downloads\01049444-a25c-41ab-a58d-fb4adcef1b28.tmp</t>
  </si>
  <si>
    <t>12/26/2019 08:22:57</t>
  </si>
  <si>
    <t>7a2e881c-f62e-47e2-9f1b-908d41149f16.tmp</t>
  </si>
  <si>
    <t>\\acsfs\profiles$\nayarasds\Downloads\7a2e881c-f62e-47e2-9f1b-908d41149f16.tmp</t>
  </si>
  <si>
    <t>12/26/2019 08:23:33</t>
  </si>
  <si>
    <t>19b021bc-e0f4-41d3-8b6e-b8a32e24fa6d.tmp</t>
  </si>
  <si>
    <t>\\acsfs\profiles$\nayarasds\Downloads\19b021bc-e0f4-41d3-8b6e-b8a32e24fa6d.tmp</t>
  </si>
  <si>
    <t>12/26/2019 08:23:45</t>
  </si>
  <si>
    <t>57d15ebc-f8b9-4002-8aa4-6ef4fe13569a.tmp</t>
  </si>
  <si>
    <t>\\acsfs\profiles$\nayarasds\Downloads\57d15ebc-f8b9-4002-8aa4-6ef4fe13569a.tmp</t>
  </si>
  <si>
    <t>12/26/2019 08:23:56</t>
  </si>
  <si>
    <t>9520c587-24cf-4a84-93ba-72a35189b195.tmp</t>
  </si>
  <si>
    <t>\\acsfs\profiles$\nayarasds\Downloads\9520c587-24cf-4a84-93ba-72a35189b195.tmp</t>
  </si>
  <si>
    <t>12/26/2019 08:21:19</t>
  </si>
  <si>
    <t>12/26/2019 08:21:36</t>
  </si>
  <si>
    <t>12/26/2019 08:22:04</t>
  </si>
  <si>
    <t>12/26/2019 08:20:49</t>
  </si>
  <si>
    <t>12/26/2019 08:25:50</t>
  </si>
  <si>
    <t>12/26/2019 08:21:44</t>
  </si>
  <si>
    <t>12/26/2019 08:23:42</t>
  </si>
  <si>
    <t>12/26/2019 08:24:14</t>
  </si>
  <si>
    <t>10.200.66.183</t>
  </si>
  <si>
    <t>D4-AE-52-FC-8F-DA</t>
  </si>
  <si>
    <t>VOTORANTE-ZB021</t>
  </si>
  <si>
    <t>\\acsfs\DEPTOS\Operacao\Banco_Votorantim\Supervisao\Flávia Constantina Nogueira\</t>
  </si>
  <si>
    <t>\\acsfs\DEPTOS\Operacao\Banco_Votorantim\Supervisao\SUPERS BV CARTÕES\Thumbs.db</t>
  </si>
  <si>
    <t>12/26/2019 08:21:11</t>
  </si>
  <si>
    <t>12/26/2019 08:26:49</t>
  </si>
  <si>
    <t>19515f8f-8a36-4253-b8b3-90b7d17281b5.tmp</t>
  </si>
  <si>
    <t>\\acsfs\profiles$\ayalabfi\Downloads\19515f8f-8a36-4253-b8b3-90b7d17281b5.tmp</t>
  </si>
  <si>
    <t>12/26/2019 08:21:14</t>
  </si>
  <si>
    <t>376640bd-57df-493e-92cc-27bb7c24bf8b.tmp</t>
  </si>
  <si>
    <t>\\acsfs\profiles$\ayalabfi\Downloads\376640bd-57df-493e-92cc-27bb7c24bf8b.tmp</t>
  </si>
  <si>
    <t>12/26/2019 08:21:15</t>
  </si>
  <si>
    <t>0ea17de3-0bdc-443c-8cdf-98a6390157d4.tmp</t>
  </si>
  <si>
    <t>\\acsfs\profiles$\ayalabfi\Downloads\0ea17de3-0bdc-443c-8cdf-98a6390157d4.tmp</t>
  </si>
  <si>
    <t>12/26/2019 08:23:07</t>
  </si>
  <si>
    <t>d732c07e-87d5-4de4-9944-476564c071c2.tmp</t>
  </si>
  <si>
    <t>\\acsfs\profiles$\ayalabfi\Downloads\d732c07e-87d5-4de4-9944-476564c071c2.tmp</t>
  </si>
  <si>
    <t>12/26/2019 08:21:45</t>
  </si>
  <si>
    <t>9b74dd13-f3f5-4d6d-ad9f-285472791172.tmp</t>
  </si>
  <si>
    <t>\\acsfs\profiles$\felipetds\Downloads\9b74dd13-f3f5-4d6d-ad9f-285472791172.tmp</t>
  </si>
  <si>
    <t>12/26/2019 08:24:02</t>
  </si>
  <si>
    <t>e48c38e6-cbad-4bff-b0df-e18023b56537.tmp</t>
  </si>
  <si>
    <t>\\acsfs\profiles$\nathaliadf\Downloads\e48c38e6-cbad-4bff-b0df-e18023b56537.tmp</t>
  </si>
  <si>
    <t>12/26/2019 08:25:55</t>
  </si>
  <si>
    <t>5c6ec370-347e-4e34-af37-fb79abe1e237.tmp</t>
  </si>
  <si>
    <t>\\acsfs\profiles$\milenaas\Downloads\5c6ec370-347e-4e34-af37-fb79abe1e237.tmp</t>
  </si>
  <si>
    <t>894b0417-7018-446c-9d3b-5c0e1b85faa6.tmp</t>
  </si>
  <si>
    <t>\\acsfs\profiles$\milenaas\Downloads\894b0417-7018-446c-9d3b-5c0e1b85faa6.tmp</t>
  </si>
  <si>
    <t>12/26/2019 08:23:57</t>
  </si>
  <si>
    <t>12/26/2019 08:27:50</t>
  </si>
  <si>
    <t>12/26/2019 08:23:30</t>
  </si>
  <si>
    <t>12/26/2019 08:28:04</t>
  </si>
  <si>
    <t>12/26/2019 08:28:49</t>
  </si>
  <si>
    <t>LAURA NICOLAU DE OLIVEIRA SANTOS_1_6771171686330996632_1_32.wav</t>
  </si>
  <si>
    <t>\\acsfs\Deptos\EDUCACAO EMPRESARIAL\KÉSIA\Ligações 3º ciclo - Késia\LAURA NICOLAU DE OLIVEIRA SANTOS_1_6771171686330996632_1_32.wav</t>
  </si>
  <si>
    <t>12/26/2019 08:25:37</t>
  </si>
  <si>
    <t>12/26/2019 08:25:38</t>
  </si>
  <si>
    <t>lu45281304mw.tmp</t>
  </si>
  <si>
    <t>\\acsfs\profiles$\VIVIANALDS\My Documents\lu45281304mw.tmp</t>
  </si>
  <si>
    <t>\\acsfs\profiles$\VIVIANALDS\My Documents\lu45281304mw.tmp\</t>
  </si>
  <si>
    <t>\\acsfs\profiles$\VIVIANALDS\My Documents\lu45281304mw.tmp\META-INF\</t>
  </si>
  <si>
    <t>\\acsfs\profiles$\VIVIANALDS\My Documents\lu45281304mw.tmp\Thumbnails\</t>
  </si>
  <si>
    <t>12/26/2019 08:24:55</t>
  </si>
  <si>
    <t>12/26/2019 08:29:49</t>
  </si>
  <si>
    <t>c656ca0f-27a1-4804-8f5a-f07b08a3de01.tmp</t>
  </si>
  <si>
    <t>\\acsfs\profiles$\nayarasds\Downloads\c656ca0f-27a1-4804-8f5a-f07b08a3de01.tmp</t>
  </si>
  <si>
    <t>12/26/2019 08:28:07</t>
  </si>
  <si>
    <t>9deee2b0-0431-4a1b-ba67-1f2251c5f041.tmp</t>
  </si>
  <si>
    <t>\\acsfs\profiles$\nayarasds\Downloads\9deee2b0-0431-4a1b-ba67-1f2251c5f041.tmp</t>
  </si>
  <si>
    <t>12/26/2019 08:28:20</t>
  </si>
  <si>
    <t>12/26/2019 08:30:49</t>
  </si>
  <si>
    <t>94b92772-2a07-4593-9bbd-a5df84c218eb.tmp</t>
  </si>
  <si>
    <t>\\acsfs\profiles$\ERICALSR\Downloads\94b92772-2a07-4593-9bbd-a5df84c218eb.tmp</t>
  </si>
  <si>
    <t>12/26/2019 08:28:21</t>
  </si>
  <si>
    <t>12/26/2019 08:29:37</t>
  </si>
  <si>
    <t>f4fa9b3e-f6b9-4a7c-bc89-1aef99b0ba0a.tmp</t>
  </si>
  <si>
    <t>\\acsfs\profiles$\ERICALSR\Downloads\f4fa9b3e-f6b9-4a7c-bc89-1aef99b0ba0a.tmp</t>
  </si>
  <si>
    <t>12/26/2019 08:31:50</t>
  </si>
  <si>
    <t>ffc38b0c-4991-4644-80a3-84d05c1c5476.tmp</t>
  </si>
  <si>
    <t>\\acsfs\profiles$\ayalabfi\Downloads\ffc38b0c-4991-4644-80a3-84d05c1c5476.tmp</t>
  </si>
  <si>
    <t>12/26/2019 08:30:01</t>
  </si>
  <si>
    <t>c5dc18f0-55bc-4523-9bb5-9962d9133b67.tmp</t>
  </si>
  <si>
    <t>\\acsfs\profiles$\ayalabfi\Downloads\c5dc18f0-55bc-4523-9bb5-9962d9133b67.tmp</t>
  </si>
  <si>
    <t>12/26/2019 08:27:39</t>
  </si>
  <si>
    <t>a5fc816d-e7db-474c-99f0-3e02998f0b37.tmp</t>
  </si>
  <si>
    <t>\\acsfs\profiles$\milenaas\Downloads\a5fc816d-e7db-474c-99f0-3e02998f0b37.tmp</t>
  </si>
  <si>
    <t>12/26/2019 08:27:47</t>
  </si>
  <si>
    <t>bdb02508-271e-401f-ae89-69c48f824015.tmp</t>
  </si>
  <si>
    <t>\\acsfs\profiles$\milenaas\Downloads\bdb02508-271e-401f-ae89-69c48f824015.tmp</t>
  </si>
  <si>
    <t>12/26/2019 08:29:58</t>
  </si>
  <si>
    <t>12/26/2019 08:32:49</t>
  </si>
  <si>
    <t>12/26/2019 08:31:46</t>
  </si>
  <si>
    <t>7203f249-5106-4486-9229-139b518165b6.tmp</t>
  </si>
  <si>
    <t>\\acsfs\profiles$\deboraaa\Downloads\7203f249-5106-4486-9229-139b518165b6.tmp</t>
  </si>
  <si>
    <t>12/26/2019 08:32:30</t>
  </si>
  <si>
    <t>12/26/2019 08:33:50</t>
  </si>
  <si>
    <t>lu45281304n0.tmp</t>
  </si>
  <si>
    <t>\\acsfs\profiles$\VIVIANALDS\My Documents\lu45281304n0.tmp</t>
  </si>
  <si>
    <t>\\acsfs\profiles$\VIVIANALDS\My Documents\lu45281304n0.tmp\</t>
  </si>
  <si>
    <t>\\acsfs\profiles$\VIVIANALDS\My Documents\lu45281304n0.tmp\META-INF\</t>
  </si>
  <si>
    <t>\\acsfs\profiles$\VIVIANALDS\My Documents\lu45281304n0.tmp\Thumbnails\</t>
  </si>
  <si>
    <t>12/26/2019 08:29:03</t>
  </si>
  <si>
    <t>12/26/2019 08:29:04</t>
  </si>
  <si>
    <t>12/26/2019 08:29:05</t>
  </si>
  <si>
    <t>12/26/2019 08:34:49</t>
  </si>
  <si>
    <t>12/26/2019 08:29:06</t>
  </si>
  <si>
    <t>12/26/2019 08:29:07</t>
  </si>
  <si>
    <t>12/26/2019 08:29:08</t>
  </si>
  <si>
    <t>12/26/2019 08:29:09</t>
  </si>
  <si>
    <t>12/26/2019 08:29:10</t>
  </si>
  <si>
    <t>12/26/2019 08:29:11</t>
  </si>
  <si>
    <t>12/26/2019 08:29:12</t>
  </si>
  <si>
    <t>12/26/2019 08:29:13</t>
  </si>
  <si>
    <t>12/26/2019 08:29:14</t>
  </si>
  <si>
    <t>12/26/2019 08:29:15</t>
  </si>
  <si>
    <t>12/26/2019 08:29:16</t>
  </si>
  <si>
    <t>12/26/2019 08:29:17</t>
  </si>
  <si>
    <t>12/26/2019 08:29:18</t>
  </si>
  <si>
    <t>12/26/2019 08:29:19</t>
  </si>
  <si>
    <t>12/26/2019 08:29:20</t>
  </si>
  <si>
    <t>12/26/2019 08:29:21</t>
  </si>
  <si>
    <t>12/26/2019 08:29:22</t>
  </si>
  <si>
    <t>12/26/2019 08:29:23</t>
  </si>
  <si>
    <t>12/26/2019 08:29:24</t>
  </si>
  <si>
    <t>12/26/2019 08:29:25</t>
  </si>
  <si>
    <t>12/26/2019 08:29:26</t>
  </si>
  <si>
    <t>12/26/2019 08:29:50</t>
  </si>
  <si>
    <t>12/26/2019 08:32:52</t>
  </si>
  <si>
    <t>a755b920-865f-4417-9182-1a81a0ab5390.tmp</t>
  </si>
  <si>
    <t>\\acsfs\profiles$\YASMINSC\Downloads\a755b920-865f-4417-9182-1a81a0ab5390.tmp</t>
  </si>
  <si>
    <t>12/26/2019 08:31:39</t>
  </si>
  <si>
    <t>d8d60523-bf6c-4db2-9236-fd59bbaa66b6.tmp</t>
  </si>
  <si>
    <t>\\acsfs\profiles$\nataliacsl\Downloads\d8d60523-bf6c-4db2-9236-fd59bbaa66b6.tmp</t>
  </si>
  <si>
    <t>12/26/2019 08:34:20</t>
  </si>
  <si>
    <t>12/26/2019 08:32:53</t>
  </si>
  <si>
    <t>c518dc32-d74c-446d-a623-9cbf10dc3dae.tmp</t>
  </si>
  <si>
    <t>\\acsfs\profiles$\nataliacsl\Downloads\c518dc32-d74c-446d-a623-9cbf10dc3dae.tmp</t>
  </si>
  <si>
    <t>12/26/2019 08:30:45</t>
  </si>
  <si>
    <t>12/26/2019 08:35:49</t>
  </si>
  <si>
    <t>12/26/2019 08:31:15</t>
  </si>
  <si>
    <t>12/26/2019 08:33:45</t>
  </si>
  <si>
    <t>12/26/2019 08:34:15</t>
  </si>
  <si>
    <t>12/26/2019 08:35:15</t>
  </si>
  <si>
    <t>12/26/2019 08:31:26</t>
  </si>
  <si>
    <t>a7312e9e-ea7f-4c82-bcd9-b211ac360749.tmp</t>
  </si>
  <si>
    <t>\\acsfs\profiles$\PEDROHAB\Downloads\a7312e9e-ea7f-4c82-bcd9-b211ac360749.tmp</t>
  </si>
  <si>
    <t>12/26/2019 08:31:28</t>
  </si>
  <si>
    <t>4457d304-03f7-4821-9c14-51ec72f08558.tmp</t>
  </si>
  <si>
    <t>\\acsfs\profiles$\PEDROHAB\Downloads\4457d304-03f7-4821-9c14-51ec72f08558.tmp</t>
  </si>
  <si>
    <t>12/26/2019 08:31:32</t>
  </si>
  <si>
    <t>12/26/2019 08:36:49</t>
  </si>
  <si>
    <t>42514669-5d45-427c-b551-2cac68f2dcb4.tmp</t>
  </si>
  <si>
    <t>\\acsfs\profiles$\laianear\Downloads\42514669-5d45-427c-b551-2cac68f2dcb4.tmp</t>
  </si>
  <si>
    <t>12/26/2019 08:31:34</t>
  </si>
  <si>
    <t>40fa167e-b24f-4b21-a630-c28677b98cd5.tmp</t>
  </si>
  <si>
    <t>\\acsfs\profiles$\laianear\Downloads\40fa167e-b24f-4b21-a630-c28677b98cd5.tmp</t>
  </si>
  <si>
    <t>12/26/2019 08:32:03</t>
  </si>
  <si>
    <t>fb5da53e-d5d0-40bb-aa37-c97efa1bf17d.tmp</t>
  </si>
  <si>
    <t>\\acsfs\profiles$\laianear\Downloads\fb5da53e-d5d0-40bb-aa37-c97efa1bf17d.tmp</t>
  </si>
  <si>
    <t>12/26/2019 08:33:49</t>
  </si>
  <si>
    <t>f5977d8b-89ad-46ff-89fc-676fbd4382fe.tmp</t>
  </si>
  <si>
    <t>\\acsfs\profiles$\laianear\Downloads\f5977d8b-89ad-46ff-89fc-676fbd4382fe.tmp</t>
  </si>
  <si>
    <t>12/26/2019 08:35:07</t>
  </si>
  <si>
    <t>lucasgpe</t>
  </si>
  <si>
    <t>\\acsfs\profiles$\lucasgpe\Downloads\</t>
  </si>
  <si>
    <t>dc78a0eb-807a-431e-bd3f-214622c7563c.tmp</t>
  </si>
  <si>
    <t>\\acsfs\profiles$\lucasgpe\Downloads\dc78a0eb-807a-431e-bd3f-214622c7563c.tmp</t>
  </si>
  <si>
    <t>12/26/2019 08:36:36</t>
  </si>
  <si>
    <t>76245ef8-6977-491f-882d-156e859f2c58.tmp</t>
  </si>
  <si>
    <t>\\acsfs\profiles$\lucasgpe\Downloads\76245ef8-6977-491f-882d-156e859f2c58.tmp</t>
  </si>
  <si>
    <t>12/26/2019 08:35:58</t>
  </si>
  <si>
    <t>12/26/2019 08:37:49</t>
  </si>
  <si>
    <t>12/26/2019 08:36:32</t>
  </si>
  <si>
    <t>c:\users\raicdf\documents\medidas diciplinar\</t>
  </si>
  <si>
    <t>feedback registrado.docx</t>
  </si>
  <si>
    <t>2b72a2b0-f5d2-48a2-832a-906dee7296bd.tmp</t>
  </si>
  <si>
    <t>\\acsfs\profiles$\deborahsi\Downloads\2b72a2b0-f5d2-48a2-832a-906dee7296bd.tmp</t>
  </si>
  <si>
    <t>12/26/2019 08:37:36</t>
  </si>
  <si>
    <t>12/26/2019 08:38:49</t>
  </si>
  <si>
    <t>MYLLENA RIBEIRO DE LIMA_1_6770398429008959428_1_32.wav</t>
  </si>
  <si>
    <t>\\acsfs\Deptos\EDUCACAO EMPRESARIAL\KÉSIA\Ligações 3º ciclo - Késia\MYLLENA RIBEIRO DE LIMA_1_6770398429008959428_1_32.wav</t>
  </si>
  <si>
    <t>12/26/2019 08:33:27</t>
  </si>
  <si>
    <t>ab5fffd9-af37-4416-b608-8a227951a887.tmp</t>
  </si>
  <si>
    <t>\\acsfs\profiles$\geovannasm\Downloads\ab5fffd9-af37-4416-b608-8a227951a887.tmp</t>
  </si>
  <si>
    <t>12/26/2019 08:37:32</t>
  </si>
  <si>
    <t>a3572959-c29d-4c3e-b24b-69b8bf504109.tmp</t>
  </si>
  <si>
    <t>\\acsfs\profiles$\geovannasm\Downloads\a3572959-c29d-4c3e-b24b-69b8bf504109.tmp</t>
  </si>
  <si>
    <t>12/26/2019 08:37:58</t>
  </si>
  <si>
    <t>5b48f415-dac8-4e88-b5cd-68e7e1a506e4.tmp</t>
  </si>
  <si>
    <t>\\acsfs\profiles$\geovannasm\Downloads\5b48f415-dac8-4e88-b5cd-68e7e1a506e4.tmp</t>
  </si>
  <si>
    <t>12/26/2019 08:34:50</t>
  </si>
  <si>
    <t>12/26/2019 08:39:49</t>
  </si>
  <si>
    <t>ac2850a3-0492-4cbc-b947-5667b6235920.tmp</t>
  </si>
  <si>
    <t>\\acsfs\profiles$\YASMINSC\Downloads\ac2850a3-0492-4cbc-b947-5667b6235920.tmp</t>
  </si>
  <si>
    <t>12/26/2019 08:35:28</t>
  </si>
  <si>
    <t>4fa60d1f-95b4-4114-a056-2c2af151f161.tmp</t>
  </si>
  <si>
    <t>\\acsfs\profiles$\YASMINSC\Downloads\4fa60d1f-95b4-4114-a056-2c2af151f161.tmp</t>
  </si>
  <si>
    <t>12/26/2019 08:36:58</t>
  </si>
  <si>
    <t>a6a75a48-1144-4904-8082-cd05f687f57d.tmp</t>
  </si>
  <si>
    <t>\\acsfs\profiles$\nayarasds\Downloads\a6a75a48-1144-4904-8082-cd05f687f57d.tmp</t>
  </si>
  <si>
    <t>12/26/2019 08:34:34</t>
  </si>
  <si>
    <t>victoriaksr</t>
  </si>
  <si>
    <t>\\acsfs\profiles$\victoriaksr\Downloads\</t>
  </si>
  <si>
    <t>02e5cced-762f-4020-8928-250aec5231bd.tmp</t>
  </si>
  <si>
    <t>\\acsfs\profiles$\victoriaksr\Downloads\02e5cced-762f-4020-8928-250aec5231bd.tmp</t>
  </si>
  <si>
    <t>12/26/2019 08:34:59</t>
  </si>
  <si>
    <t>daf901f8-013b-4f5c-8a49-9edd4b011e40.tmp</t>
  </si>
  <si>
    <t>\\acsfs\profiles$\victoriaksr\Downloads\daf901f8-013b-4f5c-8a49-9edd4b011e40.tmp</t>
  </si>
  <si>
    <t>12/26/2019 08:35:20</t>
  </si>
  <si>
    <t>96879b29-97db-42c2-bd89-2a66275d01a0.tmp</t>
  </si>
  <si>
    <t>\\acsfs\profiles$\victoriaksr\Downloads\96879b29-97db-42c2-bd89-2a66275d01a0.tmp</t>
  </si>
  <si>
    <t>f7efdb99-9ce9-442f-84c3-33f275af40b5.tmp</t>
  </si>
  <si>
    <t>\\acsfs\profiles$\victoriaksr\Downloads\f7efdb99-9ce9-442f-84c3-33f275af40b5.tmp</t>
  </si>
  <si>
    <t>12/26/2019 08:36:45</t>
  </si>
  <si>
    <t>4eee083b-42d0-4b55-9399-0225ce6491dd.tmp</t>
  </si>
  <si>
    <t>\\acsfs\profiles$\victoriaksr\Downloads\4eee083b-42d0-4b55-9399-0225ce6491dd.tmp</t>
  </si>
  <si>
    <t>12/26/2019 08:35:45</t>
  </si>
  <si>
    <t>12/26/2019 08:40:49</t>
  </si>
  <si>
    <t>12/26/2019 08:37:45</t>
  </si>
  <si>
    <t>12/26/2019 08:38:45</t>
  </si>
  <si>
    <t>12/26/2019 08:39:06</t>
  </si>
  <si>
    <t>https://udpmailboxap01.acs.com.br:8443/h/search?si=0&amp;so=0&amp;sc=52973&amp;sfi=2&amp;st=conversation&amp;action=compose&amp;paction=paneview</t>
  </si>
  <si>
    <t>thiagolrc@bv.algartech.com;</t>
  </si>
  <si>
    <t>https://thiagolrc@bv.algartech.com</t>
  </si>
  <si>
    <t>12/26/2019 08:39:36</t>
  </si>
  <si>
    <t>12/26/2019 08:39:42</t>
  </si>
  <si>
    <t>12/26/2019 08:40:15</t>
  </si>
  <si>
    <t>Cloud Storage (Google Drive)</t>
  </si>
  <si>
    <t>Google Drive</t>
  </si>
  <si>
    <t>12/26/2019 08:39:35</t>
  </si>
  <si>
    <t>12/26/2019 08:41:50</t>
  </si>
  <si>
    <t>\\acsfs\profiles$\lucasgpe\Desktop\</t>
  </si>
  <si>
    <t>Portal top.txt</t>
  </si>
  <si>
    <t>\\acsfs\profiles$\lucasgpe\Desktop\Portal top.txt</t>
  </si>
  <si>
    <t>12/26/2019 08:41:58</t>
  </si>
  <si>
    <t>12/26/2019 08:42:50</t>
  </si>
  <si>
    <t>12/26/2019 08:38:39</t>
  </si>
  <si>
    <t>10.200.66.171</t>
  </si>
  <si>
    <t>ade391d0-2c35-495e-99a4-056dc283eed2.tmp</t>
  </si>
  <si>
    <t>\\acsfs\profiles$\eduardofss\Downloads\ade391d0-2c35-495e-99a4-056dc283eed2.tmp</t>
  </si>
  <si>
    <t>12/26/2019 08:38:47</t>
  </si>
  <si>
    <t>Q29udHJvbGxlci5QYXl3YXJlXzEtMg-- (39).ica</t>
  </si>
  <si>
    <t>\\acsfs\profiles$\eduardofss\Downloads\Q29udHJvbGxlci5QYXl3YXJlXzEtMg-- (39).ica</t>
  </si>
  <si>
    <t>12/26/2019 08:40:14</t>
  </si>
  <si>
    <t>78590111-8b39-49fb-a29f-e3ae415dff49.tmp</t>
  </si>
  <si>
    <t>\\acsfs\profiles$\eduardofss\Downloads\78590111-8b39-49fb-a29f-e3ae415dff49.tmp</t>
  </si>
  <si>
    <t>12/26/2019 08:42:51</t>
  </si>
  <si>
    <t>12/26/2019 08:43:50</t>
  </si>
  <si>
    <t>12/26/2019 08:38:53</t>
  </si>
  <si>
    <t>3ca7ee27-ba5c-4fd7-a141-827004c7eeef.tmp</t>
  </si>
  <si>
    <t>\\acsfs\profiles$\geovannasm\Downloads\3ca7ee27-ba5c-4fd7-a141-827004c7eeef.tmp</t>
  </si>
  <si>
    <t>12/26/2019 08:39:23</t>
  </si>
  <si>
    <t>12/26/2019 08:41:48</t>
  </si>
  <si>
    <t>12/26/2019 08:44:50</t>
  </si>
  <si>
    <t>12/26/2019 08:45:49</t>
  </si>
  <si>
    <t>12/26/2019 08:41:15</t>
  </si>
  <si>
    <t>12/26/2019 08:41:45</t>
  </si>
  <si>
    <t>12/26/2019 08:42:45</t>
  </si>
  <si>
    <t>12/26/2019 08:43:45</t>
  </si>
  <si>
    <t>12/26/2019 08:45:44</t>
  </si>
  <si>
    <t>12/26/2019 08:46:50</t>
  </si>
  <si>
    <t>10.200.67.171</t>
  </si>
  <si>
    <t>59f6b7a3-f3c6-4211-9da9-bfe767519a20.tmp</t>
  </si>
  <si>
    <t>\\acsfs\profiles$\adelvinsonle\Downloads\59f6b7a3-f3c6-4211-9da9-bfe767519a20.tmp</t>
  </si>
  <si>
    <t>12/26/2019 08:43:02</t>
  </si>
  <si>
    <t>12/26/2019 08:42:58</t>
  </si>
  <si>
    <t>12/26/2019 08:43:59</t>
  </si>
  <si>
    <t>9b1d8b19-6e62-448e-9887-5e0df87d1f8a.tmp</t>
  </si>
  <si>
    <t>\\acsfs\profiles$\lucasgpe\Downloads\9b1d8b19-6e62-448e-9887-5e0df87d1f8a.tmp</t>
  </si>
  <si>
    <t>12/26/2019 08:45:27</t>
  </si>
  <si>
    <t>12/26/2019 08:47:49</t>
  </si>
  <si>
    <t>12/26/2019 08:44:56</t>
  </si>
  <si>
    <t>12/26/2019 08:48:50</t>
  </si>
  <si>
    <t>de426af4-96ff-43c0-a987-bff4da812411.tmp</t>
  </si>
  <si>
    <t>\\acsfs\profiles$\geovannasm\Downloads\de426af4-96ff-43c0-a987-bff4da812411.tmp</t>
  </si>
  <si>
    <t>12/26/2019 08:48:15</t>
  </si>
  <si>
    <t>12/26/2019 08:50:50</t>
  </si>
  <si>
    <t>12/26/2019 08:46:55</t>
  </si>
  <si>
    <t>12/26/2019 08:51:50</t>
  </si>
  <si>
    <t>Q29udHJvbGxlci5QYXl3YXJlXzEtMg-- (69).ica</t>
  </si>
  <si>
    <t>\\acsfs\profiles$\adelvinsonle\Downloads\Q29udHJvbGxlci5QYXl3YXJlXzEtMg-- (69).ica</t>
  </si>
  <si>
    <t>12/26/2019 08:47:53</t>
  </si>
  <si>
    <t>7d682580-eb0c-44c0-b717-bb9695ba690a.tmp</t>
  </si>
  <si>
    <t>\\acsfs\profiles$\adelvinsonle\Downloads\7d682580-eb0c-44c0-b717-bb9695ba690a.tmp</t>
  </si>
  <si>
    <t>12/26/2019 08:52:50</t>
  </si>
  <si>
    <t>12/26/2019 08:47:58</t>
  </si>
  <si>
    <t>12/26/2019 08:48:18</t>
  </si>
  <si>
    <t>12/26/2019 08:48:22</t>
  </si>
  <si>
    <t>12/26/2019 08:50:19</t>
  </si>
  <si>
    <t>62ffe485-e834-4fef-aeb4-38011715bff6.tmp</t>
  </si>
  <si>
    <t>\\acsfs\profiles$\LUCASBS\Downloads\62ffe485-e834-4fef-aeb4-38011715bff6.tmp</t>
  </si>
  <si>
    <t>12/26/2019 08:51:52</t>
  </si>
  <si>
    <t>10296b3c-e10b-466d-a36a-e257b610cb03.tmp</t>
  </si>
  <si>
    <t>\\acsfs\profiles$\LUCASBS\Downloads\10296b3c-e10b-466d-a36a-e257b610cb03.tmp</t>
  </si>
  <si>
    <t>12/26/2019 08:51:01</t>
  </si>
  <si>
    <t>12/26/2019 08:53:51</t>
  </si>
  <si>
    <t>12/26/2019 08:55:51</t>
  </si>
  <si>
    <t>3070881d-e88e-40b0-bba4-958e9e664b6e.tmp</t>
  </si>
  <si>
    <t>\\acsfs\profiles$\sarahbal\Downloads\3070881d-e88e-40b0-bba4-958e9e664b6e.tmp</t>
  </si>
  <si>
    <t>12/26/2019 08:52:15</t>
  </si>
  <si>
    <t>12/26/2019 08:53:15</t>
  </si>
  <si>
    <t>12/26/2019 08:53:45</t>
  </si>
  <si>
    <t>12/26/2019 08:54:15</t>
  </si>
  <si>
    <t>12/26/2019 08:51:35</t>
  </si>
  <si>
    <t>12/26/2019 08:55:08</t>
  </si>
  <si>
    <t>12/26/2019 08:56:51</t>
  </si>
  <si>
    <t>b9254bcd-4105-4df0-a8da-17d56c248438.tmp</t>
  </si>
  <si>
    <t>\\acsfs\profiles$\quindaizaagds\Downloads\b9254bcd-4105-4df0-a8da-17d56c248438.tmp</t>
  </si>
  <si>
    <t>12/26/2019 08:53:58</t>
  </si>
  <si>
    <t>12/26/2019 08:53:22</t>
  </si>
  <si>
    <t>12/26/2019 08:57:51</t>
  </si>
  <si>
    <t>12/26/2019 08:55:24</t>
  </si>
  <si>
    <t>12/26/2019 08:57:44</t>
  </si>
  <si>
    <t>12/26/2019 08:58:51</t>
  </si>
  <si>
    <t>12/26/2019 08:56:25</t>
  </si>
  <si>
    <t>NYCOLLE EDUARDA MARTINS DE JESUS_1_6769334565609749790_1_32.wav</t>
  </si>
  <si>
    <t>\\acsfs\Deptos\EDUCACAO EMPRESARIAL\KÉSIA\Ligações 3º ciclo - Késia\NYCOLLE EDUARDA MARTINS DE JESUS_1_6769334565609749790_1_32.wav</t>
  </si>
  <si>
    <t>12/26/2019 08:57:37</t>
  </si>
  <si>
    <t>10.200.66.81</t>
  </si>
  <si>
    <t>64-1C-67-9D-1B-E7</t>
  </si>
  <si>
    <t>VOTORANT-JB016</t>
  </si>
  <si>
    <t>\\acsfs\profiles$\karendsr\My Documents\My Pictures\</t>
  </si>
  <si>
    <t>\\acsfs\profiles$\KARENDSR\My Documents\My Videos\desktop.ini</t>
  </si>
  <si>
    <t>12/26/2019 08:58:07</t>
  </si>
  <si>
    <t>\\acsfs\profiles$\KARENDSR\My Documents\My Videos\</t>
  </si>
  <si>
    <t>12/26/2019 08:58:08</t>
  </si>
  <si>
    <t>12/26/2019 08:58:09</t>
  </si>
  <si>
    <t>12/26/2019 08:58:10</t>
  </si>
  <si>
    <t>\\acsfs\profiles$\karendsr\My Documents\My Music\</t>
  </si>
  <si>
    <t>\\acsfs\profiles$\KARENDSR\My Documents\My Pictures\desktop.ini</t>
  </si>
  <si>
    <t>12/26/2019 08:58:11</t>
  </si>
  <si>
    <t>\\acsfs\profiles$\karendsr\My Documents\My Videos\</t>
  </si>
  <si>
    <t>12/26/2019 08:58:13</t>
  </si>
  <si>
    <t>12/26/2019 08:58:14</t>
  </si>
  <si>
    <t>12/26/2019 08:58:16</t>
  </si>
  <si>
    <t>\\acsfs\profiles$\KARENDSR\Contacts\</t>
  </si>
  <si>
    <t>\\acsfs\profiles$\KARENDSR\Contacts\desktop.ini</t>
  </si>
  <si>
    <t>12/26/2019 08:58:17</t>
  </si>
  <si>
    <t>12/26/2019 08:58:18</t>
  </si>
  <si>
    <t>12/26/2019 08:58:19</t>
  </si>
  <si>
    <t>12/26/2019 08:58:20</t>
  </si>
  <si>
    <t>12/26/2019 08:58:21</t>
  </si>
  <si>
    <t>\\acsfs\profiles$\karendsr\My Documents\</t>
  </si>
  <si>
    <t>\\acsfs\profiles$\KARENDSR\Favorites\desktop.ini</t>
  </si>
  <si>
    <t>12/26/2019 08:58:22</t>
  </si>
  <si>
    <t>12/26/2019 08:58:23</t>
  </si>
  <si>
    <t>12/26/2019 08:58:25</t>
  </si>
  <si>
    <t>12/26/2019 08:58:26</t>
  </si>
  <si>
    <t>12/26/2019 08:58:27</t>
  </si>
  <si>
    <t>\\acsfs\profiles$\KARENDSR\My Documents\My Music\desktop.ini</t>
  </si>
  <si>
    <t>12/26/2019 08:58:28</t>
  </si>
  <si>
    <t>\\acsfs\profiles$\KARENDSR\My Documents\My Music\</t>
  </si>
  <si>
    <t>12/26/2019 08:58:29</t>
  </si>
  <si>
    <t>12/26/2019 08:58:30</t>
  </si>
  <si>
    <t>12/26/2019 08:58:31</t>
  </si>
  <si>
    <t>\\acsfs\profiles$\KARENDSR\Searches\</t>
  </si>
  <si>
    <t>\\acsfs\profiles$\KARENDSR\Searches\desktop.ini</t>
  </si>
  <si>
    <t>12/26/2019 08:58:32</t>
  </si>
  <si>
    <t>12/26/2019 08:58:33</t>
  </si>
  <si>
    <t>12/26/2019 08:58:35</t>
  </si>
  <si>
    <t>12/26/2019 08:58:37</t>
  </si>
  <si>
    <t>\\acsfs\profiles$\KARENDSR\Downloads\desktop.ini</t>
  </si>
  <si>
    <t>12/26/2019 08:58:38</t>
  </si>
  <si>
    <t>\\acsfs\profiles$\karendsr\Favorites\</t>
  </si>
  <si>
    <t>\\acsfs\profiles$\KARENDSR\My Documents\desktop.ini</t>
  </si>
  <si>
    <t>\\acsfs\profiles$\KARENDSR\My Documents\</t>
  </si>
  <si>
    <t>12/26/2019 08:58:39</t>
  </si>
  <si>
    <t>12/26/2019 08:58:40</t>
  </si>
  <si>
    <t>12/26/2019 08:58:41</t>
  </si>
  <si>
    <t>\\acsfs\profiles$\karendsr\Saved Games\</t>
  </si>
  <si>
    <t>\\acsfs\profiles$\KARENDSR\Saved Games\desktop.ini</t>
  </si>
  <si>
    <t>\\acsfs\profiles$\karendsr\Downloads\</t>
  </si>
  <si>
    <t>12/26/2019 08:55:07</t>
  </si>
  <si>
    <t>12/26/2019 08:59:51</t>
  </si>
  <si>
    <t>4b396dcd-c955-4534-9fe9-69da63c2403c.tmp</t>
  </si>
  <si>
    <t>\\acsfs\profiles$\victoriaksr\Downloads\4b396dcd-c955-4534-9fe9-69da63c2403c.tmp</t>
  </si>
  <si>
    <t>12/26/2019 08:55:25</t>
  </si>
  <si>
    <t>.~lock.1721 1724 ate 24122019.xlsx#</t>
  </si>
  <si>
    <t>\\acsfs\profiles$\victoriaksr\Downloads\.~lock.1721 1724 ate 24122019.xlsx#</t>
  </si>
  <si>
    <t>12/26/2019 08:59:18</t>
  </si>
  <si>
    <t>\\acsfs\profiles$\victoriaksr\My Documents\</t>
  </si>
  <si>
    <t>.~lock.1721 Consolidado.xlsx#</t>
  </si>
  <si>
    <t>\\acsfs\profiles$\victoriaksr\My Documents\.~lock.1721 Consolidado.xlsx#</t>
  </si>
  <si>
    <t>12/26/2019 08:57:07</t>
  </si>
  <si>
    <t>12/26/2019 09:00:51</t>
  </si>
  <si>
    <t>422b5146-5cf3-4e80-9ba3-220345183444.tmp</t>
  </si>
  <si>
    <t>\\acsfs\profiles$\sarahbal\Downloads\422b5146-5cf3-4e80-9ba3-220345183444.tmp</t>
  </si>
  <si>
    <t>12/26/2019 08:57:15</t>
  </si>
  <si>
    <t>12/26/2019 08:57:45</t>
  </si>
  <si>
    <t>12/26/2019 08:58:15</t>
  </si>
  <si>
    <t>12/26/2019 08:58:45</t>
  </si>
  <si>
    <t>12/26/2019 08:58:56</t>
  </si>
  <si>
    <t>12/26/2019 09:01:51</t>
  </si>
  <si>
    <t>12/26/2019 08:59:42</t>
  </si>
  <si>
    <t>b4c12ab9-e4f4-41f6-8f8d-b3da9a294220.tmp</t>
  </si>
  <si>
    <t>\\acsfs\profiles$\henriquehmdo\Downloads\b4c12ab9-e4f4-41f6-8f8d-b3da9a294220.tmp</t>
  </si>
  <si>
    <t>12/26/2019 08:59:24</t>
  </si>
  <si>
    <t>51053953-650f-4c8e-a4b2-a5dee0fdea83.tmp</t>
  </si>
  <si>
    <t>\\acsfs\profiles$\gabrielhca\Downloads\51053953-650f-4c8e-a4b2-a5dee0fdea83.tmp</t>
  </si>
  <si>
    <t>12/26/2019 08:59:56</t>
  </si>
  <si>
    <t>d087b568-f84e-40db-b209-4afc9dc93c70.tmp</t>
  </si>
  <si>
    <t>\\acsfs\profiles$\gabrielhca\Downloads\d087b568-f84e-40db-b209-4afc9dc93c70.tmp</t>
  </si>
  <si>
    <t>12/26/2019 09:00:05</t>
  </si>
  <si>
    <t>1d309589-1000-43df-88d3-4a2eaf3671cc.tmp</t>
  </si>
  <si>
    <t>\\acsfs\profiles$\gabrielhca\Downloads\1d309589-1000-43df-88d3-4a2eaf3671cc.tmp</t>
  </si>
  <si>
    <t>12/26/2019 09:00:10</t>
  </si>
  <si>
    <t>35fcbedf-e896-46d6-9541-7b70a7077908.tmp</t>
  </si>
  <si>
    <t>\\acsfs\profiles$\gabrielhca\Downloads\35fcbedf-e896-46d6-9541-7b70a7077908.tmp</t>
  </si>
  <si>
    <t>12/26/2019 09:01:29</t>
  </si>
  <si>
    <t>b53ff776-7c1e-4d3e-8a7a-3d104897bdd5.tmp</t>
  </si>
  <si>
    <t>\\acsfs\profiles$\gabrielhca\Downloads\b53ff776-7c1e-4d3e-8a7a-3d104897bdd5.tmp</t>
  </si>
  <si>
    <t>12/26/2019 08:57:21</t>
  </si>
  <si>
    <t>12/26/2019 08:57:22</t>
  </si>
  <si>
    <t>12/26/2019 08:57:23</t>
  </si>
  <si>
    <t>12/26/2019 08:57:24</t>
  </si>
  <si>
    <t>12/26/2019 08:57:25</t>
  </si>
  <si>
    <t>12/26/2019 08:57:26</t>
  </si>
  <si>
    <t>12/26/2019 08:57:27</t>
  </si>
  <si>
    <t>12/26/2019 08:57:28</t>
  </si>
  <si>
    <t>12/26/2019 09:02:51</t>
  </si>
  <si>
    <t>12/26/2019 08:57:29</t>
  </si>
  <si>
    <t>12/26/2019 08:57:30</t>
  </si>
  <si>
    <t>12/26/2019 08:57:31</t>
  </si>
  <si>
    <t>12/26/2019 08:57:32</t>
  </si>
  <si>
    <t>12/26/2019 08:57:33</t>
  </si>
  <si>
    <t>12/26/2019 08:57:34</t>
  </si>
  <si>
    <t>12/26/2019 08:57:35</t>
  </si>
  <si>
    <t>12/26/2019 08:57:36</t>
  </si>
  <si>
    <t>12/26/2019 08:57:38</t>
  </si>
  <si>
    <t>12/26/2019 08:57:39</t>
  </si>
  <si>
    <t>12/26/2019 08:57:40</t>
  </si>
  <si>
    <t>12/26/2019 08:57:41</t>
  </si>
  <si>
    <t>12/26/2019 08:57:42</t>
  </si>
  <si>
    <t>12/26/2019 08:57:43</t>
  </si>
  <si>
    <t>12/26/2019 09:00:44</t>
  </si>
  <si>
    <t>0764a63a-e222-4dde-b175-6c0061ef6e67.tmp</t>
  </si>
  <si>
    <t>\\acsfs\profiles$\vivianealda\Downloads\0764a63a-e222-4dde-b175-6c0061ef6e67.tmp</t>
  </si>
  <si>
    <t>12/26/2019 09:00:49</t>
  </si>
  <si>
    <t>c8636633-1b2c-4e11-a0ef-65e76b16e9c6.tmp</t>
  </si>
  <si>
    <t>\\acsfs\profiles$\vivianealda\Downloads\c8636633-1b2c-4e11-a0ef-65e76b16e9c6.tmp</t>
  </si>
  <si>
    <t>12/26/2019 08:59:58</t>
  </si>
  <si>
    <t>12/26/2019 09:01:42</t>
  </si>
  <si>
    <t>12/26/2019 09:03:51</t>
  </si>
  <si>
    <t>10.200.32.20</t>
  </si>
  <si>
    <t>78-2B-CB-C1-07-01</t>
  </si>
  <si>
    <t>VOTORANT-CB015</t>
  </si>
  <si>
    <t>arthurfr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7361480517&amp;time-delta-to-apply-millis=use-collector-delta</t>
  </si>
  <si>
    <t>12/26/2019 08:59:01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7361540622&amp;time-delta-to-apply-millis=use-collector-delta</t>
  </si>
  <si>
    <t>12/26/2019 08:59:12</t>
  </si>
  <si>
    <t>winrt--{S-1-5-21-602162358-764733703-839522115-352969}-.searchconnector-ms</t>
  </si>
  <si>
    <t>\\acsfs\profiles$\KARENDSR\Searches\winrt--{S-1-5-21-602162358-764733703-839522115-352969}-.searchconnector-ms</t>
  </si>
  <si>
    <t>12/26/2019 09:00:36</t>
  </si>
  <si>
    <t>e3847860-6b56-4f61-9c68-cbee76c35f12.tmp</t>
  </si>
  <si>
    <t>\\acsfs\profiles$\KARENDSR\Downloads\e3847860-6b56-4f61-9c68-cbee76c35f12.tmp</t>
  </si>
  <si>
    <t>12/26/2019 09:01:50</t>
  </si>
  <si>
    <t>e46283db-47e6-4891-a0cb-d803446409f6.tmp</t>
  </si>
  <si>
    <t>\\acsfs\profiles$\KARENDSR\Downloads\e46283db-47e6-4891-a0cb-d803446409f6.tmp</t>
  </si>
  <si>
    <t>12/26/2019 09:04:51</t>
  </si>
  <si>
    <t>12/26/2019 09:00:41</t>
  </si>
  <si>
    <t>12/26/2019 09:00:55</t>
  </si>
  <si>
    <t>12/26/2019 09:04:09</t>
  </si>
  <si>
    <t>12/26/2019 09:02:31</t>
  </si>
  <si>
    <t>12/26/2019 09:05:51</t>
  </si>
  <si>
    <t>12/26/2019 09:04:23</t>
  </si>
  <si>
    <t>12/26/2019 09:06:51</t>
  </si>
  <si>
    <t>b89b7624-16d3-41f2-b602-c48679214455.tmp</t>
  </si>
  <si>
    <t>\\acsfs\profiles$\gabrielhca\Downloads\b89b7624-16d3-41f2-b602-c48679214455.tmp</t>
  </si>
  <si>
    <t>12/26/2019 09:05:58</t>
  </si>
  <si>
    <t>12/26/2019 09:07:50</t>
  </si>
  <si>
    <t>12/26/2019 09:05:45</t>
  </si>
  <si>
    <t>\\acsfs\profiles$\katiahmdj\Favorites\$RECYCLE.BIN\</t>
  </si>
  <si>
    <t>$IPVO2Y1.url</t>
  </si>
  <si>
    <t>\\acsfs\profiles$\katiahmdj\Favorites\$RECYCLE.BIN\$IPVO2Y1.url</t>
  </si>
  <si>
    <t>12/26/2019 09:04:39</t>
  </si>
  <si>
    <t>12/26/2019 09:08:51</t>
  </si>
  <si>
    <t>bf0b05ff-0b45-4786-b426-95d87770449c.tmp</t>
  </si>
  <si>
    <t>\\acsfs\profiles$\KARENDSR\Downloads\bf0b05ff-0b45-4786-b426-95d87770449c.tmp</t>
  </si>
  <si>
    <t>12/26/2019 09:05:56</t>
  </si>
  <si>
    <t>12/26/2019 09:09:50</t>
  </si>
  <si>
    <t>12/26/2019 09:06:00</t>
  </si>
  <si>
    <t>12/26/2019 09:07:05</t>
  </si>
  <si>
    <t>12/26/2019 09:09:04</t>
  </si>
  <si>
    <t>12/26/2019 09:08:15</t>
  </si>
  <si>
    <t>12/26/2019 09:10:51</t>
  </si>
  <si>
    <t>12/26/2019 09:06:44</t>
  </si>
  <si>
    <t>12/26/2019 09:09:15</t>
  </si>
  <si>
    <t>12/26/2019 09:09:45</t>
  </si>
  <si>
    <t>12/26/2019 09:07:32</t>
  </si>
  <si>
    <t>12/26/2019 09:06:27</t>
  </si>
  <si>
    <t>Eduardo Freitas Simoes_1_6771469499363296600_1_32.wav</t>
  </si>
  <si>
    <t>\\acsfs\Deptos\EDUCACAO EMPRESARIAL\FERNANDA MONIT\Ligação para Mutant terceiro Ciclo\Eduardo Freitas Simoes_1_6771469499363296600_1_32.wav</t>
  </si>
  <si>
    <t>12/26/2019 09:08:26</t>
  </si>
  <si>
    <t>12/26/2019 09:11:50</t>
  </si>
  <si>
    <t>6b6f8691-f19b-44f0-8d48-ab9da152585d.tmp</t>
  </si>
  <si>
    <t>\\acsfs\profiles$\nathaliadf\Downloads\6b6f8691-f19b-44f0-8d48-ab9da152585d.tmp</t>
  </si>
  <si>
    <t>12/26/2019 09:08:03</t>
  </si>
  <si>
    <t>12/26/2019 09:09:47</t>
  </si>
  <si>
    <t>12/26/2019 09:11:58</t>
  </si>
  <si>
    <t>12/26/2019 09:12:51</t>
  </si>
  <si>
    <t>12/26/2019 09:12:11</t>
  </si>
  <si>
    <t>c273259e-c03a-4857-8ee8-24b1472efa74.tmp</t>
  </si>
  <si>
    <t>\\acsfs\profiles$\deborahsi\Downloads\c273259e-c03a-4857-8ee8-24b1472efa74.tmp</t>
  </si>
  <si>
    <t>12/26/2019 09:12:01</t>
  </si>
  <si>
    <t>12/26/2019 09:13:51</t>
  </si>
  <si>
    <t>PAMELA MARIA CRISTINA MACEDO DA SILVA GUEDES_1_6769902222847313416_1_32.wav</t>
  </si>
  <si>
    <t>\\acsfs\Deptos\EDUCACAO EMPRESARIAL\KÉSIA\Ligações 3º ciclo - Késia\PAMELA MARIA CRISTINA MACEDO DA SILVA GUEDES_1_6769902222847313416_1_32.wav</t>
  </si>
  <si>
    <t>12/26/2019 09:09:33</t>
  </si>
  <si>
    <t>12/26/2019 09:14:51</t>
  </si>
  <si>
    <t>12/26/2019 09:13:05</t>
  </si>
  <si>
    <t>12/26/2019 09:11:41</t>
  </si>
  <si>
    <t>12/26/2019 09:14:54</t>
  </si>
  <si>
    <t>12/26/2019 09:16:51</t>
  </si>
  <si>
    <t>e89c0ae3-36b5-4bb0-8ac7-2e989cff196c.tmp</t>
  </si>
  <si>
    <t>\\acsfs\profiles$\gabrielhca\Downloads\e89c0ae3-36b5-4bb0-8ac7-2e989cff196c.tmp</t>
  </si>
  <si>
    <t>12/26/2019 09:15:53</t>
  </si>
  <si>
    <t>51fd9ec9-0a40-414a-849a-0c379b85498a.tmp</t>
  </si>
  <si>
    <t>\\acsfs\profiles$\gabrielhca\Downloads\51fd9ec9-0a40-414a-849a-0c379b85498a.tmp</t>
  </si>
  <si>
    <t>12/26/2019 09:16:00</t>
  </si>
  <si>
    <t>ef7cc7a7-6ae4-42a6-b0fb-3b1392a6d750.tmp</t>
  </si>
  <si>
    <t>\\acsfs\profiles$\gabrielhca\Downloads\ef7cc7a7-6ae4-42a6-b0fb-3b1392a6d750.tmp</t>
  </si>
  <si>
    <t>12/26/2019 09:12:33</t>
  </si>
  <si>
    <t>12/26/2019 09:17:50</t>
  </si>
  <si>
    <t>cdd5f066-f424-4947-b7a0-ff7c4b66d281.tmp</t>
  </si>
  <si>
    <t>\\acsfs\profiles$\deborahsi\Downloads\cdd5f066-f424-4947-b7a0-ff7c4b66d281.tmp</t>
  </si>
  <si>
    <t>12/26/2019 09:14:59</t>
  </si>
  <si>
    <t>12/26/2019 09:15:00</t>
  </si>
  <si>
    <t>lu169121b67gd.tmp</t>
  </si>
  <si>
    <t>\\acsfs\profiles$\LUCASBS\lu169121b67gd.tmp</t>
  </si>
  <si>
    <t>\\acsfs\profiles$\LUCASBS\lu169121b67gd.tmp\</t>
  </si>
  <si>
    <t>\\acsfs\profiles$\LUCASBS\lu169121b67gd.tmp\META-INF\</t>
  </si>
  <si>
    <t>\\acsfs\profiles$\LUCASBS\lu169121b67gd.tmp\Thumbnails\</t>
  </si>
  <si>
    <t>12/26/2019 09:16:04</t>
  </si>
  <si>
    <t>12/26/2019 09:18:51</t>
  </si>
  <si>
    <t>12/26/2019 09:18:00</t>
  </si>
  <si>
    <t>12/26/2019 09:19:50</t>
  </si>
  <si>
    <t>12/26/2019 09:16:14</t>
  </si>
  <si>
    <t>12/26/2019 09:20:51</t>
  </si>
  <si>
    <t>5357adbe-88ca-47c6-af12-1f0ddcabcc0d.tmp</t>
  </si>
  <si>
    <t>\\acsfs\profiles$\valeriasda\Downloads\5357adbe-88ca-47c6-af12-1f0ddcabcc0d.tmp</t>
  </si>
  <si>
    <t>d9316274-6b0c-4968-a409-652a9a19312c.tmp</t>
  </si>
  <si>
    <t>\\acsfs\profiles$\valeriasda\Downloads\d9316274-6b0c-4968-a409-652a9a19312c.tmp</t>
  </si>
  <si>
    <t>12/26/2019 09:16:22</t>
  </si>
  <si>
    <t>3b2cd3b1-6550-459e-939f-18cd0b578c6b.tmp</t>
  </si>
  <si>
    <t>\\acsfs\profiles$\valeriasda\Downloads\3b2cd3b1-6550-459e-939f-18cd0b578c6b.tmp</t>
  </si>
  <si>
    <t>12/26/2019 09:17:18</t>
  </si>
  <si>
    <t>e8ca8db2-0cbb-47aa-b834-59dcaeb8dcbe.tmp</t>
  </si>
  <si>
    <t>\\acsfs\profiles$\valeriasda\Downloads\e8ca8db2-0cbb-47aa-b834-59dcaeb8dcbe.tmp</t>
  </si>
  <si>
    <t>12/26/2019 09:17:23</t>
  </si>
  <si>
    <t>5b95299a-e9ec-4caa-9840-cb4091bfec9c.tmp</t>
  </si>
  <si>
    <t>\\acsfs\profiles$\valeriasda\Downloads\5b95299a-e9ec-4caa-9840-cb4091bfec9c.tmp</t>
  </si>
  <si>
    <t>12/26/2019 09:17:57</t>
  </si>
  <si>
    <t>76e1b82c-5a35-4348-a809-cd00e0f5036d.tmp</t>
  </si>
  <si>
    <t>\\acsfs\profiles$\alessandraan\Downloads\76e1b82c-5a35-4348-a809-cd00e0f5036d.tmp</t>
  </si>
  <si>
    <t>12/26/2019 09:17:59</t>
  </si>
  <si>
    <t>8bdd8b4d-68d4-420a-a763-182cc2dfba86.tmp</t>
  </si>
  <si>
    <t>\\acsfs\profiles$\alessandraan\Downloads\8bdd8b4d-68d4-420a-a763-182cc2dfba86.tmp</t>
  </si>
  <si>
    <t>12/26/2019 09:18:02</t>
  </si>
  <si>
    <t>f5c746ca-736a-411a-accb-7549d9ea690a.tmp</t>
  </si>
  <si>
    <t>\\acsfs\profiles$\alessandraan\Downloads\f5c746ca-736a-411a-accb-7549d9ea690a.tmp</t>
  </si>
  <si>
    <t>12/26/2019 09:18:03</t>
  </si>
  <si>
    <t>a1c03f90-f14f-4251-b621-158bb7ebca3c.tmp</t>
  </si>
  <si>
    <t>\\acsfs\profiles$\alessandraan\Downloads\a1c03f90-f14f-4251-b621-158bb7ebca3c.tmp</t>
  </si>
  <si>
    <t>12/26/2019 09:19:05</t>
  </si>
  <si>
    <t>d3910352-76a9-4715-8ba6-5d9a135e205d.tmp</t>
  </si>
  <si>
    <t>\\acsfs\profiles$\alessandraan\Downloads\d3910352-76a9-4715-8ba6-5d9a135e205d.tmp</t>
  </si>
  <si>
    <t>12/26/2019 09:17:45</t>
  </si>
  <si>
    <t>12/26/2019 09:18:15</t>
  </si>
  <si>
    <t>12/26/2019 09:19:45</t>
  </si>
  <si>
    <t>12/26/2019 09:20:15</t>
  </si>
  <si>
    <t>12/26/2019 09:19:47</t>
  </si>
  <si>
    <t>12/26/2019 09:20:27</t>
  </si>
  <si>
    <t>senhas.txt</t>
  </si>
  <si>
    <t>\\acsfs\profiles$\marcellewdl\My Documents\senhas.txt</t>
  </si>
  <si>
    <t>12/26/2019 09:21:51</t>
  </si>
  <si>
    <t>12/26/2019 09:16:45</t>
  </si>
  <si>
    <t>7bc1c374-3e79-4f37-9564-9d837fa1a52a.tmp</t>
  </si>
  <si>
    <t>\\acsfs\profiles$\kellzylenneasr\Downloads\7bc1c374-3e79-4f37-9564-9d837fa1a52a.tmp</t>
  </si>
  <si>
    <t>12/26/2019 09:17:25</t>
  </si>
  <si>
    <t>8b49bf98-a9ea-48e8-a4b8-b7e1094ee16e.tmp</t>
  </si>
  <si>
    <t>\\acsfs\profiles$\kellzylenneasr\Downloads\8b49bf98-a9ea-48e8-a4b8-b7e1094ee16e.tmp</t>
  </si>
  <si>
    <t>12/26/2019 09:21:42</t>
  </si>
  <si>
    <t>12/26/2019 09:22:51</t>
  </si>
  <si>
    <t>12/26/2019 09:17:58</t>
  </si>
  <si>
    <t>12/26/2019 09:20:24</t>
  </si>
  <si>
    <t>12/26/2019 09:20:44</t>
  </si>
  <si>
    <t>12/26/2019 09:24:51</t>
  </si>
  <si>
    <t>12/26/2019 09:22:14</t>
  </si>
  <si>
    <t>12/26/2019 09:23:06</t>
  </si>
  <si>
    <t>12/26/2019 09:25:50</t>
  </si>
  <si>
    <t>12/26/2019 09:22:16</t>
  </si>
  <si>
    <t>12/26/2019 09:20:45</t>
  </si>
  <si>
    <t>12/26/2019 09:21:15</t>
  </si>
  <si>
    <t>12/26/2019 09:22:15</t>
  </si>
  <si>
    <t>12/26/2019 09:23:45</t>
  </si>
  <si>
    <t>12/26/2019 09:24:15</t>
  </si>
  <si>
    <t>12/26/2019 09:24:45</t>
  </si>
  <si>
    <t>12/26/2019 09:25:15</t>
  </si>
  <si>
    <t>12/26/2019 09:21:50</t>
  </si>
  <si>
    <t>12/26/2019 09:26:51</t>
  </si>
  <si>
    <t>12/26/2019 09:23:58</t>
  </si>
  <si>
    <t>12/26/2019 09:27:50</t>
  </si>
  <si>
    <t>12/26/2019 09:26:26</t>
  </si>
  <si>
    <t>12/26/2019 09:29:50</t>
  </si>
  <si>
    <t>\\acsfs\profiles$\YASMINSC\</t>
  </si>
  <si>
    <t>Comandos Avaya.txt</t>
  </si>
  <si>
    <t>\\acsfs\profiles$\YASMINSC\Comandos Avaya.txt</t>
  </si>
  <si>
    <t>12/26/2019 09:30:51</t>
  </si>
  <si>
    <t>12/26/2019 09:28:02</t>
  </si>
  <si>
    <t>12/26/2019 09:29:28</t>
  </si>
  <si>
    <t>12/26/2019 09:29:29</t>
  </si>
  <si>
    <t>12/26/2019 09:25:45</t>
  </si>
  <si>
    <t>12/26/2019 09:26:15</t>
  </si>
  <si>
    <t>12/26/2019 09:26:45</t>
  </si>
  <si>
    <t>12/26/2019 09:27:15</t>
  </si>
  <si>
    <t>12/26/2019 09:28:45</t>
  </si>
  <si>
    <t>12/26/2019 09:29:15</t>
  </si>
  <si>
    <t>12/26/2019 09:29:03</t>
  </si>
  <si>
    <t>12/26/2019 09:31:51</t>
  </si>
  <si>
    <t>53ada97d-1203-4775-8657-f12b35a38727.tmp</t>
  </si>
  <si>
    <t>\\acsfs\profiles$\nathaliadf\Downloads\53ada97d-1203-4775-8657-f12b35a38727.tmp</t>
  </si>
  <si>
    <t>12/26/2019 09:32:51</t>
  </si>
  <si>
    <t>12/26/2019 09:29:58</t>
  </si>
  <si>
    <t>12/26/2019 09:29:17</t>
  </si>
  <si>
    <t>12/26/2019 09:33:51</t>
  </si>
  <si>
    <t>12/26/2019 09:28:46</t>
  </si>
  <si>
    <t>lu363804bm603.tmp</t>
  </si>
  <si>
    <t>\\acsfs\profiles$\jonatanls\My Documents\lu363804bm603.tmp</t>
  </si>
  <si>
    <t>12/26/2019 09:31:33</t>
  </si>
  <si>
    <t>lu363804bm609.tmp</t>
  </si>
  <si>
    <t>\\acsfs\profiles$\jonatanls\My Documents\lu363804bm609.tmp</t>
  </si>
  <si>
    <t>12/26/2019 09:32:22</t>
  </si>
  <si>
    <t>RAFAELA CRISTINA DE OLIVEIRA CLEMENTINO_1_6771157482874158020_1_32.wav</t>
  </si>
  <si>
    <t>Algar_Multimedia Files</t>
  </si>
  <si>
    <t>\\acsfs\Deptos\EDUCACAO EMPRESARIAL\KÉSIA\Ligações 3º ciclo - Késia\RAFAELA CRISTINA DE OLIVEIRA CLEMENTINO_1_6771157482874158020_1_32.wav</t>
  </si>
  <si>
    <t>12/26/2019 09:30:56</t>
  </si>
  <si>
    <t>435fe174-500a-4214-bf9e-6d81ea12de7b.tmp</t>
  </si>
  <si>
    <t>\\acsfs\profiles$\KARENDSR\Downloads\435fe174-500a-4214-bf9e-6d81ea12de7b.tmp</t>
  </si>
  <si>
    <t>12/26/2019 09:32:20</t>
  </si>
  <si>
    <t>12/26/2019 09:34:51</t>
  </si>
  <si>
    <t>mail.google.com/sync/u/0/i/s?hl=pt-BR&amp;c=604</t>
  </si>
  <si>
    <t>12/26/2019 09:32:49</t>
  </si>
  <si>
    <t>mail.google.com/sync/u/0/i/s?hl=pt-BR&amp;c=607</t>
  </si>
  <si>
    <t>bvcartes-supervisores@algarnet.onmicrosoft.com;joaogvc@algartech.com;leonardoao@algartech.com;mirianppb@algartech.com;paulacn@algartech.com;rafaelggs@algartech.com;taysdss@algartech.com;viniciussg@algartech.com;</t>
  </si>
  <si>
    <t>bvcartes-supervisores@algarnet.onmicrosoft.com,joaogvc@algartech.com,leonardoao@algartech.com,mirianppb@algartech.com,paulacn@algartech.com,rafaelggs@algartech.com,taysdss@algartech.com,viniciussg@algartech.com</t>
  </si>
  <si>
    <t>12/26/2019 09:33:31</t>
  </si>
  <si>
    <t>12/26/2019 09:34:22</t>
  </si>
  <si>
    <t>mail.google.com/sync/u/0/i/s?hl=pt-BR&amp;c=613</t>
  </si>
  <si>
    <t>12/26/2019 09:33:25</t>
  </si>
  <si>
    <t>12/26/2019 09:33:35</t>
  </si>
  <si>
    <t>25052a46-8bc9-4e8b-8d36-01096e4263e9.tmp</t>
  </si>
  <si>
    <t>\\acsfs\profiles$\mariliafplb\Downloads\25052a46-8bc9-4e8b-8d36-01096e4263e9.tmp</t>
  </si>
  <si>
    <t>12/26/2019 09:33:56</t>
  </si>
  <si>
    <t>2ab84134-b410-454e-b21e-e9dab6a85b49.tmp</t>
  </si>
  <si>
    <t>\\acsfs\profiles$\mariliafplb\Downloads\2ab84134-b410-454e-b21e-e9dab6a85b49.tmp</t>
  </si>
  <si>
    <t>12/26/2019 09:31:39</t>
  </si>
  <si>
    <t>12/26/2019 09:30:36</t>
  </si>
  <si>
    <t>12/26/2019 09:35:52</t>
  </si>
  <si>
    <t>12/26/2019 09:31:46</t>
  </si>
  <si>
    <t>12/26/2019 09:32:15</t>
  </si>
  <si>
    <t>12/26/2019 09:33:13</t>
  </si>
  <si>
    <t>12/26/2019 09:33:14</t>
  </si>
  <si>
    <t>lu146321g6v6v.tmp</t>
  </si>
  <si>
    <t>\\acsfs\profiles$\dhiulliananads\My Documents\lu146321g6v6v.tmp</t>
  </si>
  <si>
    <t>\\acsfs\profiles$\dhiulliananads\My Documents\lu146321g6v6v.tmp\</t>
  </si>
  <si>
    <t>\\acsfs\profiles$\dhiulliananads\My Documents\lu146321g6v6v.tmp\META-INF\</t>
  </si>
  <si>
    <t>\\acsfs\profiles$\dhiulliananads\My Documents\lu146321g6v6v.tmp\Thumbnails\</t>
  </si>
  <si>
    <t>12/26/2019 09:35:14</t>
  </si>
  <si>
    <t>lu146321g6v6z.tmp</t>
  </si>
  <si>
    <t>\\acsfs\profiles$\dhiulliananads\My Documents\lu146321g6v6z.tmp</t>
  </si>
  <si>
    <t>\\acsfs\profiles$\dhiulliananads\My Documents\lu146321g6v6z.tmp\</t>
  </si>
  <si>
    <t>\\acsfs\profiles$\dhiulliananads\My Documents\lu146321g6v6z.tmp\META-INF\</t>
  </si>
  <si>
    <t>\\acsfs\profiles$\dhiulliananads\My Documents\lu146321g6v6z.tmp\Thumbnails\</t>
  </si>
  <si>
    <t>12/26/2019 09:35:58</t>
  </si>
  <si>
    <t>12/26/2019 09:37:51</t>
  </si>
  <si>
    <t>12/26/2019 09:34:07</t>
  </si>
  <si>
    <t>12/26/2019 09:38:51</t>
  </si>
  <si>
    <t>10.200.66.25</t>
  </si>
  <si>
    <t>78-2B-CB-C1-07-70</t>
  </si>
  <si>
    <t>VOTORANT-SB004</t>
  </si>
  <si>
    <t>\\acsfs\profiles$\leticiala\Contacts\</t>
  </si>
  <si>
    <t>LETICIA LIMA ALVES (38).contact</t>
  </si>
  <si>
    <t>\\acsfs\profiles$\leticiala\Contacts\LETICIA LIMA ALVES (38).contact</t>
  </si>
  <si>
    <t>12/26/2019 09:34:08</t>
  </si>
  <si>
    <t>12/26/2019 09:34:17</t>
  </si>
  <si>
    <t>\\acsfs\profiles$\leticiala\My Documents\My Videos\</t>
  </si>
  <si>
    <t>\\acsfs\profiles$\leticiala\My Documents\My Videos\desktop.ini</t>
  </si>
  <si>
    <t>\\acsfs\profiles$\leticiala\My Documents\My Pictures\</t>
  </si>
  <si>
    <t>\\acsfs\profiles$\leticiala\My Documents\My Pictures\desktop.ini</t>
  </si>
  <si>
    <t>12/26/2019 09:34:18</t>
  </si>
  <si>
    <t>12/26/2019 09:34:19</t>
  </si>
  <si>
    <t>\\acsfs\profiles$\leticiala\Contacts\desktop.ini</t>
  </si>
  <si>
    <t>\\acsfs\profiles$\leticiala\Favorites\</t>
  </si>
  <si>
    <t>\\acsfs\profiles$\leticiala\Favorites\desktop.ini</t>
  </si>
  <si>
    <t>12/26/2019 09:34:20</t>
  </si>
  <si>
    <t>12/26/2019 09:34:21</t>
  </si>
  <si>
    <t>\\acsfs\profiles$\leticiala\My Documents\My Music\</t>
  </si>
  <si>
    <t>\\acsfs\profiles$\leticiala\My Documents\My Music\desktop.ini</t>
  </si>
  <si>
    <t>\\acsfs\profiles$\leticiala\Searches\</t>
  </si>
  <si>
    <t>\\acsfs\profiles$\leticiala\Searches\desktop.ini</t>
  </si>
  <si>
    <t>\\acsfs\profiles$\leticiala\Downloads\desktop.ini</t>
  </si>
  <si>
    <t>\\acsfs\profiles$\leticiala\My Documents\</t>
  </si>
  <si>
    <t>\\acsfs\profiles$\leticiala\My Documents\desktop.ini</t>
  </si>
  <si>
    <t>12/26/2019 09:34:23</t>
  </si>
  <si>
    <t>\\acsfs\profiles$\leticiala\Saved Games\</t>
  </si>
  <si>
    <t>\\acsfs\profiles$\leticiala\Saved Games\desktop.ini</t>
  </si>
  <si>
    <t>12/26/2019 09:34:37</t>
  </si>
  <si>
    <t>\\acsfs\profiles$\leticiala\Favorites\Links for Brasil\</t>
  </si>
  <si>
    <t>\\acsfs\profiles$\leticiala\Favorites\Links for Brasil\desktop.ini</t>
  </si>
  <si>
    <t>12/26/2019 09:34:38</t>
  </si>
  <si>
    <t>\\acsfs\profiles$\leticiala\Favorites\Links for Brasil\Microsoft Brasil.url</t>
  </si>
  <si>
    <t>\\acsfs\profiles$\leticiala\Favorites\Links for Brasil\Windows Brasil.url</t>
  </si>
  <si>
    <t>\\acsfs\profiles$\leticiala\Favorites\Links for Brasil\MSN Brasil.url</t>
  </si>
  <si>
    <t>12/26/2019 09:34:35</t>
  </si>
  <si>
    <t>12/26/2019 09:39:51</t>
  </si>
  <si>
    <t>mail.google.com/sync/u/0/i/s?hl=pt-BR&amp;c=618</t>
  </si>
  <si>
    <t>12/26/2019 09:34:44</t>
  </si>
  <si>
    <t>mail.google.com/sync/u/0/i/s?hl=pt-BR&amp;c=620</t>
  </si>
  <si>
    <t>12/26/2019 09:34:47</t>
  </si>
  <si>
    <t>mail.google.com/sync/u/0/i/s?hl=pt-BR&amp;c=622</t>
  </si>
  <si>
    <t>12/26/2019 09:35:02</t>
  </si>
  <si>
    <t>mail.google.com/sync/u/0/i/s?hl=pt-BR&amp;c=625</t>
  </si>
  <si>
    <t>12/26/2019 09:35:04</t>
  </si>
  <si>
    <t>mail.google.com/sync/u/0/i/s?hl=pt-BR&amp;c=627</t>
  </si>
  <si>
    <t>12/26/2019 09:36:41</t>
  </si>
  <si>
    <t>12/26/2019 09:34:39</t>
  </si>
  <si>
    <t>8aded1b6-ee3f-4df7-a83a-732b98f6d953.tmp</t>
  </si>
  <si>
    <t>\\acsfs\profiles$\mariliafplb\Downloads\8aded1b6-ee3f-4df7-a83a-732b98f6d953.tmp</t>
  </si>
  <si>
    <t>12/26/2019 09:36:32</t>
  </si>
  <si>
    <t>6ad8796a-26ac-4896-8ee9-70ff546f8a23.tmp</t>
  </si>
  <si>
    <t>\\acsfs\profiles$\mariliafplb\Downloads\6ad8796a-26ac-4896-8ee9-70ff546f8a23.tmp</t>
  </si>
  <si>
    <t>12/26/2019 09:40:15</t>
  </si>
  <si>
    <t>12/26/2019 09:40:51</t>
  </si>
  <si>
    <t>12/26/2019 09:37:22</t>
  </si>
  <si>
    <t>Erica Luziana Silva Ribeiro_1_6769254245426339923_1_32.wav</t>
  </si>
  <si>
    <t>\\acsfs\Deptos\EDUCACAO EMPRESARIAL\FERNANDA MONIT\Ligação para Mutant terceiro Ciclo\Erica Luziana Silva Ribeiro_1_6769254245426339923_1_32.wav</t>
  </si>
  <si>
    <t>12/26/2019 09:37:35</t>
  </si>
  <si>
    <t>12/26/2019 09:41:51</t>
  </si>
  <si>
    <t>3b31a537-8e13-4e2b-809c-7c66ab7dd7c4.tmp</t>
  </si>
  <si>
    <t>\\acsfs\profiles$\nathaliadf\Downloads\3b31a537-8e13-4e2b-809c-7c66ab7dd7c4.tmp</t>
  </si>
  <si>
    <t>12/26/2019 09:39:25</t>
  </si>
  <si>
    <t>12/26/2019 09:39:12</t>
  </si>
  <si>
    <t>12/26/2019 09:42:52</t>
  </si>
  <si>
    <t>12/26/2019 09:39:18</t>
  </si>
  <si>
    <t>12/26/2019 09:40:11</t>
  </si>
  <si>
    <t>12/26/2019 09:40:23</t>
  </si>
  <si>
    <t>12/26/2019 09:40:52</t>
  </si>
  <si>
    <t>12/26/2019 09:41:12</t>
  </si>
  <si>
    <t>12/26/2019 09:41:13</t>
  </si>
  <si>
    <t>12/26/2019 09:41:59</t>
  </si>
  <si>
    <t>12/26/2019 09:41:35</t>
  </si>
  <si>
    <t>e5a68b53-73bb-4b8d-a6b8-e959c3cae42b.tmp</t>
  </si>
  <si>
    <t>\\acsfs\profiles$\Flaviojmm\Downloads\e5a68b53-73bb-4b8d-a6b8-e959c3cae42b.tmp</t>
  </si>
  <si>
    <t>12/26/2019 09:41:42</t>
  </si>
  <si>
    <t>12/26/2019 09:41:34</t>
  </si>
  <si>
    <t>12/26/2019 09:42:38</t>
  </si>
  <si>
    <t>12/26/2019 09:43:51</t>
  </si>
  <si>
    <t>lu363804bm60k.tmp</t>
  </si>
  <si>
    <t>\\acsfs\profiles$\jonatanls\My Documents\lu363804bm60k.tmp</t>
  </si>
  <si>
    <t>12/26/2019 09:38:18</t>
  </si>
  <si>
    <t>12/26/2019 09:39:05</t>
  </si>
  <si>
    <t>16f1b7ab-721d-4d53-a8ff-32f23b177e32.tmp</t>
  </si>
  <si>
    <t>\\acsfs\profiles$\geovannasm\Downloads\16f1b7ab-721d-4d53-a8ff-32f23b177e32.tmp</t>
  </si>
  <si>
    <t>12/26/2019 09:41:38</t>
  </si>
  <si>
    <t>12/26/2019 09:44:51</t>
  </si>
  <si>
    <t>12/26/2019 09:41:39</t>
  </si>
  <si>
    <t>lu208202laf2l.tmp</t>
  </si>
  <si>
    <t>\\acsfs\profiles$\geovanaasa\My Documents\lu208202laf2l.tmp</t>
  </si>
  <si>
    <t>\\acsfs\profiles$\geovanaasa\My Documents\lu208202laf2l.tmp\</t>
  </si>
  <si>
    <t>\\acsfs\profiles$\geovanaasa\My Documents\lu208202laf2l.tmp\META-INF\</t>
  </si>
  <si>
    <t>\\acsfs\profiles$\geovanaasa\My Documents\lu208202laf2l.tmp\Thumbnails\</t>
  </si>
  <si>
    <t>12/26/2019 09:42:01</t>
  </si>
  <si>
    <t>953c528f-9964-4e34-b698-0234fc8cf911.tmp</t>
  </si>
  <si>
    <t>\\acsfs\profiles$\geovanaasa\Downloads\953c528f-9964-4e34-b698-0234fc8cf911.tmp</t>
  </si>
  <si>
    <t>5aebe391-52aa-47ec-bf61-91ce8cb41450.tmp</t>
  </si>
  <si>
    <t>\\acsfs\profiles$\geovanaasa\Downloads\5aebe391-52aa-47ec-bf61-91ce8cb41450.tmp</t>
  </si>
  <si>
    <t>12/26/2019 09:41:44</t>
  </si>
  <si>
    <t>12/26/2019 09:45:51</t>
  </si>
  <si>
    <t>12/26/2019 09:41:48</t>
  </si>
  <si>
    <t>12/26/2019 09:43:43</t>
  </si>
  <si>
    <t>12/26/2019 09:44:02</t>
  </si>
  <si>
    <t>12/26/2019 09:44:09</t>
  </si>
  <si>
    <t>12/26/2019 09:44:10</t>
  </si>
  <si>
    <t>12/26/2019 09:40:45</t>
  </si>
  <si>
    <t>12/26/2019 09:41:15</t>
  </si>
  <si>
    <t>12/26/2019 09:41:45</t>
  </si>
  <si>
    <t>12/26/2019 09:43:45</t>
  </si>
  <si>
    <t>12/26/2019 09:44:15</t>
  </si>
  <si>
    <t>12/26/2019 09:45:15</t>
  </si>
  <si>
    <t>12/26/2019 09:40:41</t>
  </si>
  <si>
    <t>4adaeead-98fb-44fc-9021-82da12c3b1ae.tmp</t>
  </si>
  <si>
    <t>\\acsfs\profiles$\PEDROHAB\Downloads\4adaeead-98fb-44fc-9021-82da12c3b1ae.tmp</t>
  </si>
  <si>
    <t>12/26/2019 09:45:08</t>
  </si>
  <si>
    <t>12/26/2019 09:45:19</t>
  </si>
  <si>
    <t>12/26/2019 09:45:18</t>
  </si>
  <si>
    <t>12/26/2019 09:46:51</t>
  </si>
  <si>
    <t>cc04919c-8d79-4ff3-a39b-c036a38a93fa.tmp</t>
  </si>
  <si>
    <t>\\acsfs\profiles$\kellzylenneasr\Downloads\cc04919c-8d79-4ff3-a39b-c036a38a93fa.tmp</t>
  </si>
  <si>
    <t>12/26/2019 09:42:53</t>
  </si>
  <si>
    <t>12/26/2019 09:47:51</t>
  </si>
  <si>
    <t>3fc8e943-cb95-46fc-8149-f9e8481e6c3e.tmp</t>
  </si>
  <si>
    <t>\\acsfs\profiles$\Flaviojmm\Downloads\3fc8e943-cb95-46fc-8149-f9e8481e6c3e.tmp</t>
  </si>
  <si>
    <t>12/26/2019 09:46:37</t>
  </si>
  <si>
    <t>12/26/2019 09:46:15</t>
  </si>
  <si>
    <t>12/26/2019 09:48:51</t>
  </si>
  <si>
    <t>12/26/2019 09:46:38</t>
  </si>
  <si>
    <t>12/26/2019 09:46:45</t>
  </si>
  <si>
    <t>12/26/2019 09:50:51</t>
  </si>
  <si>
    <t>12/26/2019 09:49:15</t>
  </si>
  <si>
    <t>12/26/2019 09:48:18</t>
  </si>
  <si>
    <t>12/26/2019 09:48:45</t>
  </si>
  <si>
    <t>12/26/2019 09:48:46</t>
  </si>
  <si>
    <t>lu146321g6v73.tmp</t>
  </si>
  <si>
    <t>\\acsfs\profiles$\dhiulliananads\My Documents\lu146321g6v73.tmp</t>
  </si>
  <si>
    <t>\\acsfs\profiles$\dhiulliananads\My Documents\lu146321g6v73.tmp\</t>
  </si>
  <si>
    <t>\\acsfs\profiles$\dhiulliananads\My Documents\lu146321g6v73.tmp\META-INF\</t>
  </si>
  <si>
    <t>\\acsfs\profiles$\dhiulliananads\My Documents\lu146321g6v73.tmp\Thumbnails\</t>
  </si>
  <si>
    <t>12/26/2019 09:49:02</t>
  </si>
  <si>
    <t>.~lock.vendas.ods#</t>
  </si>
  <si>
    <t>\\acsfs\profiles$\marcellewdl\My Documents\.~lock.vendas.ods#</t>
  </si>
  <si>
    <t>12/26/2019 09:47:38</t>
  </si>
  <si>
    <t>Fabiana Fontinele Veras_1_6771504584951148273_1_32.wav</t>
  </si>
  <si>
    <t>\\acsfs\Deptos\EDUCACAO EMPRESARIAL\FERNANDA MONIT\Ligação para Mutant terceiro Ciclo\Fabiana Fontinele Veras_1_6771504584951148273_1_32.wav</t>
  </si>
  <si>
    <t>12/26/2019 09:50:39</t>
  </si>
  <si>
    <t>12/26/2019 09:52:52</t>
  </si>
  <si>
    <t>f58a8f7e-23c8-44bc-a761-03486741eae7.tmp</t>
  </si>
  <si>
    <t>\\acsfs\profiles$\gabrielafs\Downloads\f58a8f7e-23c8-44bc-a761-03486741eae7.tmp</t>
  </si>
  <si>
    <t>12/26/2019 09:50:40</t>
  </si>
  <si>
    <t>5f8b94c6-d629-4843-93b2-b8d4b9d3133f.tmp</t>
  </si>
  <si>
    <t>\\acsfs\profiles$\gabrielafs\Downloads\5f8b94c6-d629-4843-93b2-b8d4b9d3133f.tmp</t>
  </si>
  <si>
    <t>43057d08-5b22-484f-a238-fb78e2af08a7.tmp</t>
  </si>
  <si>
    <t>\\acsfs\profiles$\gabrielafs\Downloads\43057d08-5b22-484f-a238-fb78e2af08a7.tmp</t>
  </si>
  <si>
    <t>12/26/2019 09:50:41</t>
  </si>
  <si>
    <t>adba3f0d-2cdd-4d70-920c-6dba5e4c8f51.tmp</t>
  </si>
  <si>
    <t>\\acsfs\profiles$\gabrielafs\Downloads\adba3f0d-2cdd-4d70-920c-6dba5e4c8f51.tmp</t>
  </si>
  <si>
    <t>fc98327c-4c23-4bd5-898b-97d8a7d1dac3.tmp</t>
  </si>
  <si>
    <t>\\acsfs\profiles$\gabrielafs\Downloads\fc98327c-4c23-4bd5-898b-97d8a7d1dac3.tmp</t>
  </si>
  <si>
    <t>12/26/2019 09:47:58</t>
  </si>
  <si>
    <t>12/26/2019 09:53:52</t>
  </si>
  <si>
    <t>12/26/2019 09:49:28</t>
  </si>
  <si>
    <t>93016e6d-fe49-40ed-ac51-db6b98a46f1e.tmp</t>
  </si>
  <si>
    <t>\\acsfs\profiles$\isabellegtds\Downloads\93016e6d-fe49-40ed-ac51-db6b98a46f1e.tmp</t>
  </si>
  <si>
    <t>12/26/2019 09:50:30</t>
  </si>
  <si>
    <t>aed8a1dc-cb04-4264-8915-82115cd18fbb.tmp</t>
  </si>
  <si>
    <t>\\acsfs\profiles$\isabellegtds\Downloads\aed8a1dc-cb04-4264-8915-82115cd18fbb.tmp</t>
  </si>
  <si>
    <t>12/26/2019 09:50:42</t>
  </si>
  <si>
    <t>60fb8e82-a811-4283-8a80-07051c5ae642.tmp</t>
  </si>
  <si>
    <t>\\acsfs\profiles$\isabellegtds\Downloads\60fb8e82-a811-4283-8a80-07051c5ae642.tmp</t>
  </si>
  <si>
    <t>12/26/2019 09:51:36</t>
  </si>
  <si>
    <t>99fa50e9-0892-4613-8c4a-c49894ca6fa6.tmp</t>
  </si>
  <si>
    <t>\\acsfs\profiles$\vivianalds\Downloads\99fa50e9-0892-4613-8c4a-c49894ca6fa6.tmp</t>
  </si>
  <si>
    <t>12/26/2019 09:54:11</t>
  </si>
  <si>
    <t>12/26/2019 09:54:52</t>
  </si>
  <si>
    <t>12/26/2019 09:52:45</t>
  </si>
  <si>
    <t>12/26/2019 09:55:52</t>
  </si>
  <si>
    <t>12/26/2019 09:53:15</t>
  </si>
  <si>
    <t>12/26/2019 09:53:45</t>
  </si>
  <si>
    <t>12/26/2019 09:54:45</t>
  </si>
  <si>
    <t>12/26/2019 09:55:15</t>
  </si>
  <si>
    <t>12/26/2019 09:52:26</t>
  </si>
  <si>
    <t>12/26/2019 09:51:03</t>
  </si>
  <si>
    <t>b650dd11-54a1-4b3d-86a2-e50d1aaaf5bc.tmp</t>
  </si>
  <si>
    <t>\\acsfs\profiles$\dhiulliananads\Downloads\b650dd11-54a1-4b3d-86a2-e50d1aaaf5bc.tmp</t>
  </si>
  <si>
    <t>12/26/2019 09:51:10</t>
  </si>
  <si>
    <t>.~lock.Filas-ALGAR - Mariana.xlsx#</t>
  </si>
  <si>
    <t>\\acsfs\profiles$\dhiulliananads\Downloads\.~lock.Filas-ALGAR - Mariana.xlsx#</t>
  </si>
  <si>
    <t>12/26/2019 09:51:22</t>
  </si>
  <si>
    <t>08b001ca-78f4-4a85-b71d-f76d2e5d6f63.tmp</t>
  </si>
  <si>
    <t>\\acsfs\profiles$\dhiulliananads\Downloads\08b001ca-78f4-4a85-b71d-f76d2e5d6f63.tmp</t>
  </si>
  <si>
    <t>\\acsfs\profiles$\dhiulliananads\Downloads\08b001ca-78f4-4a85-b71d-f76d2e5d6f63.tmp\</t>
  </si>
  <si>
    <t>\\acsfs\profiles$\dhiulliananads\Downloads\08b001ca-78f4-4a85-b71d-f76d2e5d6f63.tmp\META-INF\</t>
  </si>
  <si>
    <t>\\acsfs\profiles$\dhiulliananads\Downloads\08b001ca-78f4-4a85-b71d-f76d2e5d6f63.tmp\Thumbnails\</t>
  </si>
  <si>
    <t>12/26/2019 09:51:25</t>
  </si>
  <si>
    <t>.~lock.Dhiulliana.ods#</t>
  </si>
  <si>
    <t>\\acsfs\profiles$\dhiulliananads\Downloads\.~lock.Dhiulliana.ods#</t>
  </si>
  <si>
    <t>12/26/2019 09:51:15</t>
  </si>
  <si>
    <t>12/26/2019 09:56:51</t>
  </si>
  <si>
    <t>12/26/2019 09:53:39</t>
  </si>
  <si>
    <t>52afdca8-d058-4b91-9434-a614e189e0f9.tmp</t>
  </si>
  <si>
    <t>\\acsfs\profiles$\quindaizaagds\Downloads\52afdca8-d058-4b91-9434-a614e189e0f9.tmp</t>
  </si>
  <si>
    <t>12/26/2019 09:55:22</t>
  </si>
  <si>
    <t>933fe0d8-30ae-428a-83c2-d30a175f2145.tmp</t>
  </si>
  <si>
    <t>\\acsfs\profiles$\quindaizaagds\Downloads\933fe0d8-30ae-428a-83c2-d30a175f2145.tmp</t>
  </si>
  <si>
    <t>12/26/2019 09:54:30</t>
  </si>
  <si>
    <t>af56b096-d648-412e-ad65-3c4540ba386c.tmp</t>
  </si>
  <si>
    <t>\\acsfs\profiles$\leticiala\Downloads\af56b096-d648-412e-ad65-3c4540ba386c.tmp</t>
  </si>
  <si>
    <t>12/26/2019 09:54:36</t>
  </si>
  <si>
    <t>cf599de6-870b-4954-a1a7-5a5b0401db5b.tmp</t>
  </si>
  <si>
    <t>\\acsfs\profiles$\leticiala\Downloads\cf599de6-870b-4954-a1a7-5a5b0401db5b.tmp</t>
  </si>
  <si>
    <t>12/26/2019 09:53:59</t>
  </si>
  <si>
    <t>12/26/2019 09:57:52</t>
  </si>
  <si>
    <t>4c0e2f44-db69-4195-ad31-cfb25de2db82.tmp</t>
  </si>
  <si>
    <t>\\acsfs\profiles$\gabrielafs\Downloads\4c0e2f44-db69-4195-ad31-cfb25de2db82.tmp</t>
  </si>
  <si>
    <t>12/26/2019 09:53:58</t>
  </si>
  <si>
    <t>12/26/2019 09:58:52</t>
  </si>
  <si>
    <t>12/26/2019 09:57:59</t>
  </si>
  <si>
    <t>370da9ce-accd-40dc-9809-fa0deed8b4ab.tmp</t>
  </si>
  <si>
    <t>\\acsfs\profiles$\vivianalds\Downloads\370da9ce-accd-40dc-9809-fa0deed8b4ab.tmp</t>
  </si>
  <si>
    <t>12/26/2019 09:58:08</t>
  </si>
  <si>
    <t>12/26/2019 09:59:52</t>
  </si>
  <si>
    <t>\\acsfs\DEPTOS\Operacao\PCP\5 - Comum\PLANEJAMENTO BV\14 - ACOMPANHAMENTO\1 - REPORT ACOMPANHAMENTO\12 - Dezembro\CARTÕES\SHORTCALLS\</t>
  </si>
  <si>
    <t>Shortcalls.xlsx</t>
  </si>
  <si>
    <t>\\acsfs\DEPTOS\Operacao\PCP\5 - Comum\PLANEJAMENTO BV\14 - ACOMPANHAMENTO\1 - REPORT ACOMPANHAMENTO\12 - Dezembro\CARTÕES\SHORTCALLS\Shortcalls.xlsx</t>
  </si>
  <si>
    <t>12/26/2019 09:58:36</t>
  </si>
  <si>
    <t>12/26/2019 09:58:42</t>
  </si>
  <si>
    <t>mail.google.com/sync/u/0/i/s?hl=pt-BR&amp;c=670</t>
  </si>
  <si>
    <t>12/26/2019 09:58:48</t>
  </si>
  <si>
    <t>mail.google.com/sync/u/0/i/s?hl=pt-BR&amp;c=672</t>
  </si>
  <si>
    <t>joaogvc@algartech.com;leonardoao@algartech.com;marianadjc@algartech.com;paulacn@algartech.com;rafaelggs@algartech.com;taysdss@algartech.com;thiagordu@algartech.com;viniciussg@algartech.com;</t>
  </si>
  <si>
    <t>joaogvc@algartech.com,leonardoao@algartech.com,marianadjc@algartech.com,paulacn@algartech.com,rafaelggs@algartech.com,taysdss@algartech.com,thiagordu@algartech.com,viniciussg@algartech.com</t>
  </si>
  <si>
    <t>12/26/2019 09:58:53</t>
  </si>
  <si>
    <t>mail.google.com/sync/u/0/i/s?hl=pt-BR&amp;c=674</t>
  </si>
  <si>
    <t>12/26/2019 09:58:57</t>
  </si>
  <si>
    <t>mail.google.com/sync/u/0/i/s?hl=pt-BR&amp;c=676</t>
  </si>
  <si>
    <t>12/26/2019 09:57:13</t>
  </si>
  <si>
    <t>12/26/2019 10:00:52</t>
  </si>
  <si>
    <t>12/26/2019 09:56:07</t>
  </si>
  <si>
    <t>12/26/2019 09:57:32</t>
  </si>
  <si>
    <t>12/26/2019 09:57:15</t>
  </si>
  <si>
    <t>12/26/2019 09:58:15</t>
  </si>
  <si>
    <t>12/26/2019 09:58:45</t>
  </si>
  <si>
    <t>12/26/2019 09:59:15</t>
  </si>
  <si>
    <t>12/26/2019 09:59:45</t>
  </si>
  <si>
    <t>12/26/2019 10:00:15</t>
  </si>
  <si>
    <t>12/26/2019 10:00:07</t>
  </si>
  <si>
    <t>12/26/2019 10:00:03</t>
  </si>
  <si>
    <t>12/26/2019 10:01:52</t>
  </si>
  <si>
    <t>afa6a377-9e32-4b99-991c-f3424aaca604.tmp</t>
  </si>
  <si>
    <t>\\acsfs\profiles$\ayalabfi\Downloads\afa6a377-9e32-4b99-991c-f3424aaca604.tmp</t>
  </si>
  <si>
    <t>12/26/2019 09:59:33</t>
  </si>
  <si>
    <t>izabellaco</t>
  </si>
  <si>
    <t>\\acsfs\profiles$\izabellaco\Contacts\</t>
  </si>
  <si>
    <t>Bloco de Notas Confirmação de Dados.txt</t>
  </si>
  <si>
    <t>\\acsfs\profiles$\izabellaco\Contacts\Bloco de Notas Confirmação de Dados.txt</t>
  </si>
  <si>
    <t>12/26/2019 10:01:10</t>
  </si>
  <si>
    <t>12/26/2019 10:00:16</t>
  </si>
  <si>
    <t>12/26/2019 10:02:52</t>
  </si>
  <si>
    <t>12/26/2019 10:00:17</t>
  </si>
  <si>
    <t>lu141641cbjyt.tmp</t>
  </si>
  <si>
    <t>\\acsfs\profiles$\LUCASBS\lu141641cbjyt.tmp</t>
  </si>
  <si>
    <t>\\acsfs\profiles$\LUCASBS\lu141641cbjyt.tmp\</t>
  </si>
  <si>
    <t>\\acsfs\profiles$\LUCASBS\lu141641cbjyt.tmp\META-INF\</t>
  </si>
  <si>
    <t>\\acsfs\profiles$\LUCASBS\lu141641cbjyt.tmp\Thumbnails\</t>
  </si>
  <si>
    <t>12/26/2019 09:59:58</t>
  </si>
  <si>
    <t>12/26/2019 10:03:52</t>
  </si>
  <si>
    <t>12/26/2019 09:59:19</t>
  </si>
  <si>
    <t>12/26/2019 10:04:53</t>
  </si>
  <si>
    <t>12/26/2019 09:59:41</t>
  </si>
  <si>
    <t>12/26/2019 10:00:23</t>
  </si>
  <si>
    <t>12/26/2019 10:01:21</t>
  </si>
  <si>
    <t>12/26/2019 10:01:31</t>
  </si>
  <si>
    <t>12/26/2019 09:59:48</t>
  </si>
  <si>
    <t>10.200.67.213</t>
  </si>
  <si>
    <t>D0-94-66-B5-7F-59</t>
  </si>
  <si>
    <t>VOTORANT-SB015</t>
  </si>
  <si>
    <t>12/26/2019 10:02:59</t>
  </si>
  <si>
    <t>12/26/2019 10:01:58</t>
  </si>
  <si>
    <t>mail.google.com/sync/u/0/i/s?hl=pt-BR&amp;c=680</t>
  </si>
  <si>
    <t>12/26/2019 10:02:00</t>
  </si>
  <si>
    <t>mail.google.com/sync/u/0/i/s?hl=pt-BR&amp;c=682</t>
  </si>
  <si>
    <t>12/26/2019 10:02:39</t>
  </si>
  <si>
    <t>mail.google.com/sync/u/0/i/s?hl=pt-BR&amp;c=685</t>
  </si>
  <si>
    <t>12/26/2019 10:02:42</t>
  </si>
  <si>
    <t>mail.google.com/sync/u/0/i/s?hl=pt-BR&amp;c=688</t>
  </si>
  <si>
    <t>12/26/2019 10:02:54</t>
  </si>
  <si>
    <t>mail.google.com/sync/u/0/i/s?hl=pt-BR&amp;c=690</t>
  </si>
  <si>
    <t>bvcartes-supervisores@algarnet.onmicrosoft.com;joaogvc@algartech.com;leonardoao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arianadjc@algartech.com,mirianppb@algartech.com,paulacn@algartech.com,rafaelggs@algartech.com,taysdss@algartech.com,thiagordu@algartech.com,viniciussg@algartech.com</t>
  </si>
  <si>
    <t>12/26/2019 10:03:54</t>
  </si>
  <si>
    <t>mail.google.com/sync/u/0/i/s?hl=pt-BR&amp;c=693</t>
  </si>
  <si>
    <t>12/26/2019 10:04:00</t>
  </si>
  <si>
    <t>mail.google.com/sync/u/0/i/s?hl=pt-BR&amp;c=695</t>
  </si>
  <si>
    <t>12/26/2019 10:04:01</t>
  </si>
  <si>
    <t>12/26/2019 10:04:08</t>
  </si>
  <si>
    <t>mail.google.com/sync/u/0/i/s?hl=pt-BR&amp;c=697</t>
  </si>
  <si>
    <t>12/26/2019 10:03:21</t>
  </si>
  <si>
    <t>12/26/2019 10:05:52</t>
  </si>
  <si>
    <t>\\acsfs\profiles$\valeriasda\My Documents\$RECYCLE.BIN\</t>
  </si>
  <si>
    <t>$IP27GXL.txt</t>
  </si>
  <si>
    <t>\\acsfs\profiles$\valeriasda\My Documents\$RECYCLE.BIN\$IP27GXL.txt</t>
  </si>
  <si>
    <t>12/26/2019 10:03:32</t>
  </si>
  <si>
    <t>\\acsfs\profiles$\VALERIASDA\My Documents\</t>
  </si>
  <si>
    <t>.~lock.nn.ods#</t>
  </si>
  <si>
    <t>\\acsfs\profiles$\VALERIASDA\My Documents\.~lock.nn.ods#</t>
  </si>
  <si>
    <t>12/26/2019 10:04:43</t>
  </si>
  <si>
    <t>12/26/2019 10:05:05</t>
  </si>
  <si>
    <t>12/26/2019 10:01:45</t>
  </si>
  <si>
    <t>12/26/2019 10:03:46</t>
  </si>
  <si>
    <t>12/26/2019 10:05:16</t>
  </si>
  <si>
    <t>12/26/2019 10:02:04</t>
  </si>
  <si>
    <t>12/26/2019 10:05:15</t>
  </si>
  <si>
    <t>\\acsfs\profiles$\dhiulliananads\My Documents\.~lock.Dhiulliana.ods#</t>
  </si>
  <si>
    <t>12/26/2019 10:01:09</t>
  </si>
  <si>
    <t>Fabiano Bruno Mendes Filho_1_6770377589827635196_1_32.wav</t>
  </si>
  <si>
    <t>\\acsfs\Deptos\EDUCACAO EMPRESARIAL\FERNANDA MONIT\Ligação para Mutant terceiro Ciclo\Fabiano Bruno Mendes Filho_1_6770377589827635196_1_32.wav</t>
  </si>
  <si>
    <t>12/26/2019 10:06:52</t>
  </si>
  <si>
    <t>12/26/2019 10:04:47</t>
  </si>
  <si>
    <t>c953a2c5-d6f0-4b7e-9155-ee62971c11a4.tmp</t>
  </si>
  <si>
    <t>\\acsfs\profiles$\lucasqdss\Downloads\c953a2c5-d6f0-4b7e-9155-ee62971c11a4.tmp</t>
  </si>
  <si>
    <t>12/26/2019 10:04:40</t>
  </si>
  <si>
    <t>12/26/2019 10:02:16</t>
  </si>
  <si>
    <t>809b469b-d981-44c6-ae95-19a89dd1e911.tmp</t>
  </si>
  <si>
    <t>\\acsfs\profiles$\leticiala\Downloads\809b469b-d981-44c6-ae95-19a89dd1e911.tmp</t>
  </si>
  <si>
    <t>12/26/2019 10:07:45</t>
  </si>
  <si>
    <t>12/26/2019 10:07:52</t>
  </si>
  <si>
    <t>183ccdee-7c77-4101-9e31-8a158e5deb80.tmp</t>
  </si>
  <si>
    <t>\\acsfs\profiles$\gabrielafs\Downloads\183ccdee-7c77-4101-9e31-8a158e5deb80.tmp</t>
  </si>
  <si>
    <t>12/26/2019 10:05:58</t>
  </si>
  <si>
    <t>12/26/2019 10:08:53</t>
  </si>
  <si>
    <t>12/26/2019 10:07:00</t>
  </si>
  <si>
    <t>12/26/2019 10:07:09</t>
  </si>
  <si>
    <t>12/26/2019 10:09:09</t>
  </si>
  <si>
    <t>12/26/2019 10:09:52</t>
  </si>
  <si>
    <t>12/26/2019 10:06:20</t>
  </si>
  <si>
    <t>mail.google.com/sync/u/0/i/s?hl=pt-BR&amp;c=704</t>
  </si>
  <si>
    <t>12/26/2019 10:06:24</t>
  </si>
  <si>
    <t>mail.google.com/sync/u/0/i/s?hl=pt-BR&amp;c=707</t>
  </si>
  <si>
    <t>12/26/2019 10:06:25</t>
  </si>
  <si>
    <t>12/26/2019 10:06:36</t>
  </si>
  <si>
    <t>mail.google.com/sync/u/0/i/s?hl=pt-BR&amp;c=709</t>
  </si>
  <si>
    <t>12/26/2019 10:05:56</t>
  </si>
  <si>
    <t>12/26/2019 10:10:53</t>
  </si>
  <si>
    <t>12/26/2019 10:08:28</t>
  </si>
  <si>
    <t>12/26/2019 10:05:31</t>
  </si>
  <si>
    <t>formulário - feedback registrado desvio isabelle 1.doc</t>
  </si>
  <si>
    <t>12/26/2019 10:05:37</t>
  </si>
  <si>
    <t>formulário - feedback registrado desvio valeira.doc</t>
  </si>
  <si>
    <t>12/26/2019 10:06:49</t>
  </si>
  <si>
    <t>formulário - feedback registrado desvio kamilla.doc</t>
  </si>
  <si>
    <t>12/26/2019 10:07:08</t>
  </si>
  <si>
    <t>formulário - feedback registrado desvio lucas.doc</t>
  </si>
  <si>
    <t>12/26/2019 10:07:23</t>
  </si>
  <si>
    <t>formulário - feedback registrado desvio quindaiza.doc</t>
  </si>
  <si>
    <t>12/26/2019 10:07:35</t>
  </si>
  <si>
    <t>formulário - feedback registrado desvio thyago.doc</t>
  </si>
  <si>
    <t>12/26/2019 10:09:37</t>
  </si>
  <si>
    <t>12/26/2019 10:06:26</t>
  </si>
  <si>
    <t>12/26/2019 10:07:39</t>
  </si>
  <si>
    <t>12/26/2019 10:05:46</t>
  </si>
  <si>
    <t>12/26/2019 10:08:46</t>
  </si>
  <si>
    <t>12/26/2019 10:09:16</t>
  </si>
  <si>
    <t>12/26/2019 10:09:46</t>
  </si>
  <si>
    <t>12/26/2019 10:10:16</t>
  </si>
  <si>
    <t>12/26/2019 10:08:23</t>
  </si>
  <si>
    <t>12/26/2019 10:11:52</t>
  </si>
  <si>
    <t>12/26/2019 10:08:58</t>
  </si>
  <si>
    <t>marilia4.png</t>
  </si>
  <si>
    <t>\\acsfs\DEPTOS\Operacao\Banco_Votorantim\Qualidade\Anderson\Jose\Marilia\marilia4.png</t>
  </si>
  <si>
    <t>marilia1.png</t>
  </si>
  <si>
    <t>\\acsfs\DEPTOS\Operacao\Banco_Votorantim\Qualidade\Anderson\Jose\Marilia\marilia1.png</t>
  </si>
  <si>
    <t>12/26/2019 10:08:59</t>
  </si>
  <si>
    <t>marilia2.png</t>
  </si>
  <si>
    <t>\\acsfs\DEPTOS\Operacao\Banco_Votorantim\Qualidade\Anderson\Jose\Marilia\marilia2.png</t>
  </si>
  <si>
    <t>marilia3.png</t>
  </si>
  <si>
    <t>\\acsfs\DEPTOS\Operacao\Banco_Votorantim\Qualidade\Anderson\Jose\Marilia\marilia3.png</t>
  </si>
  <si>
    <t>\\acsfs\DEPTOS\Operacao\Banco_Votorantim\Qualidade\Anderson\Jose\Marilia\Thumbs.db</t>
  </si>
  <si>
    <t>12/26/2019 10:09:23</t>
  </si>
  <si>
    <t>12/26/2019 10:11:58</t>
  </si>
  <si>
    <t>12/26/2019 10:13:52</t>
  </si>
  <si>
    <t>12/26/2019 10:08:49</t>
  </si>
  <si>
    <t>882540e8-9402-4ae6-a4d6-8655495e42e3.tmp</t>
  </si>
  <si>
    <t>\\acsfs\profiles$\JOAOVAL\Downloads\882540e8-9402-4ae6-a4d6-8655495e42e3.tmp</t>
  </si>
  <si>
    <t>12/26/2019 10:08:54</t>
  </si>
  <si>
    <t>9e8b7d4c-f099-44ad-a4dc-3dfc2c769028.tmp</t>
  </si>
  <si>
    <t>\\acsfs\profiles$\JOAOVAL\Downloads\9e8b7d4c-f099-44ad-a4dc-3dfc2c769028.tmp</t>
  </si>
  <si>
    <t>12/26/2019 10:12:02</t>
  </si>
  <si>
    <t>ca7069d9-a9df-4676-8074-136ba485b9ff.tmp</t>
  </si>
  <si>
    <t>\\acsfs\profiles$\JOAOVAL\Downloads\ca7069d9-a9df-4676-8074-136ba485b9ff.tmp</t>
  </si>
  <si>
    <t>12/26/2019 10:13:53</t>
  </si>
  <si>
    <t>12/26/2019 10:15:52</t>
  </si>
  <si>
    <t>12/26/2019 10:10:46</t>
  </si>
  <si>
    <t>12/26/2019 10:15:16</t>
  </si>
  <si>
    <t>12/26/2019 10:13:31</t>
  </si>
  <si>
    <t>12/26/2019 10:10:26</t>
  </si>
  <si>
    <t>12/26/2019 10:13:41</t>
  </si>
  <si>
    <t>8e9cb54a-facf-4e84-84eb-2ca2655a72d0.tmp</t>
  </si>
  <si>
    <t>\\acsfs\profiles$\paulovadc\Downloads\8e9cb54a-facf-4e84-84eb-2ca2655a72d0.tmp</t>
  </si>
  <si>
    <t>12/26/2019 10:15:59</t>
  </si>
  <si>
    <t>12/26/2019 10:16:52</t>
  </si>
  <si>
    <t>12/26/2019 10:11:55</t>
  </si>
  <si>
    <t>\\acsfs\DEPTOS\Operacao\Banco_Votorantim\Qualidade\Anderson\Jose\Marilia\</t>
  </si>
  <si>
    <t>AUDIO.txt</t>
  </si>
  <si>
    <t>\\acsfs\DEPTOS\Operacao\Banco_Votorantim\Qualidade\Anderson\Jose\Marilia\AUDIO.txt</t>
  </si>
  <si>
    <t>12/26/2019 10:15:14</t>
  </si>
  <si>
    <t>12/26/2019 10:17:52</t>
  </si>
  <si>
    <t>12/26/2019 10:15:25</t>
  </si>
  <si>
    <t>12/26/2019 10:19:53</t>
  </si>
  <si>
    <t>mail.google.com/sync/u/0/i/s?hl=pt-BR&amp;c=716</t>
  </si>
  <si>
    <t>12/26/2019 10:15:28</t>
  </si>
  <si>
    <t>mail.google.com/sync/u/0/i/s?hl=pt-BR&amp;c=718</t>
  </si>
  <si>
    <t>12/26/2019 10:15:35</t>
  </si>
  <si>
    <t>\\acsfs\DEPTOS\Operacao\PCP\5 - Comum\PLANEJAMENTO BV\14 - ACOMPANHAMENTO\1 - REPORT ACOMPANHAMENTO\12 - Dezembro\CARTÕES\Pausas CARTÕES\</t>
  </si>
  <si>
    <t>Pausas.xlsx</t>
  </si>
  <si>
    <t>\\acsfs\DEPTOS\Operacao\PCP\5 - Comum\PLANEJAMENTO BV\14 - ACOMPANHAMENTO\1 - REPORT ACOMPANHAMENTO\12 - Dezembro\CARTÕES\Pausas CARTÕES\Pausas.xlsx</t>
  </si>
  <si>
    <t>12/26/2019 10:16:03</t>
  </si>
  <si>
    <t>mail.google.com/sync/u/0/i/s?hl=pt-BR&amp;c=721</t>
  </si>
  <si>
    <t>12/26/2019 10:16:16</t>
  </si>
  <si>
    <t>mail.google.com/sync/u/0/i/s?hl=pt-BR&amp;c=723</t>
  </si>
  <si>
    <t>12/26/2019 10:16:38</t>
  </si>
  <si>
    <t>lu12848wr1zv.tmp</t>
  </si>
  <si>
    <t>\\acsfs\profiles$\victoriaksr\My Documents\lu12848wr1zv.tmp</t>
  </si>
  <si>
    <t>12/26/2019 10:19:54</t>
  </si>
  <si>
    <t>12/26/2019 10:20:53</t>
  </si>
  <si>
    <t>Coaching GTH Padrão.txt</t>
  </si>
  <si>
    <t>\\acsfs\DEPTOS\Operacao\Banco_Votorantim\Supervisao\SUPERS BV CARTÕES\ADILSON\Coaching GTH Padrão.txt</t>
  </si>
  <si>
    <t>12/26/2019 10:19:13</t>
  </si>
  <si>
    <t>12/26/2019 10:15:20</t>
  </si>
  <si>
    <t>12/26/2019 10:16:04</t>
  </si>
  <si>
    <t>12/26/2019 10:17:04</t>
  </si>
  <si>
    <t>12/26/2019 10:16:46</t>
  </si>
  <si>
    <t>12/26/2019 10:19:16</t>
  </si>
  <si>
    <t>12/26/2019 10:20:11</t>
  </si>
  <si>
    <t>12/26/2019 10:21:52</t>
  </si>
  <si>
    <t>80c76361-835a-430b-93c1-025806188aa8.tmp</t>
  </si>
  <si>
    <t>\\acsfs\profiles$\rafaelamsv\Downloads\80c76361-835a-430b-93c1-025806188aa8.tmp</t>
  </si>
  <si>
    <t>12/26/2019 10:17:58</t>
  </si>
  <si>
    <t>12/26/2019 10:23:52</t>
  </si>
  <si>
    <t>12/26/2019 10:20:15</t>
  </si>
  <si>
    <t>12/26/2019 10:24:52</t>
  </si>
  <si>
    <t>77890c71-87c9-45d5-b38c-14e52f0c462c.tmp</t>
  </si>
  <si>
    <t>\\acsfs\profiles$\YASMINSC\Downloads\77890c71-87c9-45d5-b38c-14e52f0c462c.tmp</t>
  </si>
  <si>
    <t>12/26/2019 10:24:48</t>
  </si>
  <si>
    <t>12/26/2019 10:25:52</t>
  </si>
  <si>
    <t>lu5240jw7m.tmp</t>
  </si>
  <si>
    <t>\\acsfs\DEPTOS\Operacao\Banco_Votorantim\Supervisao\SUPERS BV CARTÕES\ANA VITORIA\APOIO\lu5240jw7m.tmp</t>
  </si>
  <si>
    <t>\\acsfs\DEPTOS\Operacao\Banco_Votorantim\Supervisao\SUPERS BV CARTÕES\ANA VITORIA\APOIO\lu5240jw7m.tmp\</t>
  </si>
  <si>
    <t>\\acsfs\DEPTOS\Operacao\Banco_Votorantim\Supervisao\SUPERS BV CARTÕES\ANA VITORIA\APOIO\lu5240jw7m.tmp\META-INF\</t>
  </si>
  <si>
    <t>\\acsfs\DEPTOS\Operacao\Banco_Votorantim\Supervisao\SUPERS BV CARTÕES\ANA VITORIA\APOIO\lu5240jw7m.tmp\Thumbnails\</t>
  </si>
  <si>
    <t>12/26/2019 10:21:31</t>
  </si>
  <si>
    <t>12/26/2019 10:22:21</t>
  </si>
  <si>
    <t>12/26/2019 10:22:32</t>
  </si>
  <si>
    <t>12/26/2019 10:22:33</t>
  </si>
  <si>
    <t>12/26/2019 10:22:16</t>
  </si>
  <si>
    <t>12/26/2019 10:22:46</t>
  </si>
  <si>
    <t>12/26/2019 10:23:16</t>
  </si>
  <si>
    <t>12/26/2019 10:22:42</t>
  </si>
  <si>
    <t>12/26/2019 10:26:52</t>
  </si>
  <si>
    <t>MARILIA 2.png</t>
  </si>
  <si>
    <t>\\acsfs\DEPTOS\Operacao\Banco_Votorantim\Qualidade\Anderson\Jose\Marilia\MARILIA 2.png</t>
  </si>
  <si>
    <t>12/26/2019 10:25:22</t>
  </si>
  <si>
    <t>\\acsfs\profiles$\HENRIQUEHMDO\</t>
  </si>
  <si>
    <t>VENDAS 01.txt</t>
  </si>
  <si>
    <t>\\acsfs\profiles$\HENRIQUEHMDO\VENDAS 01.txt</t>
  </si>
  <si>
    <t>12/26/2019 10:25:23</t>
  </si>
  <si>
    <t>12/26/2019 10:27:04</t>
  </si>
  <si>
    <t>12/26/2019 10:27:52</t>
  </si>
  <si>
    <t>12/26/2019 10:23:59</t>
  </si>
  <si>
    <t>12/26/2019 10:28:51</t>
  </si>
  <si>
    <t>12/26/2019 10:26:10</t>
  </si>
  <si>
    <t>12/26/2019 10:29:51</t>
  </si>
  <si>
    <t>8fa8866c-c258-4bd2-b37d-02f0d81b76d0.tmp</t>
  </si>
  <si>
    <t>\\acsfs\profiles$\YASMINSC\Downloads\8fa8866c-c258-4bd2-b37d-02f0d81b76d0.tmp</t>
  </si>
  <si>
    <t>12/26/2019 10:29:16</t>
  </si>
  <si>
    <t>dfc3f1c8-d320-4567-ba6a-81bcecfce3ea.tmp</t>
  </si>
  <si>
    <t>\\acsfs\profiles$\ANAPDSB\Downloads\dfc3f1c8-d320-4567-ba6a-81bcecfce3ea.tmp</t>
  </si>
  <si>
    <t>12/26/2019 10:29:28</t>
  </si>
  <si>
    <t>Q29udHJvbGxlci5DYWxjdWxhZG9yYURlVmVuY2lt (20).ica</t>
  </si>
  <si>
    <t>\\acsfs\profiles$\ANAPDSB\Downloads\Q29udHJvbGxlci5DYWxjdWxhZG9yYURlVmVuY2lt (20).ica</t>
  </si>
  <si>
    <t>12/26/2019 10:25:12</t>
  </si>
  <si>
    <t>12/26/2019 10:30:52</t>
  </si>
  <si>
    <t>\\acsfs\DEPTOS\Operacao\Banco_Votorantim\Supervisao\SUPERS BV CARTÕES\ADILSON\Vendas\</t>
  </si>
  <si>
    <t>Controle Vendas Dezembro.xlsx</t>
  </si>
  <si>
    <t>\\acsfs\DEPTOS\Operacao\Banco_Votorantim\Supervisao\SUPERS BV CARTÕES\ADILSON\Vendas\Controle Vendas Dezembro.xlsx</t>
  </si>
  <si>
    <t>12/26/2019 10:29:07</t>
  </si>
  <si>
    <t>12/26/2019 10:28:53</t>
  </si>
  <si>
    <t>12/26/2019 10:25:57</t>
  </si>
  <si>
    <t>12/26/2019 10:27:02</t>
  </si>
  <si>
    <t>12/26/2019 10:27:57</t>
  </si>
  <si>
    <t>12/26/2019 10:28:49</t>
  </si>
  <si>
    <t>12/26/2019 10:29:38</t>
  </si>
  <si>
    <t>12/26/2019 10:29:09</t>
  </si>
  <si>
    <t>https://udpmailboxap01.acs.com.br:8443/h/search?si=0&amp;so=0&amp;sc=53165&amp;st=conversation&amp;action=compose&amp;id=5184&amp;paction=view&amp;rf=html&amp;op=reply</t>
  </si>
  <si>
    <t>12/26/2019 10:29:40</t>
  </si>
  <si>
    <t>12/26/2019 10:30:10</t>
  </si>
  <si>
    <t>12/26/2019 10:29:56</t>
  </si>
  <si>
    <t>12/26/2019 10:27:11</t>
  </si>
  <si>
    <t>12/26/2019 10:31:51</t>
  </si>
  <si>
    <t>16b8b72f-5d10-4dcc-bf58-f6e401093c1f.tmp</t>
  </si>
  <si>
    <t>\\acsfs\profiles$\quindaizaagds\Downloads\16b8b72f-5d10-4dcc-bf58-f6e401093c1f.tmp</t>
  </si>
  <si>
    <t>12/26/2019 10:28:59</t>
  </si>
  <si>
    <t>d98f2bfe-dffc-4bac-b9d0-6bf104f2e0f7.tmp</t>
  </si>
  <si>
    <t>\\acsfs\profiles$\quindaizaagds\Downloads\d98f2bfe-dffc-4bac-b9d0-6bf104f2e0f7.tmp</t>
  </si>
  <si>
    <t>12/26/2019 10:30:03</t>
  </si>
  <si>
    <t>12/26/2019 10:27:06</t>
  </si>
  <si>
    <t>f8302265-97cc-488b-b19b-b44ee0e45c7c.tmp</t>
  </si>
  <si>
    <t>\\acsfs\profiles$\kellzylenneasr\Downloads\f8302265-97cc-488b-b19b-b44ee0e45c7c.tmp</t>
  </si>
  <si>
    <t>12/26/2019 10:27:47</t>
  </si>
  <si>
    <t>12/26/2019 10:32:50</t>
  </si>
  <si>
    <t>50df8600-7d7f-4346-a8ec-3b9585c43321.tmp</t>
  </si>
  <si>
    <t>\\acsfs\profiles$\gabrielafs\Downloads\50df8600-7d7f-4346-a8ec-3b9585c43321.tmp</t>
  </si>
  <si>
    <t>12/26/2019 10:30:27</t>
  </si>
  <si>
    <t>e938bf53-35a8-4eb1-8098-2697a531035f.tmp</t>
  </si>
  <si>
    <t>\\acsfs\profiles$\gabrielafs\Downloads\e938bf53-35a8-4eb1-8098-2697a531035f.tmp</t>
  </si>
  <si>
    <t>12/26/2019 10:29:58</t>
  </si>
  <si>
    <t>12/26/2019 10:33:51</t>
  </si>
  <si>
    <t>12/26/2019 10:32:56</t>
  </si>
  <si>
    <t>10.200.67.182</t>
  </si>
  <si>
    <t>78-2B-CB-C1-07-56</t>
  </si>
  <si>
    <t>VOTORANT-IB003</t>
  </si>
  <si>
    <t>12/26/2019 10:32:57</t>
  </si>
  <si>
    <t>12/26/2019 10:31:16</t>
  </si>
  <si>
    <t>db90251f-56f7-4b84-95c5-15a887306a26.tmp</t>
  </si>
  <si>
    <t>\\acsfs\profiles$\geovannasm\Downloads\db90251f-56f7-4b84-95c5-15a887306a26.tmp</t>
  </si>
  <si>
    <t>12/26/2019 10:28:25</t>
  </si>
  <si>
    <t>a16fdf5f-4c9f-4109-83c8-8227ed4ee3e8.tmp</t>
  </si>
  <si>
    <t>\\acsfs\profiles$\vivianalds\Downloads\a16fdf5f-4c9f-4109-83c8-8227ed4ee3e8.tmp</t>
  </si>
  <si>
    <t>12/26/2019 10:29:12</t>
  </si>
  <si>
    <t>12/26/2019 10:34:51</t>
  </si>
  <si>
    <t>12/26/2019 10:33:30</t>
  </si>
  <si>
    <t>12/26/2019 10:33:52</t>
  </si>
  <si>
    <t>\\acsfs\DEPTOS\Operacao\PCP\5 - Comum\JUKA\Login Logout Financeira\</t>
  </si>
  <si>
    <t>LOGIN LOGOUT FINANCEIRA - EXTRAÇÂO.xlsx</t>
  </si>
  <si>
    <t>\\acsfs\DEPTOS\Operacao\PCP\5 - Comum\JUKA\Login Logout Financeira\LOGIN LOGOUT FINANCEIRA - EXTRAÇÂO.xlsx</t>
  </si>
  <si>
    <t>12/26/2019 10:34:04</t>
  </si>
  <si>
    <t>RELATORIO DE LOGIN - FINANCEIRA - 23-12 - Cópia.xlsm</t>
  </si>
  <si>
    <t>\\acsfs\DEPTOS\Operacao\PCP\5 - Comum\JUKA\Login Logout Financeira\RELATORIO DE LOGIN - FINANCEIRA - 23-12 - Cópia.xlsm</t>
  </si>
  <si>
    <t>12/26/2019 10:30:58</t>
  </si>
  <si>
    <t>c764e124-c2f5-443a-839c-721c7557b6ab.tmp</t>
  </si>
  <si>
    <t>\\acsfs\profiles$\ANAPDSB\Downloads\c764e124-c2f5-443a-839c-721c7557b6ab.tmp</t>
  </si>
  <si>
    <t>12/26/2019 10:31:37</t>
  </si>
  <si>
    <t>12/26/2019 10:35:51</t>
  </si>
  <si>
    <t>mateusjm</t>
  </si>
  <si>
    <t>\\acsfs\profiles$\MATEUSJM\Downloads\</t>
  </si>
  <si>
    <t>456064a7-cd72-4730-8949-42e0373942cf.tmp</t>
  </si>
  <si>
    <t>\\acsfs\profiles$\MATEUSJM\Downloads\456064a7-cd72-4730-8949-42e0373942cf.tmp</t>
  </si>
  <si>
    <t>12/26/2019 10:31:47</t>
  </si>
  <si>
    <t>Q29udHJvbGxlci5QYXl3YXJlXzEtMg-- (2).ica</t>
  </si>
  <si>
    <t>\\acsfs\profiles$\MATEUSJM\Downloads\Q29udHJvbGxlci5QYXl3YXJlXzEtMg-- (2).ica</t>
  </si>
  <si>
    <t>12/26/2019 10:32:55</t>
  </si>
  <si>
    <t>f4f08b3d-8f20-42ef-aed4-6b76f3c22ed9.tmp</t>
  </si>
  <si>
    <t>\\acsfs\profiles$\MATEUSJM\Downloads\f4f08b3d-8f20-42ef-aed4-6b76f3c22ed9.tmp</t>
  </si>
  <si>
    <t>12/26/2019 10:32:58</t>
  </si>
  <si>
    <t>12/26/2019 10:30:16</t>
  </si>
  <si>
    <t>12/26/2019 10:30:46</t>
  </si>
  <si>
    <t>12/26/2019 10:30:54</t>
  </si>
  <si>
    <t>12/26/2019 10:33:59</t>
  </si>
  <si>
    <t>12/26/2019 10:34:32</t>
  </si>
  <si>
    <t>12/26/2019 10:34:43</t>
  </si>
  <si>
    <t>12/26/2019 10:33:56</t>
  </si>
  <si>
    <t>pamelamcmdsg</t>
  </si>
  <si>
    <t>\\acsfs\profiles$\pamelamcmdsg\My Documents\</t>
  </si>
  <si>
    <t>bloco.txt</t>
  </si>
  <si>
    <t>\\acsfs\profiles$\pamelamcmdsg\My Documents\bloco.txt</t>
  </si>
  <si>
    <t>12/26/2019 10:33:57</t>
  </si>
  <si>
    <t>12/26/2019 10:30:41</t>
  </si>
  <si>
    <t>12/26/2019 10:30:55</t>
  </si>
  <si>
    <t>12/26/2019 10:31:58</t>
  </si>
  <si>
    <t>12/26/2019 10:33:19</t>
  </si>
  <si>
    <t>Felipe Tomaz da Silva_1_6769922039826428835_1_32.wav</t>
  </si>
  <si>
    <t>\\acsfs\Deptos\EDUCACAO EMPRESARIAL\FERNANDA MONIT\Ligação para Mutant terceiro Ciclo\Felipe Tomaz da Silva_1_6769922039826428835_1_32.wav</t>
  </si>
  <si>
    <t>12/26/2019 10:33:47</t>
  </si>
  <si>
    <t>12/26/2019 10:36:51</t>
  </si>
  <si>
    <t>12/26/2019 10:33:48</t>
  </si>
  <si>
    <t>12/26/2019 10:32:23</t>
  </si>
  <si>
    <t>3b600e35-11d0-4aa5-83f5-98bfbcd5e5cb.tmp</t>
  </si>
  <si>
    <t>\\acsfs\profiles$\lucasgpe\Downloads\3b600e35-11d0-4aa5-83f5-98bfbcd5e5cb.tmp</t>
  </si>
  <si>
    <t>12/26/2019 10:33:43</t>
  </si>
  <si>
    <t>5b9c43f3-33cb-4cb6-86cf-d53eaea513f8.tmp</t>
  </si>
  <si>
    <t>\\acsfs\profiles$\lucasgpe\Downloads\5b9c43f3-33cb-4cb6-86cf-d53eaea513f8.tmp</t>
  </si>
  <si>
    <t>12/26/2019 10:35:30</t>
  </si>
  <si>
    <t>02d4e6d4-87af-4a1c-8e38-0f7c3f823916.tmp</t>
  </si>
  <si>
    <t>\\acsfs\profiles$\lucasgpe\Downloads\02d4e6d4-87af-4a1c-8e38-0f7c3f823916.tmp</t>
  </si>
  <si>
    <t>12/26/2019 10:36:13</t>
  </si>
  <si>
    <t>12/26/2019 10:38:51</t>
  </si>
  <si>
    <t>12/26/2019 10:36:59</t>
  </si>
  <si>
    <t>12/26/2019 10:37:00</t>
  </si>
  <si>
    <t>lu1357680ipj.tmp</t>
  </si>
  <si>
    <t>\\acsfs\profiles$\BRUNAAR\Numero\lu1357680ipj.tmp</t>
  </si>
  <si>
    <t>12/26/2019 10:34:42</t>
  </si>
  <si>
    <t>allef.araujo@bv.com.br;eliane.martins@bv.com.br;supervisaobancovotorantim@algartech.com;</t>
  </si>
  <si>
    <t>allef.araujo@bv.com.br,eliane.martins@bv.com.br,supervisaobancovotorantim@algartech.com</t>
  </si>
  <si>
    <t>12/26/2019 10:35:11</t>
  </si>
  <si>
    <t>12/26/2019 10:35:20</t>
  </si>
  <si>
    <t>12/26/2019 10:35:39</t>
  </si>
  <si>
    <t>12/26/2019 10:35:58</t>
  </si>
  <si>
    <t>12/26/2019 10:36:10</t>
  </si>
  <si>
    <t>12/26/2019 10:36:39</t>
  </si>
  <si>
    <t>12/26/2019 10:36:44</t>
  </si>
  <si>
    <t>12/26/2019 10:37:42</t>
  </si>
  <si>
    <t>12/26/2019 10:37:45</t>
  </si>
  <si>
    <t>12/26/2019 10:39:50</t>
  </si>
  <si>
    <t>12/26/2019 10:35:16</t>
  </si>
  <si>
    <t>12/26/2019 10:40:51</t>
  </si>
  <si>
    <t>3a891c4e-44a1-418c-aafb-77027e20580e.tmp</t>
  </si>
  <si>
    <t>\\acsfs\profiles$\MATEUSJM\Downloads\3a891c4e-44a1-418c-aafb-77027e20580e.tmp</t>
  </si>
  <si>
    <t>12/26/2019 10:35:18</t>
  </si>
  <si>
    <t>f1103b28-3ea4-4d07-bb6c-497eb2d738b7.tmp</t>
  </si>
  <si>
    <t>\\acsfs\profiles$\MATEUSJM\Downloads\f1103b28-3ea4-4d07-bb6c-497eb2d738b7.tmp</t>
  </si>
  <si>
    <t>12/26/2019 10:36:31</t>
  </si>
  <si>
    <t>2de2a2b3-ce53-49ac-aae7-c5ff015038c7.tmp</t>
  </si>
  <si>
    <t>\\acsfs\profiles$\MATEUSJM\Downloads\2de2a2b3-ce53-49ac-aae7-c5ff015038c7.tmp</t>
  </si>
  <si>
    <t>12/26/2019 10:36:01</t>
  </si>
  <si>
    <t>12/26/2019 10:36:02</t>
  </si>
  <si>
    <t>12/26/2019 10:37:17</t>
  </si>
  <si>
    <t>12/26/2019 10:40:22</t>
  </si>
  <si>
    <t>12/26/2019 10:41:50</t>
  </si>
  <si>
    <t>e6c85975-eca9-49f0-96e2-342b5ac1429f.tmp</t>
  </si>
  <si>
    <t>\\acsfs\profiles$\quindaizaagds\Downloads\e6c85975-eca9-49f0-96e2-342b5ac1429f.tmp</t>
  </si>
  <si>
    <t>12/26/2019 10:43:51</t>
  </si>
  <si>
    <t>12/26/2019 10:38:26</t>
  </si>
  <si>
    <t>12/26/2019 10:38:36</t>
  </si>
  <si>
    <t>12/26/2019 10:38:42</t>
  </si>
  <si>
    <t>mail.google.com/sync/u/0/i/s?hl=pt-BR&amp;c=153</t>
  </si>
  <si>
    <t>12/26/2019 10:41:58</t>
  </si>
  <si>
    <t>12/26/2019 10:39:54</t>
  </si>
  <si>
    <t>camillarl</t>
  </si>
  <si>
    <t>https://outlook.office365.com/mapi/emsmdb/?mailboxid=77162096-c0b3-4a9d-88ca-b9268ce0500f@algartech.com</t>
  </si>
  <si>
    <t>12/26/2019 10:39:55</t>
  </si>
  <si>
    <t>12/26/2019 10:39:56</t>
  </si>
  <si>
    <t>12/26/2019 10:39:57</t>
  </si>
  <si>
    <t>12/26/2019 10:39:58</t>
  </si>
  <si>
    <t>12/26/2019 10:39:59</t>
  </si>
  <si>
    <t>12/26/2019 10:40:00</t>
  </si>
  <si>
    <t>12/26/2019 10:40:12</t>
  </si>
  <si>
    <t>12/26/2019 10:40:13</t>
  </si>
  <si>
    <t>12/26/2019 10:40:14</t>
  </si>
  <si>
    <t>12/26/2019 10:40:23</t>
  </si>
  <si>
    <t>12/26/2019 10:40:35</t>
  </si>
  <si>
    <t>12/26/2019 10:40:37</t>
  </si>
  <si>
    <t>12/26/2019 10:40:58</t>
  </si>
  <si>
    <t>12/26/2019 10:43:38</t>
  </si>
  <si>
    <t>12/26/2019 10:44:51</t>
  </si>
  <si>
    <t>12/26/2019 10:43:45</t>
  </si>
  <si>
    <t>12/26/2019 10:42:51</t>
  </si>
  <si>
    <t>56ac6fe1-8445-4b06-98c9-38801f143a46.tmp</t>
  </si>
  <si>
    <t>\\acsfs\profiles$\nayarasds\Downloads\56ac6fe1-8445-4b06-98c9-38801f143a46.tmp</t>
  </si>
  <si>
    <t>12/26/2019 10:41:45</t>
  </si>
  <si>
    <t>12/26/2019 10:43:16</t>
  </si>
  <si>
    <t>12/26/2019 10:45:50</t>
  </si>
  <si>
    <t>cd8b48d5-af08-404f-9226-2977b5f11863.tmp</t>
  </si>
  <si>
    <t>\\acsfs\profiles$\MATEUSJM\Downloads\cd8b48d5-af08-404f-9226-2977b5f11863.tmp</t>
  </si>
  <si>
    <t>12/26/2019 10:42:48</t>
  </si>
  <si>
    <t>12/26/2019 10:43:18</t>
  </si>
  <si>
    <t>12/26/2019 10:43:48</t>
  </si>
  <si>
    <t>12/26/2019 10:44:36</t>
  </si>
  <si>
    <t>https://udpmailboxap01.acs.com.br:8443/h/search;jsessionid=1l8b8vz5bbuow1rehlxo3e93he?si=0&amp;so=0&amp;sc=53189&amp;st=conversation&amp;action=compose</t>
  </si>
  <si>
    <t>12/26/2019 10:44:58</t>
  </si>
  <si>
    <t>12/26/2019 10:40:43</t>
  </si>
  <si>
    <t>3b7ec1f5-21e0-47fa-b508-05321336de04.tmp</t>
  </si>
  <si>
    <t>\\acsfs\profiles$\luanarda\Downloads\3b7ec1f5-21e0-47fa-b508-05321336de04.tmp</t>
  </si>
  <si>
    <t>12/26/2019 10:43:36</t>
  </si>
  <si>
    <t>9a42f92d-eae5-4a48-a4f9-6574255098c1.tmp</t>
  </si>
  <si>
    <t>\\acsfs\profiles$\luanarda\Downloads\9a42f92d-eae5-4a48-a4f9-6574255098c1.tmp</t>
  </si>
  <si>
    <t>12/26/2019 10:43:43</t>
  </si>
  <si>
    <t>669e1fee-2b46-48e5-83d0-d150904f245c.tmp</t>
  </si>
  <si>
    <t>\\acsfs\profiles$\paulovadc\Downloads\669e1fee-2b46-48e5-83d0-d150904f245c.tmp</t>
  </si>
  <si>
    <t>12/26/2019 10:43:05</t>
  </si>
  <si>
    <t>12/26/2019 10:46:51</t>
  </si>
  <si>
    <t>ca6d5992-ba19-4551-90f3-583edcc9e434.tmp</t>
  </si>
  <si>
    <t>\\acsfs\profiles$\henriquehmdo\Downloads\ca6d5992-ba19-4551-90f3-583edcc9e434.tmp</t>
  </si>
  <si>
    <t>12/26/2019 10:43:40</t>
  </si>
  <si>
    <t>13e8ab49-8cf4-41cc-a957-5284b660e289.tmp</t>
  </si>
  <si>
    <t>\\acsfs\profiles$\lucasgpe\Downloads\13e8ab49-8cf4-41cc-a957-5284b660e289.tmp</t>
  </si>
  <si>
    <t>12/26/2019 10:44:10</t>
  </si>
  <si>
    <t>24b38a87-7dc7-4822-b4df-1598bce831b8.tmp</t>
  </si>
  <si>
    <t>\\acsfs\profiles$\lucasgpe\Downloads\24b38a87-7dc7-4822-b4df-1598bce831b8.tmp</t>
  </si>
  <si>
    <t>12/26/2019 10:45:17</t>
  </si>
  <si>
    <t>98f1f495-f891-48c6-a9bf-b967339db6c2.tmp</t>
  </si>
  <si>
    <t>\\acsfs\profiles$\lucasgpe\Downloads\98f1f495-f891-48c6-a9bf-b967339db6c2.tmp</t>
  </si>
  <si>
    <t>12/26/2019 10:45:47</t>
  </si>
  <si>
    <t>6bedff27-4ede-4686-85e3-192aec3995d3.tmp</t>
  </si>
  <si>
    <t>\\acsfs\profiles$\lucasgpe\Downloads\6bedff27-4ede-4686-85e3-192aec3995d3.tmp</t>
  </si>
  <si>
    <t>12/26/2019 10:47:51</t>
  </si>
  <si>
    <t>12/26/2019 10:44:30</t>
  </si>
  <si>
    <t>12/26/2019 10:47:59</t>
  </si>
  <si>
    <t>12/26/2019 10:48:51</t>
  </si>
  <si>
    <t>12/26/2019 10:45:53</t>
  </si>
  <si>
    <t>12/26/2019 10:48:03</t>
  </si>
  <si>
    <t>12/26/2019 10:44:19</t>
  </si>
  <si>
    <t>12/26/2019 10:49:51</t>
  </si>
  <si>
    <t>12/26/2019 10:46:31</t>
  </si>
  <si>
    <t>12/26/2019 10:46:01</t>
  </si>
  <si>
    <t>12/26/2019 10:47:21</t>
  </si>
  <si>
    <t>12/26/2019 10:47:26</t>
  </si>
  <si>
    <t>12/26/2019 10:47:33</t>
  </si>
  <si>
    <t>12/26/2019 10:47:45</t>
  </si>
  <si>
    <t>mail.google.com/sync/u/0/i/s?hl=pt-BR&amp;c=756</t>
  </si>
  <si>
    <t>12/26/2019 10:47:57</t>
  </si>
  <si>
    <t>mail.google.com/sync/u/0/i/s?hl=pt-BR&amp;c=758</t>
  </si>
  <si>
    <t>12/26/2019 10:48:05</t>
  </si>
  <si>
    <t>12/26/2019 10:48:07</t>
  </si>
  <si>
    <t>12/26/2019 10:49:02</t>
  </si>
  <si>
    <t>12/26/2019 10:49:09</t>
  </si>
  <si>
    <t>mail.google.com/sync/u/0/i/s?hl=pt-BR&amp;c=772</t>
  </si>
  <si>
    <t>12/26/2019 10:49:18</t>
  </si>
  <si>
    <t>mail.google.com/sync/u/0/i/s?hl=pt-BR&amp;c=774</t>
  </si>
  <si>
    <t>joaogvc@algartech.com;leonardoao@algartech.com;paulacn@algartech.com;rafaelggs@algartech.com;taysdss@algartech.com;viniciussg@algartech.com;</t>
  </si>
  <si>
    <t>joaogvc@algartech.com,leonardoao@algartech.com,paulacn@algartech.com,rafaelggs@algartech.com,taysdss@algartech.com,viniciussg@algartech.com</t>
  </si>
  <si>
    <t>12/26/2019 10:49:22</t>
  </si>
  <si>
    <t>mail.google.com/sync/u/0/i/s?hl=pt-BR&amp;c=776</t>
  </si>
  <si>
    <t>12/26/2019 10:49:27</t>
  </si>
  <si>
    <t>mail.google.com/sync/u/0/i/s?hl=pt-BR&amp;c=778</t>
  </si>
  <si>
    <t>12/26/2019 10:45:19</t>
  </si>
  <si>
    <t>dd56af8e-33de-4865-8924-c86e5674a3a0.tmp</t>
  </si>
  <si>
    <t>\\acsfs\profiles$\victoriaksr\Downloads\dd56af8e-33de-4865-8924-c86e5674a3a0.tmp</t>
  </si>
  <si>
    <t>12/26/2019 10:47:34</t>
  </si>
  <si>
    <t>12/26/2019 10:50:51</t>
  </si>
  <si>
    <t>12/26/2019 10:48:38</t>
  </si>
  <si>
    <t>12/26/2019 10:47:18</t>
  </si>
  <si>
    <t>12/26/2019 10:47:48</t>
  </si>
  <si>
    <t>12/26/2019 10:48:18</t>
  </si>
  <si>
    <t>12/26/2019 10:49:48</t>
  </si>
  <si>
    <t>12/26/2019 10:50:52</t>
  </si>
  <si>
    <t>12/26/2019 10:51:51</t>
  </si>
  <si>
    <t>18b9b001-5787-44a4-973f-d7ed89545bba.tmp</t>
  </si>
  <si>
    <t>\\acsfs\profiles$\quindaizaagds\Downloads\18b9b001-5787-44a4-973f-d7ed89545bba.tmp</t>
  </si>
  <si>
    <t>12/26/2019 10:48:14</t>
  </si>
  <si>
    <t>18a7368a-8264-4e1f-94f8-ce2d3818cd7e.tmp</t>
  </si>
  <si>
    <t>\\acsfs\profiles$\leticiala\Downloads\18a7368a-8264-4e1f-94f8-ce2d3818cd7e.tmp</t>
  </si>
  <si>
    <t>12/26/2019 10:50:59</t>
  </si>
  <si>
    <t>2b24b84e-d8f7-41a5-9f0d-b895b7038add.tmp</t>
  </si>
  <si>
    <t>\\acsfs\profiles$\leticiala\Downloads\2b24b84e-d8f7-41a5-9f0d-b895b7038add.tmp</t>
  </si>
  <si>
    <t>12/26/2019 10:47:25</t>
  </si>
  <si>
    <t>63e0ff73-6270-4733-8752-2a31fc34fd5b.tmp</t>
  </si>
  <si>
    <t>\\acsfs\profiles$\lucasgpe\Downloads\63e0ff73-6270-4733-8752-2a31fc34fd5b.tmp</t>
  </si>
  <si>
    <t>12/26/2019 10:50:48</t>
  </si>
  <si>
    <t>feb099f3-af97-4165-b51a-ca3d48c81077.tmp</t>
  </si>
  <si>
    <t>\\acsfs\profiles$\lucasgpe\Downloads\feb099f3-af97-4165-b51a-ca3d48c81077.tmp</t>
  </si>
  <si>
    <t>12/26/2019 10:52:51</t>
  </si>
  <si>
    <t>12/26/2019 10:49:03</t>
  </si>
  <si>
    <t>lu141641cbjze.tmp</t>
  </si>
  <si>
    <t>\\acsfs\profiles$\LUCASBS\lu141641cbjze.tmp</t>
  </si>
  <si>
    <t>\\acsfs\profiles$\LUCASBS\lu141641cbjze.tmp\</t>
  </si>
  <si>
    <t>\\acsfs\profiles$\LUCASBS\lu141641cbjze.tmp\META-INF\</t>
  </si>
  <si>
    <t>\\acsfs\profiles$\LUCASBS\lu141641cbjze.tmp\Thumbnails\</t>
  </si>
  <si>
    <t>12/26/2019 10:52:16</t>
  </si>
  <si>
    <t>\\acsfs\ACS\001 - Qualidade Lilian\PAULO\ALERTA DE ATENDIMENTO.xlsx\</t>
  </si>
  <si>
    <t>hdphoto1.wdp</t>
  </si>
  <si>
    <t>\\acsfs\ACS\001 - Qualidade Lilian\PAULO\ALERTA DE ATENDIMENTO.xlsx</t>
  </si>
  <si>
    <t>hdphoto2.wdp</t>
  </si>
  <si>
    <t>hdphoto3.wdp</t>
  </si>
  <si>
    <t>hdphoto4.wdp</t>
  </si>
  <si>
    <t>hdphoto5.wdp</t>
  </si>
  <si>
    <t>hdphoto6.wdp</t>
  </si>
  <si>
    <t>\\acsfs\ACS\001 - Qualidade Lilian\PAULO\</t>
  </si>
  <si>
    <t>ALERTA DE ATENDIMENTO.xlsx</t>
  </si>
  <si>
    <t>12/26/2019 10:51:53</t>
  </si>
  <si>
    <t>12/26/2019 10:53:51</t>
  </si>
  <si>
    <t>12/26/2019 10:49:56</t>
  </si>
  <si>
    <t>12/26/2019 10:50:15</t>
  </si>
  <si>
    <t>ANA PAULA DA SILVA BORGES_1_6769218343794706773_1_32.wav</t>
  </si>
  <si>
    <t>\\acsfs\Deptos\EDUCACAO EMPRESARIAL\KÉSIA\Ligações 3º ciclo - Késia\ANA PAULA DA SILVA BORGES_1_6769218343794706773_1_32.wav</t>
  </si>
  <si>
    <t>12/26/2019 10:50:14</t>
  </si>
  <si>
    <t>12/26/2019 10:54:51</t>
  </si>
  <si>
    <t>12/26/2019 10:49:34</t>
  </si>
  <si>
    <t>mail.google.com/sync/u/0/i/s?hl=pt-BR&amp;c=780</t>
  </si>
  <si>
    <t>joaogvc@algartech.com;leonardoao@algartech.com;marianadjc@algartech.com;paulacn@algartech.com;planejamentodeoperacoesetrafego@bv.com.br;rafaelggs@algartech.com;taysdss@algartech.com;viniciussg@algartech.com;</t>
  </si>
  <si>
    <t>joaogvc@algartech.com,leonardoao@algartech.com,marianadjc@algartech.com,paulacn@algartech.com,planejamentodeoperacoesetrafego@bv.com.br,rafaelggs@algartech.com,taysdss@algartech.com,viniciussg@algartech.com</t>
  </si>
  <si>
    <t>mail.google.com/sync/u/0/i/s?hl=pt-BR&amp;c=782</t>
  </si>
  <si>
    <t>12/26/2019 10:49:58</t>
  </si>
  <si>
    <t>mail.google.com/sync/u/0/i/s?hl=pt-BR&amp;c=784</t>
  </si>
  <si>
    <t>12/26/2019 10:50:08</t>
  </si>
  <si>
    <t>mail.google.com/sync/u/0/i/s?hl=pt-BR&amp;c=788</t>
  </si>
  <si>
    <t>12/26/2019 10:50:23</t>
  </si>
  <si>
    <t>mail.google.com/sync/u/0/i/s?hl=pt-BR&amp;c=790</t>
  </si>
  <si>
    <t>12/26/2019 10:50:29</t>
  </si>
  <si>
    <t>mail.google.com/sync/u/0/i/s?hl=pt-BR&amp;c=792</t>
  </si>
  <si>
    <t>mail.google.com/sync/u/0/i/s?hl=pt-BR&amp;c=794</t>
  </si>
  <si>
    <t>12/26/2019 10:51:06</t>
  </si>
  <si>
    <t>mail.google.com/sync/u/0/i/s?hl=pt-BR&amp;c=797</t>
  </si>
  <si>
    <t>12/26/2019 10:51:09</t>
  </si>
  <si>
    <t>mail.google.com/sync/u/0/i/s?hl=pt-BR&amp;c=799</t>
  </si>
  <si>
    <t>12/26/2019 10:51:37</t>
  </si>
  <si>
    <t>mail.google.com/sync/u/0/i/s?hl=pt-BR&amp;c=807</t>
  </si>
  <si>
    <t>12/26/2019 10:51:44</t>
  </si>
  <si>
    <t>mail.google.com/sync/u/0/i/s?hl=pt-BR&amp;c=809</t>
  </si>
  <si>
    <t>12/26/2019 10:51:56</t>
  </si>
  <si>
    <t>mail.google.com/sync/u/0/i/s?hl=pt-BR&amp;c=811</t>
  </si>
  <si>
    <t>12/26/2019 10:52:03</t>
  </si>
  <si>
    <t>RELATORIO DE LOGIN - FINANCEIRA - 24-12.xlsm</t>
  </si>
  <si>
    <t>\\acsfs\DEPTOS\Operacao\PCP\5 - Comum\JUKA\Login Logout Financeira\RELATORIO DE LOGIN - FINANCEIRA - 24-12.xlsm</t>
  </si>
  <si>
    <t>12/26/2019 10:52:31</t>
  </si>
  <si>
    <t>mail.google.com/_/upload?authuser=0&amp;dcp=asu-n&amp;upload_id=AEnB2UryJt6I9W8mPsnB5D8HzOEjsgv4IdD9zvkYz_SgXfibXEz0rZ4oNNgXa2HW3nexJewBZD9262DnQ-AGSn8yBAxPKEXEgA&amp;upload_protocol=resumable</t>
  </si>
  <si>
    <t>12/26/2019 10:52:36</t>
  </si>
  <si>
    <t>mail.google.com/sync/u/0/i/fd?hl=pt-BR&amp;c=816</t>
  </si>
  <si>
    <t>12/26/2019 10:52:57</t>
  </si>
  <si>
    <t>mail.google.com/sync/u/0/i/s?hl=pt-BR&amp;c=819</t>
  </si>
  <si>
    <t>12/26/2019 10:53:53</t>
  </si>
  <si>
    <t>12/26/2019 10:55:51</t>
  </si>
  <si>
    <t>12/26/2019 10:50:27</t>
  </si>
  <si>
    <t>12/26/2019 10:50:35</t>
  </si>
  <si>
    <t>12/26/2019 10:50:47</t>
  </si>
  <si>
    <t>12/26/2019 10:53:59</t>
  </si>
  <si>
    <t>12/26/2019 10:52:19</t>
  </si>
  <si>
    <t>12/26/2019 10:52:49</t>
  </si>
  <si>
    <t>12/26/2019 10:52:54</t>
  </si>
  <si>
    <t>12/26/2019 10:53:00</t>
  </si>
  <si>
    <t>12/26/2019 10:53:01</t>
  </si>
  <si>
    <t>12/26/2019 10:53:40</t>
  </si>
  <si>
    <t>Flavio Junio Mendes_1_6769222389653905501_1_32.wav</t>
  </si>
  <si>
    <t>\\acsfs\Deptos\EDUCACAO EMPRESARIAL\FERNANDA MONIT\Ligação para Mutant terceiro Ciclo\Flavio Junio Mendes_1_6769222389653905501_1_32.wav</t>
  </si>
  <si>
    <t>12/26/2019 10:51:27</t>
  </si>
  <si>
    <t>12/26/2019 10:56:51</t>
  </si>
  <si>
    <t>7dc2e9fd-f167-404f-bea8-fd874b6cd124.tmp</t>
  </si>
  <si>
    <t>\\acsfs\profiles$\quindaizaagds\Downloads\7dc2e9fd-f167-404f-bea8-fd874b6cd124.tmp</t>
  </si>
  <si>
    <t>12/26/2019 10:55:31</t>
  </si>
  <si>
    <t>2e34db31-173b-41a9-93a1-0489fc716ad7.tmp</t>
  </si>
  <si>
    <t>\\acsfs\profiles$\quindaizaagds\Downloads\2e34db31-173b-41a9-93a1-0489fc716ad7.tmp</t>
  </si>
  <si>
    <t>12/26/2019 10:55:00</t>
  </si>
  <si>
    <t>3ab78148-c1eb-4247-aa7b-bbd532cfd3fa.tmp</t>
  </si>
  <si>
    <t>\\acsfs\profiles$\nathaliadf\Downloads\3ab78148-c1eb-4247-aa7b-bbd532cfd3fa.tmp</t>
  </si>
  <si>
    <t>12/26/2019 10:52:14</t>
  </si>
  <si>
    <t>8b5a3c60-a048-4e62-be37-152bfdb3bd4c.tmp</t>
  </si>
  <si>
    <t>\\acsfs\profiles$\lucasgpe\Downloads\8b5a3c60-a048-4e62-be37-152bfdb3bd4c.tmp</t>
  </si>
  <si>
    <t>7c24672a-bd55-4e7d-b78d-82665e8bfeed.tmp</t>
  </si>
  <si>
    <t>\\acsfs\profiles$\lucasgpe\Downloads\7c24672a-bd55-4e7d-b78d-82665e8bfeed.tmp</t>
  </si>
  <si>
    <t>12/26/2019 10:58:51</t>
  </si>
  <si>
    <t>12/26/2019 10:57:53</t>
  </si>
  <si>
    <t>12/26/2019 10:53:52</t>
  </si>
  <si>
    <t>9aac4330-412e-4287-bfdc-6630f7d60fd2.tmp</t>
  </si>
  <si>
    <t>\\acsfs\profiles$\jonatanls\Downloads\9aac4330-412e-4287-bfdc-6630f7d60fd2.tmp</t>
  </si>
  <si>
    <t>12/26/2019 10:57:44</t>
  </si>
  <si>
    <t>12/26/2019 10:57:05</t>
  </si>
  <si>
    <t>HENRIQUE CASSIANO OLIVEIRA_1_6769276510536796526_1_32.wav</t>
  </si>
  <si>
    <t>\\acsfs\Deptos\EDUCACAO EMPRESARIAL\KÉSIA\Ligações 3º ciclo - Késia\HENRIQUE CASSIANO OLIVEIRA_1_6769276510536796526_1_32.wav</t>
  </si>
  <si>
    <t>12/26/2019 10:57:58</t>
  </si>
  <si>
    <t>12/26/2019 10:58:15</t>
  </si>
  <si>
    <t>12/26/2019 10:59:51</t>
  </si>
  <si>
    <t>c712df4c-4ce8-463f-aa0d-3ba61337f737.tmp</t>
  </si>
  <si>
    <t>\\acsfs\profiles$\mariliafplb\Downloads\c712df4c-4ce8-463f-aa0d-3ba61337f737.tmp</t>
  </si>
  <si>
    <t>12/26/2019 10:58:43</t>
  </si>
  <si>
    <t>12/26/2019 11:00:51</t>
  </si>
  <si>
    <t>12/26/2019 10:58:45</t>
  </si>
  <si>
    <t>12/26/2019 10:59:55</t>
  </si>
  <si>
    <t>\\acsfs\profiles$\paulovadc\</t>
  </si>
  <si>
    <t>\\acsfs\profiles$\paulovadc\Pausas.txt</t>
  </si>
  <si>
    <t>12/26/2019 10:57:46</t>
  </si>
  <si>
    <t>12/26/2019 11:01:51</t>
  </si>
  <si>
    <t>12/26/2019 10:59:27</t>
  </si>
  <si>
    <t>12/26/2019 10:59:39</t>
  </si>
  <si>
    <t>mail.google.com/sync/u/0/i/s?hl=pt-BR&amp;c=234</t>
  </si>
  <si>
    <t>12/26/2019 10:59:42</t>
  </si>
  <si>
    <t>12/26/2019 11:00:11</t>
  </si>
  <si>
    <t>12/26/2019 11:00:26</t>
  </si>
  <si>
    <t>mail.google.com/sync/u/0/i/s?hl=pt-BR&amp;c=241</t>
  </si>
  <si>
    <t>12/26/2019 11:00:32</t>
  </si>
  <si>
    <t>mail.google.com/sync/u/0/i/s?hl=pt-BR&amp;c=244</t>
  </si>
  <si>
    <t>12/26/2019 11:00:59</t>
  </si>
  <si>
    <t>12/26/2019 11:01:08</t>
  </si>
  <si>
    <t>12/26/2019 11:01:23</t>
  </si>
  <si>
    <t>mail.google.com/sync/u/0/i/s?hl=pt-BR&amp;c=255</t>
  </si>
  <si>
    <t>12/26/2019 11:01:25</t>
  </si>
  <si>
    <t>ab244208-5f04-4b95-bd5e-0bc85e15605f.tmp</t>
  </si>
  <si>
    <t>\\acsfs\profiles$\gabrielhca\Downloads\ab244208-5f04-4b95-bd5e-0bc85e15605f.tmp</t>
  </si>
  <si>
    <t>12/26/2019 11:01:28</t>
  </si>
  <si>
    <t>Não confirmado 961104.crdownload</t>
  </si>
  <si>
    <t>\\acsfs\profiles$\gabrielhca\Downloads\Não confirmado 961104.crdownload</t>
  </si>
  <si>
    <t>12/26/2019 10:57:41</t>
  </si>
  <si>
    <t>12/26/2019 11:02:50</t>
  </si>
  <si>
    <t>12/26/2019 10:57:42</t>
  </si>
  <si>
    <t>lu269482jf20t.tmp</t>
  </si>
  <si>
    <t>\\acsfs\profiles$\FLAVIOJMM\My Documents\lu269482jf20t.tmp</t>
  </si>
  <si>
    <t>\\acsfs\profiles$\FLAVIOJMM\My Documents\lu269482jf20t.tmp\</t>
  </si>
  <si>
    <t>\\acsfs\profiles$\FLAVIOJMM\My Documents\lu269482jf20t.tmp\META-INF\</t>
  </si>
  <si>
    <t>\\acsfs\profiles$\FLAVIOJMM\My Documents\lu269482jf20t.tmp\Thumbnails\</t>
  </si>
  <si>
    <t>12/26/2019 11:01:06</t>
  </si>
  <si>
    <t>12/26/2019 11:03:51</t>
  </si>
  <si>
    <t>c:\users\camillarl\appdata\local\temp\</t>
  </si>
  <si>
    <t>.session</t>
  </si>
  <si>
    <t>12/26/2019 11:00:00</t>
  </si>
  <si>
    <t>12/26/2019 11:00:01</t>
  </si>
  <si>
    <t>12/26/2019 10:59:36</t>
  </si>
  <si>
    <t>12/26/2019 11:04:17</t>
  </si>
  <si>
    <t>12/26/2019 11:04:50</t>
  </si>
  <si>
    <t>12/26/2019 11:05:51</t>
  </si>
  <si>
    <t>12/26/2019 11:04:35</t>
  </si>
  <si>
    <t>12/26/2019 11:04:47</t>
  </si>
  <si>
    <t>12/26/2019 11:04:51</t>
  </si>
  <si>
    <t>12/26/2019 11:04:53</t>
  </si>
  <si>
    <t>12/26/2019 11:04:43</t>
  </si>
  <si>
    <t>.~lock.DHIULLIANA 2.ods#</t>
  </si>
  <si>
    <t>\\acsfs\profiles$\dhiulliananads\My Documents\.~lock.DHIULLIANA 2.ods#</t>
  </si>
  <si>
    <t>lu146321g6v7f.tmp</t>
  </si>
  <si>
    <t>\\acsfs\profiles$\dhiulliananads\My Documents\lu146321g6v7f.tmp</t>
  </si>
  <si>
    <t>\\acsfs\profiles$\dhiulliananads\My Documents\lu146321g6v7f.tmp\</t>
  </si>
  <si>
    <t>\\acsfs\profiles$\dhiulliananads\My Documents\lu146321g6v7f.tmp\META-INF\</t>
  </si>
  <si>
    <t>\\acsfs\profiles$\dhiulliananads\My Documents\lu146321g6v7f.tmp\Thumbnails\</t>
  </si>
  <si>
    <t>12/26/2019 11:02:51</t>
  </si>
  <si>
    <t>12/26/2019 11:06:50</t>
  </si>
  <si>
    <t>c61b2f3a-577a-42d0-b510-4db9ec570fe3.tmp</t>
  </si>
  <si>
    <t>\\acsfs\profiles$\ayalabfi\Downloads\c61b2f3a-577a-42d0-b510-4db9ec570fe3.tmp</t>
  </si>
  <si>
    <t>12/26/2019 11:03:42</t>
  </si>
  <si>
    <t>22211914-b23a-463c-bfdd-0d5e4efde7b9.tmp</t>
  </si>
  <si>
    <t>\\acsfs\profiles$\lucasqdss\Downloads\22211914-b23a-463c-bfdd-0d5e4efde7b9.tmp</t>
  </si>
  <si>
    <t>12/26/2019 11:01:43</t>
  </si>
  <si>
    <t>12/26/2019 11:05:22</t>
  </si>
  <si>
    <t>12/26/2019 11:04:10</t>
  </si>
  <si>
    <t>38e6e203-f3f4-408e-b173-34e89e1163a8.tmp</t>
  </si>
  <si>
    <t>\\acsfs\profiles$\lucasgpe\Downloads\38e6e203-f3f4-408e-b173-34e89e1163a8.tmp</t>
  </si>
  <si>
    <t>12/26/2019 11:04:30</t>
  </si>
  <si>
    <t>12/26/2019 11:07:51</t>
  </si>
  <si>
    <t>12/26/2019 11:03:34</t>
  </si>
  <si>
    <t>12/26/2019 11:03:35</t>
  </si>
  <si>
    <t>lu141641cbjzn.tmp</t>
  </si>
  <si>
    <t>\\acsfs\profiles$\LUCASBS\lu141641cbjzn.tmp</t>
  </si>
  <si>
    <t>\\acsfs\profiles$\LUCASBS\lu141641cbjzn.tmp\</t>
  </si>
  <si>
    <t>\\acsfs\profiles$\LUCASBS\lu141641cbjzn.tmp\META-INF\</t>
  </si>
  <si>
    <t>\\acsfs\profiles$\LUCASBS\lu141641cbjzn.tmp\Thumbnails\</t>
  </si>
  <si>
    <t>12/26/2019 11:03:53</t>
  </si>
  <si>
    <t>12/26/2019 11:08:50</t>
  </si>
  <si>
    <t>12/26/2019 11:05:59</t>
  </si>
  <si>
    <t>12/26/2019 11:06:51</t>
  </si>
  <si>
    <t>12/26/2019 11:09:51</t>
  </si>
  <si>
    <t>12/26/2019 11:06:54</t>
  </si>
  <si>
    <t>12/26/2019 11:06:00</t>
  </si>
  <si>
    <t>780fcd93-1c28-4a78-b64e-7ee805c2d52c.tmp</t>
  </si>
  <si>
    <t>\\acsfs\profiles$\mariliafplb\Downloads\780fcd93-1c28-4a78-b64e-7ee805c2d52c.tmp</t>
  </si>
  <si>
    <t>12/26/2019 11:10:50</t>
  </si>
  <si>
    <t>12/26/2019 11:07:20</t>
  </si>
  <si>
    <t>12/26/2019 11:07:21</t>
  </si>
  <si>
    <t>lu146321g6v7l.tmp</t>
  </si>
  <si>
    <t>\\acsfs\profiles$\dhiulliananads\My Documents\lu146321g6v7l.tmp</t>
  </si>
  <si>
    <t>\\acsfs\profiles$\dhiulliananads\My Documents\lu146321g6v7l.tmp\</t>
  </si>
  <si>
    <t>\\acsfs\profiles$\dhiulliananads\My Documents\lu146321g6v7l.tmp\META-INF\</t>
  </si>
  <si>
    <t>\\acsfs\profiles$\dhiulliananads\My Documents\lu146321g6v7l.tmp\Thumbnails\</t>
  </si>
  <si>
    <t>12/26/2019 11:07:42</t>
  </si>
  <si>
    <t>lu146321g6v7r.tmp</t>
  </si>
  <si>
    <t>\\acsfs\profiles$\dhiulliananads\My Documents\lu146321g6v7r.tmp</t>
  </si>
  <si>
    <t>\\acsfs\profiles$\dhiulliananads\My Documents\lu146321g6v7r.tmp\</t>
  </si>
  <si>
    <t>\\acsfs\profiles$\dhiulliananads\My Documents\lu146321g6v7r.tmp\META-INF\</t>
  </si>
  <si>
    <t>\\acsfs\profiles$\dhiulliananads\My Documents\lu146321g6v7r.tmp\Thumbnails\</t>
  </si>
  <si>
    <t>12/26/2019 11:10:55</t>
  </si>
  <si>
    <t>12/26/2019 11:11:51</t>
  </si>
  <si>
    <t>8b6bb4c5-fd8c-4a56-b818-6ed4aa0d3985.tmp</t>
  </si>
  <si>
    <t>\\acsfs\profiles$\lucasqdss\Downloads\8b6bb4c5-fd8c-4a56-b818-6ed4aa0d3985.tmp</t>
  </si>
  <si>
    <t>12/26/2019 11:07:07</t>
  </si>
  <si>
    <t>8cca0ec3-3e25-4b39-9a42-5108c22fe467.tmp</t>
  </si>
  <si>
    <t>\\acsfs\profiles$\lucasgpe\Downloads\8cca0ec3-3e25-4b39-9a42-5108c22fe467.tmp</t>
  </si>
  <si>
    <t>12/26/2019 11:09:40</t>
  </si>
  <si>
    <t>12/26/2019 11:13:51</t>
  </si>
  <si>
    <t>10.200.67.139</t>
  </si>
  <si>
    <t>74-86-7A-FB-17-9B</t>
  </si>
  <si>
    <t>VOTORANT-00</t>
  </si>
  <si>
    <t>harunams</t>
  </si>
  <si>
    <t>12/26/2019 11:09:53</t>
  </si>
  <si>
    <t>12/26/2019 11:11:59</t>
  </si>
  <si>
    <t>12/26/2019 11:11:50</t>
  </si>
  <si>
    <t>LAIS LIMA GONCALVES_1_6769973210066782520_1_32.wav</t>
  </si>
  <si>
    <t>\\acsfs\Deptos\EDUCACAO EMPRESARIAL\KÉSIA\Ligações 3º ciclo - Késia\LAIS LIMA GONCALVES_1_6769973210066782520_1_32.wav</t>
  </si>
  <si>
    <t>12/26/2019 11:09:36</t>
  </si>
  <si>
    <t>5551fe48-e8db-4905-8a05-8898d47be8fa.tmp</t>
  </si>
  <si>
    <t>\\acsfs\profiles$\KARENDSR\Downloads\5551fe48-e8db-4905-8a05-8898d47be8fa.tmp</t>
  </si>
  <si>
    <t>12/26/2019 11:13:40</t>
  </si>
  <si>
    <t>12/26/2019 11:14:51</t>
  </si>
  <si>
    <t>100014123564284;</t>
  </si>
  <si>
    <t>https://100014123564284</t>
  </si>
  <si>
    <t>7243793b-7c40-4378-98f3-737f641be476.tmp</t>
  </si>
  <si>
    <t>\\acsfs\profiles$\victoriaksr\Downloads\7243793b-7c40-4378-98f3-737f641be476.tmp</t>
  </si>
  <si>
    <t>12/26/2019 11:12:28</t>
  </si>
  <si>
    <t>c475f856-b5db-46db-bd20-620f2830821b.tmp</t>
  </si>
  <si>
    <t>\\acsfs\profiles$\victoriaksr\Downloads\c475f856-b5db-46db-bd20-620f2830821b.tmp</t>
  </si>
  <si>
    <t>12/26/2019 11:11:56</t>
  </si>
  <si>
    <t>12/26/2019 11:15:51</t>
  </si>
  <si>
    <t>12/26/2019 11:14:45</t>
  </si>
  <si>
    <t>\\acsfs\DEPTOS\Operacao\Banco_Votorantim\Supervisao\SUPERS BV CARTÕES\ADILSON\Outros\Thumbs.db</t>
  </si>
  <si>
    <t>12/26/2019 11:14:56</t>
  </si>
  <si>
    <t>12/26/2019 11:15:04</t>
  </si>
  <si>
    <t>12/26/2019 11:14:21</t>
  </si>
  <si>
    <t>12/26/2019 11:13:30</t>
  </si>
  <si>
    <t>12/26/2019 11:16:51</t>
  </si>
  <si>
    <t>f8caa046-4f77-4c03-95d9-a6c5e8e84b6f.tmp</t>
  </si>
  <si>
    <t>\\acsfs\profiles$\quindaizaagds\Downloads\f8caa046-4f77-4c03-95d9-a6c5e8e84b6f.tmp</t>
  </si>
  <si>
    <t>12/26/2019 11:14:16</t>
  </si>
  <si>
    <t>55cb7450-8220-4f3f-9a76-6b5f3f615685.tmp</t>
  </si>
  <si>
    <t>\\acsfs\profiles$\quindaizaagds\Downloads\55cb7450-8220-4f3f-9a76-6b5f3f615685.tmp</t>
  </si>
  <si>
    <t>12/26/2019 11:15:40</t>
  </si>
  <si>
    <t>25447ec2-d498-4fa1-9fdc-c4f618f2c7a1.tmp</t>
  </si>
  <si>
    <t>\\acsfs\profiles$\quindaizaagds\Downloads\25447ec2-d498-4fa1-9fdc-c4f618f2c7a1.tmp</t>
  </si>
  <si>
    <t>12/26/2019 11:12:17</t>
  </si>
  <si>
    <t>915c6f2e-f046-4346-8fdb-bca4555015e0.tmp</t>
  </si>
  <si>
    <t>\\acsfs\profiles$\nathaliadf\Downloads\915c6f2e-f046-4346-8fdb-bca4555015e0.tmp</t>
  </si>
  <si>
    <t>12/26/2019 11:14:00</t>
  </si>
  <si>
    <t>71b3e2a5-016e-4c8e-8b41-c6da3b8b3ecb.tmp</t>
  </si>
  <si>
    <t>\\acsfs\profiles$\matheushds\Downloads\71b3e2a5-016e-4c8e-8b41-c6da3b8b3ecb.tmp</t>
  </si>
  <si>
    <t>12/26/2019 11:11:35</t>
  </si>
  <si>
    <t>3240d6af-e072-45be-b19b-040bad3828e7.tmp</t>
  </si>
  <si>
    <t>\\acsfs\profiles$\lucasqdss\Downloads\3240d6af-e072-45be-b19b-040bad3828e7.tmp</t>
  </si>
  <si>
    <t>12/26/2019 11:15:01</t>
  </si>
  <si>
    <t>dcee002e-fd99-46d8-8d70-9c5c3af4e011.tmp</t>
  </si>
  <si>
    <t>\\acsfs\profiles$\rafaelamsv\Downloads\dcee002e-fd99-46d8-8d70-9c5c3af4e011.tmp</t>
  </si>
  <si>
    <t>12/26/2019 11:13:33</t>
  </si>
  <si>
    <t>d7f08c3d-e9a7-4724-816d-31fcd71aa22f.tmp</t>
  </si>
  <si>
    <t>\\acsfs\profiles$\lucasgpe\Downloads\d7f08c3d-e9a7-4724-816d-31fcd71aa22f.tmp</t>
  </si>
  <si>
    <t>12/26/2019 11:14:36</t>
  </si>
  <si>
    <t>d5fe8aef-047d-440c-be07-854ca56d12f7.tmp</t>
  </si>
  <si>
    <t>\\acsfs\profiles$\lucasgpe\Downloads\d5fe8aef-047d-440c-be07-854ca56d12f7.tmp</t>
  </si>
  <si>
    <t>12/26/2019 11:13:22</t>
  </si>
  <si>
    <t>12/26/2019 11:17:51</t>
  </si>
  <si>
    <t>12/26/2019 11:16:02</t>
  </si>
  <si>
    <t>bace1c07-4b50-42da-9a67-427d99125de6.tmp</t>
  </si>
  <si>
    <t>\\acsfs\profiles$\paulovadc\Downloads\bace1c07-4b50-42da-9a67-427d99125de6.tmp</t>
  </si>
  <si>
    <t>12/26/2019 11:16:52</t>
  </si>
  <si>
    <t>12/26/2019 11:16:55</t>
  </si>
  <si>
    <t>12/26/2019 11:16:56</t>
  </si>
  <si>
    <t>lu141641cbjzs.tmp</t>
  </si>
  <si>
    <t>\\acsfs\profiles$\LUCASBS\lu141641cbjzs.tmp</t>
  </si>
  <si>
    <t>\\acsfs\profiles$\LUCASBS\lu141641cbjzs.tmp\</t>
  </si>
  <si>
    <t>\\acsfs\profiles$\LUCASBS\lu141641cbjzs.tmp\META-INF\</t>
  </si>
  <si>
    <t>\\acsfs\profiles$\LUCASBS\lu141641cbjzs.tmp\Thumbnails\</t>
  </si>
  <si>
    <t>12/26/2019 11:18:51</t>
  </si>
  <si>
    <t>12/26/2019 11:15:52</t>
  </si>
  <si>
    <t>12/26/2019 11:15:53</t>
  </si>
  <si>
    <t>12/26/2019 11:16:04</t>
  </si>
  <si>
    <t>12/26/2019 11:16:09</t>
  </si>
  <si>
    <t>12/26/2019 11:17:59</t>
  </si>
  <si>
    <t>12/26/2019 11:17:27</t>
  </si>
  <si>
    <t>12/26/2019 11:14:24</t>
  </si>
  <si>
    <t>12/26/2019 11:19:51</t>
  </si>
  <si>
    <t>12/26/2019 11:14:37</t>
  </si>
  <si>
    <t>12/26/2019 11:17:46</t>
  </si>
  <si>
    <t>12/26/2019 11:18:06</t>
  </si>
  <si>
    <t>12/26/2019 11:18:15</t>
  </si>
  <si>
    <t>72a9a06f-3f3b-4528-883a-85b5daa9ef24.tmp</t>
  </si>
  <si>
    <t>\\acsfs\profiles$\YASMINSC\Downloads\72a9a06f-3f3b-4528-883a-85b5daa9ef24.tmp</t>
  </si>
  <si>
    <t>12/26/2019 11:20:51</t>
  </si>
  <si>
    <t>12/26/2019 11:19:11</t>
  </si>
  <si>
    <t>12/26/2019 11:19:21</t>
  </si>
  <si>
    <t>12/26/2019 11:19:22</t>
  </si>
  <si>
    <t>12/26/2019 11:19:14</t>
  </si>
  <si>
    <t>12/26/2019 11:18:16</t>
  </si>
  <si>
    <t>lu146321g6v7x.tmp</t>
  </si>
  <si>
    <t>\\acsfs\profiles$\dhiulliananads\My Documents\lu146321g6v7x.tmp</t>
  </si>
  <si>
    <t>\\acsfs\profiles$\dhiulliananads\My Documents\lu146321g6v7x.tmp\</t>
  </si>
  <si>
    <t>\\acsfs\profiles$\dhiulliananads\My Documents\lu146321g6v7x.tmp\META-INF\</t>
  </si>
  <si>
    <t>\\acsfs\profiles$\dhiulliananads\My Documents\lu146321g6v7x.tmp\Thumbnails\</t>
  </si>
  <si>
    <t>12/26/2019 11:20:21</t>
  </si>
  <si>
    <t>12/26/2019 11:20:22</t>
  </si>
  <si>
    <t>lu146321g6v83.tmp</t>
  </si>
  <si>
    <t>\\acsfs\profiles$\dhiulliananads\My Documents\lu146321g6v83.tmp</t>
  </si>
  <si>
    <t>\\acsfs\profiles$\dhiulliananads\My Documents\lu146321g6v83.tmp\</t>
  </si>
  <si>
    <t>\\acsfs\profiles$\dhiulliananads\My Documents\lu146321g6v83.tmp\META-INF\</t>
  </si>
  <si>
    <t>\\acsfs\profiles$\dhiulliananads\My Documents\lu146321g6v83.tmp\Thumbnails\</t>
  </si>
  <si>
    <t>12/26/2019 11:17:20</t>
  </si>
  <si>
    <t>12/26/2019 11:21:51</t>
  </si>
  <si>
    <t>3cedcfb9-396f-4ad7-b346-5e92420fe5a9.tmp</t>
  </si>
  <si>
    <t>\\acsfs\profiles$\kellzylenneasr\Downloads\3cedcfb9-396f-4ad7-b346-5e92420fe5a9.tmp</t>
  </si>
  <si>
    <t>12/26/2019 11:21:53</t>
  </si>
  <si>
    <t>12/26/2019 11:23:51</t>
  </si>
  <si>
    <t>12/26/2019 11:23:19</t>
  </si>
  <si>
    <t>12/26/2019 11:24:51</t>
  </si>
  <si>
    <t>100014123564284;100029219261351;</t>
  </si>
  <si>
    <t>https://100014123564284,100029219261351</t>
  </si>
  <si>
    <t>12/26/2019 11:23:25</t>
  </si>
  <si>
    <t>12/26/2019 11:21:28</t>
  </si>
  <si>
    <t>\\acsfs\profiles$\KARENDSR\Favorites\Links for Brasil\</t>
  </si>
  <si>
    <t>\\acsfs\profiles$\KARENDSR\Favorites\Links for Brasil\desktop.ini</t>
  </si>
  <si>
    <t>12/26/2019 11:21:30</t>
  </si>
  <si>
    <t>\\acsfs\profiles$\KARENDSR\Favorites\Links for Brasil\Microsoft Brasil.url</t>
  </si>
  <si>
    <t>12/26/2019 11:21:31</t>
  </si>
  <si>
    <t>\\acsfs\profiles$\KARENDSR\Favorites\Links for Brasil\Windows Brasil.url</t>
  </si>
  <si>
    <t>12/26/2019 11:21:32</t>
  </si>
  <si>
    <t>12/26/2019 11:21:33</t>
  </si>
  <si>
    <t>\\acsfs\profiles$\KARENDSR\Favorites\Links for Brasil\MSN Brasil.url</t>
  </si>
  <si>
    <t>12/26/2019 11:22:41</t>
  </si>
  <si>
    <t>cff6af49-64dc-4728-aaeb-fa1fb7945d03.tmp</t>
  </si>
  <si>
    <t>\\acsfs\profiles$\KARENDSR\Downloads\cff6af49-64dc-4728-aaeb-fa1fb7945d03.tmp</t>
  </si>
  <si>
    <t>12/26/2019 11:22:09</t>
  </si>
  <si>
    <t>4873303f-c8c8-403e-b2be-590aabeb5953.tmp</t>
  </si>
  <si>
    <t>\\acsfs\profiles$\mariliafplb\Downloads\4873303f-c8c8-403e-b2be-590aabeb5953.tmp</t>
  </si>
  <si>
    <t>12/26/2019 11:25:03</t>
  </si>
  <si>
    <t>12/26/2019 11:25:51</t>
  </si>
  <si>
    <t>12/26/2019 11:22:11</t>
  </si>
  <si>
    <t>12/26/2019 11:22:49</t>
  </si>
  <si>
    <t>12/26/2019 11:20:52</t>
  </si>
  <si>
    <t>12/26/2019 11:21:22</t>
  </si>
  <si>
    <t>12/26/2019 11:21:52</t>
  </si>
  <si>
    <t>12/26/2019 11:22:22</t>
  </si>
  <si>
    <t>12/26/2019 11:22:52</t>
  </si>
  <si>
    <t>12/26/2019 11:24:08</t>
  </si>
  <si>
    <t>12/26/2019 11:26:51</t>
  </si>
  <si>
    <t>a6211a60-9b21-4f55-b5a5-74b0efab4559.tmp</t>
  </si>
  <si>
    <t>\\acsfs\profiles$\ayalabfi\Downloads\a6211a60-9b21-4f55-b5a5-74b0efab4559.tmp</t>
  </si>
  <si>
    <t>12/26/2019 11:21:29</t>
  </si>
  <si>
    <t>31fab61d-fada-495e-a944-1c38693295cb.tmp</t>
  </si>
  <si>
    <t>\\acsfs\profiles$\lucasqdss\Downloads\31fab61d-fada-495e-a944-1c38693295cb.tmp</t>
  </si>
  <si>
    <t>12/26/2019 11:22:29</t>
  </si>
  <si>
    <t>221e7c1c-53cc-4fea-b8a8-b6ebd963aebd.tmp</t>
  </si>
  <si>
    <t>\\acsfs\profiles$\lucasqdss\Downloads\221e7c1c-53cc-4fea-b8a8-b6ebd963aebd.tmp</t>
  </si>
  <si>
    <t>12/26/2019 11:24:04</t>
  </si>
  <si>
    <t>ac5c50f8-30a3-41f8-b155-4fe941527a6d.tmp</t>
  </si>
  <si>
    <t>\\acsfs\profiles$\rafaelamsv\Downloads\ac5c50f8-30a3-41f8-b155-4fe941527a6d.tmp</t>
  </si>
  <si>
    <t>12/26/2019 11:24:43</t>
  </si>
  <si>
    <t>55d36e89-badd-4a16-8d6c-c560249e8cc1.tmp</t>
  </si>
  <si>
    <t>\\acsfs\profiles$\rafaelamsv\Downloads\55d36e89-badd-4a16-8d6c-c560249e8cc1.tmp</t>
  </si>
  <si>
    <t>12/26/2019 11:26:11</t>
  </si>
  <si>
    <t>12/26/2019 11:27:51</t>
  </si>
  <si>
    <t>12/26/2019 11:27:53</t>
  </si>
  <si>
    <t>12/26/2019 11:28:51</t>
  </si>
  <si>
    <t>12/26/2019 11:24:01</t>
  </si>
  <si>
    <t>12/26/2019 11:26:17</t>
  </si>
  <si>
    <t>MATHEUS MARTINS ANANIAS XAVIER_1_6769317046438144261_1_32.wav</t>
  </si>
  <si>
    <t>\\acsfs\Deptos\EDUCACAO EMPRESARIAL\KÉSIA\Ligações 3º ciclo - Késia\MATHEUS MARTINS ANANIAS XAVIER_1_6769317046438144261_1_32.wav</t>
  </si>
  <si>
    <t>12/26/2019 11:26:07</t>
  </si>
  <si>
    <t>12/26/2019 11:30:50</t>
  </si>
  <si>
    <t>12/26/2019 11:26:34</t>
  </si>
  <si>
    <t>12/26/2019 11:28:18</t>
  </si>
  <si>
    <t>12/26/2019 11:28:46</t>
  </si>
  <si>
    <t>12/26/2019 11:30:07</t>
  </si>
  <si>
    <t>anavbg@algartech.com;eduardo.santana@bv.com.br;mirianppb@algartech.com;talmaiardo@algartech.com;thiagordu@algartech.com;</t>
  </si>
  <si>
    <t>anavbg@algartech.com,eduardo.santana@bv.com.br,mirianppb@algartech.com,talmaiardo@algartech.com,thiagordu@algartech.com</t>
  </si>
  <si>
    <t>12/26/2019 11:30:42</t>
  </si>
  <si>
    <t>mail.google.com/_/upload?authuser=0&amp;dcp=asu-n&amp;upload_id=AEnB2UodYa-3h4GBgpnhY6FPb2zUmnFKEdOi_E-MwWRW3qcZ3AiC4LUDEgXWKj6r523F_fz93RjMbY4VpgWz8n7EnZp4JieB1ASaAlU8O49JQZ-rJCd5QyQ&amp;upload_protocol=resumable</t>
  </si>
  <si>
    <t>Rafael Raully Fernandes_1_6772132732508120472_1_32.wav</t>
  </si>
  <si>
    <t>12/26/2019 11:28:02</t>
  </si>
  <si>
    <t>12/26/2019 11:32:51</t>
  </si>
  <si>
    <t>88410ccf-daa8-4553-bcb9-14c1f7f10819.tmp</t>
  </si>
  <si>
    <t>\\acsfs\profiles$\eduardofss\Downloads\88410ccf-daa8-4553-bcb9-14c1f7f10819.tmp</t>
  </si>
  <si>
    <t>12/26/2019 11:30:15</t>
  </si>
  <si>
    <t>12/26/2019 11:30:16</t>
  </si>
  <si>
    <t>lu269482jf21h.tmp</t>
  </si>
  <si>
    <t>\\acsfs\profiles$\FLAVIOJMM\My Documents\lu269482jf21h.tmp</t>
  </si>
  <si>
    <t>\\acsfs\profiles$\FLAVIOJMM\My Documents\lu269482jf21h.tmp\</t>
  </si>
  <si>
    <t>\\acsfs\profiles$\FLAVIOJMM\My Documents\lu269482jf21h.tmp\META-INF\</t>
  </si>
  <si>
    <t>\\acsfs\profiles$\FLAVIOJMM\My Documents\lu269482jf21h.tmp\Thumbnails\</t>
  </si>
  <si>
    <t>12/26/2019 11:31:42</t>
  </si>
  <si>
    <t>12/26/2019 11:33:51</t>
  </si>
  <si>
    <t>6604d707-aa80-4019-a7bc-0d148e4ccdf9.tmp</t>
  </si>
  <si>
    <t>\\acsfs\profiles$\BRUNAAR\Downloads\6604d707-aa80-4019-a7bc-0d148e4ccdf9.tmp</t>
  </si>
  <si>
    <t>12/26/2019 11:29:59</t>
  </si>
  <si>
    <t>12/26/2019 11:34:51</t>
  </si>
  <si>
    <t>12/26/2019 11:34:27</t>
  </si>
  <si>
    <t>12/26/2019 11:33:21</t>
  </si>
  <si>
    <t>12/26/2019 11:35:51</t>
  </si>
  <si>
    <t>12/26/2019 11:32:17</t>
  </si>
  <si>
    <t>12/26/2019 11:32:30</t>
  </si>
  <si>
    <t>12/26/2019 11:32:50</t>
  </si>
  <si>
    <t>12/26/2019 11:31:22</t>
  </si>
  <si>
    <t>12/26/2019 11:32:54</t>
  </si>
  <si>
    <t>12/26/2019 11:33:06</t>
  </si>
  <si>
    <t>12/26/2019 11:31:09</t>
  </si>
  <si>
    <t>12/26/2019 11:31:38</t>
  </si>
  <si>
    <t>anavbg@algartech.com;eduardo.santana@bv.com.br;kesiadof@algartech.com;mirianppb@algartech.com;talmaiardo@algartech.com;thiagordu@algartech.com;</t>
  </si>
  <si>
    <t>anavbg@algartech.com,eduardo.santana@bv.com.br,kesiadof@algartech.com,mirianppb@algartech.com,talmaiardo@algartech.com,thiagordu@algartech.com</t>
  </si>
  <si>
    <t>12/26/2019 11:31:47</t>
  </si>
  <si>
    <t>12/26/2019 11:32:07</t>
  </si>
  <si>
    <t>12/26/2019 11:32:08</t>
  </si>
  <si>
    <t>12/26/2019 11:32:11</t>
  </si>
  <si>
    <t>12/26/2019 11:34:43</t>
  </si>
  <si>
    <t>12/26/2019 11:36:51</t>
  </si>
  <si>
    <t>6318cb47-a394-4d0c-a00c-31a401bfc357.tmp</t>
  </si>
  <si>
    <t>\\acsfs\profiles$\quindaizaagds\Downloads\6318cb47-a394-4d0c-a00c-31a401bfc357.tmp</t>
  </si>
  <si>
    <t>12/26/2019 11:35:41</t>
  </si>
  <si>
    <t>3c78d776-69fb-4d66-bb79-203e0268b288.tmp</t>
  </si>
  <si>
    <t>\\acsfs\profiles$\lucasqdss\Downloads\3c78d776-69fb-4d66-bb79-203e0268b288.tmp</t>
  </si>
  <si>
    <t>12/26/2019 11:33:54</t>
  </si>
  <si>
    <t>12/26/2019 11:35:35</t>
  </si>
  <si>
    <t>12/26/2019 11:37:52</t>
  </si>
  <si>
    <t>12/26/2019 11:35:36</t>
  </si>
  <si>
    <t>lu269482jf21n.tmp</t>
  </si>
  <si>
    <t>\\acsfs\profiles$\FLAVIOJMM\My Documents\lu269482jf21n.tmp</t>
  </si>
  <si>
    <t>\\acsfs\profiles$\FLAVIOJMM\My Documents\lu269482jf21n.tmp\</t>
  </si>
  <si>
    <t>\\acsfs\profiles$\FLAVIOJMM\My Documents\lu269482jf21n.tmp\META-INF\</t>
  </si>
  <si>
    <t>\\acsfs\profiles$\FLAVIOJMM\My Documents\lu269482jf21n.tmp\Thumbnails\</t>
  </si>
  <si>
    <t>12/26/2019 11:36:57</t>
  </si>
  <si>
    <t>12/26/2019 11:36:58</t>
  </si>
  <si>
    <t>lu269482jf21t.tmp</t>
  </si>
  <si>
    <t>\\acsfs\profiles$\FLAVIOJMM\My Documents\lu269482jf21t.tmp</t>
  </si>
  <si>
    <t>\\acsfs\profiles$\FLAVIOJMM\My Documents\lu269482jf21t.tmp\</t>
  </si>
  <si>
    <t>\\acsfs\profiles$\FLAVIOJMM\My Documents\lu269482jf21t.tmp\META-INF\</t>
  </si>
  <si>
    <t>\\acsfs\profiles$\FLAVIOJMM\My Documents\lu269482jf21t.tmp\Thumbnails\</t>
  </si>
  <si>
    <t>12/26/2019 11:33:53</t>
  </si>
  <si>
    <t>12/26/2019 11:38:51</t>
  </si>
  <si>
    <t>12/26/2019 11:35:59</t>
  </si>
  <si>
    <t>12/26/2019 11:33:24</t>
  </si>
  <si>
    <t>12/26/2019 11:34:01</t>
  </si>
  <si>
    <t>FLAVIA CRISTINE DA SILVA TEIXEIRA_1_6770443195453091722_1_32.wav</t>
  </si>
  <si>
    <t>\\acsfs\Deptos\EDUCACAO EMPRESARIAL\KÉSIA\Ligações 3º ciclo - Késia\FLAVIA CRISTINE DA SILVA TEIXEIRA_1_6770443195453091722_1_32.wav</t>
  </si>
  <si>
    <t>12/26/2019 11:37:33</t>
  </si>
  <si>
    <t>12/26/2019 11:39:51</t>
  </si>
  <si>
    <t>100014123564284;100014239771614;100029219261351;</t>
  </si>
  <si>
    <t>https://100014123564284,100014239771614,100029219261351</t>
  </si>
  <si>
    <t>12/26/2019 11:37:43</t>
  </si>
  <si>
    <t>100014239771614;</t>
  </si>
  <si>
    <t>https://100014239771614</t>
  </si>
  <si>
    <t>12/26/2019 11:38:01</t>
  </si>
  <si>
    <t>12/26/2019 11:38:05</t>
  </si>
  <si>
    <t>12/26/2019 11:38:43</t>
  </si>
  <si>
    <t>12/26/2019 11:35:10</t>
  </si>
  <si>
    <t>\\acsfs\profiles$\websondsa\My Documents\</t>
  </si>
  <si>
    <t>Bloco.txt</t>
  </si>
  <si>
    <t>\\acsfs\profiles$\websondsa\My Documents\Bloco.txt</t>
  </si>
  <si>
    <t>12/26/2019 11:35:15</t>
  </si>
  <si>
    <t>03a9d474-95e5-411b-a7ca-e0744f624f0a.tmp</t>
  </si>
  <si>
    <t>\\acsfs\profiles$\victoriaksr\Downloads\03a9d474-95e5-411b-a7ca-e0744f624f0a.tmp</t>
  </si>
  <si>
    <t>12/26/2019 11:39:41</t>
  </si>
  <si>
    <t>12/26/2019 11:36:31</t>
  </si>
  <si>
    <t>12/26/2019 11:40:51</t>
  </si>
  <si>
    <t>12/26/2019 11:36:33</t>
  </si>
  <si>
    <t>12/26/2019 11:40:11</t>
  </si>
  <si>
    <t>12/26/2019 11:37:05</t>
  </si>
  <si>
    <t>12/26/2019 11:41:52</t>
  </si>
  <si>
    <t>12/26/2019 11:40:53</t>
  </si>
  <si>
    <t>12/26/2019 11:37:46</t>
  </si>
  <si>
    <t>12/26/2019 11:36:23</t>
  </si>
  <si>
    <t>12/26/2019 11:42:51</t>
  </si>
  <si>
    <t>12/26/2019 11:40:26</t>
  </si>
  <si>
    <t>12/26/2019 11:40:27</t>
  </si>
  <si>
    <t>lu269482jf21z.tmp</t>
  </si>
  <si>
    <t>\\acsfs\profiles$\FLAVIOJMM\My Documents\lu269482jf21z.tmp</t>
  </si>
  <si>
    <t>\\acsfs\profiles$\FLAVIOJMM\My Documents\lu269482jf21z.tmp\</t>
  </si>
  <si>
    <t>\\acsfs\profiles$\FLAVIOJMM\My Documents\lu269482jf21z.tmp\META-INF\</t>
  </si>
  <si>
    <t>\\acsfs\profiles$\FLAVIOJMM\My Documents\lu269482jf21z.tmp\Thumbnails\</t>
  </si>
  <si>
    <t>12/26/2019 11:42:30</t>
  </si>
  <si>
    <t>12/26/2019 11:41:33</t>
  </si>
  <si>
    <t>12/26/2019 11:43:51</t>
  </si>
  <si>
    <t>12/26/2019 11:39:54</t>
  </si>
  <si>
    <t>12/26/2019 11:41:59</t>
  </si>
  <si>
    <t>12/26/2019 11:41:25</t>
  </si>
  <si>
    <t>10.200.66.69</t>
  </si>
  <si>
    <t>34-E6-D7-FC-BF-59</t>
  </si>
  <si>
    <t>VOTORANT-MB014</t>
  </si>
  <si>
    <t>luanaagl</t>
  </si>
  <si>
    <t>\\acsfs\profiles$\luanaagl\Downloads\</t>
  </si>
  <si>
    <t>f8bbc45d-7ae2-4c88-bbc8-697a8b7cb779.tmp</t>
  </si>
  <si>
    <t>\\acsfs\profiles$\luanaagl\Downloads\f8bbc45d-7ae2-4c88-bbc8-697a8b7cb779.tmp</t>
  </si>
  <si>
    <t>12/26/2019 11:41:29</t>
  </si>
  <si>
    <t>776da8d1-40d5-44cb-8827-31aebe9332c0.tmp</t>
  </si>
  <si>
    <t>\\acsfs\profiles$\luanaagl\Downloads\776da8d1-40d5-44cb-8827-31aebe9332c0.tmp</t>
  </si>
  <si>
    <t>12/26/2019 11:42:11</t>
  </si>
  <si>
    <t>12/26/2019 11:44:51</t>
  </si>
  <si>
    <t>12/26/2019 11:40:42</t>
  </si>
  <si>
    <t>12/26/2019 11:45:51</t>
  </si>
  <si>
    <t>12/26/2019 11:40:28</t>
  </si>
  <si>
    <t>12/26/2019 11:42:16</t>
  </si>
  <si>
    <t>12/26/2019 11:46:51</t>
  </si>
  <si>
    <t>851ecd83-5133-44ff-adf6-fe6077fe97e8.tmp</t>
  </si>
  <si>
    <t>\\acsfs\profiles$\nathaliadf\Downloads\851ecd83-5133-44ff-adf6-fe6077fe97e8.tmp</t>
  </si>
  <si>
    <t>12/26/2019 11:43:55</t>
  </si>
  <si>
    <t>12/26/2019 11:44:53</t>
  </si>
  <si>
    <t>12/26/2019 11:47:51</t>
  </si>
  <si>
    <t>8d87830a-188f-4f46-97cb-717fb0fd32bd.tmp</t>
  </si>
  <si>
    <t>\\acsfs\profiles$\eduardofss\Downloads\8d87830a-188f-4f46-97cb-717fb0fd32bd.tmp</t>
  </si>
  <si>
    <t>12/26/2019 11:47:22</t>
  </si>
  <si>
    <t>12/26/2019 11:42:31</t>
  </si>
  <si>
    <t>lu269482jf225.tmp</t>
  </si>
  <si>
    <t>\\acsfs\profiles$\FLAVIOJMM\My Documents\lu269482jf225.tmp</t>
  </si>
  <si>
    <t>\\acsfs\profiles$\FLAVIOJMM\My Documents\lu269482jf225.tmp\</t>
  </si>
  <si>
    <t>\\acsfs\profiles$\FLAVIOJMM\My Documents\lu269482jf225.tmp\META-INF\</t>
  </si>
  <si>
    <t>\\acsfs\profiles$\FLAVIOJMM\My Documents\lu269482jf225.tmp\Thumbnails\</t>
  </si>
  <si>
    <t>12/26/2019 11:43:31</t>
  </si>
  <si>
    <t>12/26/2019 11:43:32</t>
  </si>
  <si>
    <t>lu141641cbk05.tmp</t>
  </si>
  <si>
    <t>\\acsfs\profiles$\LUCASBS\lu141641cbk05.tmp</t>
  </si>
  <si>
    <t>\\acsfs\profiles$\LUCASBS\lu141641cbk05.tmp\</t>
  </si>
  <si>
    <t>\\acsfs\profiles$\LUCASBS\lu141641cbk05.tmp\META-INF\</t>
  </si>
  <si>
    <t>\\acsfs\profiles$\LUCASBS\lu141641cbk05.tmp\Thumbnails\</t>
  </si>
  <si>
    <t>12/26/2019 11:47:28</t>
  </si>
  <si>
    <t>dcfadde1-02a8-4ef0-be53-20f2b6684243.tmp</t>
  </si>
  <si>
    <t>\\acsfs\profiles$\gabrielafs\Downloads\dcfadde1-02a8-4ef0-be53-20f2b6684243.tmp</t>
  </si>
  <si>
    <t>12/26/2019 11:46:35</t>
  </si>
  <si>
    <t>12/26/2019 11:48:52</t>
  </si>
  <si>
    <t>12/26/2019 11:47:20</t>
  </si>
  <si>
    <t>12/26/2019 11:47:21</t>
  </si>
  <si>
    <t>lu10092aj0ba.tmp</t>
  </si>
  <si>
    <t>\\acsfs\profiles$\BRUNAAR\Numero\lu10092aj0ba.tmp</t>
  </si>
  <si>
    <t>12/26/2019 11:45:53</t>
  </si>
  <si>
    <t>12/26/2019 11:47:59</t>
  </si>
  <si>
    <t>935eedc5-636a-4ebe-a930-a3d5067ebe15.tmp</t>
  </si>
  <si>
    <t>\\acsfs\profiles$\geovannasm\Downloads\935eedc5-636a-4ebe-a930-a3d5067ebe15.tmp</t>
  </si>
  <si>
    <t>12/26/2019 11:45:17</t>
  </si>
  <si>
    <t>JANAYNA TEREZA ROCHA ONOFRE_1_6770045103524359943_1_32.wav</t>
  </si>
  <si>
    <t>\\acsfs\Deptos\EDUCACAO EMPRESARIAL\KÉSIA\Ligações 3º ciclo - Késia\JANAYNA TEREZA ROCHA ONOFRE_1_6770045103524359943_1_32.wav</t>
  </si>
  <si>
    <t>12/26/2019 11:46:18</t>
  </si>
  <si>
    <t>12/26/2019 11:47:30</t>
  </si>
  <si>
    <t>12/26/2019 11:46:45</t>
  </si>
  <si>
    <t>12/26/2019 11:47:05</t>
  </si>
  <si>
    <t>12/26/2019 11:47:14</t>
  </si>
  <si>
    <t>12/26/2019 11:47:41</t>
  </si>
  <si>
    <t>12/26/2019 11:49:51</t>
  </si>
  <si>
    <t>12/26/2019 11:47:17</t>
  </si>
  <si>
    <t>870c209a-6210-48af-a6b0-a2cc0331b517.tmp</t>
  </si>
  <si>
    <t>\\acsfs\profiles$\websondsa\Downloads\870c209a-6210-48af-a6b0-a2cc0331b517.tmp</t>
  </si>
  <si>
    <t>12/26/2019 11:50:52</t>
  </si>
  <si>
    <t>12/26/2019 11:48:12</t>
  </si>
  <si>
    <t>12/26/2019 11:49:33</t>
  </si>
  <si>
    <t>12/26/2019 11:49:37</t>
  </si>
  <si>
    <t>lu146321g6v89.tmp</t>
  </si>
  <si>
    <t>\\acsfs\profiles$\dhiulliananads\My Documents\lu146321g6v89.tmp</t>
  </si>
  <si>
    <t>\\acsfs\profiles$\dhiulliananads\My Documents\lu146321g6v89.tmp\</t>
  </si>
  <si>
    <t>\\acsfs\profiles$\dhiulliananads\My Documents\lu146321g6v89.tmp\META-INF\</t>
  </si>
  <si>
    <t>\\acsfs\profiles$\dhiulliananads\My Documents\lu146321g6v89.tmp\Thumbnails\</t>
  </si>
  <si>
    <t>12/26/2019 11:51:51</t>
  </si>
  <si>
    <t>12/26/2019 11:48:34</t>
  </si>
  <si>
    <t>7e1d2ae7-0ea6-4f8f-90f3-f65346f73ae9.tmp</t>
  </si>
  <si>
    <t>\\acsfs\profiles$\lucasgpe\Downloads\7e1d2ae7-0ea6-4f8f-90f3-f65346f73ae9.tmp</t>
  </si>
  <si>
    <t>12/26/2019 11:48:57</t>
  </si>
  <si>
    <t>d87ad228-7413-4fe2-aac1-4c9b70a09066.tmp</t>
  </si>
  <si>
    <t>\\acsfs\profiles$\lucasgpe\Downloads\d87ad228-7413-4fe2-aac1-4c9b70a09066.tmp</t>
  </si>
  <si>
    <t>12/26/2019 11:47:10</t>
  </si>
  <si>
    <t>12/26/2019 11:52:52</t>
  </si>
  <si>
    <t>\\acsfs\profiles$\maxmillianosv\Favorites\Entrar no cliente Zimbra para Web.url\</t>
  </si>
  <si>
    <t>\\acsfs\profiles$\maxmillianosv\Favorites\Entrar no cliente Zimbra para Web.url\:favicon:$DATA</t>
  </si>
  <si>
    <t>\\acsfs\profiles$\maxmillianosv\Favorites\</t>
  </si>
  <si>
    <t>\\acsfs\profiles$\maxmillianosv\Favorites\Entrar no cliente Zimbra para Web.url</t>
  </si>
  <si>
    <t>12/26/2019 11:51:22</t>
  </si>
  <si>
    <t>\\acsfs\profiles$\maxmillianosv\Downloads\</t>
  </si>
  <si>
    <t>82341ba1-b44e-4065-baa7-842cc4a07cf0.tmp</t>
  </si>
  <si>
    <t>\\acsfs\profiles$\maxmillianosv\Downloads\82341ba1-b44e-4065-baa7-842cc4a07cf0.tmp</t>
  </si>
  <si>
    <t>12/26/2019 11:49:04</t>
  </si>
  <si>
    <t>09779f05-ce08-49dc-b860-2ac4c31a6244.tmp</t>
  </si>
  <si>
    <t>\\acsfs\profiles$\paulovadc\Downloads\09779f05-ce08-49dc-b860-2ac4c31a6244.tmp</t>
  </si>
  <si>
    <t>12/26/2019 11:51:17</t>
  </si>
  <si>
    <t>12/26/2019 11:51:18</t>
  </si>
  <si>
    <t>lu269482jf22b.tmp</t>
  </si>
  <si>
    <t>\\acsfs\profiles$\FLAVIOJMM\My Documents\lu269482jf22b.tmp</t>
  </si>
  <si>
    <t>\\acsfs\profiles$\FLAVIOJMM\My Documents\lu269482jf22b.tmp\</t>
  </si>
  <si>
    <t>\\acsfs\profiles$\FLAVIOJMM\My Documents\lu269482jf22b.tmp\META-INF\</t>
  </si>
  <si>
    <t>\\acsfs\profiles$\FLAVIOJMM\My Documents\lu269482jf22b.tmp\Thumbnails\</t>
  </si>
  <si>
    <t>12/26/2019 11:48:00</t>
  </si>
  <si>
    <t>lu141641cbk0a.tmp</t>
  </si>
  <si>
    <t>\\acsfs\profiles$\LUCASBS\lu141641cbk0a.tmp</t>
  </si>
  <si>
    <t>\\acsfs\profiles$\LUCASBS\lu141641cbk0a.tmp\</t>
  </si>
  <si>
    <t>\\acsfs\profiles$\LUCASBS\lu141641cbk0a.tmp\META-INF\</t>
  </si>
  <si>
    <t>\\acsfs\profiles$\LUCASBS\lu141641cbk0a.tmp\Thumbnails\</t>
  </si>
  <si>
    <t>12/26/2019 11:48:58</t>
  </si>
  <si>
    <t>d3c0f8ff-9c8e-4632-b4c4-632439f47c5a.tmp</t>
  </si>
  <si>
    <t>\\acsfs\profiles$\gabrielafs\Downloads\d3c0f8ff-9c8e-4632-b4c4-632439f47c5a.tmp</t>
  </si>
  <si>
    <t>12/26/2019 11:51:53</t>
  </si>
  <si>
    <t>12/26/2019 11:53:52</t>
  </si>
  <si>
    <t>12/26/2019 11:52:56</t>
  </si>
  <si>
    <t>12/26/2019 11:51:30</t>
  </si>
  <si>
    <t>12/26/2019 11:49:19</t>
  </si>
  <si>
    <t>12/26/2019 11:54:52</t>
  </si>
  <si>
    <t>12/26/2019 11:53:00</t>
  </si>
  <si>
    <t>803c1e78-ddc3-4773-b218-78e94574dbd2.tmp</t>
  </si>
  <si>
    <t>\\acsfs\profiles$\websondsa\Downloads\803c1e78-ddc3-4773-b218-78e94574dbd2.tmp</t>
  </si>
  <si>
    <t>12/26/2019 11:54:18</t>
  </si>
  <si>
    <t>2dbf5866-89d5-4b84-9b32-88f811972a0e.tmp</t>
  </si>
  <si>
    <t>\\acsfs\profiles$\websondsa\Downloads\2dbf5866-89d5-4b84-9b32-88f811972a0e.tmp</t>
  </si>
  <si>
    <t>12/26/2019 11:50:17</t>
  </si>
  <si>
    <t>12/26/2019 11:55:52</t>
  </si>
  <si>
    <t>12/26/2019 11:51:14</t>
  </si>
  <si>
    <t>12/26/2019 11:53:35</t>
  </si>
  <si>
    <t>12/26/2019 11:54:22</t>
  </si>
  <si>
    <t>12/26/2019 11:56:53</t>
  </si>
  <si>
    <t>12/26/2019 11:54:23</t>
  </si>
  <si>
    <t>12/26/2019 11:55:02</t>
  </si>
  <si>
    <t>703647a4-cfbb-41da-85b7-c3d8d0c53964.tmp</t>
  </si>
  <si>
    <t>\\acsfs\profiles$\lucasgpe\Downloads\703647a4-cfbb-41da-85b7-c3d8d0c53964.tmp</t>
  </si>
  <si>
    <t>12/26/2019 11:53:29</t>
  </si>
  <si>
    <t>12/26/2019 11:57:52</t>
  </si>
  <si>
    <t>94690316-ba45-4820-8d64-dcbc8686b172.tmp</t>
  </si>
  <si>
    <t>\\acsfs\profiles$\maxmillianosv\Downloads\94690316-ba45-4820-8d64-dcbc8686b172.tmp</t>
  </si>
  <si>
    <t>Não confirmado 966969.crdownload</t>
  </si>
  <si>
    <t>\\acsfs\profiles$\maxmillianosv\Downloads\Não confirmado 966969.crdownload</t>
  </si>
  <si>
    <t>12/26/2019 11:53:50</t>
  </si>
  <si>
    <t>ab940583-90a8-44dd-b9f5-0ba227f2c651.tmp</t>
  </si>
  <si>
    <t>\\acsfs\profiles$\maxmillianosv\Downloads\ab940583-90a8-44dd-b9f5-0ba227f2c651.tmp</t>
  </si>
  <si>
    <t>12/26/2019 11:54:29</t>
  </si>
  <si>
    <t>c3c72acc-2bf2-4f90-9de5-dd9fa499164f.tmp</t>
  </si>
  <si>
    <t>\\acsfs\profiles$\maxmillianosv\Downloads\c3c72acc-2bf2-4f90-9de5-dd9fa499164f.tmp</t>
  </si>
  <si>
    <t>12/26/2019 11:54:32</t>
  </si>
  <si>
    <t>7292dcb3-2ce5-4a9a-87b2-20355583158a.tmp</t>
  </si>
  <si>
    <t>\\acsfs\profiles$\maxmillianosv\Downloads\7292dcb3-2ce5-4a9a-87b2-20355583158a.tmp</t>
  </si>
  <si>
    <t>12/26/2019 11:54:41</t>
  </si>
  <si>
    <t>fe43be38-a9be-4259-891d-f169352ef75b.tmp</t>
  </si>
  <si>
    <t>\\acsfs\profiles$\maxmillianosv\Downloads\fe43be38-a9be-4259-891d-f169352ef75b.tmp</t>
  </si>
  <si>
    <t>12/26/2019 11:54:58</t>
  </si>
  <si>
    <t>8cd6ac1c-6877-447d-820c-89a788101308.tmp</t>
  </si>
  <si>
    <t>\\acsfs\profiles$\maxmillianosv\Downloads\8cd6ac1c-6877-447d-820c-89a788101308.tmp</t>
  </si>
  <si>
    <t>12/26/2019 11:55:49</t>
  </si>
  <si>
    <t>f87a8f37-9b53-41a4-b92d-ec6ebf7618e4.tmp</t>
  </si>
  <si>
    <t>\\acsfs\profiles$\maxmillianosv\Downloads\f87a8f37-9b53-41a4-b92d-ec6ebf7618e4.tmp</t>
  </si>
  <si>
    <t>12/26/2019 11:56:34</t>
  </si>
  <si>
    <t>12/26/2019 11:56:35</t>
  </si>
  <si>
    <t>lu269482jf22h.tmp</t>
  </si>
  <si>
    <t>\\acsfs\profiles$\FLAVIOJMM\My Documents\lu269482jf22h.tmp</t>
  </si>
  <si>
    <t>\\acsfs\profiles$\FLAVIOJMM\My Documents\lu269482jf22h.tmp\</t>
  </si>
  <si>
    <t>12/26/2019 11:56:36</t>
  </si>
  <si>
    <t>\\acsfs\profiles$\FLAVIOJMM\My Documents\lu269482jf22h.tmp\META-INF\</t>
  </si>
  <si>
    <t>12/26/2019 11:56:37</t>
  </si>
  <si>
    <t>12/26/2019 11:56:38</t>
  </si>
  <si>
    <t>12/26/2019 11:56:39</t>
  </si>
  <si>
    <t>\\acsfs\profiles$\FLAVIOJMM\My Documents\lu269482jf22h.tmp\Thumbnails\</t>
  </si>
  <si>
    <t>12/26/2019 11:55:35</t>
  </si>
  <si>
    <t>12/26/2019 11:58:52</t>
  </si>
  <si>
    <t>12/26/2019 11:55:36</t>
  </si>
  <si>
    <t>lu10092aj0bd.tmp</t>
  </si>
  <si>
    <t>\\acsfs\profiles$\BRUNAAR\Numero\lu10092aj0bd.tmp</t>
  </si>
  <si>
    <t>12/26/2019 11:57:53</t>
  </si>
  <si>
    <t>12/26/2019 11:53:59</t>
  </si>
  <si>
    <t>12/26/2019 11:55:14</t>
  </si>
  <si>
    <t>149453dc-44f8-4742-8d59-7ad14ffb9523.tmp</t>
  </si>
  <si>
    <t>\\acsfs\profiles$\luanaagl\Downloads\149453dc-44f8-4742-8d59-7ad14ffb9523.tmp</t>
  </si>
  <si>
    <t>12/26/2019 11:57:19</t>
  </si>
  <si>
    <t>12/26/2019 11:56:23</t>
  </si>
  <si>
    <t>12/26/2019 11:59:52</t>
  </si>
  <si>
    <t>12/26/2019 11:55:59</t>
  </si>
  <si>
    <t>d9233da3-a55a-480a-bb03-c3518f40430d.tmp</t>
  </si>
  <si>
    <t>\\acsfs\profiles$\mariliafplb\Downloads\d9233da3-a55a-480a-bb03-c3518f40430d.tmp</t>
  </si>
  <si>
    <t>12/26/2019 11:57:39</t>
  </si>
  <si>
    <t>12/26/2019 12:00:52</t>
  </si>
  <si>
    <t>12/26/2019 11:57:51</t>
  </si>
  <si>
    <t>12/26/2019 11:58:10</t>
  </si>
  <si>
    <t>12/26/2019 11:58:15</t>
  </si>
  <si>
    <t>12/26/2019 12:00:05</t>
  </si>
  <si>
    <t>12/26/2019 11:56:54</t>
  </si>
  <si>
    <t>lu146321g6v8f.tmp</t>
  </si>
  <si>
    <t>\\acsfs\profiles$\dhiulliananads\My Documents\lu146321g6v8f.tmp</t>
  </si>
  <si>
    <t>\\acsfs\profiles$\dhiulliananads\My Documents\lu146321g6v8f.tmp\</t>
  </si>
  <si>
    <t>\\acsfs\profiles$\dhiulliananads\My Documents\lu146321g6v8f.tmp\META-INF\</t>
  </si>
  <si>
    <t>\\acsfs\profiles$\dhiulliananads\My Documents\lu146321g6v8f.tmp\Thumbnails\</t>
  </si>
  <si>
    <t>12/26/2019 11:59:33</t>
  </si>
  <si>
    <t>12/26/2019 11:59:34</t>
  </si>
  <si>
    <t>lu146321g6v8l.tmp</t>
  </si>
  <si>
    <t>\\acsfs\profiles$\dhiulliananads\My Documents\lu146321g6v8l.tmp</t>
  </si>
  <si>
    <t>\\acsfs\profiles$\dhiulliananads\My Documents\lu146321g6v8l.tmp\</t>
  </si>
  <si>
    <t>\\acsfs\profiles$\dhiulliananads\My Documents\lu146321g6v8l.tmp\META-INF\</t>
  </si>
  <si>
    <t>\\acsfs\profiles$\dhiulliananads\My Documents\lu146321g6v8l.tmp\Thumbnails\</t>
  </si>
  <si>
    <t>12/26/2019 11:59:51</t>
  </si>
  <si>
    <t>lu146321g6v8p.tmp</t>
  </si>
  <si>
    <t>\\acsfs\profiles$\dhiulliananads\My Documents\lu146321g6v8p.tmp</t>
  </si>
  <si>
    <t>\\acsfs\profiles$\dhiulliananads\My Documents\lu146321g6v8p.tmp\</t>
  </si>
  <si>
    <t>\\acsfs\profiles$\dhiulliananads\My Documents\lu146321g6v8p.tmp\META-INF\</t>
  </si>
  <si>
    <t>\\acsfs\profiles$\dhiulliananads\My Documents\lu146321g6v8p.tmp\Thumbnails\</t>
  </si>
  <si>
    <t>12/26/2019 12:00:24</t>
  </si>
  <si>
    <t>lu146321g6v8t.tmp</t>
  </si>
  <si>
    <t>\\acsfs\profiles$\dhiulliananads\My Documents\lu146321g6v8t.tmp</t>
  </si>
  <si>
    <t>\\acsfs\profiles$\dhiulliananads\My Documents\lu146321g6v8t.tmp\</t>
  </si>
  <si>
    <t>\\acsfs\profiles$\dhiulliananads\My Documents\lu146321g6v8t.tmp\META-INF\</t>
  </si>
  <si>
    <t>\\acsfs\profiles$\dhiulliananads\My Documents\lu146321g6v8t.tmp\Thumbnails\</t>
  </si>
  <si>
    <t>12/26/2019 12:01:52</t>
  </si>
  <si>
    <t>6dc9180b-f151-4865-b186-47765067df11.tmp</t>
  </si>
  <si>
    <t>\\acsfs\profiles$\laianear\Downloads\6dc9180b-f151-4865-b186-47765067df11.tmp</t>
  </si>
  <si>
    <t>12/26/2019 11:58:39</t>
  </si>
  <si>
    <t>0dfebb5f-728a-4365-a3c6-5a239d8bf8a2.tmp</t>
  </si>
  <si>
    <t>\\acsfs\profiles$\laianear\Downloads\0dfebb5f-728a-4365-a3c6-5a239d8bf8a2.tmp</t>
  </si>
  <si>
    <t>12/26/2019 12:00:29</t>
  </si>
  <si>
    <t>14f9e40a-e80b-405a-9afe-23f241efa173.tmp</t>
  </si>
  <si>
    <t>\\acsfs\profiles$\leticiala\Downloads\14f9e40a-e80b-405a-9afe-23f241efa173.tmp</t>
  </si>
  <si>
    <t>12/26/2019 11:57:38</t>
  </si>
  <si>
    <t>12/26/2019 12:02:52</t>
  </si>
  <si>
    <t>2fe229e7-4ab5-49e7-88c5-c05ffbc8d92e.tmp</t>
  </si>
  <si>
    <t>\\acsfs\profiles$\maxmillianosv\Downloads\2fe229e7-4ab5-49e7-88c5-c05ffbc8d92e.tmp</t>
  </si>
  <si>
    <t>12/26/2019 11:57:24</t>
  </si>
  <si>
    <t>12/26/2019 11:57:29</t>
  </si>
  <si>
    <t>ff6c4c26-600a-4da5-b6ce-2db5c83cd8a0.tmp</t>
  </si>
  <si>
    <t>\\acsfs\profiles$\paulovadc\Downloads\ff6c4c26-600a-4da5-b6ce-2db5c83cd8a0.tmp</t>
  </si>
  <si>
    <t>12/26/2019 12:01:24</t>
  </si>
  <si>
    <t>12/26/2019 12:01:26</t>
  </si>
  <si>
    <t>lu269482jf22n.tmp</t>
  </si>
  <si>
    <t>\\acsfs\profiles$\FLAVIOJMM\My Documents\lu269482jf22n.tmp</t>
  </si>
  <si>
    <t>\\acsfs\profiles$\FLAVIOJMM\My Documents\lu269482jf22n.tmp\</t>
  </si>
  <si>
    <t>\\acsfs\profiles$\FLAVIOJMM\My Documents\lu269482jf22n.tmp\META-INF\</t>
  </si>
  <si>
    <t>\\acsfs\profiles$\FLAVIOJMM\My Documents\lu269482jf22n.tmp\Thumbnails\</t>
  </si>
  <si>
    <t>12/26/2019 11:59:59</t>
  </si>
  <si>
    <t>12/26/2019 12:03:53</t>
  </si>
  <si>
    <t>12/26/2019 12:00:43</t>
  </si>
  <si>
    <t>d5faf9f5-806a-47ab-a30d-fcdfe01bd8a5.tmp</t>
  </si>
  <si>
    <t>\\acsfs\profiles$\luanaagl\Downloads\d5faf9f5-806a-47ab-a30d-fcdfe01bd8a5.tmp</t>
  </si>
  <si>
    <t>12/26/2019 12:03:29</t>
  </si>
  <si>
    <t>12/26/2019 12:04:52</t>
  </si>
  <si>
    <t>12/26/2019 11:59:50</t>
  </si>
  <si>
    <t>1685e55d-528c-4b2d-a955-33bb574aa842.tmp</t>
  </si>
  <si>
    <t>\\acsfs\profiles$\YASMINSC\Downloads\1685e55d-528c-4b2d-a955-33bb574aa842.tmp</t>
  </si>
  <si>
    <t>12/26/2019 12:03:05</t>
  </si>
  <si>
    <t>12/26/2019 12:05:53</t>
  </si>
  <si>
    <t>10.200.66.147</t>
  </si>
  <si>
    <t>64-1C-67-9C-83-B8</t>
  </si>
  <si>
    <t>VOTORANT-OB018</t>
  </si>
  <si>
    <t>anafsb</t>
  </si>
  <si>
    <t>\\acsfs\profiles$\anafsb\Downloads\</t>
  </si>
  <si>
    <t>c760f75e-c172-441a-ad5f-b906112755d5.tmp</t>
  </si>
  <si>
    <t>\\acsfs\profiles$\anafsb\Downloads\c760f75e-c172-441a-ad5f-b906112755d5.tmp</t>
  </si>
  <si>
    <t>12/26/2019 12:02:51</t>
  </si>
  <si>
    <t>12/26/2019 12:07:53</t>
  </si>
  <si>
    <t>10.200.67.18</t>
  </si>
  <si>
    <t>74-86-7A-FB-17-21</t>
  </si>
  <si>
    <t>VOTORANT-PB006</t>
  </si>
  <si>
    <t>raicabog</t>
  </si>
  <si>
    <t>\\acsfs\profiles$\raicabog\Downloads\</t>
  </si>
  <si>
    <t>f6c5fdd3-80b1-4869-a98e-ae3a8ed7ac72.tmp</t>
  </si>
  <si>
    <t>\\acsfs\profiles$\raicabog\Downloads\f6c5fdd3-80b1-4869-a98e-ae3a8ed7ac72.tmp</t>
  </si>
  <si>
    <t>12/26/2019 12:06:51</t>
  </si>
  <si>
    <t>12/26/2019 12:06:53</t>
  </si>
  <si>
    <t>lu269482jf22t.tmp</t>
  </si>
  <si>
    <t>\\acsfs\profiles$\FLAVIOJMM\My Documents\lu269482jf22t.tmp</t>
  </si>
  <si>
    <t>\\acsfs\profiles$\FLAVIOJMM\My Documents\lu269482jf22t.tmp\</t>
  </si>
  <si>
    <t>\\acsfs\profiles$\FLAVIOJMM\My Documents\lu269482jf22t.tmp\META-INF\</t>
  </si>
  <si>
    <t>\\acsfs\profiles$\FLAVIOJMM\My Documents\lu269482jf22t.tmp\Thumbnails\</t>
  </si>
  <si>
    <t>12/26/2019 12:03:12</t>
  </si>
  <si>
    <t>0badcd69-9651-476b-a777-8491cae4245e.tmp</t>
  </si>
  <si>
    <t>\\acsfs\profiles$\gabrielafs\Downloads\0badcd69-9651-476b-a777-8491cae4245e.tmp</t>
  </si>
  <si>
    <t>12/26/2019 12:08:52</t>
  </si>
  <si>
    <t>12/26/2019 12:05:59</t>
  </si>
  <si>
    <t>12/26/2019 12:06:00</t>
  </si>
  <si>
    <t>12/26/2019 12:05:37</t>
  </si>
  <si>
    <t>a6082ee7-043d-45b9-b406-c90a0ae4a6e2.tmp</t>
  </si>
  <si>
    <t>\\acsfs\profiles$\vivianalds\Downloads\a6082ee7-043d-45b9-b406-c90a0ae4a6e2.tmp</t>
  </si>
  <si>
    <t>12/26/2019 12:08:17</t>
  </si>
  <si>
    <t>12/26/2019 12:09:53</t>
  </si>
  <si>
    <t>12/26/2019 12:07:01</t>
  </si>
  <si>
    <t>12/26/2019 12:10:52</t>
  </si>
  <si>
    <t>12/26/2019 12:05:40</t>
  </si>
  <si>
    <t>12/26/2019 12:05:41</t>
  </si>
  <si>
    <t>lu146321g6v8z.tmp</t>
  </si>
  <si>
    <t>\\acsfs\profiles$\dhiulliananads\My Documents\lu146321g6v8z.tmp</t>
  </si>
  <si>
    <t>\\acsfs\profiles$\dhiulliananads\My Documents\lu146321g6v8z.tmp\</t>
  </si>
  <si>
    <t>\\acsfs\profiles$\dhiulliananads\My Documents\lu146321g6v8z.tmp\META-INF\</t>
  </si>
  <si>
    <t>\\acsfs\profiles$\dhiulliananads\My Documents\lu146321g6v8z.tmp\Thumbnails\</t>
  </si>
  <si>
    <t>12/26/2019 12:06:33</t>
  </si>
  <si>
    <t>12/26/2019 12:11:53</t>
  </si>
  <si>
    <t>c86d96b3-af71-4d13-afa3-ca125d0f39ac.tmp</t>
  </si>
  <si>
    <t>\\acsfs\profiles$\matheushds\Downloads\c86d96b3-af71-4d13-afa3-ca125d0f39ac.tmp</t>
  </si>
  <si>
    <t>12/26/2019 12:08:32</t>
  </si>
  <si>
    <t>12/26/2019 12:09:49</t>
  </si>
  <si>
    <t>3b710df9-9383-4365-9730-322233789e20.tmp</t>
  </si>
  <si>
    <t>\\acsfs\profiles$\wenderbnm\Downloads\3b710df9-9383-4365-9730-322233789e20.tmp</t>
  </si>
  <si>
    <t>12/26/2019 12:10:19</t>
  </si>
  <si>
    <t>10b6a17c-04b2-4731-b529-459bbbaf4f06.tmp</t>
  </si>
  <si>
    <t>\\acsfs\profiles$\wenderbnm\Downloads\10b6a17c-04b2-4731-b529-459bbbaf4f06.tmp</t>
  </si>
  <si>
    <t>12/26/2019 12:07:54</t>
  </si>
  <si>
    <t>12/26/2019 12:12:53</t>
  </si>
  <si>
    <t>12/26/2019 12:07:55</t>
  </si>
  <si>
    <t>lu269482jf22z.tmp</t>
  </si>
  <si>
    <t>\\acsfs\profiles$\FLAVIOJMM\My Documents\lu269482jf22z.tmp</t>
  </si>
  <si>
    <t>\\acsfs\profiles$\FLAVIOJMM\My Documents\lu269482jf22z.tmp\</t>
  </si>
  <si>
    <t>\\acsfs\profiles$\FLAVIOJMM\My Documents\lu269482jf22z.tmp\META-INF\</t>
  </si>
  <si>
    <t>12/26/2019 12:07:56</t>
  </si>
  <si>
    <t>\\acsfs\profiles$\FLAVIOJMM\My Documents\lu269482jf22z.tmp\Thumbnails\</t>
  </si>
  <si>
    <t>12/26/2019 12:09:17</t>
  </si>
  <si>
    <t>12/26/2019 12:09:19</t>
  </si>
  <si>
    <t>lu141641cbk0j.tmp</t>
  </si>
  <si>
    <t>\\acsfs\profiles$\LUCASBS\lu141641cbk0j.tmp</t>
  </si>
  <si>
    <t>\\acsfs\profiles$\LUCASBS\lu141641cbk0j.tmp\</t>
  </si>
  <si>
    <t>\\acsfs\profiles$\LUCASBS\lu141641cbk0j.tmp\META-INF\</t>
  </si>
  <si>
    <t>\\acsfs\profiles$\LUCASBS\lu141641cbk0j.tmp\Thumbnails\</t>
  </si>
  <si>
    <t>12/26/2019 12:10:35</t>
  </si>
  <si>
    <t>6c4d645f-5b63-42d5-b800-3d406bf67147.tmp</t>
  </si>
  <si>
    <t>\\acsfs\profiles$\gabrielafs\Downloads\6c4d645f-5b63-42d5-b800-3d406bf67147.tmp</t>
  </si>
  <si>
    <t>12/26/2019 12:12:39</t>
  </si>
  <si>
    <t>5e745723-cddd-4c36-952a-22c9c7eb054e.tmp</t>
  </si>
  <si>
    <t>\\acsfs\profiles$\gabrielafs\Downloads\5e745723-cddd-4c36-952a-22c9c7eb054e.tmp</t>
  </si>
  <si>
    <t>12/26/2019 12:12:47</t>
  </si>
  <si>
    <t>12/26/2019 12:13:52</t>
  </si>
  <si>
    <t>c92e39de-be9b-4ee2-9404-44bfbffcfe79.tmp</t>
  </si>
  <si>
    <t>\\acsfs\profiles$\BRUNAAR\Downloads\c92e39de-be9b-4ee2-9404-44bfbffcfe79.tmp</t>
  </si>
  <si>
    <t>12/26/2019 12:12:00</t>
  </si>
  <si>
    <t>12/26/2019 12:11:03</t>
  </si>
  <si>
    <t>12/26/2019 12:15:52</t>
  </si>
  <si>
    <t>1d9e77ac-ade2-4f69-84fa-072be099aa93.tmp</t>
  </si>
  <si>
    <t>\\acsfs\profiles$\sarahbal\Downloads\1d9e77ac-ade2-4f69-84fa-072be099aa93.tmp</t>
  </si>
  <si>
    <t>12/26/2019 12:12:33</t>
  </si>
  <si>
    <t>248a6324-eb52-407f-9013-a2d9496a1e3e.tmp</t>
  </si>
  <si>
    <t>\\acsfs\profiles$\sarahbal\Downloads\248a6324-eb52-407f-9013-a2d9496a1e3e.tmp</t>
  </si>
  <si>
    <t>8ec72e9c-0c3b-4f5f-ac3f-fc0c9944afc7.tmp</t>
  </si>
  <si>
    <t>\\acsfs\profiles$\sarahbal\Downloads\8ec72e9c-0c3b-4f5f-ac3f-fc0c9944afc7.tmp</t>
  </si>
  <si>
    <t>12/26/2019 12:14:01</t>
  </si>
  <si>
    <t>12/26/2019 12:16:53</t>
  </si>
  <si>
    <t>12/26/2019 12:12:37</t>
  </si>
  <si>
    <t>\\acsfs\DEPTOS\EDUCACAO EMPRESARIAL\2 - Operações\0.01 BV CARTÕES\Mariane\</t>
  </si>
  <si>
    <t>Mateus Jesus_1_6774006046918782875_1_32.wav</t>
  </si>
  <si>
    <t>\\acsfs\DEPTOS\EDUCACAO EMPRESARIAL\2 - Operações\0.01 BV CARTÕES\Mariane\Mateus Jesus_1_6774006046918782875_1_32.wav</t>
  </si>
  <si>
    <t>12/26/2019 12:13:24</t>
  </si>
  <si>
    <t>Lais Ribeiro_1_6774762854516071808_1_32.wav</t>
  </si>
  <si>
    <t>\\acsfs\DEPTOS\EDUCACAO EMPRESARIAL\2 - Operações\0.01 BV CARTÕES\Mariane\Lais Ribeiro_1_6774762854516071808_1_32.wav</t>
  </si>
  <si>
    <t>12/26/2019 12:15:03</t>
  </si>
  <si>
    <t>Edicarlos_1_6766302567806874445_1_32.wav</t>
  </si>
  <si>
    <t>\\acsfs\DEPTOS\EDUCACAO EMPRESARIAL\2 - Operações\0.01 BV CARTÕES\Mariane\Edicarlos_1_6766302567806874445_1_32.wav</t>
  </si>
  <si>
    <t>12/26/2019 12:15:38</t>
  </si>
  <si>
    <t>Edicarlos 2_1_6766760759212974380_1_32.wav</t>
  </si>
  <si>
    <t>\\acsfs\DEPTOS\EDUCACAO EMPRESARIAL\2 - Operações\0.01 BV CARTÕES\Mariane\Edicarlos 2_1_6766760759212974380_1_32.wav</t>
  </si>
  <si>
    <t>12/26/2019 12:11:58</t>
  </si>
  <si>
    <t>9dfc0122-92e4-44ef-8954-c2007a9e1aac.tmp</t>
  </si>
  <si>
    <t>\\acsfs\profiles$\wenderbnm\Downloads\9dfc0122-92e4-44ef-8954-c2007a9e1aac.tmp</t>
  </si>
  <si>
    <t>12/26/2019 12:13:32</t>
  </si>
  <si>
    <t>eb71d3e1-82f7-456b-98fb-d497c0004b0b.tmp</t>
  </si>
  <si>
    <t>\\acsfs\profiles$\wenderbnm\Downloads\eb71d3e1-82f7-456b-98fb-d497c0004b0b.tmp</t>
  </si>
  <si>
    <t>12/26/2019 12:14:36</t>
  </si>
  <si>
    <t>4ba61a3b-017c-4c7d-ae29-38b590791198.tmp</t>
  </si>
  <si>
    <t>\\acsfs\profiles$\wenderbnm\Downloads\4ba61a3b-017c-4c7d-ae29-38b590791198.tmp</t>
  </si>
  <si>
    <t>12/26/2019 12:12:45</t>
  </si>
  <si>
    <t>12/26/2019 12:15:53</t>
  </si>
  <si>
    <t>12/26/2019 12:18:52</t>
  </si>
  <si>
    <t>12/26/2019 12:18:00</t>
  </si>
  <si>
    <t>12/26/2019 12:19:53</t>
  </si>
  <si>
    <t>12/26/2019 12:16:18</t>
  </si>
  <si>
    <t>\\acsfs\profiles$\victoriaksr\My Documents\.~lock.Filas-ALGAR - Mariana.xlsx#</t>
  </si>
  <si>
    <t>12/26/2019 12:17:47</t>
  </si>
  <si>
    <t>\\acsfs\DEPTOS\Operacao\PCP\5 - Comum\JUKA\Login Logout Cartões\</t>
  </si>
  <si>
    <t>Consolidado Login Cartões.xlsx</t>
  </si>
  <si>
    <t>\\acsfs\DEPTOS\Operacao\PCP\5 - Comum\PLANEJAMENTO BV\14 - ACOMPANHAMENTO\1 - REPORT ACOMPANHAMENTO\2019\12 - Dezembro\CARTÕES\Login Logout Cartões\Consolidado Login Cartões.xlsx</t>
  </si>
  <si>
    <t>12/26/2019 12:17:54</t>
  </si>
  <si>
    <t>RELATORIO DE LOGIN - BV CARTÕES 12-12.xlsm</t>
  </si>
  <si>
    <t>\\acsfs\DEPTOS\Operacao\PCP\5 - Comum\PLANEJAMENTO BV\14 - ACOMPANHAMENTO\1 - REPORT ACOMPANHAMENTO\2019\12 - Dezembro\CARTÕES\Login Logout Cartões\RELATORIO DE LOGIN - BV CARTÕES 12-12.xlsm</t>
  </si>
  <si>
    <t>\\acsfs\DEPTOS\Operacao\PCP\5 - Comum\PLANEJAMENTO BV\14 - ACOMPANHAMENTO\1 - REPORT ACOMPANHAMENTO\2019\12 - Dezembro\CARTÕES\Login Logout Cartões\RELATORIO DE LOGIN - BV CARTÕES 12-12.xlsm\</t>
  </si>
  <si>
    <t>\\acsfs\DEPTOS\Operacao\PCP\5 - Comum\PLANEJAMENTO BV\14 - ACOMPANHAMENTO\1 - REPORT ACOMPANHAMENTO\2019\12 - Dezembro\CARTÕES\Login Logout Cartões\RELATORIO DE LOGIN - BV CARTÕES 12-12.xlsm\:Zone.Identifier:$DATA</t>
  </si>
  <si>
    <t>RELATORIO DE LOGIN - BV CARTÕES 16-12.xlsm</t>
  </si>
  <si>
    <t>\\acsfs\DEPTOS\Operacao\PCP\5 - Comum\PLANEJAMENTO BV\14 - ACOMPANHAMENTO\1 - REPORT ACOMPANHAMENTO\2019\12 - Dezembro\CARTÕES\Login Logout Cartões\RELATORIO DE LOGIN - BV CARTÕES 16-12.xlsm</t>
  </si>
  <si>
    <t>12/26/2019 12:18:04</t>
  </si>
  <si>
    <t>RELATORIO DE LOGIN - BV CARTÕES 18-12.xlsm</t>
  </si>
  <si>
    <t>\\acsfs\DEPTOS\Operacao\PCP\5 - Comum\PLANEJAMENTO BV\14 - ACOMPANHAMENTO\1 - REPORT ACOMPANHAMENTO\2019\12 - Dezembro\CARTÕES\Login Logout Cartões\RELATORIO DE LOGIN - BV CARTÕES 18-12.xlsm</t>
  </si>
  <si>
    <t>12/26/2019 12:18:09</t>
  </si>
  <si>
    <t>RELATORIO DE LOGIN - BV CARTÕES 22-12.xlsm</t>
  </si>
  <si>
    <t>\\acsfs\DEPTOS\Operacao\PCP\5 - Comum\PLANEJAMENTO BV\14 - ACOMPANHAMENTO\1 - REPORT ACOMPANHAMENTO\2019\12 - Dezembro\CARTÕES\Login Logout Cartões\RELATORIO DE LOGIN - BV CARTÕES 22-12.xlsm</t>
  </si>
  <si>
    <t>12/26/2019 12:18:14</t>
  </si>
  <si>
    <t>RELATORIO DE LOGIN - BV CARTÕES - 02 - 12.xlsm</t>
  </si>
  <si>
    <t>\\acsfs\DEPTOS\Operacao\PCP\5 - Comum\PLANEJAMENTO BV\14 - ACOMPANHAMENTO\1 - REPORT ACOMPANHAMENTO\2019\12 - Dezembro\CARTÕES\Login Logout Cartões\RELATORIO DE LOGIN - BV CARTÕES - 02 - 12.xlsm</t>
  </si>
  <si>
    <t>\\acsfs\DEPTOS\Operacao\PCP\5 - Comum\PLANEJAMENTO BV\14 - ACOMPANHAMENTO\1 - REPORT ACOMPANHAMENTO\2019\12 - Dezembro\CARTÕES\Login Logout Cartões\RELATORIO DE LOGIN - BV CARTÕES - 02 - 12.xlsm\</t>
  </si>
  <si>
    <t>\\acsfs\DEPTOS\Operacao\PCP\5 - Comum\PLANEJAMENTO BV\14 - ACOMPANHAMENTO\1 - REPORT ACOMPANHAMENTO\2019\12 - Dezembro\CARTÕES\Login Logout Cartões\RELATORIO DE LOGIN - BV CARTÕES - 02 - 12.xlsm\:Zone.Identifier:$DATA</t>
  </si>
  <si>
    <t>12/26/2019 12:18:19</t>
  </si>
  <si>
    <t>RELATORIO DE LOGIN - BV CARTÕES - 03 - 12.xlsm</t>
  </si>
  <si>
    <t>\\acsfs\DEPTOS\Operacao\PCP\5 - Comum\PLANEJAMENTO BV\14 - ACOMPANHAMENTO\1 - REPORT ACOMPANHAMENTO\2019\12 - Dezembro\CARTÕES\Login Logout Cartões\RELATORIO DE LOGIN - BV CARTÕES - 03 - 12.xlsm</t>
  </si>
  <si>
    <t>\\acsfs\DEPTOS\Operacao\PCP\5 - Comum\PLANEJAMENTO BV\14 - ACOMPANHAMENTO\1 - REPORT ACOMPANHAMENTO\2019\12 - Dezembro\CARTÕES\Login Logout Cartões\RELATORIO DE LOGIN - BV CARTÕES - 03 - 12.xlsm\</t>
  </si>
  <si>
    <t>\\acsfs\DEPTOS\Operacao\PCP\5 - Comum\PLANEJAMENTO BV\14 - ACOMPANHAMENTO\1 - REPORT ACOMPANHAMENTO\2019\12 - Dezembro\CARTÕES\Login Logout Cartões\RELATORIO DE LOGIN - BV CARTÕES - 03 - 12.xlsm\:Zone.Identifier:$DATA</t>
  </si>
  <si>
    <t>12/26/2019 12:18:24</t>
  </si>
  <si>
    <t>RELATORIO DE LOGIN - BV CARTÕES - 04 - 12.xlsm</t>
  </si>
  <si>
    <t>\\acsfs\DEPTOS\Operacao\PCP\5 - Comum\PLANEJAMENTO BV\14 - ACOMPANHAMENTO\1 - REPORT ACOMPANHAMENTO\2019\12 - Dezembro\CARTÕES\Login Logout Cartões\RELATORIO DE LOGIN - BV CARTÕES - 04 - 12.xlsm</t>
  </si>
  <si>
    <t>\\acsfs\DEPTOS\Operacao\PCP\5 - Comum\PLANEJAMENTO BV\14 - ACOMPANHAMENTO\1 - REPORT ACOMPANHAMENTO\2019\12 - Dezembro\CARTÕES\Login Logout Cartões\RELATORIO DE LOGIN - BV CARTÕES - 04 - 12.xlsm\</t>
  </si>
  <si>
    <t>\\acsfs\DEPTOS\Operacao\PCP\5 - Comum\PLANEJAMENTO BV\14 - ACOMPANHAMENTO\1 - REPORT ACOMPANHAMENTO\2019\12 - Dezembro\CARTÕES\Login Logout Cartões\RELATORIO DE LOGIN - BV CARTÕES - 04 - 12.xlsm\:Zone.Identifier:$DATA</t>
  </si>
  <si>
    <t>12/26/2019 12:18:29</t>
  </si>
  <si>
    <t>RELATORIO DE LOGIN - BV CARTÕES - 05 - 12.xlsm</t>
  </si>
  <si>
    <t>\\acsfs\DEPTOS\Operacao\PCP\5 - Comum\PLANEJAMENTO BV\14 - ACOMPANHAMENTO\1 - REPORT ACOMPANHAMENTO\2019\12 - Dezembro\CARTÕES\Login Logout Cartões\RELATORIO DE LOGIN - BV CARTÕES - 05 - 12.xlsm</t>
  </si>
  <si>
    <t>\\acsfs\DEPTOS\Operacao\PCP\5 - Comum\PLANEJAMENTO BV\14 - ACOMPANHAMENTO\1 - REPORT ACOMPANHAMENTO\2019\12 - Dezembro\CARTÕES\Login Logout Cartões\RELATORIO DE LOGIN - BV CARTÕES - 05 - 12.xlsm\</t>
  </si>
  <si>
    <t>\\acsfs\DEPTOS\Operacao\PCP\5 - Comum\PLANEJAMENTO BV\14 - ACOMPANHAMENTO\1 - REPORT ACOMPANHAMENTO\2019\12 - Dezembro\CARTÕES\Login Logout Cartões\RELATORIO DE LOGIN - BV CARTÕES - 05 - 12.xlsm\:Zone.Identifier:$DATA</t>
  </si>
  <si>
    <t>12/26/2019 12:18:33</t>
  </si>
  <si>
    <t>RELATORIO DE LOGIN - BV CARTÕES - 06 - 12.xlsm</t>
  </si>
  <si>
    <t>\\acsfs\DEPTOS\Operacao\PCP\5 - Comum\PLANEJAMENTO BV\14 - ACOMPANHAMENTO\1 - REPORT ACOMPANHAMENTO\2019\12 - Dezembro\CARTÕES\Login Logout Cartões\RELATORIO DE LOGIN - BV CARTÕES - 06 - 12.xlsm</t>
  </si>
  <si>
    <t>\\acsfs\DEPTOS\Operacao\PCP\5 - Comum\PLANEJAMENTO BV\14 - ACOMPANHAMENTO\1 - REPORT ACOMPANHAMENTO\2019\12 - Dezembro\CARTÕES\Login Logout Cartões\RELATORIO DE LOGIN - BV CARTÕES - 06 - 12.xlsm\</t>
  </si>
  <si>
    <t>\\acsfs\DEPTOS\Operacao\PCP\5 - Comum\PLANEJAMENTO BV\14 - ACOMPANHAMENTO\1 - REPORT ACOMPANHAMENTO\2019\12 - Dezembro\CARTÕES\Login Logout Cartões\RELATORIO DE LOGIN - BV CARTÕES - 06 - 12.xlsm\:Zone.Identifier:$DATA</t>
  </si>
  <si>
    <t>12/26/2019 12:18:38</t>
  </si>
  <si>
    <t>RELATORIO DE LOGIN - BV CARTÕES - 09- 12.xlsm</t>
  </si>
  <si>
    <t>\\acsfs\DEPTOS\Operacao\PCP\5 - Comum\PLANEJAMENTO BV\14 - ACOMPANHAMENTO\1 - REPORT ACOMPANHAMENTO\2019\12 - Dezembro\CARTÕES\Login Logout Cartões\RELATORIO DE LOGIN - BV CARTÕES - 09- 12.xlsm</t>
  </si>
  <si>
    <t>\\acsfs\DEPTOS\Operacao\PCP\5 - Comum\PLANEJAMENTO BV\14 - ACOMPANHAMENTO\1 - REPORT ACOMPANHAMENTO\2019\12 - Dezembro\CARTÕES\Login Logout Cartões\RELATORIO DE LOGIN - BV CARTÕES - 09- 12.xlsm\</t>
  </si>
  <si>
    <t>\\acsfs\DEPTOS\Operacao\PCP\5 - Comum\PLANEJAMENTO BV\14 - ACOMPANHAMENTO\1 - REPORT ACOMPANHAMENTO\2019\12 - Dezembro\CARTÕES\Login Logout Cartões\RELATORIO DE LOGIN - BV CARTÕES - 09- 12.xlsm\:Zone.Identifier:$DATA</t>
  </si>
  <si>
    <t>12/26/2019 12:18:43</t>
  </si>
  <si>
    <t>RELATORIO DE LOGIN - BV CARTÕES - 10 - 12.xlsm</t>
  </si>
  <si>
    <t>\\acsfs\DEPTOS\Operacao\PCP\5 - Comum\PLANEJAMENTO BV\14 - ACOMPANHAMENTO\1 - REPORT ACOMPANHAMENTO\2019\12 - Dezembro\CARTÕES\Login Logout Cartões\RELATORIO DE LOGIN - BV CARTÕES - 10 - 12.xlsm</t>
  </si>
  <si>
    <t>\\acsfs\DEPTOS\Operacao\PCP\5 - Comum\PLANEJAMENTO BV\14 - ACOMPANHAMENTO\1 - REPORT ACOMPANHAMENTO\2019\12 - Dezembro\CARTÕES\Login Logout Cartões\RELATORIO DE LOGIN - BV CARTÕES - 10 - 12.xlsm\</t>
  </si>
  <si>
    <t>\\acsfs\DEPTOS\Operacao\PCP\5 - Comum\PLANEJAMENTO BV\14 - ACOMPANHAMENTO\1 - REPORT ACOMPANHAMENTO\2019\12 - Dezembro\CARTÕES\Login Logout Cartões\RELATORIO DE LOGIN - BV CARTÕES - 10 - 12.xlsm\:Zone.Identifier:$DATA</t>
  </si>
  <si>
    <t>12/26/2019 12:18:48</t>
  </si>
  <si>
    <t>RELATORIO DE LOGIN - BV CARTÕES - 11 - 12.xlsm</t>
  </si>
  <si>
    <t>\\acsfs\DEPTOS\Operacao\PCP\5 - Comum\PLANEJAMENTO BV\14 - ACOMPANHAMENTO\1 - REPORT ACOMPANHAMENTO\2019\12 - Dezembro\CARTÕES\Login Logout Cartões\RELATORIO DE LOGIN - BV CARTÕES - 11 - 12.xlsm</t>
  </si>
  <si>
    <t>\\acsfs\DEPTOS\Operacao\PCP\5 - Comum\PLANEJAMENTO BV\14 - ACOMPANHAMENTO\1 - REPORT ACOMPANHAMENTO\2019\12 - Dezembro\CARTÕES\Login Logout Cartões\RELATORIO DE LOGIN - BV CARTÕES - 11 - 12.xlsm\</t>
  </si>
  <si>
    <t>\\acsfs\DEPTOS\Operacao\PCP\5 - Comum\PLANEJAMENTO BV\14 - ACOMPANHAMENTO\1 - REPORT ACOMPANHAMENTO\2019\12 - Dezembro\CARTÕES\Login Logout Cartões\RELATORIO DE LOGIN - BV CARTÕES - 11 - 12.xlsm\:Zone.Identifier:$DATA</t>
  </si>
  <si>
    <t>12/26/2019 12:20:52</t>
  </si>
  <si>
    <t>12/26/2019 12:18:21</t>
  </si>
  <si>
    <t>12/26/2019 12:21:52</t>
  </si>
  <si>
    <t>\\acsfs\profiles$\ADELVINSONLE\</t>
  </si>
  <si>
    <t>Novo Documento de Texto.txt</t>
  </si>
  <si>
    <t>\\acsfs\profiles$\ADELVINSONLE\Novo Documento de Texto.txt</t>
  </si>
  <si>
    <t>12/26/2019 12:20:17</t>
  </si>
  <si>
    <t>12/26/2019 12:17:00</t>
  </si>
  <si>
    <t>\\acsfs\DEPTOS\Operacao\Banco_Votorantim\Qualidade\Anderson\Jose\Atualizado\75167EBB.tmp\</t>
  </si>
  <si>
    <t>\\acsfs\DEPTOS\Operacao\Banco_Votorantim\Qualidade\Anderson\Jose\Atualizado\75167EBB.tmp\:Zone.Identifier:$DATA</t>
  </si>
  <si>
    <t>12/26/2019 12:17:03</t>
  </si>
  <si>
    <t>Relatorio de Vendas - Auditoria BV Cartoes (Dezembro)_100.xlsx</t>
  </si>
  <si>
    <t>\\acsfs\DEPTOS\Operacao\Banco_Votorantim\Qualidade\Anderson\Jose\Atualizado\Relatorio de Vendas - Auditoria BV Cartoes (Dezembro)_100.xlsx</t>
  </si>
  <si>
    <t>12/26/2019 12:20:04</t>
  </si>
  <si>
    <t>0ae19855-79af-4308-8694-eb413031d80b.tmp</t>
  </si>
  <si>
    <t>\\acsfs\profiles$\henriquehmdo\Downloads\0ae19855-79af-4308-8694-eb413031d80b.tmp</t>
  </si>
  <si>
    <t>12/26/2019 12:23:52</t>
  </si>
  <si>
    <t>12/26/2019 12:21:53</t>
  </si>
  <si>
    <t>12/26/2019 12:23:41</t>
  </si>
  <si>
    <t>12/26/2019 12:24:52</t>
  </si>
  <si>
    <t>12/26/2019 12:23:44</t>
  </si>
  <si>
    <t>lu208202laf3w.tmp</t>
  </si>
  <si>
    <t>\\acsfs\profiles$\geovanaasa\My Documents\lu208202laf3w.tmp</t>
  </si>
  <si>
    <t>\\acsfs\profiles$\geovanaasa\My Documents\lu208202laf3w.tmp\</t>
  </si>
  <si>
    <t>\\acsfs\profiles$\geovanaasa\My Documents\lu208202laf3w.tmp\META-INF\</t>
  </si>
  <si>
    <t>\\acsfs\profiles$\geovanaasa\My Documents\lu208202laf3w.tmp\Thumbnails\</t>
  </si>
  <si>
    <t>12/26/2019 12:24:24</t>
  </si>
  <si>
    <t>12/26/2019 12:25:52</t>
  </si>
  <si>
    <t>12/26/2019 12:25:23</t>
  </si>
  <si>
    <t>12/26/2019 12:26:52</t>
  </si>
  <si>
    <t>12/26/2019 12:25:51</t>
  </si>
  <si>
    <t>12/26/2019 12:27:51</t>
  </si>
  <si>
    <t>12/26/2019 12:27:53</t>
  </si>
  <si>
    <t>12/26/2019 12:28:52</t>
  </si>
  <si>
    <t>12/26/2019 12:27:52</t>
  </si>
  <si>
    <t>10.200.66.129</t>
  </si>
  <si>
    <t>34-E6-D7-FC-B8-42</t>
  </si>
  <si>
    <t>VOTORANT-WB018</t>
  </si>
  <si>
    <t>7e628c0c-1596-487c-bbea-36cf840be414.tmp</t>
  </si>
  <si>
    <t>\\acsfs\profiles$\laylaams\Downloads\7e628c0c-1596-487c-bbea-36cf840be414.tmp</t>
  </si>
  <si>
    <t>fb5a56e9-5889-43ac-8153-f504c6c72dae.tmp</t>
  </si>
  <si>
    <t>\\acsfs\profiles$\laylaams\Downloads\fb5a56e9-5889-43ac-8153-f504c6c72dae.tmp</t>
  </si>
  <si>
    <t>12/26/2019 12:24:00</t>
  </si>
  <si>
    <t>12/26/2019 12:24:21</t>
  </si>
  <si>
    <t>36f28d8d-df69-4355-aa47-20c95d4f86b3.tmp</t>
  </si>
  <si>
    <t>\\acsfs\profiles$\anafsb\Downloads\36f28d8d-df69-4355-aa47-20c95d4f86b3.tmp</t>
  </si>
  <si>
    <t>12/26/2019 12:24:35</t>
  </si>
  <si>
    <t>ba0a6b6a-ede0-408d-84f6-dc0fd1d39d6e.tmp</t>
  </si>
  <si>
    <t>\\acsfs\profiles$\anafsb\Downloads\ba0a6b6a-ede0-408d-84f6-dc0fd1d39d6e.tmp</t>
  </si>
  <si>
    <t>12/26/2019 12:25:24</t>
  </si>
  <si>
    <t>12/26/2019 12:29:51</t>
  </si>
  <si>
    <t>12/26/2019 12:26:41</t>
  </si>
  <si>
    <t>\\acsfs\DEPTOS\Operacao\PCP\5 - Comum\PLANEJAMENTO BV\14 - ACOMPANHAMENTO\1 - REPORT ACOMPANHAMENTO\2019\12 - Dezembro\CARTÕES\Login Logout Cartões\</t>
  </si>
  <si>
    <t>RELATORIO DE LOGIN - BV CARTÕES 22-12 - Cópia.xlsm</t>
  </si>
  <si>
    <t>\\acsfs\DEPTOS\Operacao\PCP\5 - Comum\PLANEJAMENTO BV\14 - ACOMPANHAMENTO\1 - REPORT ACOMPANHAMENTO\2019\12 - Dezembro\CARTÕES\Login Logout Cartões\RELATORIO DE LOGIN - BV CARTÕES 22-12 - Cópia.xlsm</t>
  </si>
  <si>
    <t>12/26/2019 12:27:58</t>
  </si>
  <si>
    <t>\\acsfs\DEPTOS\Operacao\PCP\5 - Comum\PLANEJAMENTO BV\14 - ACOMPANHAMENTO\1 - REPORT ACOMPANHAMENTO\2019\12 - Dezembro\FINANCEIRA\Login Logout Financeira\LOGIN LOGOUT FINANCEIRA - EXTRAÇÂO.xlsx</t>
  </si>
  <si>
    <t>12/26/2019 12:28:06</t>
  </si>
  <si>
    <t>RELATORIO DE LOGIN - FINANCEIRA - 05 - 12.xlsm</t>
  </si>
  <si>
    <t>\\acsfs\DEPTOS\Operacao\PCP\5 - Comum\PLANEJAMENTO BV\14 - ACOMPANHAMENTO\1 - REPORT ACOMPANHAMENTO\2019\12 - Dezembro\FINANCEIRA\Login Logout Financeira\RELATORIO DE LOGIN - FINANCEIRA - 05 - 12.xlsm</t>
  </si>
  <si>
    <t>\\acsfs\DEPTOS\Operacao\PCP\5 - Comum\PLANEJAMENTO BV\14 - ACOMPANHAMENTO\1 - REPORT ACOMPANHAMENTO\2019\12 - Dezembro\FINANCEIRA\Login Logout Financeira\RELATORIO DE LOGIN - FINANCEIRA - 05 - 12.xlsm\</t>
  </si>
  <si>
    <t>\\acsfs\DEPTOS\Operacao\PCP\5 - Comum\PLANEJAMENTO BV\14 - ACOMPANHAMENTO\1 - REPORT ACOMPANHAMENTO\2019\12 - Dezembro\FINANCEIRA\Login Logout Financeira\RELATORIO DE LOGIN - FINANCEIRA - 05 - 12.xlsm\:Zone.Identifier:$DATA</t>
  </si>
  <si>
    <t>12/26/2019 12:28:13</t>
  </si>
  <si>
    <t>RELATORIO DE LOGIN - FINANCEIRA - 06 - 12.xlsm</t>
  </si>
  <si>
    <t>\\acsfs\DEPTOS\Operacao\PCP\5 - Comum\PLANEJAMENTO BV\14 - ACOMPANHAMENTO\1 - REPORT ACOMPANHAMENTO\2019\12 - Dezembro\FINANCEIRA\Login Logout Financeira\RELATORIO DE LOGIN - FINANCEIRA - 06 - 12.xlsm</t>
  </si>
  <si>
    <t>\\acsfs\DEPTOS\Operacao\PCP\5 - Comum\PLANEJAMENTO BV\14 - ACOMPANHAMENTO\1 - REPORT ACOMPANHAMENTO\2019\12 - Dezembro\FINANCEIRA\Login Logout Financeira\RELATORIO DE LOGIN - FINANCEIRA - 06 - 12.xlsm\</t>
  </si>
  <si>
    <t>\\acsfs\DEPTOS\Operacao\PCP\5 - Comum\PLANEJAMENTO BV\14 - ACOMPANHAMENTO\1 - REPORT ACOMPANHAMENTO\2019\12 - Dezembro\FINANCEIRA\Login Logout Financeira\RELATORIO DE LOGIN - FINANCEIRA - 06 - 12.xlsm\:Zone.Identifier:$DATA</t>
  </si>
  <si>
    <t>12/26/2019 12:28:19</t>
  </si>
  <si>
    <t>RELATORIO DE LOGIN - FINANCEIRA - 09 - 12.xlsm</t>
  </si>
  <si>
    <t>\\acsfs\DEPTOS\Operacao\PCP\5 - Comum\PLANEJAMENTO BV\14 - ACOMPANHAMENTO\1 - REPORT ACOMPANHAMENTO\2019\12 - Dezembro\FINANCEIRA\Login Logout Financeira\RELATORIO DE LOGIN - FINANCEIRA - 09 - 12.xlsm</t>
  </si>
  <si>
    <t>\\acsfs\DEPTOS\Operacao\PCP\5 - Comum\PLANEJAMENTO BV\14 - ACOMPANHAMENTO\1 - REPORT ACOMPANHAMENTO\2019\12 - Dezembro\FINANCEIRA\Login Logout Financeira\RELATORIO DE LOGIN - FINANCEIRA - 09 - 12.xlsm\</t>
  </si>
  <si>
    <t>\\acsfs\DEPTOS\Operacao\PCP\5 - Comum\PLANEJAMENTO BV\14 - ACOMPANHAMENTO\1 - REPORT ACOMPANHAMENTO\2019\12 - Dezembro\FINANCEIRA\Login Logout Financeira\RELATORIO DE LOGIN - FINANCEIRA - 09 - 12.xlsm\:Zone.Identifier:$DATA</t>
  </si>
  <si>
    <t>12/26/2019 12:28:25</t>
  </si>
  <si>
    <t>RELATORIO DE LOGIN - FINANCEIRA - 10 - 12.xlsm</t>
  </si>
  <si>
    <t>\\acsfs\DEPTOS\Operacao\PCP\5 - Comum\PLANEJAMENTO BV\14 - ACOMPANHAMENTO\1 - REPORT ACOMPANHAMENTO\2019\12 - Dezembro\FINANCEIRA\Login Logout Financeira\RELATORIO DE LOGIN - FINANCEIRA - 10 - 12.xlsm</t>
  </si>
  <si>
    <t>\\acsfs\DEPTOS\Operacao\PCP\5 - Comum\PLANEJAMENTO BV\14 - ACOMPANHAMENTO\1 - REPORT ACOMPANHAMENTO\2019\12 - Dezembro\FINANCEIRA\Login Logout Financeira\RELATORIO DE LOGIN - FINANCEIRA - 10 - 12.xlsm\</t>
  </si>
  <si>
    <t>\\acsfs\DEPTOS\Operacao\PCP\5 - Comum\PLANEJAMENTO BV\14 - ACOMPANHAMENTO\1 - REPORT ACOMPANHAMENTO\2019\12 - Dezembro\FINANCEIRA\Login Logout Financeira\RELATORIO DE LOGIN - FINANCEIRA - 10 - 12.xlsm\:Zone.Identifier:$DATA</t>
  </si>
  <si>
    <t>12/26/2019 12:28:32</t>
  </si>
  <si>
    <t>RELATORIO DE LOGIN - FINANCEIRA - 11 - 12.xlsm</t>
  </si>
  <si>
    <t>\\acsfs\DEPTOS\Operacao\PCP\5 - Comum\PLANEJAMENTO BV\14 - ACOMPANHAMENTO\1 - REPORT ACOMPANHAMENTO\2019\12 - Dezembro\FINANCEIRA\Login Logout Financeira\RELATORIO DE LOGIN - FINANCEIRA - 11 - 12.xlsm</t>
  </si>
  <si>
    <t>\\acsfs\DEPTOS\Operacao\PCP\5 - Comum\PLANEJAMENTO BV\14 - ACOMPANHAMENTO\1 - REPORT ACOMPANHAMENTO\2019\12 - Dezembro\FINANCEIRA\Login Logout Financeira\RELATORIO DE LOGIN - FINANCEIRA - 11 - 12.xlsm\</t>
  </si>
  <si>
    <t>\\acsfs\DEPTOS\Operacao\PCP\5 - Comum\PLANEJAMENTO BV\14 - ACOMPANHAMENTO\1 - REPORT ACOMPANHAMENTO\2019\12 - Dezembro\FINANCEIRA\Login Logout Financeira\RELATORIO DE LOGIN - FINANCEIRA - 11 - 12.xlsm\:Zone.Identifier:$DATA</t>
  </si>
  <si>
    <t>12/26/2019 12:28:41</t>
  </si>
  <si>
    <t>RELATORIO DE LOGIN - FINANCEIRA - 12 - 12 -.xlsm</t>
  </si>
  <si>
    <t>\\acsfs\DEPTOS\Operacao\PCP\5 - Comum\PLANEJAMENTO BV\14 - ACOMPANHAMENTO\1 - REPORT ACOMPANHAMENTO\2019\12 - Dezembro\FINANCEIRA\Login Logout Financeira\RELATORIO DE LOGIN - FINANCEIRA - 12 - 12 -.xlsm</t>
  </si>
  <si>
    <t>\\acsfs\DEPTOS\Operacao\PCP\5 - Comum\PLANEJAMENTO BV\14 - ACOMPANHAMENTO\1 - REPORT ACOMPANHAMENTO\2019\12 - Dezembro\FINANCEIRA\Login Logout Financeira\RELATORIO DE LOGIN - FINANCEIRA - 12 - 12 -.xlsm\</t>
  </si>
  <si>
    <t>\\acsfs\DEPTOS\Operacao\PCP\5 - Comum\PLANEJAMENTO BV\14 - ACOMPANHAMENTO\1 - REPORT ACOMPANHAMENTO\2019\12 - Dezembro\FINANCEIRA\Login Logout Financeira\RELATORIO DE LOGIN - FINANCEIRA - 12 - 12 -.xlsm\:Zone.Identifier:$DATA</t>
  </si>
  <si>
    <t>12/26/2019 12:28:48</t>
  </si>
  <si>
    <t>RELATORIO DE LOGIN - FINANCEIRA - 19-12.xlsm</t>
  </si>
  <si>
    <t>\\acsfs\DEPTOS\Operacao\PCP\5 - Comum\PLANEJAMENTO BV\14 - ACOMPANHAMENTO\1 - REPORT ACOMPANHAMENTO\2019\12 - Dezembro\FINANCEIRA\Login Logout Financeira\RELATORIO DE LOGIN - FINANCEIRA - 19-12.xlsm</t>
  </si>
  <si>
    <t>12/26/2019 12:28:55</t>
  </si>
  <si>
    <t>RELATORIO DE LOGIN - FINANCEIRA - 20-12.xlsm</t>
  </si>
  <si>
    <t>\\acsfs\DEPTOS\Operacao\PCP\5 - Comum\PLANEJAMENTO BV\14 - ACOMPANHAMENTO\1 - REPORT ACOMPANHAMENTO\2019\12 - Dezembro\FINANCEIRA\Login Logout Financeira\RELATORIO DE LOGIN - FINANCEIRA - 20-12.xlsm</t>
  </si>
  <si>
    <t>12/26/2019 12:29:01</t>
  </si>
  <si>
    <t>RELATORIO DE LOGIN - FINANCEIRA - 23-12.xlsm</t>
  </si>
  <si>
    <t>\\acsfs\DEPTOS\Operacao\PCP\5 - Comum\PLANEJAMENTO BV\14 - ACOMPANHAMENTO\1 - REPORT ACOMPANHAMENTO\2019\12 - Dezembro\FINANCEIRA\Login Logout Financeira\RELATORIO DE LOGIN - FINANCEIRA - 23-12.xlsm</t>
  </si>
  <si>
    <t>12/26/2019 12:29:08</t>
  </si>
  <si>
    <t>\\acsfs\DEPTOS\Operacao\PCP\5 - Comum\PLANEJAMENTO BV\14 - ACOMPANHAMENTO\1 - REPORT ACOMPANHAMENTO\2019\12 - Dezembro\FINANCEIRA\Login Logout Financeira\RELATORIO DE LOGIN - FINANCEIRA - 24-12.xlsm</t>
  </si>
  <si>
    <t>12/26/2019 12:29:14</t>
  </si>
  <si>
    <t>RELATORIO DE LOGIN - FINANCEIRA CONSOLIDADO.xlsm</t>
  </si>
  <si>
    <t>\\acsfs\DEPTOS\Operacao\PCP\5 - Comum\PLANEJAMENTO BV\14 - ACOMPANHAMENTO\1 - REPORT ACOMPANHAMENTO\2019\12 - Dezembro\FINANCEIRA\Login Logout Financeira\RELATORIO DE LOGIN - FINANCEIRA CONSOLIDADO.xlsm</t>
  </si>
  <si>
    <t>12/26/2019 12:31:41</t>
  </si>
  <si>
    <t>12/26/2019 12:32:51</t>
  </si>
  <si>
    <t>8e2d4b88-984b-4bd7-a4c4-7b7065be1397.tmp</t>
  </si>
  <si>
    <t>\\acsfs\profiles$\paulovadc\Downloads\8e2d4b88-984b-4bd7-a4c4-7b7065be1397.tmp</t>
  </si>
  <si>
    <t>12/26/2019 12:29:17</t>
  </si>
  <si>
    <t>dbb63bca-baae-461d-bd1e-ec9d2b08e894.tmp</t>
  </si>
  <si>
    <t>\\acsfs\profiles$\deboraaa\Downloads\dbb63bca-baae-461d-bd1e-ec9d2b08e894.tmp</t>
  </si>
  <si>
    <t>12/26/2019 12:31:00</t>
  </si>
  <si>
    <t>b348665a-a7b2-44b9-9ac8-2ec0e494a7ae.tmp</t>
  </si>
  <si>
    <t>\\acsfs\profiles$\gabrielafs\Downloads\b348665a-a7b2-44b9-9ac8-2ec0e494a7ae.tmp</t>
  </si>
  <si>
    <t>12/26/2019 12:28:51</t>
  </si>
  <si>
    <t>12/26/2019 12:33:52</t>
  </si>
  <si>
    <t>cef8e2cd-a252-4dba-b697-48e208153eec.tmp</t>
  </si>
  <si>
    <t>\\acsfs\profiles$\jonatanls\Downloads\cef8e2cd-a252-4dba-b697-48e208153eec.tmp</t>
  </si>
  <si>
    <t>12/26/2019 12:32:57</t>
  </si>
  <si>
    <t>95e60d1b-8391-4e5a-8b91-7421483d50c3.tmp</t>
  </si>
  <si>
    <t>\\acsfs\profiles$\laylaams\Downloads\95e60d1b-8391-4e5a-8b91-7421483d50c3.tmp</t>
  </si>
  <si>
    <t>12/26/2019 12:30:37</t>
  </si>
  <si>
    <t>12/26/2019 12:30:00</t>
  </si>
  <si>
    <t>12/26/2019 12:29:40</t>
  </si>
  <si>
    <t>12/26/2019 12:34:51</t>
  </si>
  <si>
    <t>12/26/2019 12:33:41</t>
  </si>
  <si>
    <t>12/26/2019 12:35:51</t>
  </si>
  <si>
    <t>978c0725-30d7-4714-a9f0-3f6a8a553511.tmp</t>
  </si>
  <si>
    <t>\\acsfs\profiles$\sarahbal\Downloads\978c0725-30d7-4714-a9f0-3f6a8a553511.tmp</t>
  </si>
  <si>
    <t>12/26/2019 12:34:17</t>
  </si>
  <si>
    <t>6484f8c1-4058-4e8b-aa91-b56b4d5d18ce.tmp</t>
  </si>
  <si>
    <t>\\acsfs\profiles$\sarahbal\Downloads\6484f8c1-4058-4e8b-aa91-b56b4d5d18ce.tmp</t>
  </si>
  <si>
    <t>12/26/2019 12:31:23</t>
  </si>
  <si>
    <t>12/26/2019 12:33:34</t>
  </si>
  <si>
    <t>12/26/2019 12:36:51</t>
  </si>
  <si>
    <t>8e511591-3e62-4783-bfe0-9ce868290995.tmp</t>
  </si>
  <si>
    <t>\\acsfs\profiles$\adelvinsonle\Downloads\8e511591-3e62-4783-bfe0-9ce868290995.tmp</t>
  </si>
  <si>
    <t>12/26/2019 12:33:27</t>
  </si>
  <si>
    <t>\\acsfs\DEPTOS\Operacao\Banco_Votorantim\Qualidade\Anderson\Jose\Atualizado\16AFD38E.tmp\</t>
  </si>
  <si>
    <t>\\acsfs\DEPTOS\Operacao\Banco_Votorantim\Qualidade\Anderson\Jose\Atualizado\16AFD38E.tmp\:Zone.Identifier:$DATA</t>
  </si>
  <si>
    <t>12/26/2019 12:33:28</t>
  </si>
  <si>
    <t>12/26/2019 12:34:29</t>
  </si>
  <si>
    <t>12/26/2019 12:37:51</t>
  </si>
  <si>
    <t>10.200.67.134</t>
  </si>
  <si>
    <t>34-E6-D7-FC-B7-EE</t>
  </si>
  <si>
    <t>VOTORANT-WB019</t>
  </si>
  <si>
    <t>fe24fd92-5095-46ed-81c7-b3114dd229ae.tmp</t>
  </si>
  <si>
    <t>\\acsfs\profiles$\mariagsg\Downloads\fe24fd92-5095-46ed-81c7-b3114dd229ae.tmp</t>
  </si>
  <si>
    <t>12/26/2019 12:34:30</t>
  </si>
  <si>
    <t>645e4a50-de07-4e01-81b6-acdf72b2f431.tmp</t>
  </si>
  <si>
    <t>\\acsfs\profiles$\mariagsg\Downloads\645e4a50-de07-4e01-81b6-acdf72b2f431.tmp</t>
  </si>
  <si>
    <t>12/26/2019 12:36:14</t>
  </si>
  <si>
    <t>12/26/2019 12:33:53</t>
  </si>
  <si>
    <t>12/26/2019 12:38:52</t>
  </si>
  <si>
    <t>1357ef35-f9be-402e-a19f-37238b597abb.tmp</t>
  </si>
  <si>
    <t>\\acsfs\profiles$\BRUNAAR\Downloads\1357ef35-f9be-402e-a19f-37238b597abb.tmp</t>
  </si>
  <si>
    <t>12/26/2019 12:33:54</t>
  </si>
  <si>
    <t>12/26/2019 12:34:25</t>
  </si>
  <si>
    <t>92173034-0eb9-4b36-976d-3730d3a0bfeb.tmp</t>
  </si>
  <si>
    <t>\\acsfs\profiles$\laylaams\Downloads\92173034-0eb9-4b36-976d-3730d3a0bfeb.tmp</t>
  </si>
  <si>
    <t>12/26/2019 12:34:37</t>
  </si>
  <si>
    <t>fa882eb0-ce9a-4dec-81d7-0eb91e97e6ba.tmp</t>
  </si>
  <si>
    <t>\\acsfs\profiles$\laylaams\Downloads\fa882eb0-ce9a-4dec-81d7-0eb91e97e6ba.tmp</t>
  </si>
  <si>
    <t>12/26/2019 12:35:44</t>
  </si>
  <si>
    <t>65f70749-4650-4ff6-829f-90977b1f16a9.tmp</t>
  </si>
  <si>
    <t>\\acsfs\profiles$\laylaams\Downloads\65f70749-4650-4ff6-829f-90977b1f16a9.tmp</t>
  </si>
  <si>
    <t>12/26/2019 12:36:01</t>
  </si>
  <si>
    <t>12/26/2019 12:38:00</t>
  </si>
  <si>
    <t>12/26/2019 12:39:52</t>
  </si>
  <si>
    <t>12/26/2019 12:37:32</t>
  </si>
  <si>
    <t>12/26/2019 12:39:15</t>
  </si>
  <si>
    <t>520d9489-9ffb-4221-892d-fa230136f30f.tmp</t>
  </si>
  <si>
    <t>\\acsfs\profiles$\nataliacsl\Downloads\520d9489-9ffb-4221-892d-fa230136f30f.tmp</t>
  </si>
  <si>
    <t>12/26/2019 12:36:58</t>
  </si>
  <si>
    <t>12/26/2019 12:37:03</t>
  </si>
  <si>
    <t>12/26/2019 12:37:05</t>
  </si>
  <si>
    <t>12/26/2019 12:35:58</t>
  </si>
  <si>
    <t>12/26/2019 12:40:52</t>
  </si>
  <si>
    <t>12/26/2019 12:36:06</t>
  </si>
  <si>
    <t>12/26/2019 12:36:09</t>
  </si>
  <si>
    <t>12/26/2019 12:37:13</t>
  </si>
  <si>
    <t>12/26/2019 12:37:26</t>
  </si>
  <si>
    <t>12/26/2019 12:39:44</t>
  </si>
  <si>
    <t>12/26/2019 12:40:20</t>
  </si>
  <si>
    <t>12/26/2019 12:37:47</t>
  </si>
  <si>
    <t>12/26/2019 12:37:48</t>
  </si>
  <si>
    <t>lu146321g6v9a.tmp</t>
  </si>
  <si>
    <t>\\acsfs\profiles$\dhiulliananads\My Documents\lu146321g6v9a.tmp</t>
  </si>
  <si>
    <t>\\acsfs\profiles$\dhiulliananads\My Documents\lu146321g6v9a.tmp\</t>
  </si>
  <si>
    <t>\\acsfs\profiles$\dhiulliananads\My Documents\lu146321g6v9a.tmp\META-INF\</t>
  </si>
  <si>
    <t>\\acsfs\profiles$\dhiulliananads\My Documents\lu146321g6v9a.tmp\Thumbnails\</t>
  </si>
  <si>
    <t>12/26/2019 12:40:05</t>
  </si>
  <si>
    <t>12/26/2019 12:41:51</t>
  </si>
  <si>
    <t>dc551176-15a0-48ea-9e35-7dafcc569dc9.tmp</t>
  </si>
  <si>
    <t>\\acsfs\profiles$\laianear\Downloads\dc551176-15a0-48ea-9e35-7dafcc569dc9.tmp</t>
  </si>
  <si>
    <t>12/26/2019 12:39:49</t>
  </si>
  <si>
    <t>e10c9e73-a8a4-4ac1-82e8-79175640bf9b.tmp</t>
  </si>
  <si>
    <t>\\acsfs\profiles$\lucasgpe\Downloads\e10c9e73-a8a4-4ac1-82e8-79175640bf9b.tmp</t>
  </si>
  <si>
    <t>12/26/2019 12:39:16</t>
  </si>
  <si>
    <t>12/26/2019 12:42:52</t>
  </si>
  <si>
    <t>12/26/2019 12:39:55</t>
  </si>
  <si>
    <t>12/26/2019 12:43:52</t>
  </si>
  <si>
    <t>12/26/2019 12:39:56</t>
  </si>
  <si>
    <t>12/26/2019 12:42:46</t>
  </si>
  <si>
    <t>12/26/2019 12:42:47</t>
  </si>
  <si>
    <t>lu363804bm616.tmp</t>
  </si>
  <si>
    <t>\\acsfs\profiles$\jonatanls\My Documents\lu363804bm616.tmp</t>
  </si>
  <si>
    <t>12/26/2019 12:41:29</t>
  </si>
  <si>
    <t>02a3efb6-2b4d-41c0-82af-90824236bd96.tmp</t>
  </si>
  <si>
    <t>\\acsfs\profiles$\anafsb\Downloads\02a3efb6-2b4d-41c0-82af-90824236bd96.tmp</t>
  </si>
  <si>
    <t>12/26/2019 12:42:00</t>
  </si>
  <si>
    <t>12/26/2019 12:42:01</t>
  </si>
  <si>
    <t>12/26/2019 12:40:26</t>
  </si>
  <si>
    <t>12/26/2019 12:44:52</t>
  </si>
  <si>
    <t>c82a02e3-c05d-4176-b7d1-e04a327d6eb2.tmp</t>
  </si>
  <si>
    <t>\\acsfs\profiles$\ERICALSR\Downloads\c82a02e3-c05d-4176-b7d1-e04a327d6eb2.tmp</t>
  </si>
  <si>
    <t>12/26/2019 12:42:13</t>
  </si>
  <si>
    <t>12/26/2019 12:43:23</t>
  </si>
  <si>
    <t>12/26/2019 12:45:52</t>
  </si>
  <si>
    <t>12/26/2019 12:43:32</t>
  </si>
  <si>
    <t>12/26/2019 12:41:48</t>
  </si>
  <si>
    <t>12/26/2019 12:46:53</t>
  </si>
  <si>
    <t>094b90e6-ec2a-4de0-9326-265e4d12c351.tmp</t>
  </si>
  <si>
    <t>\\acsfs\profiles$\henriquehmdo\Downloads\094b90e6-ec2a-4de0-9326-265e4d12c351.tmp</t>
  </si>
  <si>
    <t>12/26/2019 12:45:54</t>
  </si>
  <si>
    <t>12/26/2019 12:48:52</t>
  </si>
  <si>
    <t>12/26/2019 12:48:11</t>
  </si>
  <si>
    <t>12/26/2019 12:48:48</t>
  </si>
  <si>
    <t>12/26/2019 12:49:52</t>
  </si>
  <si>
    <t>12/26/2019 12:48:50</t>
  </si>
  <si>
    <t>30b648e3-3be4-4671-a9b8-035a1e238648.tmp</t>
  </si>
  <si>
    <t>\\acsfs\profiles$\mariliafplb\Downloads\30b648e3-3be4-4671-a9b8-035a1e238648.tmp</t>
  </si>
  <si>
    <t>12/26/2019 12:49:01</t>
  </si>
  <si>
    <t>f1e3dc2d-d7dc-463d-9312-fe1e170bb142.tmp</t>
  </si>
  <si>
    <t>\\acsfs\profiles$\mariliafplb\Downloads\f1e3dc2d-d7dc-463d-9312-fe1e170bb142.tmp</t>
  </si>
  <si>
    <t>12/26/2019 12:46:16</t>
  </si>
  <si>
    <t>\\acsfs\profiles$\jonathanwap\Downloads\</t>
  </si>
  <si>
    <t>bf947917-ec03-4b8f-a46c-71f2b14912d8.tmp</t>
  </si>
  <si>
    <t>\\acsfs\profiles$\jonathanwap\Downloads\bf947917-ec03-4b8f-a46c-71f2b14912d8.tmp</t>
  </si>
  <si>
    <t>12/26/2019 12:46:23</t>
  </si>
  <si>
    <t>Unconfirmed 420728.crdownload</t>
  </si>
  <si>
    <t>\\acsfs\profiles$\jonathanwap\Downloads\Unconfirmed 420728.crdownload</t>
  </si>
  <si>
    <t>12/26/2019 12:47:13</t>
  </si>
  <si>
    <t>12/26/2019 12:50:52</t>
  </si>
  <si>
    <t>bebfbca0-fa56-441c-8290-165fdc7923f1.tmp</t>
  </si>
  <si>
    <t>\\acsfs\profiles$\PEDROHAB\Downloads\bebfbca0-fa56-441c-8290-165fdc7923f1.tmp</t>
  </si>
  <si>
    <t>12/26/2019 12:48:35</t>
  </si>
  <si>
    <t>dea16934-69be-4b2a-801b-02d76ebe2b73.tmp</t>
  </si>
  <si>
    <t>\\acsfs\profiles$\PEDROHAB\Downloads\dea16934-69be-4b2a-801b-02d76ebe2b73.tmp</t>
  </si>
  <si>
    <t>12/26/2019 12:46:49</t>
  </si>
  <si>
    <t>12/26/2019 12:51:53</t>
  </si>
  <si>
    <t>b7dcaf5c-227c-4df2-8c50-fbc546ee9e9a.tmp</t>
  </si>
  <si>
    <t>\\acsfs\profiles$\laianear\Downloads\b7dcaf5c-227c-4df2-8c50-fbc546ee9e9a.tmp</t>
  </si>
  <si>
    <t>12/26/2019 12:47:20</t>
  </si>
  <si>
    <t>1d6dbb74-2873-4317-ad29-2732e2d10549.tmp</t>
  </si>
  <si>
    <t>\\acsfs\profiles$\laianear\Downloads\1d6dbb74-2873-4317-ad29-2732e2d10549.tmp</t>
  </si>
  <si>
    <t>12/26/2019 12:50:59</t>
  </si>
  <si>
    <t>1b57aaf0-4fcd-47ee-a01a-5136a3fbf7e8.tmp</t>
  </si>
  <si>
    <t>\\acsfs\profiles$\rafaelamsv\Downloads\1b57aaf0-4fcd-47ee-a01a-5136a3fbf7e8.tmp</t>
  </si>
  <si>
    <t>12/26/2019 12:50:58</t>
  </si>
  <si>
    <t>c41d6455-8fbe-4a96-a099-14d59af99ede.tmp</t>
  </si>
  <si>
    <t>\\acsfs\profiles$\henriquehmdo\Downloads\c41d6455-8fbe-4a96-a099-14d59af99ede.tmp</t>
  </si>
  <si>
    <t>12/26/2019 12:52:17</t>
  </si>
  <si>
    <t>12/26/2019 12:52:52</t>
  </si>
  <si>
    <t>12/26/2019 12:52:18</t>
  </si>
  <si>
    <t>lu141641cbk0s.tmp</t>
  </si>
  <si>
    <t>\\acsfs\profiles$\LUCASBS\lu141641cbk0s.tmp</t>
  </si>
  <si>
    <t>\\acsfs\profiles$\LUCASBS\lu141641cbk0s.tmp\</t>
  </si>
  <si>
    <t>\\acsfs\profiles$\LUCASBS\lu141641cbk0s.tmp\META-INF\</t>
  </si>
  <si>
    <t>\\acsfs\profiles$\LUCASBS\lu141641cbk0s.tmp\Thumbnails\</t>
  </si>
  <si>
    <t>12/26/2019 12:49:51</t>
  </si>
  <si>
    <t>12/26/2019 12:53:52</t>
  </si>
  <si>
    <t>10.200.66.223</t>
  </si>
  <si>
    <t>D0-94-66-B5-52-C7</t>
  </si>
  <si>
    <t>VOTORANT-ZB019</t>
  </si>
  <si>
    <t>12/26/2019 12:52:10</t>
  </si>
  <si>
    <t>cintiadcf</t>
  </si>
  <si>
    <t>\\acsfs\profiles$\cintiadcf\Downloads\</t>
  </si>
  <si>
    <t>0f0d80e6-d46b-42d4-b689-f68b11799ecd.tmp</t>
  </si>
  <si>
    <t>\\acsfs\profiles$\cintiadcf\Downloads\0f0d80e6-d46b-42d4-b689-f68b11799ecd.tmp</t>
  </si>
  <si>
    <t>12/26/2019 12:52:16</t>
  </si>
  <si>
    <t>9d48ebbb-b5b7-4cb5-b7b6-eec116a204e5.tmp</t>
  </si>
  <si>
    <t>\\acsfs\profiles$\cintiadcf\Downloads\9d48ebbb-b5b7-4cb5-b7b6-eec116a204e5.tmp</t>
  </si>
  <si>
    <t>12/26/2019 12:53:01</t>
  </si>
  <si>
    <t>4862a3e9-3cef-4e7f-9822-edca640e709f.tmp</t>
  </si>
  <si>
    <t>\\acsfs\profiles$\cintiadcf\Downloads\4862a3e9-3cef-4e7f-9822-edca640e709f.tmp</t>
  </si>
  <si>
    <t>12/26/2019 12:51:54</t>
  </si>
  <si>
    <t>12/26/2019 12:50:35</t>
  </si>
  <si>
    <t>12/26/2019 12:50:36</t>
  </si>
  <si>
    <t>lu363804bm61c.tmp</t>
  </si>
  <si>
    <t>\\acsfs\profiles$\jonatanls\My Documents\lu363804bm61c.tmp</t>
  </si>
  <si>
    <t>12/26/2019 12:49:40</t>
  </si>
  <si>
    <t>9fbe4e11-042c-4dba-b898-898e6b40f20e.tmp</t>
  </si>
  <si>
    <t>\\acsfs\profiles$\anafsb\Downloads\9fbe4e11-042c-4dba-b898-898e6b40f20e.tmp</t>
  </si>
  <si>
    <t>12/26/2019 12:50:00</t>
  </si>
  <si>
    <t>mail.google.com/sync/u/0/i/s?hl=pt-BR&amp;c=300</t>
  </si>
  <si>
    <t>12/26/2019 12:50:25</t>
  </si>
  <si>
    <t>mail.google.com/sync/u/0/i/s?hl=pt-BR&amp;c=303</t>
  </si>
  <si>
    <t>12/26/2019 12:51:44</t>
  </si>
  <si>
    <t>12/26/2019 12:54:52</t>
  </si>
  <si>
    <t>04c5a604-d1f1-4bdb-bc93-c5bbbf999d87.tmp</t>
  </si>
  <si>
    <t>\\acsfs\profiles$\nataliacsl\Downloads\04c5a604-d1f1-4bdb-bc93-c5bbbf999d87.tmp</t>
  </si>
  <si>
    <t>12/26/2019 12:50:43</t>
  </si>
  <si>
    <t>12/26/2019 12:55:52</t>
  </si>
  <si>
    <t>https://udpmailboxap01.acs.com.br:8443/h/search?si=0&amp;so=0&amp;sc=53563&amp;st=conversation&amp;action=compose</t>
  </si>
  <si>
    <t>12/26/2019 12:51:13</t>
  </si>
  <si>
    <t>12/26/2019 12:51:43</t>
  </si>
  <si>
    <t>12/26/2019 12:52:43</t>
  </si>
  <si>
    <t>12/26/2019 12:53:13</t>
  </si>
  <si>
    <t>12/26/2019 12:53:43</t>
  </si>
  <si>
    <t>12/26/2019 12:54:22</t>
  </si>
  <si>
    <t>12/26/2019 12:51:50</t>
  </si>
  <si>
    <t>12/26/2019 12:51:51</t>
  </si>
  <si>
    <t>lu146321g6v9l.tmp</t>
  </si>
  <si>
    <t>\\acsfs\profiles$\dhiulliananads\My Documents\lu146321g6v9l.tmp</t>
  </si>
  <si>
    <t>\\acsfs\profiles$\dhiulliananads\My Documents\lu146321g6v9l.tmp\</t>
  </si>
  <si>
    <t>\\acsfs\profiles$\dhiulliananads\My Documents\lu146321g6v9l.tmp\META-INF\</t>
  </si>
  <si>
    <t>\\acsfs\profiles$\dhiulliananads\My Documents\lu146321g6v9l.tmp\Thumbnails\</t>
  </si>
  <si>
    <t>12/26/2019 12:56:08</t>
  </si>
  <si>
    <t>12/26/2019 12:56:52</t>
  </si>
  <si>
    <t>\\acsfs\DEPTOS\Operacao\Banco_Votorantim\Qualidade\Anderson\Jose\Laudos a fazer 26.12\</t>
  </si>
  <si>
    <t>RAFAELA MARQUES.txt</t>
  </si>
  <si>
    <t>\\acsfs\DEPTOS\Operacao\Banco_Votorantim\Qualidade\Anderson\Jose\Laudos a fazer 26.12\RAFAELA MARQUES.txt</t>
  </si>
  <si>
    <t>12/26/2019 12:56:04</t>
  </si>
  <si>
    <t>2b16c60d-d466-4e61-9ce3-cc70cee99da7.tmp</t>
  </si>
  <si>
    <t>\\acsfs\profiles$\rafaelamsv\Downloads\2b16c60d-d466-4e61-9ce3-cc70cee99da7.tmp</t>
  </si>
  <si>
    <t>12/26/2019 12:53:54</t>
  </si>
  <si>
    <t>fcc8b1f0-ad83-45ba-9054-3f30ecb7d8f0.tmp</t>
  </si>
  <si>
    <t>\\acsfs\profiles$\henriquehmdo\Downloads\fcc8b1f0-ad83-45ba-9054-3f30ecb7d8f0.tmp</t>
  </si>
  <si>
    <t>12/26/2019 12:55:13</t>
  </si>
  <si>
    <t>9a714946-6669-42cf-ba4d-e4ce3b0a1c67.tmp</t>
  </si>
  <si>
    <t>\\acsfs\profiles$\leticiala\Downloads\9a714946-6669-42cf-ba4d-e4ce3b0a1c67.tmp</t>
  </si>
  <si>
    <t>12/26/2019 12:54:48</t>
  </si>
  <si>
    <t>12/26/2019 12:57:52</t>
  </si>
  <si>
    <t>12/26/2019 12:55:14</t>
  </si>
  <si>
    <t>lu141641cbk0x.tmp</t>
  </si>
  <si>
    <t>\\acsfs\profiles$\LUCASBS\lu141641cbk0x.tmp</t>
  </si>
  <si>
    <t>\\acsfs\profiles$\LUCASBS\lu141641cbk0x.tmp\</t>
  </si>
  <si>
    <t>\\acsfs\profiles$\LUCASBS\lu141641cbk0x.tmp\META-INF\</t>
  </si>
  <si>
    <t>\\acsfs\profiles$\LUCASBS\lu141641cbk0x.tmp\Thumbnails\</t>
  </si>
  <si>
    <t>12/26/2019 12:55:19</t>
  </si>
  <si>
    <t>12/26/2019 12:58:53</t>
  </si>
  <si>
    <t>4f365ea8-9620-4535-b34f-56e74123fc31.tmp</t>
  </si>
  <si>
    <t>\\acsfs\profiles$\cintiadcf\Downloads\4f365ea8-9620-4535-b34f-56e74123fc31.tmp</t>
  </si>
  <si>
    <t>12/26/2019 12:57:53</t>
  </si>
  <si>
    <t>12/26/2019 12:57:54</t>
  </si>
  <si>
    <t>12/26/2019 12:54:00</t>
  </si>
  <si>
    <t>mail.google.com/sync/u/0/i/s?hl=pt-BR&amp;c=314</t>
  </si>
  <si>
    <t>mail.google.com/sync/u/0/i/s?hl=pt-BR&amp;c=316</t>
  </si>
  <si>
    <t>12/26/2019 12:55:15</t>
  </si>
  <si>
    <t>12/26/2019 12:55:17</t>
  </si>
  <si>
    <t>mail.google.com/sync/u/0/i/s?hl=pt-BR&amp;c=319</t>
  </si>
  <si>
    <t>12/26/2019 12:55:24</t>
  </si>
  <si>
    <t>mail.google.com/sync/u/0/i/s?hl=pt-BR&amp;c=322</t>
  </si>
  <si>
    <t>12/26/2019 12:55:34</t>
  </si>
  <si>
    <t>mail.google.com/sync/u/0/i/s?hl=pt-BR&amp;c=324</t>
  </si>
  <si>
    <t>12/26/2019 12:55:47</t>
  </si>
  <si>
    <t>mail.google.com/sync/u/0/i/s?hl=pt-BR&amp;c=326</t>
  </si>
  <si>
    <t>12/26/2019 12:55:49</t>
  </si>
  <si>
    <t>mail.google.com/sync/u/0/i/s?hl=pt-BR&amp;c=329</t>
  </si>
  <si>
    <t>12/26/2019 12:57:00</t>
  </si>
  <si>
    <t>12/26/2019 13:00:53</t>
  </si>
  <si>
    <t>bc8263e5-5ba5-4f40-a52b-24bab5e93a46.tmp</t>
  </si>
  <si>
    <t>\\acsfs\profiles$\sarahbal\Downloads\bc8263e5-5ba5-4f40-a52b-24bab5e93a46.tmp</t>
  </si>
  <si>
    <t>12/26/2019 12:58:03</t>
  </si>
  <si>
    <t>12/26/2019 12:56:37</t>
  </si>
  <si>
    <t>12/26/2019 12:55:43</t>
  </si>
  <si>
    <t>12/26/2019 12:59:13</t>
  </si>
  <si>
    <t>12/26/2019 12:57:51</t>
  </si>
  <si>
    <t>12/26/2019 12:58:04</t>
  </si>
  <si>
    <t>12/26/2019 13:02:52</t>
  </si>
  <si>
    <t>12/26/2019 12:58:05</t>
  </si>
  <si>
    <t>12/26/2019 12:58:06</t>
  </si>
  <si>
    <t>12/26/2019 12:58:07</t>
  </si>
  <si>
    <t>12/26/2019 12:58:08</t>
  </si>
  <si>
    <t>12/26/2019 12:58:09</t>
  </si>
  <si>
    <t>12/26/2019 12:58:10</t>
  </si>
  <si>
    <t>12/26/2019 12:58:11</t>
  </si>
  <si>
    <t>12/26/2019 12:58:12</t>
  </si>
  <si>
    <t>12/26/2019 12:58:13</t>
  </si>
  <si>
    <t>12/26/2019 12:58:14</t>
  </si>
  <si>
    <t>12/26/2019 12:58:15</t>
  </si>
  <si>
    <t>12/26/2019 12:58:16</t>
  </si>
  <si>
    <t>12/26/2019 12:58:17</t>
  </si>
  <si>
    <t>12/26/2019 12:58:18</t>
  </si>
  <si>
    <t>12/26/2019 12:58:19</t>
  </si>
  <si>
    <t>12/26/2019 12:58:20</t>
  </si>
  <si>
    <t>12/26/2019 12:58:21</t>
  </si>
  <si>
    <t>12/26/2019 12:58:22</t>
  </si>
  <si>
    <t>12/26/2019 13:02:36</t>
  </si>
  <si>
    <t>12/26/2019 13:03:53</t>
  </si>
  <si>
    <t>12/26/2019 13:00:00</t>
  </si>
  <si>
    <t>12/26/2019 13:00:18</t>
  </si>
  <si>
    <t>12/26/2019 13:04:52</t>
  </si>
  <si>
    <t>12/26/2019 13:02:42</t>
  </si>
  <si>
    <t>12/26/2019 13:02:47</t>
  </si>
  <si>
    <t>daaf216a-de49-4e1a-af23-aa37e69f960d.tmp</t>
  </si>
  <si>
    <t>\\acsfs\profiles$\nataliacsl\Downloads\daaf216a-de49-4e1a-af23-aa37e69f960d.tmp</t>
  </si>
  <si>
    <t>12/26/2019 13:00:08</t>
  </si>
  <si>
    <t>12/26/2019 13:01:57</t>
  </si>
  <si>
    <t>12/26/2019 13:05:52</t>
  </si>
  <si>
    <t>12/26/2019 13:04:03</t>
  </si>
  <si>
    <t>12/26/2019 13:02:57</t>
  </si>
  <si>
    <t>12/26/2019 13:04:46</t>
  </si>
  <si>
    <t>12/26/2019 13:07:52</t>
  </si>
  <si>
    <t>fbef41db-3e1f-4c9f-bea6-51fa41aa704e.tmp</t>
  </si>
  <si>
    <t>\\acsfs\profiles$\eduardofss\Downloads\fbef41db-3e1f-4c9f-bea6-51fa41aa704e.tmp</t>
  </si>
  <si>
    <t>12/26/2019 13:05:12</t>
  </si>
  <si>
    <t>12/26/2019 13:05:13</t>
  </si>
  <si>
    <t>lu141641cbk12.tmp</t>
  </si>
  <si>
    <t>\\acsfs\profiles$\LUCASBS\lu141641cbk12.tmp</t>
  </si>
  <si>
    <t>\\acsfs\profiles$\LUCASBS\lu141641cbk12.tmp\</t>
  </si>
  <si>
    <t>12/26/2019 13:05:14</t>
  </si>
  <si>
    <t>\\acsfs\profiles$\LUCASBS\lu141641cbk12.tmp\META-INF\</t>
  </si>
  <si>
    <t>\\acsfs\profiles$\LUCASBS\lu141641cbk12.tmp\Thumbnails\</t>
  </si>
  <si>
    <t>12/26/2019 13:03:38</t>
  </si>
  <si>
    <t>12/26/2019 13:08:52</t>
  </si>
  <si>
    <t>12/26/2019 13:03:39</t>
  </si>
  <si>
    <t>lu4528d8p20.tmp</t>
  </si>
  <si>
    <t>\\acsfs\profiles$\BRUNAAR\Numero\lu4528d8p20.tmp</t>
  </si>
  <si>
    <t>12/26/2019 13:03:40</t>
  </si>
  <si>
    <t>12/26/2019 13:03:41</t>
  </si>
  <si>
    <t>lu4528d8p23.tmp</t>
  </si>
  <si>
    <t>\\acsfs\profiles$\BRUNAAR\Numero\lu4528d8p23.tmp</t>
  </si>
  <si>
    <t>12/26/2019 13:05:16</t>
  </si>
  <si>
    <t>12/26/2019 13:05:30</t>
  </si>
  <si>
    <t>12/26/2019 13:05:31</t>
  </si>
  <si>
    <t>lu10136dc80e.tmp</t>
  </si>
  <si>
    <t>\\acsfs\profiles$\BRUNAAR\Numero\lu10136dc80e.tmp</t>
  </si>
  <si>
    <t>12/26/2019 13:03:20</t>
  </si>
  <si>
    <t>a915c592-0c87-4033-8395-bec4052d790f.tmp</t>
  </si>
  <si>
    <t>\\acsfs\profiles$\cintiadcf\Downloads\a915c592-0c87-4033-8395-bec4052d790f.tmp</t>
  </si>
  <si>
    <t>12/26/2019 13:07:12</t>
  </si>
  <si>
    <t>af9aa578-1340-4b3c-b7bb-27d2b0ebf9be.tmp</t>
  </si>
  <si>
    <t>\\acsfs\profiles$\cintiadcf\Downloads\af9aa578-1340-4b3c-b7bb-27d2b0ebf9be.tmp</t>
  </si>
  <si>
    <t>12/26/2019 13:03:54</t>
  </si>
  <si>
    <t>12/26/2019 13:04:39</t>
  </si>
  <si>
    <t>12/26/2019 13:04:40</t>
  </si>
  <si>
    <t>lu822412n0mo.tmp</t>
  </si>
  <si>
    <t>\\acsfs\profiles$\ISABELLEGTDS\Nova pasta\lu822412n0mo.tmp</t>
  </si>
  <si>
    <t>\\acsfs\profiles$\ISABELLEGTDS\Nova pasta\lu822412n0mo.tmp\</t>
  </si>
  <si>
    <t>\\acsfs\profiles$\ISABELLEGTDS\Nova pasta\lu822412n0mo.tmp\META-INF\</t>
  </si>
  <si>
    <t>\\acsfs\profiles$\ISABELLEGTDS\Nova pasta\lu822412n0mo.tmp\Thumbnails\</t>
  </si>
  <si>
    <t>12/26/2019 13:05:07</t>
  </si>
  <si>
    <t>.~lock.isabelle 26.12.ods#</t>
  </si>
  <si>
    <t>\\acsfs\profiles$\ISABELLEGTDS\Nova pasta\.~lock.isabelle 26.12.ods#</t>
  </si>
  <si>
    <t>12/26/2019 13:05:08</t>
  </si>
  <si>
    <t>lu822412n0mt.tmp</t>
  </si>
  <si>
    <t>\\acsfs\profiles$\ISABELLEGTDS\Nova pasta\lu822412n0mt.tmp</t>
  </si>
  <si>
    <t>\\acsfs\profiles$\ISABELLEGTDS\Nova pasta\lu822412n0mt.tmp\</t>
  </si>
  <si>
    <t>\\acsfs\profiles$\ISABELLEGTDS\Nova pasta\lu822412n0mt.tmp\META-INF\</t>
  </si>
  <si>
    <t>\\acsfs\profiles$\ISABELLEGTDS\Nova pasta\lu822412n0mt.tmp\Thumbnails\</t>
  </si>
  <si>
    <t>12/26/2019 13:06:00</t>
  </si>
  <si>
    <t>12/26/2019 13:05:25</t>
  </si>
  <si>
    <t>12/26/2019 13:09:53</t>
  </si>
  <si>
    <t>mail.google.com/sync/u/0/i/s?hl=pt-BR&amp;c=908</t>
  </si>
  <si>
    <t>12/26/2019 13:05:33</t>
  </si>
  <si>
    <t>mail.google.com/sync/u/0/i/s?hl=pt-BR&amp;c=910</t>
  </si>
  <si>
    <t>12/26/2019 13:05:37</t>
  </si>
  <si>
    <t>12/26/2019 13:05:48</t>
  </si>
  <si>
    <t>mail.google.com/sync/u/0/i/s?hl=pt-BR&amp;c=914</t>
  </si>
  <si>
    <t>bvcartes-supervisores@algarnet.onmicrosoft.com;joaogvc@algartech.com;leonardoao@algartech.com;marianacds@algartech.com;marianadjc@algartech.com;paulacn@algartech.com;taysdss@algartech.com;thiagordu@algartech.com;viniciussg@algartech.com;</t>
  </si>
  <si>
    <t>bvcartes-supervisores@algarnet.onmicrosoft.com,joaogvc@algartech.com,leonardoao@algartech.com,marianacds@algartech.com,marianadjc@algartech.com,paulacn@algartech.com,taysdss@algartech.com,thiagordu@algartech.com,viniciussg@algartech.com</t>
  </si>
  <si>
    <t>12/26/2019 13:05:51</t>
  </si>
  <si>
    <t>12/26/2019 13:05:56</t>
  </si>
  <si>
    <t>bvcartes-supervisores@algarnet.onmicrosoft.com;joaogvc@algartech.com;leonardoao@algartech.com;marianacds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arianacds@algartech.com,marianadjc@algartech.com,mirianppb@algartech.com,paulacn@algartech.com,rafaelggs@algartech.com,taysdss@algartech.com,thiagordu@algartech.com,viniciussg@algartech.com</t>
  </si>
  <si>
    <t>12/26/2019 13:06:18</t>
  </si>
  <si>
    <t>12/26/2019 13:06:32</t>
  </si>
  <si>
    <t>12/26/2019 13:06:48</t>
  </si>
  <si>
    <t>mail.google.com/sync/u/0/i/s?hl=pt-BR&amp;c=926</t>
  </si>
  <si>
    <t>12/26/2019 13:06:49</t>
  </si>
  <si>
    <t>12/26/2019 13:06:56</t>
  </si>
  <si>
    <t>mail.google.com/sync/u/0/i/s?hl=pt-BR&amp;c=928</t>
  </si>
  <si>
    <t>12/26/2019 13:06:59</t>
  </si>
  <si>
    <t>mail.google.com/sync/u/0/i/s?hl=pt-BR&amp;c=930</t>
  </si>
  <si>
    <t>12/26/2019 13:07:29</t>
  </si>
  <si>
    <t>mail.google.com/sync/u/0/i/s?hl=pt-BR&amp;c=935</t>
  </si>
  <si>
    <t>bvcartes-supervisores@algarnet.onmicrosoft.com;joaogvc@algartech.com;leonardoao@algartech.com;marianacds@algartech.com;marianadjc@algartech.com;paulacn@algartech.com;rafaelggs@algartech.com;taysdss@algartech.com;thiagordu@algartech.com;viniciussg@algartech.com;</t>
  </si>
  <si>
    <t>bvcartes-supervisores@algarnet.onmicrosoft.com,joaogvc@algartech.com,leonardoao@algartech.com,marianacds@algartech.com,marianadjc@algartech.com,paulacn@algartech.com,rafaelggs@algartech.com,taysdss@algartech.com,thiagordu@algartech.com,viniciussg@algartech.com</t>
  </si>
  <si>
    <t>12/26/2019 13:07:43</t>
  </si>
  <si>
    <t>mail.google.com/sync/u/0/i/s?hl=pt-BR&amp;c=937</t>
  </si>
  <si>
    <t>12/26/2019 13:07:47</t>
  </si>
  <si>
    <t>mail.google.com/sync/u/0/i/s?hl=pt-BR&amp;c=939</t>
  </si>
  <si>
    <t>12/26/2019 13:08:03</t>
  </si>
  <si>
    <t>mail.google.com/sync/u/0/i/s?hl=pt-BR&amp;c=941</t>
  </si>
  <si>
    <t>12/26/2019 13:08:06</t>
  </si>
  <si>
    <t>mail.google.com/sync/u/0/i/s?hl=pt-BR&amp;c=943</t>
  </si>
  <si>
    <t>12/26/2019 13:07:11</t>
  </si>
  <si>
    <t>12/26/2019 13:10:52</t>
  </si>
  <si>
    <t>12/26/2019 13:08:13</t>
  </si>
  <si>
    <t>12/26/2019 13:09:35</t>
  </si>
  <si>
    <t>12/26/2019 13:11:52</t>
  </si>
  <si>
    <t>62457817-bf37-481d-a9ec-65ea3a386a52.tmp</t>
  </si>
  <si>
    <t>\\acsfs\profiles$\leticiala\Downloads\62457817-bf37-481d-a9ec-65ea3a386a52.tmp</t>
  </si>
  <si>
    <t>12/26/2019 13:11:23</t>
  </si>
  <si>
    <t>12/26/2019 13:12:52</t>
  </si>
  <si>
    <t>fa3f7a1f-a739-42bc-8426-7ed7dbfa6fe6.tmp</t>
  </si>
  <si>
    <t>\\acsfs\profiles$\maxmillianosv\Downloads\fa3f7a1f-a739-42bc-8426-7ed7dbfa6fe6.tmp</t>
  </si>
  <si>
    <t>12/26/2019 13:09:54</t>
  </si>
  <si>
    <t>12/26/2019 13:13:52</t>
  </si>
  <si>
    <t>12/26/2019 13:12:00</t>
  </si>
  <si>
    <t>12/26/2019 13:12:42</t>
  </si>
  <si>
    <t>12/26/2019 13:14:53</t>
  </si>
  <si>
    <t>12/26/2019 13:12:02</t>
  </si>
  <si>
    <t>12/26/2019 13:13:06</t>
  </si>
  <si>
    <t>mail.google.com/sync/u/0/i/s?hl=pt-BR&amp;c=949</t>
  </si>
  <si>
    <t>12/26/2019 13:13:09</t>
  </si>
  <si>
    <t>mail.google.com/sync/u/0/i/s?hl=pt-BR&amp;c=951</t>
  </si>
  <si>
    <t>12/26/2019 13:13:15</t>
  </si>
  <si>
    <t>mail.google.com/sync/u/0/i/s?hl=pt-BR&amp;c=954</t>
  </si>
  <si>
    <t>12/26/2019 13:13:22</t>
  </si>
  <si>
    <t>12/26/2019 13:13:29</t>
  </si>
  <si>
    <t>12/26/2019 13:13:51</t>
  </si>
  <si>
    <t>RELATORIO DE LOGIN - BV CARTÕES 25-12.xlsm</t>
  </si>
  <si>
    <t>\\acsfs\DEPTOS\Operacao\PCP\5 - Comum\PLANEJAMENTO BV\14 - ACOMPANHAMENTO\1 - REPORT ACOMPANHAMENTO\2019\12 - Dezembro\CARTÕES\Login Logout Cartões\RELATORIO DE LOGIN - BV CARTÕES 25-12.xlsm</t>
  </si>
  <si>
    <t>12/26/2019 13:12:06</t>
  </si>
  <si>
    <t>12/26/2019 13:15:52</t>
  </si>
  <si>
    <t>12/26/2019 13:14:13</t>
  </si>
  <si>
    <t>12/26/2019 13:14:43</t>
  </si>
  <si>
    <t>12/26/2019 13:12:46</t>
  </si>
  <si>
    <t>12/26/2019 13:14:07</t>
  </si>
  <si>
    <t>anavbg@algartech.com;atendimentocartao@bv.com.br;backofficebv@dxc.com;bvs-centralcartoes@bv.com.br;eduardo.santana@bv.com.br;fabianacscg@algartech.com;fernandorsju@algartech.com;jose.ric.dos-santos@dxc.com;larissa.alcantara@bv.com.br;marianeps@algartech.com;mirianppb@algartech.com;talmaiardo@algartech.com;thiagordu@algartech.com;</t>
  </si>
  <si>
    <t>anavbg@algartech.com,atendimentocartao@bv.com.br,backofficebv@dxc.com,bvs-centralcartoes@bv.com.br,eduardo.santana@bv.com.br,fabianacscg@algartech.com,fernandorsju@algartech.com,jose.ric.dos-santos@dxc.com,larissa.alcantara@bv.com.br,marianeps@algartech.com,mirianppb@algartech.com,talmaiardo@algartech.com,thiagordu@algartech.com</t>
  </si>
  <si>
    <t>12/26/2019 13:14:38</t>
  </si>
  <si>
    <t>anavbg@algartech.com;atendimentocartao@bv.com.br;backofficebv@dxc.com;bvs-centralcartoes@bv.com.br;eduardo.santana@bv.com.br;fabianacscg@algartech.com;fernandorsju@algartech.com;jose.ric.dos-santos@dxc.com;kesiadof@algartech.com;larissa.alcantara@bv.com.br;marianeps@algartech.com;mirianppb@algartech.com;talmaiardo@algartech.com;thiagordu@algartech.com;</t>
  </si>
  <si>
    <t>anavbg@algartech.com,atendimentocartao@bv.com.br,backofficebv@dxc.com,bvs-centralcartoes@bv.com.br,eduardo.santana@bv.com.br,fabianacscg@algartech.com,fernandorsju@algartech.com,jose.ric.dos-santos@dxc.com,kesiadof@algartech.com,larissa.alcantara@bv.com.br,marianeps@algartech.com,mirianppb@algartech.com,talmaiardo@algartech.com,thiagordu@algartech.com</t>
  </si>
  <si>
    <t>12/26/2019 13:14:41</t>
  </si>
  <si>
    <t>12/26/2019 13:14:52</t>
  </si>
  <si>
    <t>atendimentocartao@bv.com.br;backofficebv@dxc.com;bvs-centralcartoes@bv.com.br;fabianacscg@algartech.com;fernandorsju@algartech.com;jose.ric.dos-santos@dxc.com;larissa.alcantara@bv.com.br;marianeps@algartech.com;talmaiardo@algartech.com;thiagordu@algartech.com;</t>
  </si>
  <si>
    <t>atendimentocartao@bv.com.br,backofficebv@dxc.com,bvs-centralcartoes@bv.com.br,fabianacscg@algartech.com,fernandorsju@algartech.com,jose.ric.dos-santos@dxc.com,larissa.alcantara@bv.com.br,marianeps@algartech.com,talmaiardo@algartech.com,thiagordu@algartech.com</t>
  </si>
  <si>
    <t>12/26/2019 13:15:03</t>
  </si>
  <si>
    <t>mail.google.com/sync/u/0/i/s?hl=pt-BR&amp;c=182</t>
  </si>
  <si>
    <t>12/26/2019 13:15:29</t>
  </si>
  <si>
    <t>12/26/2019 13:15:33</t>
  </si>
  <si>
    <t>12/26/2019 13:15:36</t>
  </si>
  <si>
    <t>mail.google.com/sync/u/0/i/s?hl=pt-BR&amp;c=189</t>
  </si>
  <si>
    <t>12/26/2019 13:15:46</t>
  </si>
  <si>
    <t>12/26/2019 13:11:02</t>
  </si>
  <si>
    <t>12/26/2019 13:16:53</t>
  </si>
  <si>
    <t>7022ef3d-14d8-4620-9931-ec52faec6fc5.tmp</t>
  </si>
  <si>
    <t>\\acsfs\profiles$\quindaizaagds\Downloads\7022ef3d-14d8-4620-9931-ec52faec6fc5.tmp</t>
  </si>
  <si>
    <t>12/26/2019 13:12:58</t>
  </si>
  <si>
    <t>5808cf96-3db4-44ef-a58e-32bc972f25d6.tmp</t>
  </si>
  <si>
    <t>\\acsfs\profiles$\quindaizaagds\Downloads\5808cf96-3db4-44ef-a58e-32bc972f25d6.tmp</t>
  </si>
  <si>
    <t>12/26/2019 13:11:48</t>
  </si>
  <si>
    <t>76649618-3135-4013-866e-7a0b0dc842c8.tmp</t>
  </si>
  <si>
    <t>\\acsfs\profiles$\wenderbnm\Downloads\76649618-3135-4013-866e-7a0b0dc842c8.tmp</t>
  </si>
  <si>
    <t>12/26/2019 13:16:35</t>
  </si>
  <si>
    <t>12/26/2019 13:16:45</t>
  </si>
  <si>
    <t>12/26/2019 13:17:52</t>
  </si>
  <si>
    <t>12/26/2019 13:15:54</t>
  </si>
  <si>
    <t>12/26/2019 13:18:53</t>
  </si>
  <si>
    <t>12/26/2019 13:17:13</t>
  </si>
  <si>
    <t>f5467cbb-eed1-4341-ab82-0c6b8759a967.tmp</t>
  </si>
  <si>
    <t>\\acsfs\profiles$\anafsb\Downloads\f5467cbb-eed1-4341-ab82-0c6b8759a967.tmp</t>
  </si>
  <si>
    <t>12/26/2019 13:18:00</t>
  </si>
  <si>
    <t>12/26/2019 13:17:22</t>
  </si>
  <si>
    <t>12/26/2019 13:19:52</t>
  </si>
  <si>
    <t>8a4a86aa-a4bc-428e-b9ee-14054587b86f.tmp</t>
  </si>
  <si>
    <t>\\acsfs\profiles$\YASMINSC\Downloads\8a4a86aa-a4bc-428e-b9ee-14054587b86f.tmp</t>
  </si>
  <si>
    <t>12/26/2019 13:16:34</t>
  </si>
  <si>
    <t>12/26/2019 13:16:36</t>
  </si>
  <si>
    <t>lu208202laf4d.tmp</t>
  </si>
  <si>
    <t>\\acsfs\profiles$\geovanaasa\My Documents\lu208202laf4d.tmp</t>
  </si>
  <si>
    <t>\\acsfs\profiles$\geovanaasa\My Documents\lu208202laf4d.tmp\</t>
  </si>
  <si>
    <t>\\acsfs\profiles$\geovanaasa\My Documents\lu208202laf4d.tmp\META-INF\</t>
  </si>
  <si>
    <t>\\acsfs\profiles$\geovanaasa\My Documents\lu208202laf4d.tmp\Thumbnails\</t>
  </si>
  <si>
    <t>12/26/2019 13:16:12</t>
  </si>
  <si>
    <t>mail.google.com/sync/u/0/i/s?hl=pt-BR&amp;c=965</t>
  </si>
  <si>
    <t>12/26/2019 13:16:23</t>
  </si>
  <si>
    <t>12/26/2019 13:16:02</t>
  </si>
  <si>
    <t>12/26/2019 13:20:52</t>
  </si>
  <si>
    <t>elianegr@algartech.com</t>
  </si>
  <si>
    <t>12/26/2019 13:16:05</t>
  </si>
  <si>
    <t>12/26/2019 13:17:36</t>
  </si>
  <si>
    <t>12/26/2019 13:16:13</t>
  </si>
  <si>
    <t>12/26/2019 13:17:44</t>
  </si>
  <si>
    <t>12/26/2019 13:16:43</t>
  </si>
  <si>
    <t>12/26/2019 13:19:07</t>
  </si>
  <si>
    <t>12/26/2019 13:19:08</t>
  </si>
  <si>
    <t>lu146321g6v9r.tmp</t>
  </si>
  <si>
    <t>\\acsfs\profiles$\dhiulliananads\My Documents\lu146321g6v9r.tmp</t>
  </si>
  <si>
    <t>\\acsfs\profiles$\dhiulliananads\My Documents\lu146321g6v9r.tmp\</t>
  </si>
  <si>
    <t>\\acsfs\profiles$\dhiulliananads\My Documents\lu146321g6v9r.tmp\META-INF\</t>
  </si>
  <si>
    <t>\\acsfs\profiles$\dhiulliananads\My Documents\lu146321g6v9r.tmp\Thumbnails\</t>
  </si>
  <si>
    <t>12/26/2019 13:15:49</t>
  </si>
  <si>
    <t>12/26/2019 13:22:04</t>
  </si>
  <si>
    <t>12/26/2019 13:22:52</t>
  </si>
  <si>
    <t>12/26/2019 13:22:05</t>
  </si>
  <si>
    <t>lu141641cbk17.tmp</t>
  </si>
  <si>
    <t>\\acsfs\profiles$\LUCASBS\lu141641cbk17.tmp</t>
  </si>
  <si>
    <t>\\acsfs\profiles$\LUCASBS\lu141641cbk17.tmp\</t>
  </si>
  <si>
    <t>\\acsfs\profiles$\LUCASBS\lu141641cbk17.tmp\META-INF\</t>
  </si>
  <si>
    <t>\\acsfs\profiles$\LUCASBS\lu141641cbk17.tmp\Thumbnails\</t>
  </si>
  <si>
    <t>12/26/2019 13:21:54</t>
  </si>
  <si>
    <t>12/26/2019 13:23:52</t>
  </si>
  <si>
    <t>12/26/2019 13:18:44</t>
  </si>
  <si>
    <t>12/26/2019 13:23:28</t>
  </si>
  <si>
    <t>12/26/2019 13:25:52</t>
  </si>
  <si>
    <t>12/26/2019 13:23:43</t>
  </si>
  <si>
    <t>12/26/2019 13:24:13</t>
  </si>
  <si>
    <t>12/26/2019 13:23:54</t>
  </si>
  <si>
    <t>12/26/2019 13:24:14</t>
  </si>
  <si>
    <t>12/26/2019 13:26:53</t>
  </si>
  <si>
    <t>12/26/2019 13:27:45</t>
  </si>
  <si>
    <t>12/26/2019 13:28:52</t>
  </si>
  <si>
    <t>f12d5727-c10d-484d-bc96-c009e4c5b539.tmp</t>
  </si>
  <si>
    <t>\\acsfs\profiles$\cintiadcf\Downloads\f12d5727-c10d-484d-bc96-c009e4c5b539.tmp</t>
  </si>
  <si>
    <t>12/26/2019 13:27:54</t>
  </si>
  <si>
    <t>12/26/2019 13:26:51</t>
  </si>
  <si>
    <t>3e290ffb-0d14-4343-a301-1ae3b2d60ead.tmp</t>
  </si>
  <si>
    <t>\\acsfs\profiles$\brendadsl\Downloads\3e290ffb-0d14-4343-a301-1ae3b2d60ead.tmp</t>
  </si>
  <si>
    <t>3640ba93-2524-4eab-a542-b80582df7b23.tmp</t>
  </si>
  <si>
    <t>\\acsfs\profiles$\brendadsl\Downloads\3640ba93-2524-4eab-a542-b80582df7b23.tmp</t>
  </si>
  <si>
    <t>d7a690c2-e7f3-4810-9791-6bc626d3239a.tmp</t>
  </si>
  <si>
    <t>\\acsfs\profiles$\brendadsl\Downloads\d7a690c2-e7f3-4810-9791-6bc626d3239a.tmp</t>
  </si>
  <si>
    <t>59fc7555-6274-4576-b220-190d0201ef81.tmp</t>
  </si>
  <si>
    <t>\\acsfs\profiles$\brendadsl\Downloads\59fc7555-6274-4576-b220-190d0201ef81.tmp</t>
  </si>
  <si>
    <t>976418d9-eca4-4acc-af08-04dc28e23386.tmp</t>
  </si>
  <si>
    <t>\\acsfs\profiles$\brendadsl\Downloads\976418d9-eca4-4acc-af08-04dc28e23386.tmp</t>
  </si>
  <si>
    <t>12/26/2019 13:28:19</t>
  </si>
  <si>
    <t>fdf13bed-bccd-4ddc-954a-78cb4bd73be8.tmp</t>
  </si>
  <si>
    <t>\\acsfs\profiles$\brendadsl\Downloads\fdf13bed-bccd-4ddc-954a-78cb4bd73be8.tmp</t>
  </si>
  <si>
    <t>12/26/2019 13:24:01</t>
  </si>
  <si>
    <t>12/26/2019 13:30:05</t>
  </si>
  <si>
    <t>12/26/2019 13:30:52</t>
  </si>
  <si>
    <t>5ab6b9bf-c0b6-45e3-805a-95ec331f5187.tmp</t>
  </si>
  <si>
    <t>\\acsfs\profiles$\gabrielamdp\Downloads\5ab6b9bf-c0b6-45e3-805a-95ec331f5187.tmp</t>
  </si>
  <si>
    <t>abbf0246-e22e-4daa-94b9-3e6dcec71634.tmp</t>
  </si>
  <si>
    <t>\\acsfs\profiles$\gabrielamdp\Downloads\abbf0246-e22e-4daa-94b9-3e6dcec71634.tmp</t>
  </si>
  <si>
    <t>a5454221-bed5-4b3c-bd78-8f5852890bb1.tmp</t>
  </si>
  <si>
    <t>\\acsfs\profiles$\gabrielamdp\Downloads\a5454221-bed5-4b3c-bd78-8f5852890bb1.tmp</t>
  </si>
  <si>
    <t>7f908fb4-cc8d-451f-a22f-ead0dd3f743f.tmp</t>
  </si>
  <si>
    <t>\\acsfs\profiles$\gabrielamdp\Downloads\7f908fb4-cc8d-451f-a22f-ead0dd3f743f.tmp</t>
  </si>
  <si>
    <t>12/26/2019 13:30:06</t>
  </si>
  <si>
    <t>a6e0d220-ea79-442a-a830-02e9b24e45ba.tmp</t>
  </si>
  <si>
    <t>\\acsfs\profiles$\gabrielamdp\Downloads\a6e0d220-ea79-442a-a830-02e9b24e45ba.tmp</t>
  </si>
  <si>
    <t>12/26/2019 13:29:58</t>
  </si>
  <si>
    <t>12/26/2019 13:31:52</t>
  </si>
  <si>
    <t>fe76bce5-8292-4ddf-8cd6-a6de2d06478c.tmp</t>
  </si>
  <si>
    <t>\\acsfs\profiles$\quindaizaagds\Downloads\fe76bce5-8292-4ddf-8cd6-a6de2d06478c.tmp</t>
  </si>
  <si>
    <t>12/26/2019 13:30:23</t>
  </si>
  <si>
    <t>12/26/2019 13:32:51</t>
  </si>
  <si>
    <t>bd5dbd28-5d3e-4bb5-a927-b2c470e23b6f.tmp</t>
  </si>
  <si>
    <t>\\acsfs\profiles$\eduardofss\Downloads\bd5dbd28-5d3e-4bb5-a927-b2c470e23b6f.tmp</t>
  </si>
  <si>
    <t>12/26/2019 13:30:37</t>
  </si>
  <si>
    <t>12/26/2019 13:29:42</t>
  </si>
  <si>
    <t>12/26/2019 13:33:52</t>
  </si>
  <si>
    <t>12/26/2019 13:32:10</t>
  </si>
  <si>
    <t>12/26/2019 13:32:18</t>
  </si>
  <si>
    <t>12/26/2019 13:32:28</t>
  </si>
  <si>
    <t>12/26/2019 13:32:32</t>
  </si>
  <si>
    <t>12/26/2019 13:32:39</t>
  </si>
  <si>
    <t>12/26/2019 13:32:55</t>
  </si>
  <si>
    <t>12/26/2019 13:33:19</t>
  </si>
  <si>
    <t>12/26/2019 13:33:23</t>
  </si>
  <si>
    <t>12/26/2019 13:33:30</t>
  </si>
  <si>
    <t>12/26/2019 13:30:00</t>
  </si>
  <si>
    <t>12/26/2019 13:30:33</t>
  </si>
  <si>
    <t>12/26/2019 13:35:52</t>
  </si>
  <si>
    <t>3052f6b7-c6f7-4b2d-9e10-0cd363d64e61.tmp</t>
  </si>
  <si>
    <t>\\acsfs\profiles$\gabrielamdp\Downloads\3052f6b7-c6f7-4b2d-9e10-0cd363d64e61.tmp</t>
  </si>
  <si>
    <t>12/26/2019 13:30:36</t>
  </si>
  <si>
    <t>9270e88f-4be2-4d95-a1e8-a8e6f875bede.tmp</t>
  </si>
  <si>
    <t>\\acsfs\profiles$\gabrielamdp\Downloads\9270e88f-4be2-4d95-a1e8-a8e6f875bede.tmp</t>
  </si>
  <si>
    <t>90019f35-e702-4c20-8c4c-d99d98913020.tmp</t>
  </si>
  <si>
    <t>\\acsfs\profiles$\gabrielamdp\Downloads\90019f35-e702-4c20-8c4c-d99d98913020.tmp</t>
  </si>
  <si>
    <t>5acf07b0-cf6e-4544-962a-97afa66d1263.tmp</t>
  </si>
  <si>
    <t>\\acsfs\profiles$\gabrielamdp\Downloads\5acf07b0-cf6e-4544-962a-97afa66d1263.tmp</t>
  </si>
  <si>
    <t>b4cac217-e928-48b3-ab57-92fb916fb424.tmp</t>
  </si>
  <si>
    <t>\\acsfs\profiles$\gabrielamdp\Downloads\b4cac217-e928-48b3-ab57-92fb916fb424.tmp</t>
  </si>
  <si>
    <t>12/26/2019 13:32:43</t>
  </si>
  <si>
    <t>12/26/2019 13:35:22</t>
  </si>
  <si>
    <t>lu146321g6v9x.tmp</t>
  </si>
  <si>
    <t>\\acsfs\profiles$\dhiulliananads\My Documents\lu146321g6v9x.tmp</t>
  </si>
  <si>
    <t>\\acsfs\profiles$\dhiulliananads\My Documents\lu146321g6v9x.tmp\</t>
  </si>
  <si>
    <t>\\acsfs\profiles$\dhiulliananads\My Documents\lu146321g6v9x.tmp\META-INF\</t>
  </si>
  <si>
    <t>\\acsfs\profiles$\dhiulliananads\My Documents\lu146321g6v9x.tmp\Thumbnails\</t>
  </si>
  <si>
    <t>12/26/2019 13:36:52</t>
  </si>
  <si>
    <t>12/26/2019 13:36:33</t>
  </si>
  <si>
    <t>6ad8d5da-254c-4ebd-a1bb-ab5b6db6b607.tmp</t>
  </si>
  <si>
    <t>\\acsfs\profiles$\henriquehmdo\Downloads\6ad8d5da-254c-4ebd-a1bb-ab5b6db6b607.tmp</t>
  </si>
  <si>
    <t>12/26/2019 13:34:15</t>
  </si>
  <si>
    <t>12/26/2019 13:37:51</t>
  </si>
  <si>
    <t>12/26/2019 13:35:06</t>
  </si>
  <si>
    <t>030d161b-1639-4d84-8262-2a29628e8907.tmp</t>
  </si>
  <si>
    <t>\\acsfs\profiles$\eduardofss\Downloads\030d161b-1639-4d84-8262-2a29628e8907.tmp</t>
  </si>
  <si>
    <t>12/26/2019 13:33:32</t>
  </si>
  <si>
    <t>6179d433-b4ff-4fb5-8c9d-d660394efb5f.tmp</t>
  </si>
  <si>
    <t>\\acsfs\profiles$\deborahsi\Downloads\6179d433-b4ff-4fb5-8c9d-d660394efb5f.tmp</t>
  </si>
  <si>
    <t>12/26/2019 13:35:24</t>
  </si>
  <si>
    <t>12/26/2019 13:35:26</t>
  </si>
  <si>
    <t>lu141641cbk1g.tmp</t>
  </si>
  <si>
    <t>\\acsfs\profiles$\LUCASBS\lu141641cbk1g.tmp</t>
  </si>
  <si>
    <t>\\acsfs\profiles$\LUCASBS\lu141641cbk1g.tmp\</t>
  </si>
  <si>
    <t>\\acsfs\profiles$\LUCASBS\lu141641cbk1g.tmp\META-INF\</t>
  </si>
  <si>
    <t>\\acsfs\profiles$\LUCASBS\lu141641cbk1g.tmp\Thumbnails\</t>
  </si>
  <si>
    <t>12/26/2019 13:35:44</t>
  </si>
  <si>
    <t>12/26/2019 13:35:58</t>
  </si>
  <si>
    <t>12/26/2019 13:33:54</t>
  </si>
  <si>
    <t>12/26/2019 13:38:52</t>
  </si>
  <si>
    <t>12/26/2019 13:33:59</t>
  </si>
  <si>
    <t>12/26/2019 13:34:11</t>
  </si>
  <si>
    <t>12/26/2019 13:34:32</t>
  </si>
  <si>
    <t>12/26/2019 13:34:34</t>
  </si>
  <si>
    <t>12/26/2019 13:34:45</t>
  </si>
  <si>
    <t>12/26/2019 13:34:48</t>
  </si>
  <si>
    <t>12/26/2019 13:36:01</t>
  </si>
  <si>
    <t>12/26/2019 13:36:08</t>
  </si>
  <si>
    <t>12/26/2019 13:36:11</t>
  </si>
  <si>
    <t>12/26/2019 13:36:24</t>
  </si>
  <si>
    <t>12/26/2019 13:38:33</t>
  </si>
  <si>
    <t>12/26/2019 13:39:52</t>
  </si>
  <si>
    <t>12/26/2019 13:39:32</t>
  </si>
  <si>
    <t>9ad8e052-655e-44f5-918f-c5b2020f5201.tmp</t>
  </si>
  <si>
    <t>\\acsfs\profiles$\mariliafplb\Downloads\9ad8e052-655e-44f5-918f-c5b2020f5201.tmp</t>
  </si>
  <si>
    <t>12/26/2019 13:38:51</t>
  </si>
  <si>
    <t>mail.google.com/sync/u/0/i/s?hl=pt-BR&amp;c=986</t>
  </si>
  <si>
    <t>marianadjc@algartech.com;paulacn@algartech.com;</t>
  </si>
  <si>
    <t>marianadjc@algartech.com,paulacn@algartech.com</t>
  </si>
  <si>
    <t>12/26/2019 13:36:43</t>
  </si>
  <si>
    <t>12/26/2019 13:40:53</t>
  </si>
  <si>
    <t>12/26/2019 13:35:54</t>
  </si>
  <si>
    <t>lu146321g6va3.tmp</t>
  </si>
  <si>
    <t>\\acsfs\profiles$\dhiulliananads\My Documents\lu146321g6va3.tmp</t>
  </si>
  <si>
    <t>\\acsfs\profiles$\dhiulliananads\My Documents\lu146321g6va3.tmp\</t>
  </si>
  <si>
    <t>\\acsfs\profiles$\dhiulliananads\My Documents\lu146321g6va3.tmp\META-INF\</t>
  </si>
  <si>
    <t>\\acsfs\profiles$\dhiulliananads\My Documents\lu146321g6va3.tmp\Thumbnails\</t>
  </si>
  <si>
    <t>lu146321g6va9.tmp</t>
  </si>
  <si>
    <t>\\acsfs\profiles$\dhiulliananads\My Documents\lu146321g6va9.tmp</t>
  </si>
  <si>
    <t>\\acsfs\profiles$\dhiulliananads\My Documents\lu146321g6va9.tmp\</t>
  </si>
  <si>
    <t>\\acsfs\profiles$\dhiulliananads\My Documents\lu146321g6va9.tmp\META-INF\</t>
  </si>
  <si>
    <t>\\acsfs\profiles$\dhiulliananads\My Documents\lu146321g6va9.tmp\Thumbnails\</t>
  </si>
  <si>
    <t>12/26/2019 13:37:25</t>
  </si>
  <si>
    <t>lu146321g6vaf.tmp</t>
  </si>
  <si>
    <t>\\acsfs\profiles$\dhiulliananads\My Documents\lu146321g6vaf.tmp</t>
  </si>
  <si>
    <t>\\acsfs\profiles$\dhiulliananads\My Documents\lu146321g6vaf.tmp\</t>
  </si>
  <si>
    <t>\\acsfs\profiles$\dhiulliananads\My Documents\lu146321g6vaf.tmp\META-INF\</t>
  </si>
  <si>
    <t>\\acsfs\profiles$\dhiulliananads\My Documents\lu146321g6vaf.tmp\Thumbnails\</t>
  </si>
  <si>
    <t>12/26/2019 13:38:07</t>
  </si>
  <si>
    <t>12/26/2019 13:43:52</t>
  </si>
  <si>
    <t>d0ff1463-062d-41bd-b3c0-05cee86f9136.tmp</t>
  </si>
  <si>
    <t>\\acsfs\profiles$\georgendsq\Downloads\d0ff1463-062d-41bd-b3c0-05cee86f9136.tmp</t>
  </si>
  <si>
    <t>12/26/2019 13:39:00</t>
  </si>
  <si>
    <t>1c8bdf92-76fe-4514-8388-84bf1914501e.tmp</t>
  </si>
  <si>
    <t>\\acsfs\profiles$\georgendsq\Downloads\1c8bdf92-76fe-4514-8388-84bf1914501e.tmp</t>
  </si>
  <si>
    <t>12/26/2019 13:39:21</t>
  </si>
  <si>
    <t>033174d9-e198-4769-ac0a-1b356e26083b.tmp</t>
  </si>
  <si>
    <t>\\acsfs\profiles$\georgendsq\Downloads\033174d9-e198-4769-ac0a-1b356e26083b.tmp</t>
  </si>
  <si>
    <t>12/26/2019 13:39:36</t>
  </si>
  <si>
    <t>8eb2b9e3-4a14-46a1-a35b-f1f3793f8f31.tmp</t>
  </si>
  <si>
    <t>\\acsfs\profiles$\georgendsq\Downloads\8eb2b9e3-4a14-46a1-a35b-f1f3793f8f31.tmp</t>
  </si>
  <si>
    <t>12/26/2019 13:39:51</t>
  </si>
  <si>
    <t>fcfdb4b8-9b5c-4143-8240-181a6a52e7a1.tmp</t>
  </si>
  <si>
    <t>\\acsfs\profiles$\georgendsq\Downloads\fcfdb4b8-9b5c-4143-8240-181a6a52e7a1.tmp</t>
  </si>
  <si>
    <t>12/26/2019 13:40:05</t>
  </si>
  <si>
    <t>02ebf11b-7a66-48c9-a5d4-07e7f815b5be.tmp</t>
  </si>
  <si>
    <t>\\acsfs\profiles$\georgendsq\Downloads\02ebf11b-7a66-48c9-a5d4-07e7f815b5be.tmp</t>
  </si>
  <si>
    <t>12/26/2019 13:40:03</t>
  </si>
  <si>
    <t>e7ebd955-1073-4720-82f4-4dea6311b9b6.tmp</t>
  </si>
  <si>
    <t>\\acsfs\profiles$\cintiadcf\Downloads\e7ebd955-1073-4720-82f4-4dea6311b9b6.tmp</t>
  </si>
  <si>
    <t>12/26/2019 13:39:55</t>
  </si>
  <si>
    <t>12/26/2019 13:42:00</t>
  </si>
  <si>
    <t>12/26/2019 13:42:24</t>
  </si>
  <si>
    <t>mail.google.com/sync/u/0/i/s?hl=pt-BR&amp;c=370</t>
  </si>
  <si>
    <t>12/26/2019 13:42:26</t>
  </si>
  <si>
    <t>mail.google.com/sync/u/0/i/s?hl=pt-BR&amp;c=372</t>
  </si>
  <si>
    <t>12/26/2019 13:42:47</t>
  </si>
  <si>
    <t>12/26/2019 13:44:53</t>
  </si>
  <si>
    <t>12/26/2019 13:40:11</t>
  </si>
  <si>
    <t>772bdc63-1199-4f4c-baea-16b43605213e.tmp</t>
  </si>
  <si>
    <t>\\acsfs\profiles$\victoriaksr\Downloads\772bdc63-1199-4f4c-baea-16b43605213e.tmp</t>
  </si>
  <si>
    <t>12/26/2019 13:42:13</t>
  </si>
  <si>
    <t>12/26/2019 13:45:52</t>
  </si>
  <si>
    <t>12/26/2019 13:42:43</t>
  </si>
  <si>
    <t>12/26/2019 13:42:44</t>
  </si>
  <si>
    <t>lu146321g6val.tmp</t>
  </si>
  <si>
    <t>\\acsfs\profiles$\dhiulliananads\My Documents\lu146321g6val.tmp</t>
  </si>
  <si>
    <t>\\acsfs\profiles$\dhiulliananads\My Documents\lu146321g6val.tmp\</t>
  </si>
  <si>
    <t>\\acsfs\profiles$\dhiulliananads\My Documents\lu146321g6val.tmp\META-INF\</t>
  </si>
  <si>
    <t>\\acsfs\profiles$\dhiulliananads\My Documents\lu146321g6val.tmp\Thumbnails\</t>
  </si>
  <si>
    <t>12/26/2019 13:42:22</t>
  </si>
  <si>
    <t>54ed7b71-a055-4755-8018-15435ad210d9.tmp</t>
  </si>
  <si>
    <t>\\acsfs\profiles$\wedersonbadr\My Documents\My Music\54ed7b71-a055-4755-8018-15435ad210d9.tmp</t>
  </si>
  <si>
    <t>12/26/2019 13:43:00</t>
  </si>
  <si>
    <t>5012777f-6fdd-4dd4-a719-5b6d681f9463.tmp</t>
  </si>
  <si>
    <t>\\acsfs\profiles$\wedersonbadr\My Documents\My Music\5012777f-6fdd-4dd4-a719-5b6d681f9463.tmp</t>
  </si>
  <si>
    <t>12/26/2019 13:43:11</t>
  </si>
  <si>
    <t>Maria Gabriela Silva Gomes_1_6771445988712333295_1_32.wav</t>
  </si>
  <si>
    <t>\\acsfs\Deptos\EDUCACAO EMPRESARIAL\FERNANDA MONIT\Ligação para Mutant terceiro Ciclo\Maria Gabriela Silva Gomes_1_6771445988712333295_1_32.wav</t>
  </si>
  <si>
    <t>12/26/2019 13:46:02</t>
  </si>
  <si>
    <t>12/26/2019 13:46:53</t>
  </si>
  <si>
    <t>10.200.66.60</t>
  </si>
  <si>
    <t>abaeaf54-d61e-42bd-be3b-ccf5316d5a4f.tmp</t>
  </si>
  <si>
    <t>\\acsfs\profiles$\KARENJSS\Downloads\abaeaf54-d61e-42bd-be3b-ccf5316d5a4f.tmp</t>
  </si>
  <si>
    <t>12/26/2019 13:42:30</t>
  </si>
  <si>
    <t>12/26/2019 13:45:59</t>
  </si>
  <si>
    <t>12/26/2019 13:47:53</t>
  </si>
  <si>
    <t>1de2d05a-49fe-44df-8b62-24c7cf8e1928.tmp</t>
  </si>
  <si>
    <t>\\acsfs\profiles$\andrezacapf\Downloads\1de2d05a-49fe-44df-8b62-24c7cf8e1928.tmp</t>
  </si>
  <si>
    <t>12/26/2019 13:45:54</t>
  </si>
  <si>
    <t>12/26/2019 13:48:52</t>
  </si>
  <si>
    <t>12/26/2019 13:44:45</t>
  </si>
  <si>
    <t>12/26/2019 13:44:37</t>
  </si>
  <si>
    <t>12/26/2019 13:44:43</t>
  </si>
  <si>
    <t>12/26/2019 13:48:01</t>
  </si>
  <si>
    <t>12/26/2019 13:47:22</t>
  </si>
  <si>
    <t>12/26/2019 13:49:53</t>
  </si>
  <si>
    <t>22f511e9-502c-4096-8f7e-2464e0959b60.tmp</t>
  </si>
  <si>
    <t>\\acsfs\profiles$\ERICALSR\Downloads\22f511e9-502c-4096-8f7e-2464e0959b60.tmp</t>
  </si>
  <si>
    <t>12/26/2019 13:47:52</t>
  </si>
  <si>
    <t>59fd7563-36b3-4a46-8afc-d8533e0b0f4d.tmp</t>
  </si>
  <si>
    <t>\\acsfs\profiles$\regisadsa\Downloads\59fd7563-36b3-4a46-8afc-d8533e0b0f4d.tmp</t>
  </si>
  <si>
    <t>12/26/2019 13:48:19</t>
  </si>
  <si>
    <t>9f2fd773-9a2e-4581-b84e-01f75adad518.tmp</t>
  </si>
  <si>
    <t>\\acsfs\profiles$\regisadsa\Downloads\9f2fd773-9a2e-4581-b84e-01f75adad518.tmp</t>
  </si>
  <si>
    <t>12/26/2019 13:49:19</t>
  </si>
  <si>
    <t>8473f5b8-b345-4d97-8400-5a129a8c4bea.tmp</t>
  </si>
  <si>
    <t>\\acsfs\profiles$\regisadsa\Downloads\8473f5b8-b345-4d97-8400-5a129a8c4bea.tmp</t>
  </si>
  <si>
    <t>12/26/2019 13:45:36</t>
  </si>
  <si>
    <t>12/26/2019 13:45:37</t>
  </si>
  <si>
    <t>lu208202laf4m.tmp</t>
  </si>
  <si>
    <t>\\acsfs\profiles$\geovanaasa\My Documents\lu208202laf4m.tmp</t>
  </si>
  <si>
    <t>\\acsfs\profiles$\geovanaasa\My Documents\lu208202laf4m.tmp\</t>
  </si>
  <si>
    <t>\\acsfs\profiles$\geovanaasa\My Documents\lu208202laf4m.tmp\META-INF\</t>
  </si>
  <si>
    <t>\\acsfs\profiles$\geovanaasa\My Documents\lu208202laf4m.tmp\Thumbnails\</t>
  </si>
  <si>
    <t>12/26/2019 13:46:32</t>
  </si>
  <si>
    <t>7eb9a2a5-0038-40e4-abd1-306c541252ea.tmp</t>
  </si>
  <si>
    <t>\\acsfs\profiles$\nataliacsl\Downloads\7eb9a2a5-0038-40e4-abd1-306c541252ea.tmp</t>
  </si>
  <si>
    <t>12/26/2019 13:46:51</t>
  </si>
  <si>
    <t>12/26/2019 13:50:53</t>
  </si>
  <si>
    <t>6aab4dc9-0162-49bd-acb8-5e141272c6dd.tmp</t>
  </si>
  <si>
    <t>\\acsfs\profiles$\gabrielamdp\Downloads\6aab4dc9-0162-49bd-acb8-5e141272c6dd.tmp</t>
  </si>
  <si>
    <t>12/26/2019 13:47:12</t>
  </si>
  <si>
    <t>d4a2c7e0-8c97-45e4-92a5-4fdc39259b15.tmp</t>
  </si>
  <si>
    <t>\\acsfs\profiles$\gabriellalpr\Downloads\d4a2c7e0-8c97-45e4-92a5-4fdc39259b15.tmp</t>
  </si>
  <si>
    <t>12/26/2019 13:47:59</t>
  </si>
  <si>
    <t>c65bb5ed-8d9d-4747-9dd4-cd26e2eb0186.tmp</t>
  </si>
  <si>
    <t>\\acsfs\profiles$\gabriellalpr\Downloads\c65bb5ed-8d9d-4747-9dd4-cd26e2eb0186.tmp</t>
  </si>
  <si>
    <t>12/26/2019 13:48:31</t>
  </si>
  <si>
    <t>241b4f73-3d74-4261-9658-1a1ad2e7660e.tmp</t>
  </si>
  <si>
    <t>\\acsfs\profiles$\gabriellalpr\Downloads\241b4f73-3d74-4261-9658-1a1ad2e7660e.tmp</t>
  </si>
  <si>
    <t>12/26/2019 13:47:20</t>
  </si>
  <si>
    <t>12/26/2019 13:51:53</t>
  </si>
  <si>
    <t>d7349008-a800-4c5e-888c-fc46f3cc19f7.tmp</t>
  </si>
  <si>
    <t>\\acsfs\profiles$\KARENJSS\Downloads\d7349008-a800-4c5e-888c-fc46f3cc19f7.tmp</t>
  </si>
  <si>
    <t>12/26/2019 13:47:14</t>
  </si>
  <si>
    <t>\\acsfs\profiles$\thaisdss\Downloads\</t>
  </si>
  <si>
    <t>3234fb2e-709e-42a6-8ce9-dc92444c56b9.tmp</t>
  </si>
  <si>
    <t>\\acsfs\profiles$\thaisdss\Downloads\3234fb2e-709e-42a6-8ce9-dc92444c56b9.tmp</t>
  </si>
  <si>
    <t>12/26/2019 13:52:53</t>
  </si>
  <si>
    <t>ede92230-940b-429c-b2a6-b6878dbdc4b5.tmp</t>
  </si>
  <si>
    <t>\\acsfs\profiles$\andrezacapf\Downloads\ede92230-940b-429c-b2a6-b6878dbdc4b5.tmp</t>
  </si>
  <si>
    <t>12/26/2019 13:48:02</t>
  </si>
  <si>
    <t>bb1c8782-8ff3-45c2-8a85-cf57a08aad3f.tmp</t>
  </si>
  <si>
    <t>\\acsfs\profiles$\andrezacapf\Downloads\bb1c8782-8ff3-45c2-8a85-cf57a08aad3f.tmp</t>
  </si>
  <si>
    <t>f529752c-e01a-4993-a914-bcf87aadeead.tmp</t>
  </si>
  <si>
    <t>\\acsfs\profiles$\andrezacapf\Downloads\f529752c-e01a-4993-a914-bcf87aadeead.tmp</t>
  </si>
  <si>
    <t>12/26/2019 13:48:23</t>
  </si>
  <si>
    <t>8d3b3a2c-f289-4399-92fc-1ee1e37f5503.tmp</t>
  </si>
  <si>
    <t>\\acsfs\profiles$\andrezacapf\Downloads\8d3b3a2c-f289-4399-92fc-1ee1e37f5503.tmp</t>
  </si>
  <si>
    <t>12/26/2019 13:49:01</t>
  </si>
  <si>
    <t>88ecb389-cf54-48e2-8f68-047ed55291b5.tmp</t>
  </si>
  <si>
    <t>\\acsfs\profiles$\andrezacapf\Downloads\88ecb389-cf54-48e2-8f68-047ed55291b5.tmp</t>
  </si>
  <si>
    <t>12/26/2019 13:49:02</t>
  </si>
  <si>
    <t>dda1c1f7-7fef-49c9-9330-4cc513714ee9.tmp</t>
  </si>
  <si>
    <t>\\acsfs\profiles$\andrezacapf\Downloads\dda1c1f7-7fef-49c9-9330-4cc513714ee9.tmp</t>
  </si>
  <si>
    <t>12/26/2019 13:50:26</t>
  </si>
  <si>
    <t>12/26/2019 13:51:54</t>
  </si>
  <si>
    <t>12/26/2019 13:53:54</t>
  </si>
  <si>
    <t>12/26/2019 13:52:48</t>
  </si>
  <si>
    <t>camillarl@algartech.com</t>
  </si>
  <si>
    <t>leonardoao@algartech.com;</t>
  </si>
  <si>
    <t>leonardoao@algartech.com</t>
  </si>
  <si>
    <t>12/26/2019 13:53:13</t>
  </si>
  <si>
    <t>12/26/2019 13:51:27</t>
  </si>
  <si>
    <t>e2c88531-0ae3-44bb-b31e-be51e35a1cd5.tmp</t>
  </si>
  <si>
    <t>\\acsfs\profiles$\brendadsl\Downloads\e2c88531-0ae3-44bb-b31e-be51e35a1cd5.tmp</t>
  </si>
  <si>
    <t>12/26/2019 13:51:23</t>
  </si>
  <si>
    <t>2c03d11e-bea0-44f9-ac13-9962fc04a11e;</t>
  </si>
  <si>
    <t>image2019-12-26-130614.pdf</t>
  </si>
  <si>
    <t>12/26/2019 13:49:54</t>
  </si>
  <si>
    <t>12/26/2019 13:54:53</t>
  </si>
  <si>
    <t>ea2468fa-54c8-4436-86b3-013a83259734.tmp</t>
  </si>
  <si>
    <t>\\acsfs\profiles$\regisadsa\Downloads\ea2468fa-54c8-4436-86b3-013a83259734.tmp</t>
  </si>
  <si>
    <t>12/26/2019 13:50:29</t>
  </si>
  <si>
    <t>a7365b48-f266-4eda-94bc-e8174ae0b354.tmp</t>
  </si>
  <si>
    <t>\\acsfs\profiles$\regisadsa\Downloads\a7365b48-f266-4eda-94bc-e8174ae0b354.tmp</t>
  </si>
  <si>
    <t>12/26/2019 13:53:17</t>
  </si>
  <si>
    <t>12/26/2019 13:51:04</t>
  </si>
  <si>
    <t>12/26/2019 13:55:53</t>
  </si>
  <si>
    <t>cee923dd-2433-4dc5-80cc-a84829784909.tmp</t>
  </si>
  <si>
    <t>\\acsfs\profiles$\wedersonbadr\My Documents\My Music\cee923dd-2433-4dc5-80cc-a84829784909.tmp</t>
  </si>
  <si>
    <t>12/26/2019 13:52:54</t>
  </si>
  <si>
    <t>12/26/2019 13:56:53</t>
  </si>
  <si>
    <t>a977d250-4dc8-4e4d-99b6-e04b5362f70e.tmp</t>
  </si>
  <si>
    <t>\\acsfs\profiles$\quindaizaagds\Downloads\a977d250-4dc8-4e4d-99b6-e04b5362f70e.tmp</t>
  </si>
  <si>
    <t>12/26/2019 13:53:03</t>
  </si>
  <si>
    <t>06961882-d771-48a8-98fd-6bc0f24989d3.tmp</t>
  </si>
  <si>
    <t>\\acsfs\profiles$\quindaizaagds\Downloads\06961882-d771-48a8-98fd-6bc0f24989d3.tmp</t>
  </si>
  <si>
    <t>12/26/2019 13:53:08</t>
  </si>
  <si>
    <t>179b2343-0aeb-438f-a306-faa075b2e5a7.tmp</t>
  </si>
  <si>
    <t>\\acsfs\profiles$\quindaizaagds\Downloads\179b2343-0aeb-438f-a306-faa075b2e5a7.tmp</t>
  </si>
  <si>
    <t>12/26/2019 13:58:54</t>
  </si>
  <si>
    <t>12/26/2019 13:53:19</t>
  </si>
  <si>
    <t>12/26/2019 13:57:54</t>
  </si>
  <si>
    <t>12/26/2019 13:58:10</t>
  </si>
  <si>
    <t>12/26/2019 13:57:47</t>
  </si>
  <si>
    <t>e2268174-f38e-4303-8d02-93022f599141.tmp</t>
  </si>
  <si>
    <t>\\acsfs\profiles$\anafsb\Downloads\e2268174-f38e-4303-8d02-93022f599141.tmp</t>
  </si>
  <si>
    <t>12/26/2019 13:58:35</t>
  </si>
  <si>
    <t>12/26/2019 13:58:40</t>
  </si>
  <si>
    <t>12/26/2019 13:58:24</t>
  </si>
  <si>
    <t>12/26/2019 13:54:01</t>
  </si>
  <si>
    <t>12/26/2019 13:59:53</t>
  </si>
  <si>
    <t>12/26/2019 13:58:02</t>
  </si>
  <si>
    <t>12/26/2019 13:58:34</t>
  </si>
  <si>
    <t>4a8e1c04-5487-4ef0-b211-d3b0243d6dec.tmp</t>
  </si>
  <si>
    <t>\\acsfs\profiles$\mariliafplb\Downloads\4a8e1c04-5487-4ef0-b211-d3b0243d6dec.tmp</t>
  </si>
  <si>
    <t>12/26/2019 13:57:00</t>
  </si>
  <si>
    <t>10.200.67.132</t>
  </si>
  <si>
    <t>78-2B-CB-C1-07-4E</t>
  </si>
  <si>
    <t>VOTORANT-OB008</t>
  </si>
  <si>
    <t>victorgl</t>
  </si>
  <si>
    <t>\\acsfs\profiles$\victorgl\Downloads\</t>
  </si>
  <si>
    <t>8896dda2-e2e2-4ade-b661-c4b757bcad31.tmp</t>
  </si>
  <si>
    <t>\\acsfs\profiles$\victorgl\Downloads\8896dda2-e2e2-4ade-b661-c4b757bcad31.tmp</t>
  </si>
  <si>
    <t>12/26/2019 13:58:33</t>
  </si>
  <si>
    <t>f0abb74f-3e23-4d44-9e83-0a1023ab7055.tmp</t>
  </si>
  <si>
    <t>\\acsfs\profiles$\victorgl\Downloads\f0abb74f-3e23-4d44-9e83-0a1023ab7055.tmp</t>
  </si>
  <si>
    <t>Vendas notas.txt</t>
  </si>
  <si>
    <t>\\acsfs\profiles$\jonathanwap\Vendas notas.txt</t>
  </si>
  <si>
    <t>12/26/2019 13:58:00</t>
  </si>
  <si>
    <t>12/26/2019 13:58:01</t>
  </si>
  <si>
    <t>lu199202hqot9.tmp</t>
  </si>
  <si>
    <t>\\acsfs\profiles$\jonathanwap\lu199202hqot9.tmp</t>
  </si>
  <si>
    <t>\\acsfs\profiles$\jonathanwap\lu199202hqot9.tmp\</t>
  </si>
  <si>
    <t>\\acsfs\profiles$\jonathanwap\lu199202hqot9.tmp\META-INF\</t>
  </si>
  <si>
    <t>12/26/2019 14:00:54</t>
  </si>
  <si>
    <t>\\acsfs\profiles$\jonathanwap\lu199202hqot9.tmp\Thumbnails\</t>
  </si>
  <si>
    <t>12/26/2019 13:57:43</t>
  </si>
  <si>
    <t>12/26/2019 13:57:03</t>
  </si>
  <si>
    <t>12/26/2019 13:56:57</t>
  </si>
  <si>
    <t>2f1923ee-0418-4e8d-a1aa-45b1b9fbd2d4.tmp</t>
  </si>
  <si>
    <t>\\acsfs\profiles$\wedersonbadr\My Documents\My Music\2f1923ee-0418-4e8d-a1aa-45b1b9fbd2d4.tmp</t>
  </si>
  <si>
    <t>12/26/2019 14:00:18</t>
  </si>
  <si>
    <t>12/26/2019 14:03:54</t>
  </si>
  <si>
    <t>b1df2034-4544-4d34-aab4-f71467834019.tmp</t>
  </si>
  <si>
    <t>\\acsfs\profiles$\jonatanls\Downloads\b1df2034-4544-4d34-aab4-f71467834019.tmp</t>
  </si>
  <si>
    <t>12/26/2019 14:02:09</t>
  </si>
  <si>
    <t>bc467a6f-b66f-4332-82c7-b172acca8622.tmp</t>
  </si>
  <si>
    <t>\\acsfs\profiles$\jonatanls\Downloads\bc467a6f-b66f-4332-82c7-b172acca8622.tmp</t>
  </si>
  <si>
    <t>12/26/2019 14:02:23</t>
  </si>
  <si>
    <t>Não confirmado 110236.crdownload</t>
  </si>
  <si>
    <t>\\acsfs\profiles$\jonatanls\Downloads\Não confirmado 110236.crdownload</t>
  </si>
  <si>
    <t>6847fa12-5f6a-41d3-8e12-fe3a6b8e1634.tmp</t>
  </si>
  <si>
    <t>\\acsfs\profiles$\jonatanls\Downloads\6847fa12-5f6a-41d3-8e12-fe3a6b8e1634.tmp</t>
  </si>
  <si>
    <t>12/26/2019 14:03:12</t>
  </si>
  <si>
    <t>9bc9abde-6ebc-4494-acbe-0a21e6794567.tmp</t>
  </si>
  <si>
    <t>\\acsfs\profiles$\jonatanls\Downloads\9bc9abde-6ebc-4494-acbe-0a21e6794567.tmp</t>
  </si>
  <si>
    <t>12/26/2019 13:58:21</t>
  </si>
  <si>
    <t>12/26/2019 13:58:45</t>
  </si>
  <si>
    <t>12/26/2019 13:58:49</t>
  </si>
  <si>
    <t>12/26/2019 13:59:54</t>
  </si>
  <si>
    <t>12/26/2019 14:00:09</t>
  </si>
  <si>
    <t>mail.google.com/sync/u/0/i/s?hl=pt-BR&amp;c=94</t>
  </si>
  <si>
    <t>12/26/2019 14:00:24</t>
  </si>
  <si>
    <t>12/26/2019 14:02:46</t>
  </si>
  <si>
    <t>12/26/2019 13:59:44</t>
  </si>
  <si>
    <t>b6c0b1d9-a314-476b-9d32-efbcd4812cf4.tmp</t>
  </si>
  <si>
    <t>\\acsfs\profiles$\brendadsl\Downloads\b6c0b1d9-a314-476b-9d32-efbcd4812cf4.tmp</t>
  </si>
  <si>
    <t>12/26/2019 14:02:36</t>
  </si>
  <si>
    <t>f0c20c82-4cd9-496b-ace6-639cfd6f3a53.tmp</t>
  </si>
  <si>
    <t>\\acsfs\profiles$\brendadsl\Downloads\f0c20c82-4cd9-496b-ace6-639cfd6f3a53.tmp</t>
  </si>
  <si>
    <t>12/26/2019 14:02:37</t>
  </si>
  <si>
    <t>12/26/2019 14:02:41</t>
  </si>
  <si>
    <t>12/26/2019 14:02:45</t>
  </si>
  <si>
    <t>mail.google.com/sync/u/0/i/s?hl=pt-BR&amp;c=194</t>
  </si>
  <si>
    <t>12/26/2019 14:02:50</t>
  </si>
  <si>
    <t>12/26/2019 14:02:53</t>
  </si>
  <si>
    <t>12/26/2019 13:58:53</t>
  </si>
  <si>
    <t>12/26/2019 14:00:45</t>
  </si>
  <si>
    <t>12/26/2019 14:00:55</t>
  </si>
  <si>
    <t>12/26/2019 14:01:25</t>
  </si>
  <si>
    <t>12/26/2019 14:02:01</t>
  </si>
  <si>
    <t>12/26/2019 14:03:03</t>
  </si>
  <si>
    <t>12/26/2019 14:03:23</t>
  </si>
  <si>
    <t>12/26/2019 14:00:01</t>
  </si>
  <si>
    <t>12/26/2019 14:04:53</t>
  </si>
  <si>
    <t>12/26/2019 14:01:47</t>
  </si>
  <si>
    <t>f35cc5c8-d410-46e9-a7b9-399f50cc41e0.tmp</t>
  </si>
  <si>
    <t>\\acsfs\profiles$\nataliacsl\Downloads\f35cc5c8-d410-46e9-a7b9-399f50cc41e0.tmp</t>
  </si>
  <si>
    <t>12/26/2019 14:00:57</t>
  </si>
  <si>
    <t>0991f949-d6ca-455f-9abc-307618f3e537.tmp</t>
  </si>
  <si>
    <t>\\acsfs\profiles$\victorgl\Downloads\0991f949-d6ca-455f-9abc-307618f3e537.tmp</t>
  </si>
  <si>
    <t>12/26/2019 14:01:30</t>
  </si>
  <si>
    <t>12/26/2019 14:05:54</t>
  </si>
  <si>
    <t>12/26/2019 14:02:13</t>
  </si>
  <si>
    <t>12/26/2019 14:02:43</t>
  </si>
  <si>
    <t>12/26/2019 14:03:13</t>
  </si>
  <si>
    <t>12/26/2019 14:04:24</t>
  </si>
  <si>
    <t>12/26/2019 14:02:17</t>
  </si>
  <si>
    <t>12/26/2019 14:06:53</t>
  </si>
  <si>
    <t>9d42bb7d-2c5c-45cd-81c2-c445b4fb49ca.tmp</t>
  </si>
  <si>
    <t>\\acsfs\profiles$\wenderbnm\Downloads\9d42bb7d-2c5c-45cd-81c2-c445b4fb49ca.tmp</t>
  </si>
  <si>
    <t>12/26/2019 14:02:51</t>
  </si>
  <si>
    <t>daa971f4-8a4c-4e16-ba56-b182a402b88d.tmp</t>
  </si>
  <si>
    <t>\\acsfs\profiles$\wenderbnm\Downloads\daa971f4-8a4c-4e16-ba56-b182a402b88d.tmp</t>
  </si>
  <si>
    <t>12/26/2019 14:08:53</t>
  </si>
  <si>
    <t>12/26/2019 14:03:34</t>
  </si>
  <si>
    <t>12/26/2019 14:03:38</t>
  </si>
  <si>
    <t>mail.google.com/sync/u/0/i/s?hl=pt-BR&amp;c=204</t>
  </si>
  <si>
    <t>12/26/2019 14:03:49</t>
  </si>
  <si>
    <t>12/26/2019 14:04:11</t>
  </si>
  <si>
    <t>12/26/2019 14:04:30</t>
  </si>
  <si>
    <t>12/26/2019 14:04:46</t>
  </si>
  <si>
    <t>mail.google.com/sync/u/0/i/s?hl=pt-BR&amp;c=213</t>
  </si>
  <si>
    <t>12/26/2019 14:04:50</t>
  </si>
  <si>
    <t>12/26/2019 14:05:08</t>
  </si>
  <si>
    <t>mail.google.com/sync/u/0/i/s?hl=pt-BR&amp;c=218</t>
  </si>
  <si>
    <t>12/26/2019 14:05:18</t>
  </si>
  <si>
    <t>12/26/2019 14:05:29</t>
  </si>
  <si>
    <t>fernandaab@algartech.com;mirianppb@algartech.com;</t>
  </si>
  <si>
    <t>fernandaab@algartech.com,mirianppb@algartech.com</t>
  </si>
  <si>
    <t>12/26/2019 14:05:57</t>
  </si>
  <si>
    <t>mail.google.com/sync/u/0/i/s?hl=pt-BR&amp;c=228</t>
  </si>
  <si>
    <t>12/26/2019 14:06:08</t>
  </si>
  <si>
    <t>12/26/2019 14:06:18</t>
  </si>
  <si>
    <t>12/26/2019 14:06:35</t>
  </si>
  <si>
    <t>12/26/2019 14:04:34</t>
  </si>
  <si>
    <t>mail.google.com/sync/u/0/i/s?hl=pt-BR&amp;c=70</t>
  </si>
  <si>
    <t>12/26/2019 14:04:43</t>
  </si>
  <si>
    <t>12/26/2019 14:04:48</t>
  </si>
  <si>
    <t>mail.google.com/sync/u/0/i/s?hl=pt-BR&amp;c=74</t>
  </si>
  <si>
    <t>12/26/2019 14:04:56</t>
  </si>
  <si>
    <t>12/26/2019 14:06:01</t>
  </si>
  <si>
    <t>12/26/2019 14:09:53</t>
  </si>
  <si>
    <t>12/26/2019 14:06:26</t>
  </si>
  <si>
    <t>100014142553854;</t>
  </si>
  <si>
    <t>https://100014142553854</t>
  </si>
  <si>
    <t>12/26/2019 14:08:12</t>
  </si>
  <si>
    <t>e9d6c90b-bc45-4bd1-8ff9-05c4ae99259f.tmp</t>
  </si>
  <si>
    <t>\\acsfs\profiles$\victorgl\Downloads\e9d6c90b-bc45-4bd1-8ff9-05c4ae99259f.tmp</t>
  </si>
  <si>
    <t>12/26/2019 14:06:52</t>
  </si>
  <si>
    <t>12/26/2019 14:10:54</t>
  </si>
  <si>
    <t>12/26/2019 14:09:49</t>
  </si>
  <si>
    <t>12/26/2019 14:10:44</t>
  </si>
  <si>
    <t>12/26/2019 14:11:53</t>
  </si>
  <si>
    <t>12/26/2019 14:10:41</t>
  </si>
  <si>
    <t>ulog_Acrobat12_Reader_22bb18ef-a0cc-4985-b2f1-d8449a05e1d0_3a89f993-77c8-4898-b2fd-ba35ee2fe61b_0.log</t>
  </si>
  <si>
    <t>C:\Users\Jordanarb\AppData\Roaming\Adobe\LogTransport2\Logs\ulog_Acrobat12_Reader_22bb18ef-a0cc-4985-b2f1-d8449a05e1d0_3a89f993-77c8-4898-b2fd-ba35ee2fe61b_0.log\</t>
  </si>
  <si>
    <t>12/26/2019 14:10:57</t>
  </si>
  <si>
    <t>ulog_Acrobat12_Reader_22bb18ef-a0cc-4985-b2f1-d8449a05e1d0_c69756d3-5162-4e1b-87a7-53c423fad090_0.log</t>
  </si>
  <si>
    <t>C:\Users\Jordanarb\AppData\Roaming\Adobe\LogTransport2\Logs\ulog_Acrobat12_Reader_22bb18ef-a0cc-4985-b2f1-d8449a05e1d0_c69756d3-5162-4e1b-87a7-53c423fad090_0.log\</t>
  </si>
  <si>
    <t>12/26/2019 14:07:40</t>
  </si>
  <si>
    <t>12/26/2019 14:12:54</t>
  </si>
  <si>
    <t>9c38e86a-805f-4222-ba24-9ed45f241c66.tmp</t>
  </si>
  <si>
    <t>\\acsfs\profiles$\layonmof\Downloads\9c38e86a-805f-4222-ba24-9ed45f241c66.tmp</t>
  </si>
  <si>
    <t>12/26/2019 14:09:58</t>
  </si>
  <si>
    <t>39da1071-8954-465a-93e6-6cb5cf501c42.tmp</t>
  </si>
  <si>
    <t>\\acsfs\profiles$\layonmof\Downloads\39da1071-8954-465a-93e6-6cb5cf501c42.tmp</t>
  </si>
  <si>
    <t>12/26/2019 14:08:19</t>
  </si>
  <si>
    <t>12/26/2019 14:13:53</t>
  </si>
  <si>
    <t>12/26/2019 14:08:20</t>
  </si>
  <si>
    <t>lu363804bm61i.tmp</t>
  </si>
  <si>
    <t>\\acsfs\profiles$\jonatanls\My Documents\lu363804bm61i.tmp</t>
  </si>
  <si>
    <t>12/26/2019 14:09:38</t>
  </si>
  <si>
    <t>12/26/2019 14:09:54</t>
  </si>
  <si>
    <t>12/26/2019 14:12:01</t>
  </si>
  <si>
    <t>12/26/2019 14:14:54</t>
  </si>
  <si>
    <t>12/26/2019 14:10:13</t>
  </si>
  <si>
    <t>12/26/2019 14:15:53</t>
  </si>
  <si>
    <t>47cad1c6-42eb-42e2-b3e2-b44504d846d3.tmp</t>
  </si>
  <si>
    <t>\\acsfs\profiles$\sarahbal\Downloads\47cad1c6-42eb-42e2-b3e2-b44504d846d3.tmp</t>
  </si>
  <si>
    <t>12/26/2019 14:10:34</t>
  </si>
  <si>
    <t>841f0b07-9d85-4b49-ad81-f964649d7f1d.tmp</t>
  </si>
  <si>
    <t>\\acsfs\profiles$\sarahbal\Downloads\841f0b07-9d85-4b49-ad81-f964649d7f1d.tmp</t>
  </si>
  <si>
    <t>12/26/2019 14:12:04</t>
  </si>
  <si>
    <t>12/26/2019 14:15:25</t>
  </si>
  <si>
    <t>12/26/2019 14:11:22</t>
  </si>
  <si>
    <t>Francislayne Assunção de souza_1_6770003644205051998_1_32.wav</t>
  </si>
  <si>
    <t>\\acsfs\Deptos\EDUCACAO EMPRESARIAL\FERNANDA MONIT\Ligação para Mutant terceiro Ciclo\Francislayne Assunção de souza_1_6770003644205051998_1_32.wav</t>
  </si>
  <si>
    <t>12/26/2019 14:14:15</t>
  </si>
  <si>
    <t>12/26/2019 14:16:53</t>
  </si>
  <si>
    <t>12/26/2019 14:15:26</t>
  </si>
  <si>
    <t>\\acsfs\profiles$\cristianodab\Contacts\</t>
  </si>
  <si>
    <t>CRISTIANO DE ANDRADE BARBOSA (20142).contact</t>
  </si>
  <si>
    <t>\\acsfs\profiles$\cristianodab\Contacts\CRISTIANO DE ANDRADE BARBOSA (20142).contact</t>
  </si>
  <si>
    <t>12/26/2019 14:15:34</t>
  </si>
  <si>
    <t>\\acsfs\profiles$\cristianodab\My Documents\My Videos\</t>
  </si>
  <si>
    <t>\\acsfs\profiles$\cristianodab\My Documents\My Videos\desktop.ini</t>
  </si>
  <si>
    <t>12/26/2019 14:15:35</t>
  </si>
  <si>
    <t>\\acsfs\profiles$\cristianodab\My Documents\My Pictures\</t>
  </si>
  <si>
    <t>\\acsfs\profiles$\cristianodab\My Documents\My Pictures\desktop.ini</t>
  </si>
  <si>
    <t>12/26/2019 14:15:36</t>
  </si>
  <si>
    <t>\\acsfs\profiles$\cristianodab\Contacts\desktop.ini</t>
  </si>
  <si>
    <t>\\acsfs\profiles$\cristianodab\Favorites\</t>
  </si>
  <si>
    <t>\\acsfs\profiles$\cristianodab\Favorites\desktop.ini</t>
  </si>
  <si>
    <t>12/26/2019 14:15:37</t>
  </si>
  <si>
    <t>\\acsfs\profiles$\cristianodab\My Documents\My Music\</t>
  </si>
  <si>
    <t>\\acsfs\profiles$\cristianodab\My Documents\My Music\desktop.ini</t>
  </si>
  <si>
    <t>12/26/2019 14:15:38</t>
  </si>
  <si>
    <t>\\acsfs\profiles$\cristianodab\Searches\</t>
  </si>
  <si>
    <t>\\acsfs\profiles$\cristianodab\Searches\desktop.ini</t>
  </si>
  <si>
    <t>12/26/2019 14:15:39</t>
  </si>
  <si>
    <t>\\acsfs\profiles$\cristianodab\Downloads\</t>
  </si>
  <si>
    <t>\\acsfs\profiles$\cristianodab\Downloads\desktop.ini</t>
  </si>
  <si>
    <t>\\acsfs\profiles$\cristianodab\My Documents\</t>
  </si>
  <si>
    <t>\\acsfs\profiles$\cristianodab\My Documents\desktop.ini</t>
  </si>
  <si>
    <t>12/26/2019 14:15:40</t>
  </si>
  <si>
    <t>\\acsfs\profiles$\cristianodab\Saved Games\</t>
  </si>
  <si>
    <t>\\acsfs\profiles$\cristianodab\Saved Games\desktop.ini</t>
  </si>
  <si>
    <t>12/26/2019 14:15:54</t>
  </si>
  <si>
    <t>\\acsfs\profiles$\cristianodab\Favorites\Links for Brasil\</t>
  </si>
  <si>
    <t>\\acsfs\profiles$\cristianodab\Favorites\Links for Brasil\desktop.ini</t>
  </si>
  <si>
    <t>\\acsfs\profiles$\cristianodab\Favorites\Links for Brasil\Microsoft Brasil.url</t>
  </si>
  <si>
    <t>12/26/2019 14:15:55</t>
  </si>
  <si>
    <t>\\acsfs\profiles$\cristianodab\Favorites\Links for Brasil\Windows Brasil.url</t>
  </si>
  <si>
    <t>\\acsfs\profiles$\cristianodab\Favorites\Links for Brasil\MSN Brasil.url</t>
  </si>
  <si>
    <t>12/26/2019 14:13:04</t>
  </si>
  <si>
    <t>12/26/2019 14:17:54</t>
  </si>
  <si>
    <t>9bdd0162-ea93-489d-a889-a64340e5e474.tmp</t>
  </si>
  <si>
    <t>\\acsfs\profiles$\layonmof\Downloads\9bdd0162-ea93-489d-a889-a64340e5e474.tmp</t>
  </si>
  <si>
    <t>12/26/2019 14:16:18</t>
  </si>
  <si>
    <t>12/26/2019 14:18:53</t>
  </si>
  <si>
    <t>12/26/2019 14:16:44</t>
  </si>
  <si>
    <t>mail.google.com/sync/u/0/i/s?hl=pt-BR&amp;c=5</t>
  </si>
  <si>
    <t>12/26/2019 14:16:45</t>
  </si>
  <si>
    <t>12/26/2019 14:18:10</t>
  </si>
  <si>
    <t>12/26/2019 14:18:01</t>
  </si>
  <si>
    <t>12/26/2019 14:19:53</t>
  </si>
  <si>
    <t>12/26/2019 14:16:49</t>
  </si>
  <si>
    <t>12/26/2019 14:16:50</t>
  </si>
  <si>
    <t>12/26/2019 14:18:44</t>
  </si>
  <si>
    <t>12/26/2019 14:20:53</t>
  </si>
  <si>
    <t>12/26/2019 14:19:11</t>
  </si>
  <si>
    <t>12/26/2019 14:16:25</t>
  </si>
  <si>
    <t>29603a17-b7e3-4530-ac29-8cb99ae58298.tmp</t>
  </si>
  <si>
    <t>\\acsfs\profiles$\joycemmdl\Downloads\29603a17-b7e3-4530-ac29-8cb99ae58298.tmp</t>
  </si>
  <si>
    <t>12/26/2019 14:17:46</t>
  </si>
  <si>
    <t>3edf7fe1-bf85-43f2-9bee-f3b646be3210.tmp</t>
  </si>
  <si>
    <t>\\acsfs\profiles$\joycemmdl\Downloads\3edf7fe1-bf85-43f2-9bee-f3b646be3210.tmp</t>
  </si>
  <si>
    <t>12/26/2019 14:18:43</t>
  </si>
  <si>
    <t>425780da-933d-4b11-9045-5252a2030b7e.tmp</t>
  </si>
  <si>
    <t>\\acsfs\profiles$\gabrieleods\Downloads\425780da-933d-4b11-9045-5252a2030b7e.tmp</t>
  </si>
  <si>
    <t>12/26/2019 14:19:20</t>
  </si>
  <si>
    <t>7fbb8fa5-0a60-4d2d-9ec7-97fad951316b.tmp</t>
  </si>
  <si>
    <t>\\acsfs\profiles$\gabrieleods\Downloads\7fbb8fa5-0a60-4d2d-9ec7-97fad951316b.tmp</t>
  </si>
  <si>
    <t>12/26/2019 14:20:05</t>
  </si>
  <si>
    <t>a1b46b78-8f05-4df4-80cb-c7cdc3552ca8.tmp</t>
  </si>
  <si>
    <t>\\acsfs\profiles$\gabrieleods\Downloads\a1b46b78-8f05-4df4-80cb-c7cdc3552ca8.tmp</t>
  </si>
  <si>
    <t>12/26/2019 14:17:41</t>
  </si>
  <si>
    <t>12/26/2019 14:17:13</t>
  </si>
  <si>
    <t>12/26/2019 14:15:45</t>
  </si>
  <si>
    <t>12/26/2019 14:19:35</t>
  </si>
  <si>
    <t>10.200.66.64</t>
  </si>
  <si>
    <t>74-86-7A-FB-18-15</t>
  </si>
  <si>
    <t>VOTORANT-VB008</t>
  </si>
  <si>
    <t>4a6c7797-f968-4022-9fea-adbc240e5064.tmp</t>
  </si>
  <si>
    <t>\\acsfs\profiles$\alinepp\Downloads\4a6c7797-f968-4022-9fea-adbc240e5064.tmp</t>
  </si>
  <si>
    <t>12/26/2019 14:19:37</t>
  </si>
  <si>
    <t>52b71b10-4d19-4fca-923b-e7a04c3e13f3.tmp</t>
  </si>
  <si>
    <t>\\acsfs\profiles$\alinepp\Downloads\52b71b10-4d19-4fca-923b-e7a04c3e13f3.tmp</t>
  </si>
  <si>
    <t>12/26/2019 14:19:58</t>
  </si>
  <si>
    <t>e469fde6-4180-4ae7-a651-af1e9187f1d3.tmp</t>
  </si>
  <si>
    <t>\\acsfs\profiles$\alinepp\Downloads\e469fde6-4180-4ae7-a651-af1e9187f1d3.tmp</t>
  </si>
  <si>
    <t>12/26/2019 14:20:00</t>
  </si>
  <si>
    <t>cc3468dc-e812-4a17-a2bb-8700c388cb68.tmp</t>
  </si>
  <si>
    <t>\\acsfs\profiles$\alinepp\Downloads\cc3468dc-e812-4a17-a2bb-8700c388cb68.tmp</t>
  </si>
  <si>
    <t>12/26/2019 14:20:11</t>
  </si>
  <si>
    <t>709e07dd-288d-43cc-bd7e-d692b2843c78.tmp</t>
  </si>
  <si>
    <t>\\acsfs\profiles$\alinepp\Downloads\709e07dd-288d-43cc-bd7e-d692b2843c78.tmp</t>
  </si>
  <si>
    <t>12/26/2019 14:19:57</t>
  </si>
  <si>
    <t>12/26/2019 14:20:19</t>
  </si>
  <si>
    <t>12/26/2019 14:18:07</t>
  </si>
  <si>
    <t>12/26/2019 14:22:53</t>
  </si>
  <si>
    <t>848db755-748f-4e52-ac71-4e40c04826ad.tmp</t>
  </si>
  <si>
    <t>\\acsfs\profiles$\matheusmax\Downloads\848db755-748f-4e52-ac71-4e40c04826ad.tmp</t>
  </si>
  <si>
    <t>12/26/2019 14:18:19</t>
  </si>
  <si>
    <t>8fde99d5-90b9-4307-a80b-42b21ac09b73.tmp</t>
  </si>
  <si>
    <t>\\acsfs\profiles$\matheusmax\Downloads\8fde99d5-90b9-4307-a80b-42b21ac09b73.tmp</t>
  </si>
  <si>
    <t>12/26/2019 14:20:01</t>
  </si>
  <si>
    <t>4f0c855a-cafd-4a89-9bf3-b17f250ee9e0.tmp</t>
  </si>
  <si>
    <t>\\acsfs\profiles$\matheusmax\Downloads\4f0c855a-cafd-4a89-9bf3-b17f250ee9e0.tmp</t>
  </si>
  <si>
    <t>12/26/2019 14:21:24</t>
  </si>
  <si>
    <t>254f49bd-3b6c-4836-be5a-986375b0eef1.tmp</t>
  </si>
  <si>
    <t>\\acsfs\profiles$\matheusmax\Downloads\254f49bd-3b6c-4836-be5a-986375b0eef1.tmp</t>
  </si>
  <si>
    <t>12/26/2019 14:23:53</t>
  </si>
  <si>
    <t>12/26/2019 14:21:54</t>
  </si>
  <si>
    <t>12/26/2019 14:18:48</t>
  </si>
  <si>
    <t>mail.google.com/sync/u/0/i/s?hl=pt-BR&amp;c=3</t>
  </si>
  <si>
    <t>12/26/2019 14:20:47</t>
  </si>
  <si>
    <t>12/26/2019 14:20:48</t>
  </si>
  <si>
    <t>12/26/2019 14:25:53</t>
  </si>
  <si>
    <t>12/26/2019 14:20:56</t>
  </si>
  <si>
    <t>12/26/2019 14:21:15</t>
  </si>
  <si>
    <t>12/26/2019 14:21:17</t>
  </si>
  <si>
    <t>12/26/2019 14:21:30</t>
  </si>
  <si>
    <t>12/26/2019 14:21:38</t>
  </si>
  <si>
    <t>12/26/2019 14:21:40</t>
  </si>
  <si>
    <t>12/26/2019 14:21:41</t>
  </si>
  <si>
    <t>12/26/2019 14:22:05</t>
  </si>
  <si>
    <t>12fd1875-24a9-4746-82ed-81d2227b9c0f.tmp</t>
  </si>
  <si>
    <t>\\acsfs\profiles$\fabianobmf\Downloads\12fd1875-24a9-4746-82ed-81d2227b9c0f.tmp</t>
  </si>
  <si>
    <t>12/26/2019 14:23:40</t>
  </si>
  <si>
    <t>0ecc4899-957f-461f-ab53-1a89a134c5d2.tmp</t>
  </si>
  <si>
    <t>\\acsfs\profiles$\fabianobmf\Downloads\0ecc4899-957f-461f-ab53-1a89a134c5d2.tmp</t>
  </si>
  <si>
    <t>12/26/2019 14:24:18</t>
  </si>
  <si>
    <t>5f1b5084-fff2-42a8-8378-daf82b3ec2fa.tmp</t>
  </si>
  <si>
    <t>\\acsfs\profiles$\fabianobmf\Downloads\5f1b5084-fff2-42a8-8378-daf82b3ec2fa.tmp</t>
  </si>
  <si>
    <t>12/26/2019 14:20:55</t>
  </si>
  <si>
    <t>832027e7-95c5-45f9-aba7-9007390ccee0.tmp</t>
  </si>
  <si>
    <t>\\acsfs\profiles$\gabrieleods\Downloads\832027e7-95c5-45f9-aba7-9007390ccee0.tmp</t>
  </si>
  <si>
    <t>12/26/2019 14:21:39</t>
  </si>
  <si>
    <t>0ff0c522-d9b5-4bc8-9235-6c2e34bce0bd.tmp</t>
  </si>
  <si>
    <t>\\acsfs\profiles$\gabrieleods\Downloads\0ff0c522-d9b5-4bc8-9235-6c2e34bce0bd.tmp</t>
  </si>
  <si>
    <t>12/26/2019 14:22:04</t>
  </si>
  <si>
    <t>b09c5f45-b815-443c-8fbc-32081686d777.tmp</t>
  </si>
  <si>
    <t>\\acsfs\profiles$\alinepp\Downloads\b09c5f45-b815-443c-8fbc-32081686d777.tmp</t>
  </si>
  <si>
    <t>12/26/2019 14:20:45</t>
  </si>
  <si>
    <t>lu146321g6vap.tmp</t>
  </si>
  <si>
    <t>\\acsfs\profiles$\dhiulliananads\My Documents\lu146321g6vap.tmp</t>
  </si>
  <si>
    <t>\\acsfs\profiles$\dhiulliananads\My Documents\lu146321g6vap.tmp\</t>
  </si>
  <si>
    <t>\\acsfs\profiles$\dhiulliananads\My Documents\lu146321g6vap.tmp\META-INF\</t>
  </si>
  <si>
    <t>\\acsfs\profiles$\dhiulliananads\My Documents\lu146321g6vap.tmp\Thumbnails\</t>
  </si>
  <si>
    <t>12/26/2019 14:21:43</t>
  </si>
  <si>
    <t>12/26/2019 14:22:51</t>
  </si>
  <si>
    <t>12/26/2019 14:21:45</t>
  </si>
  <si>
    <t>12/26/2019 14:26:54</t>
  </si>
  <si>
    <t>12/26/2019 14:21:37</t>
  </si>
  <si>
    <t>12/26/2019 14:24:03</t>
  </si>
  <si>
    <t>f919bcbe-75ca-421b-b778-f5de070d6510.tmp</t>
  </si>
  <si>
    <t>\\acsfs\profiles$\leticiala\Downloads\f919bcbe-75ca-421b-b778-f5de070d6510.tmp</t>
  </si>
  <si>
    <t>12/26/2019 14:21:56</t>
  </si>
  <si>
    <t>12/26/2019 14:27:53</t>
  </si>
  <si>
    <t>a3c21ee8-2c82-47c0-8610-6998078ed74c.tmp</t>
  </si>
  <si>
    <t>\\acsfs\profiles$\matheusmax\Downloads\a3c21ee8-2c82-47c0-8610-6998078ed74c.tmp</t>
  </si>
  <si>
    <t>12/26/2019 14:22:23</t>
  </si>
  <si>
    <t>711b5556-9a66-4870-a945-cadefc450d71.tmp</t>
  </si>
  <si>
    <t>\\acsfs\profiles$\matheusmax\Downloads\711b5556-9a66-4870-a945-cadefc450d71.tmp</t>
  </si>
  <si>
    <t>12/26/2019 14:23:04</t>
  </si>
  <si>
    <t>5afe1060-a51e-46f1-98b9-709ea20ea114.tmp</t>
  </si>
  <si>
    <t>\\acsfs\profiles$\matheusmax\Downloads\5afe1060-a51e-46f1-98b9-709ea20ea114.tmp</t>
  </si>
  <si>
    <t>12/26/2019 14:24:21</t>
  </si>
  <si>
    <t>f1540759-b7be-44ec-827a-da3b3237628a.tmp</t>
  </si>
  <si>
    <t>\\acsfs\profiles$\matheusmax\Downloads\f1540759-b7be-44ec-827a-da3b3237628a.tmp</t>
  </si>
  <si>
    <t>12/26/2019 14:25:31</t>
  </si>
  <si>
    <t>4c9be805-3285-4142-bfdb-5f0cab4c4ffe.tmp</t>
  </si>
  <si>
    <t>\\acsfs\profiles$\matheusmax\Downloads\4c9be805-3285-4142-bfdb-5f0cab4c4ffe.tmp</t>
  </si>
  <si>
    <t>12/26/2019 14:26:11</t>
  </si>
  <si>
    <t>bd894575-1c9d-408a-bc1a-c798dc8aad3d.tmp</t>
  </si>
  <si>
    <t>\\acsfs\profiles$\matheusmax\Downloads\bd894575-1c9d-408a-bc1a-c798dc8aad3d.tmp</t>
  </si>
  <si>
    <t>12/26/2019 14:26:18</t>
  </si>
  <si>
    <t>Não confirmado 708430.crdownload</t>
  </si>
  <si>
    <t>\\acsfs\profiles$\matheusmax\Downloads\Não confirmado 708430.crdownload</t>
  </si>
  <si>
    <t>12/26/2019 14:23:24</t>
  </si>
  <si>
    <t>f3803a70-be90-42e6-bf46-87d8b8c34adc.tmp</t>
  </si>
  <si>
    <t>\\acsfs\profiles$\philipegsf\Downloads\f3803a70-be90-42e6-bf46-87d8b8c34adc.tmp</t>
  </si>
  <si>
    <t>12/26/2019 14:25:15</t>
  </si>
  <si>
    <t>fea9d3b2-6820-4740-a2db-03c404eb668a.tmp</t>
  </si>
  <si>
    <t>\\acsfs\profiles$\philipegsf\Downloads\fea9d3b2-6820-4740-a2db-03c404eb668a.tmp</t>
  </si>
  <si>
    <t>12/26/2019 14:23:44</t>
  </si>
  <si>
    <t>Link PUC.txt</t>
  </si>
  <si>
    <t>\\acsfs\ACS\001 - Qualidade Lilian\PAULO\Link PUC.txt</t>
  </si>
  <si>
    <t>12/26/2019 14:23:17</t>
  </si>
  <si>
    <t>12/26/2019 14:28:53</t>
  </si>
  <si>
    <t>4d4b8b8a-91e3-4c89-bd14-47fcdd00ee92.tmp</t>
  </si>
  <si>
    <t>\\acsfs\profiles$\rosileiam\Downloads\4d4b8b8a-91e3-4c89-bd14-47fcdd00ee92.tmp</t>
  </si>
  <si>
    <t>12/26/2019 14:24:38</t>
  </si>
  <si>
    <t>a6bd1c3d-e3e8-43b7-9308-6e6eefa6e820.tmp</t>
  </si>
  <si>
    <t>\\acsfs\profiles$\rosileiam\Downloads\a6bd1c3d-e3e8-43b7-9308-6e6eefa6e820.tmp</t>
  </si>
  <si>
    <t>12/26/2019 14:25:50</t>
  </si>
  <si>
    <t>12/26/2019 14:25:51</t>
  </si>
  <si>
    <t>12/26/2019 14:27:54</t>
  </si>
  <si>
    <t>12/26/2019 14:26:49</t>
  </si>
  <si>
    <t>e8125902-8b08-4852-8d20-bc2c8cb01104.tmp</t>
  </si>
  <si>
    <t>\\acsfs\profiles$\vivianalds\Downloads\e8125902-8b08-4852-8d20-bc2c8cb01104.tmp</t>
  </si>
  <si>
    <t>12/26/2019 14:24:01</t>
  </si>
  <si>
    <t>12/26/2019 14:29:53</t>
  </si>
  <si>
    <t>12/26/2019 14:26:06</t>
  </si>
  <si>
    <t>12/26/2019 14:30:53</t>
  </si>
  <si>
    <t>12/26/2019 14:26:19</t>
  </si>
  <si>
    <t>8178d991-9cd6-4577-a910-2613486784d9.tmp</t>
  </si>
  <si>
    <t>\\acsfs\profiles$\gabrielamdp\Downloads\8178d991-9cd6-4577-a910-2613486784d9.tmp</t>
  </si>
  <si>
    <t>12/26/2019 14:26:13</t>
  </si>
  <si>
    <t>a6452724-12e0-47ed-9abd-ef7e29844653.tmp</t>
  </si>
  <si>
    <t>\\acsfs\profiles$\fabianobmf\Downloads\a6452724-12e0-47ed-9abd-ef7e29844653.tmp</t>
  </si>
  <si>
    <t>12/26/2019 14:25:21</t>
  </si>
  <si>
    <t>1c8532b1-c1ff-45b3-ae1f-37445085ceef.tmp</t>
  </si>
  <si>
    <t>\\acsfs\profiles$\joycemmdl\Downloads\1c8532b1-c1ff-45b3-ae1f-37445085ceef.tmp</t>
  </si>
  <si>
    <t>12/26/2019 14:26:23</t>
  </si>
  <si>
    <t>b1cdda0e-eb3c-4e7d-b0f3-9d29ef8ece1b.tmp</t>
  </si>
  <si>
    <t>\\acsfs\profiles$\joycemmdl\Downloads\b1cdda0e-eb3c-4e7d-b0f3-9d29ef8ece1b.tmp</t>
  </si>
  <si>
    <t>12/26/2019 14:29:17</t>
  </si>
  <si>
    <t>12/26/2019 14:29:31</t>
  </si>
  <si>
    <t>12/26/2019 14:31:53</t>
  </si>
  <si>
    <t>Maria Aparecida Vieira da Silva_1_6769397237772519316_1_32.wav</t>
  </si>
  <si>
    <t>\\acsfs\Deptos\EDUCACAO EMPRESARIAL\FERNANDA MONIT\Ligação para Mutant terceiro Ciclo\Maria Aparecida Vieira da Silva_1_6769397237772519316_1_32.wav</t>
  </si>
  <si>
    <t>12/26/2019 14:30:03</t>
  </si>
  <si>
    <t>12/26/2019 14:32:54</t>
  </si>
  <si>
    <t>12/26/2019 14:30:04</t>
  </si>
  <si>
    <t>lu97521lg7pl.tmp</t>
  </si>
  <si>
    <t>\\acsfs\profiles$\LUCASBS\lu97521lg7pl.tmp</t>
  </si>
  <si>
    <t>\\acsfs\profiles$\LUCASBS\lu97521lg7pl.tmp\</t>
  </si>
  <si>
    <t>\\acsfs\profiles$\LUCASBS\lu97521lg7pl.tmp\META-INF\</t>
  </si>
  <si>
    <t>\\acsfs\profiles$\LUCASBS\lu97521lg7pl.tmp\Thumbnails\</t>
  </si>
  <si>
    <t>12/26/2019 14:31:43</t>
  </si>
  <si>
    <t>12/26/2019 14:33:53</t>
  </si>
  <si>
    <t>953376ec-1ed6-4aef-82eb-68d765a70bfe.tmp</t>
  </si>
  <si>
    <t>\\acsfs\profiles$\vivianibfs\Downloads\953376ec-1ed6-4aef-82eb-68d765a70bfe.tmp</t>
  </si>
  <si>
    <t>12/26/2019 14:32:41</t>
  </si>
  <si>
    <t>cd9deb1d-58db-4f24-8843-52834c3ab630.tmp</t>
  </si>
  <si>
    <t>\\acsfs\profiles$\vivianibfs\Downloads\cd9deb1d-58db-4f24-8843-52834c3ab630.tmp</t>
  </si>
  <si>
    <t>12/26/2019 14:32:44</t>
  </si>
  <si>
    <t>2c1dbc08-f0b7-478a-a1b5-f06b09556799.tmp</t>
  </si>
  <si>
    <t>\\acsfs\profiles$\vivianibfs\Downloads\2c1dbc08-f0b7-478a-a1b5-f06b09556799.tmp</t>
  </si>
  <si>
    <t>12/26/2019 14:30:54</t>
  </si>
  <si>
    <t>12/26/2019 14:32:49</t>
  </si>
  <si>
    <t>7f7722d6-c477-4186-bcc4-a198ec360223.tmp</t>
  </si>
  <si>
    <t>\\acsfs\profiles$\laylaams\Downloads\7f7722d6-c477-4186-bcc4-a198ec360223.tmp</t>
  </si>
  <si>
    <t>12/26/2019 14:30:42</t>
  </si>
  <si>
    <t>12/26/2019 14:30:46</t>
  </si>
  <si>
    <t>12/26/2019 14:30:49</t>
  </si>
  <si>
    <t>12/26/2019 14:31:34</t>
  </si>
  <si>
    <t>12/26/2019 14:31:59</t>
  </si>
  <si>
    <t>12/26/2019 14:32:06</t>
  </si>
  <si>
    <t>12/26/2019 14:32:31</t>
  </si>
  <si>
    <t>12/26/2019 14:32:37</t>
  </si>
  <si>
    <t>12/26/2019 14:32:47</t>
  </si>
  <si>
    <t>12/26/2019 14:33:10</t>
  </si>
  <si>
    <t>12/26/2019 14:33:21</t>
  </si>
  <si>
    <t>12/26/2019 14:29:34</t>
  </si>
  <si>
    <t>12/26/2019 14:30:10</t>
  </si>
  <si>
    <t>12/26/2019 14:30:47</t>
  </si>
  <si>
    <t>8eaae1fa-fc60-4b41-954c-396d65084b2d.tmp</t>
  </si>
  <si>
    <t>\\acsfs\profiles$\anafsb\Downloads\8eaae1fa-fc60-4b41-954c-396d65084b2d.tmp</t>
  </si>
  <si>
    <t>12/26/2019 14:32:28</t>
  </si>
  <si>
    <t>12/26/2019 14:34:53</t>
  </si>
  <si>
    <t>68404bcf-9b81-4992-beab-4994da6abea7.tmp</t>
  </si>
  <si>
    <t>\\acsfs\profiles$\KARENDSR\Downloads\68404bcf-9b81-4992-beab-4994da6abea7.tmp</t>
  </si>
  <si>
    <t>12/26/2019 14:30:01</t>
  </si>
  <si>
    <t>12/26/2019 14:29:36</t>
  </si>
  <si>
    <t>12/26/2019 14:32:24</t>
  </si>
  <si>
    <t>12/26/2019 14:35:53</t>
  </si>
  <si>
    <t>7033eb03-27fd-458f-a737-08f61de79095.tmp</t>
  </si>
  <si>
    <t>\\acsfs\profiles$\fabianobmf\Downloads\7033eb03-27fd-458f-a737-08f61de79095.tmp</t>
  </si>
  <si>
    <t>12/26/2019 14:32:13</t>
  </si>
  <si>
    <t>12/26/2019 14:32:43</t>
  </si>
  <si>
    <t>12/26/2019 14:33:13</t>
  </si>
  <si>
    <t>12/26/2019 14:33:43</t>
  </si>
  <si>
    <t>12/26/2019 14:32:01</t>
  </si>
  <si>
    <t>12/26/2019 14:33:03</t>
  </si>
  <si>
    <t>12/26/2019 14:36:53</t>
  </si>
  <si>
    <t>12/26/2019 14:34:09</t>
  </si>
  <si>
    <t>12/26/2019 14:37:54</t>
  </si>
  <si>
    <t>12/26/2019 14:34:10</t>
  </si>
  <si>
    <t>lu97521lg7pq.tmp</t>
  </si>
  <si>
    <t>\\acsfs\profiles$\LUCASBS\lu97521lg7pq.tmp</t>
  </si>
  <si>
    <t>\\acsfs\profiles$\LUCASBS\lu97521lg7pq.tmp\</t>
  </si>
  <si>
    <t>\\acsfs\profiles$\LUCASBS\lu97521lg7pq.tmp\META-INF\</t>
  </si>
  <si>
    <t>\\acsfs\profiles$\LUCASBS\lu97521lg7pq.tmp\Thumbnails\</t>
  </si>
  <si>
    <t>12/26/2019 14:35:16</t>
  </si>
  <si>
    <t>12/26/2019 14:35:13</t>
  </si>
  <si>
    <t>12/26/2019 14:38:53</t>
  </si>
  <si>
    <t>04a003e1-4465-4d3f-98d6-62574214c608.tmp</t>
  </si>
  <si>
    <t>\\acsfs\profiles$\vivianibfs\Downloads\04a003e1-4465-4d3f-98d6-62574214c608.tmp</t>
  </si>
  <si>
    <t>12/26/2019 14:33:55</t>
  </si>
  <si>
    <t>12/26/2019 14:36:55</t>
  </si>
  <si>
    <t>12/26/2019 14:36:25</t>
  </si>
  <si>
    <t>b7faa6e2-6c56-4d7f-8803-615ee5ff2ac5.tmp</t>
  </si>
  <si>
    <t>\\acsfs\profiles$\brendadsl\Downloads\b7faa6e2-6c56-4d7f-8803-615ee5ff2ac5.tmp</t>
  </si>
  <si>
    <t>12/26/2019 14:36:47</t>
  </si>
  <si>
    <t>f2b2b970-548e-4d14-bdaf-3d6aaae2d0ca.tmp</t>
  </si>
  <si>
    <t>\\acsfs\profiles$\brendadsl\Downloads\f2b2b970-548e-4d14-bdaf-3d6aaae2d0ca.tmp</t>
  </si>
  <si>
    <t>12/26/2019 14:35:17</t>
  </si>
  <si>
    <t>lu822412n0my.tmp</t>
  </si>
  <si>
    <t>\\acsfs\profiles$\ISABELLEGTDS\Nova pasta\lu822412n0my.tmp</t>
  </si>
  <si>
    <t>\\acsfs\profiles$\ISABELLEGTDS\Nova pasta\lu822412n0my.tmp\</t>
  </si>
  <si>
    <t>\\acsfs\profiles$\ISABELLEGTDS\Nova pasta\lu822412n0my.tmp\META-INF\</t>
  </si>
  <si>
    <t>\\acsfs\profiles$\ISABELLEGTDS\Nova pasta\lu822412n0my.tmp\Thumbnails\</t>
  </si>
  <si>
    <t>12/26/2019 14:33:31</t>
  </si>
  <si>
    <t>12/26/2019 14:35:06</t>
  </si>
  <si>
    <t>\\acsfs\DEPTOS\Operacao\PCP\5 - Comum\PLANEJAMENTO BV\14 - ACOMPANHAMENTO\1 - REPORT ACOMPANHAMENTO\2019\12 - Dezembro\FINANCEIRA\Acompanhamento improdutividade BV Financeira cópia.xlsx</t>
  </si>
  <si>
    <t>12/26/2019 14:36:52</t>
  </si>
  <si>
    <t>12/26/2019 14:38:24</t>
  </si>
  <si>
    <t>12/26/2019 14:36:01</t>
  </si>
  <si>
    <t>12/26/2019 14:39:54</t>
  </si>
  <si>
    <t>12/26/2019 14:35:35</t>
  </si>
  <si>
    <t>a79949bc-c6f1-4069-a6c1-138731bcc14c.tmp</t>
  </si>
  <si>
    <t>\\acsfs\profiles$\ERICALSR\Downloads\a79949bc-c6f1-4069-a6c1-138731bcc14c.tmp</t>
  </si>
  <si>
    <t>12/26/2019 14:37:59</t>
  </si>
  <si>
    <t>12/26/2019 14:35:32</t>
  </si>
  <si>
    <t>12/26/2019 14:40:53</t>
  </si>
  <si>
    <t>12/26/2019 14:35:49</t>
  </si>
  <si>
    <t>12/26/2019 14:35:59</t>
  </si>
  <si>
    <t>7e8b8777-a286-42a3-a59c-d2a39c7bfedb.tmp</t>
  </si>
  <si>
    <t>\\acsfs\profiles$\alinepp\Downloads\7e8b8777-a286-42a3-a59c-d2a39c7bfedb.tmp</t>
  </si>
  <si>
    <t>12/26/2019 14:39:58</t>
  </si>
  <si>
    <t>79ee607f-32fb-4583-b97a-3e3b793dfeac.tmp</t>
  </si>
  <si>
    <t>\\acsfs\profiles$\alinepp\Downloads\79ee607f-32fb-4583-b97a-3e3b793dfeac.tmp</t>
  </si>
  <si>
    <t>65b6923e-7dd5-4e35-9215-7559e03a4cc3.tmp</t>
  </si>
  <si>
    <t>\\acsfs\profiles$\wedersonbadr\My Documents\My Music\65b6923e-7dd5-4e35-9215-7559e03a4cc3.tmp</t>
  </si>
  <si>
    <t>12/26/2019 14:36:23</t>
  </si>
  <si>
    <t>8a0b97b0-dc26-4808-b270-afb75fbdc864.tmp</t>
  </si>
  <si>
    <t>\\acsfs\profiles$\wedersonbadr\My Documents\My Music\8a0b97b0-dc26-4808-b270-afb75fbdc864.tmp</t>
  </si>
  <si>
    <t>12/26/2019 14:39:34</t>
  </si>
  <si>
    <t>12/26/2019 14:41:53</t>
  </si>
  <si>
    <t>Gabriela Ferreira Fraga_1_6771034255967460039_1_32.wav</t>
  </si>
  <si>
    <t>\\acsfs\Deptos\EDUCACAO EMPRESARIAL\FERNANDA MONIT\Ligação para Mutant terceiro Ciclo\Gabriela Ferreira Fraga_1_6771034255967460039_1_32.wav</t>
  </si>
  <si>
    <t>12/26/2019 14:37:38</t>
  </si>
  <si>
    <t>LUCAS GUBERT.txt</t>
  </si>
  <si>
    <t>\\acsfs\DEPTOS\Operacao\Banco_Votorantim\Qualidade\Anderson\Jose\Laudos a fazer 26.12\LUCAS GUBERT.txt</t>
  </si>
  <si>
    <t>12/26/2019 14:40:10</t>
  </si>
  <si>
    <t>12/26/2019 14:39:30</t>
  </si>
  <si>
    <t>https://udpmailboxap01.acs.com.br:8443/h/search?si=14&amp;so=0&amp;sc=53696&amp;sfi=6&amp;st=conversation&amp;action=compose&amp;paction=rowview</t>
  </si>
  <si>
    <t>12/26/2019 14:38:31</t>
  </si>
  <si>
    <t>12/26/2019 14:42:54</t>
  </si>
  <si>
    <t>12/26/2019 14:40:50</t>
  </si>
  <si>
    <t>5b4282e1-a686-4127-90ce-debadd39e8ee.tmp</t>
  </si>
  <si>
    <t>\\acsfs\profiles$\fabianafv\Downloads\5b4282e1-a686-4127-90ce-debadd39e8ee.tmp</t>
  </si>
  <si>
    <t>a163c05c-3609-4670-b447-9a7e73d68c71.tmp</t>
  </si>
  <si>
    <t>\\acsfs\profiles$\fabianafv\Downloads\a163c05c-3609-4670-b447-9a7e73d68c71.tmp</t>
  </si>
  <si>
    <t>\\acsfs\ACS\001 - Qualidade Lilian\PAULO\FAROL DE QUALIDADE\DEZEMBRO\RELATORIO PARA FAROL.xlsx\</t>
  </si>
  <si>
    <t>\\acsfs\ACS\001 - Qualidade Lilian\PAULO\FAROL DE QUALIDADE\DEZEMBRO\RELATORIO PARA FAROL.xlsx</t>
  </si>
  <si>
    <t>RELATORIO PARA FAROL.xlsx</t>
  </si>
  <si>
    <t>12/26/2019 14:38:19</t>
  </si>
  <si>
    <t>12/26/2019 14:43:53</t>
  </si>
  <si>
    <t>439e8989-d454-4a2a-bd2f-b027e3f8ec7e.tmp</t>
  </si>
  <si>
    <t>\\acsfs\profiles$\vivianibfs\Downloads\439e8989-d454-4a2a-bd2f-b027e3f8ec7e.tmp</t>
  </si>
  <si>
    <t>12/26/2019 14:40:16</t>
  </si>
  <si>
    <t>c088c216-b2ba-4fae-9844-c8afe36b58d1.tmp</t>
  </si>
  <si>
    <t>\\acsfs\profiles$\rosileiam\Downloads\c088c216-b2ba-4fae-9844-c8afe36b58d1.tmp</t>
  </si>
  <si>
    <t>12/26/2019 14:39:55</t>
  </si>
  <si>
    <t>12/26/2019 14:42:55</t>
  </si>
  <si>
    <t>12/26/2019 14:41:19</t>
  </si>
  <si>
    <t>12/26/2019 14:41:36</t>
  </si>
  <si>
    <t>12/26/2019 14:42:01</t>
  </si>
  <si>
    <t>12/26/2019 14:44:53</t>
  </si>
  <si>
    <t>12/26/2019 14:42:02</t>
  </si>
  <si>
    <t>12/26/2019 14:42:28</t>
  </si>
  <si>
    <t>12/26/2019 14:42:29</t>
  </si>
  <si>
    <t>lu208202laf4x.tmp</t>
  </si>
  <si>
    <t>\\acsfs\profiles$\geovanaasa\My Documents\lu208202laf4x.tmp</t>
  </si>
  <si>
    <t>\\acsfs\profiles$\geovanaasa\My Documents\lu208202laf4x.tmp\</t>
  </si>
  <si>
    <t>\\acsfs\profiles$\geovanaasa\My Documents\lu208202laf4x.tmp\META-INF\</t>
  </si>
  <si>
    <t>\\acsfs\profiles$\geovanaasa\My Documents\lu208202laf4x.tmp\Thumbnails\</t>
  </si>
  <si>
    <t>12/26/2019 14:44:22</t>
  </si>
  <si>
    <t>.~lock.ATIVO 20.12.2019.ods#</t>
  </si>
  <si>
    <t>\\acsfs\profiles$\EDICARLOSDL\My Documents\.~lock.ATIVO 20.12.2019.ods#</t>
  </si>
  <si>
    <t>12/26/2019 14:42:12</t>
  </si>
  <si>
    <t>12/26/2019 14:43:26</t>
  </si>
  <si>
    <t>72b529f4-621a-4da4-a345-5daaf15429bd.tmp</t>
  </si>
  <si>
    <t>\\acsfs\profiles$\edicarlosdl\Downloads\72b529f4-621a-4da4-a345-5daaf15429bd.tmp</t>
  </si>
  <si>
    <t>12/26/2019 14:44:32</t>
  </si>
  <si>
    <t>5aecd269-5fec-4eea-a00e-52223c6b4d16.tmp</t>
  </si>
  <si>
    <t>\\acsfs\profiles$\edicarlosdl\Downloads\5aecd269-5fec-4eea-a00e-52223c6b4d16.tmp</t>
  </si>
  <si>
    <t>12/26/2019 14:41:13</t>
  </si>
  <si>
    <t>12/26/2019 14:45:53</t>
  </si>
  <si>
    <t>12/26/2019 14:41:32</t>
  </si>
  <si>
    <t>12/26/2019 14:41:38</t>
  </si>
  <si>
    <t>12/26/2019 14:42:33</t>
  </si>
  <si>
    <t>12/26/2019 14:46:53</t>
  </si>
  <si>
    <t>10.200.66.189</t>
  </si>
  <si>
    <t>D0-94-66-B5-4E-54</t>
  </si>
  <si>
    <t>VOTORANT-ZB017</t>
  </si>
  <si>
    <t>12/26/2019 14:42:44</t>
  </si>
  <si>
    <t>12/26/2019 14:43:12</t>
  </si>
  <si>
    <t>12/26/2019 14:47:53</t>
  </si>
  <si>
    <t>22f0a0ec-058b-4d5d-9fd6-b31b2e4ecb8c.tmp</t>
  </si>
  <si>
    <t>\\acsfs\profiles$\fabianafv\Downloads\22f0a0ec-058b-4d5d-9fd6-b31b2e4ecb8c.tmp</t>
  </si>
  <si>
    <t>12/26/2019 14:46:40</t>
  </si>
  <si>
    <t>12/26/2019 14:46:43</t>
  </si>
  <si>
    <t>12/26/2019 14:46:44</t>
  </si>
  <si>
    <t>12/26/2019 14:46:45</t>
  </si>
  <si>
    <t>12/26/2019 14:46:46</t>
  </si>
  <si>
    <t>12/26/2019 14:46:47</t>
  </si>
  <si>
    <t>12/26/2019 14:46:48</t>
  </si>
  <si>
    <t>12/26/2019 14:46:49</t>
  </si>
  <si>
    <t>12/26/2019 14:46:50</t>
  </si>
  <si>
    <t>12/26/2019 14:46:51</t>
  </si>
  <si>
    <t>12/26/2019 14:46:54</t>
  </si>
  <si>
    <t>12/26/2019 14:46:56</t>
  </si>
  <si>
    <t>12/26/2019 14:46:57</t>
  </si>
  <si>
    <t>12/26/2019 14:46:58</t>
  </si>
  <si>
    <t>12/26/2019 14:46:59</t>
  </si>
  <si>
    <t>12/26/2019 14:47:02</t>
  </si>
  <si>
    <t>12/26/2019 14:47:03</t>
  </si>
  <si>
    <t>12/26/2019 14:47:04</t>
  </si>
  <si>
    <t>12/26/2019 14:47:05</t>
  </si>
  <si>
    <t>12/26/2019 14:47:07</t>
  </si>
  <si>
    <t>12/26/2019 14:47:08</t>
  </si>
  <si>
    <t>12/26/2019 14:47:09</t>
  </si>
  <si>
    <t>12/26/2019 14:47:10</t>
  </si>
  <si>
    <t>12/26/2019 14:47:11</t>
  </si>
  <si>
    <t>12/26/2019 14:47:13</t>
  </si>
  <si>
    <t>12/26/2019 14:47:15</t>
  </si>
  <si>
    <t>12/26/2019 14:47:16</t>
  </si>
  <si>
    <t>12/26/2019 14:47:17</t>
  </si>
  <si>
    <t>12/26/2019 14:47:19</t>
  </si>
  <si>
    <t>12/26/2019 14:47:20</t>
  </si>
  <si>
    <t>12/26/2019 14:47:21</t>
  </si>
  <si>
    <t>12/26/2019 14:47:22</t>
  </si>
  <si>
    <t>12/26/2019 14:47:23</t>
  </si>
  <si>
    <t>12/26/2019 14:47:25</t>
  </si>
  <si>
    <t>12/26/2019 14:47:26</t>
  </si>
  <si>
    <t>12/26/2019 14:47:27</t>
  </si>
  <si>
    <t>12/26/2019 14:47:28</t>
  </si>
  <si>
    <t>12/26/2019 14:47:30</t>
  </si>
  <si>
    <t>12/26/2019 14:47:31</t>
  </si>
  <si>
    <t>12/26/2019 14:47:46</t>
  </si>
  <si>
    <t>12/26/2019 14:45:55</t>
  </si>
  <si>
    <t>12/26/2019 14:48:53</t>
  </si>
  <si>
    <t>12/26/2019 14:47:49</t>
  </si>
  <si>
    <t>dd537fca-b0d7-400c-a08a-1281558e94f7.tmp</t>
  </si>
  <si>
    <t>\\acsfs\profiles$\anafsb\Downloads\dd537fca-b0d7-400c-a08a-1281558e94f7.tmp</t>
  </si>
  <si>
    <t>12/26/2019 14:46:00</t>
  </si>
  <si>
    <t>12/26/2019 14:46:04</t>
  </si>
  <si>
    <t>12/26/2019 14:46:11</t>
  </si>
  <si>
    <t>12/26/2019 14:46:30</t>
  </si>
  <si>
    <t>12/26/2019 14:46:35</t>
  </si>
  <si>
    <t>12/26/2019 14:46:41</t>
  </si>
  <si>
    <t>mail.google.com/sync/u/0/i/s?hl=pt-BR&amp;c=117</t>
  </si>
  <si>
    <t>12/26/2019 14:47:00</t>
  </si>
  <si>
    <t>12/26/2019 14:48:24</t>
  </si>
  <si>
    <t>12/26/2019 14:48:01</t>
  </si>
  <si>
    <t>12/26/2019 14:49:53</t>
  </si>
  <si>
    <t>12/26/2019 14:46:16</t>
  </si>
  <si>
    <t>dea8fdf0-b5ea-4be9-b0d6-5509eff60284.tmp</t>
  </si>
  <si>
    <t>\\acsfs\profiles$\edicarlosdl\Downloads\dea8fdf0-b5ea-4be9-b0d6-5509eff60284.tmp</t>
  </si>
  <si>
    <t>12/26/2019 14:47:34</t>
  </si>
  <si>
    <t>fe80cc99-6238-4e24-9f38-25d0ee892597.tmp</t>
  </si>
  <si>
    <t>\\acsfs\profiles$\edicarlosdl\Downloads\fe80cc99-6238-4e24-9f38-25d0ee892597.tmp</t>
  </si>
  <si>
    <t>12/26/2019 14:48:34</t>
  </si>
  <si>
    <t>c2deeb47-3ca6-4bbd-b563-4c642eb87107.tmp</t>
  </si>
  <si>
    <t>\\acsfs\profiles$\edicarlosdl\Downloads\c2deeb47-3ca6-4bbd-b563-4c642eb87107.tmp</t>
  </si>
  <si>
    <t>12/26/2019 14:45:47</t>
  </si>
  <si>
    <t>12/26/2019 14:50:53</t>
  </si>
  <si>
    <t>12/26/2019 14:45:52</t>
  </si>
  <si>
    <t>12/26/2019 14:46:28</t>
  </si>
  <si>
    <t>12/26/2019 14:51:53</t>
  </si>
  <si>
    <t>876de913-dc8f-4326-a638-72f69a311ca5.tmp</t>
  </si>
  <si>
    <t>\\acsfs\profiles$\henriqueco\Downloads\876de913-dc8f-4326-a638-72f69a311ca5.tmp</t>
  </si>
  <si>
    <t>b43e3f3e-0bc2-4ba0-beb0-a7626e05336f.tmp</t>
  </si>
  <si>
    <t>\\acsfs\profiles$\henriqueco\Downloads\b43e3f3e-0bc2-4ba0-beb0-a7626e05336f.tmp</t>
  </si>
  <si>
    <t>12/26/2019 14:50:23</t>
  </si>
  <si>
    <t>12/26/2019 14:52:54</t>
  </si>
  <si>
    <t>12/26/2019 14:49:29</t>
  </si>
  <si>
    <t>layonmof@bv.algartech.com</t>
  </si>
  <si>
    <t>https://udpmailboxap01/h/search;jsessionid=x7fngb8sjf2g1th25huhqm61?si=0&amp;so=0&amp;sc=53800&amp;st=conversation&amp;action=compose</t>
  </si>
  <si>
    <t>maristelavodq@bv.algartech.com;</t>
  </si>
  <si>
    <t>https://maristelavodq@bv.algartech.com</t>
  </si>
  <si>
    <t>12/26/2019 14:47:48</t>
  </si>
  <si>
    <t>12/26/2019 14:48:08</t>
  </si>
  <si>
    <t>12/26/2019 14:48:13</t>
  </si>
  <si>
    <t>12/26/2019 14:53:53</t>
  </si>
  <si>
    <t>cintiadjl</t>
  </si>
  <si>
    <t>\\acsfs\profiles$\cintiadjl\Downloads\</t>
  </si>
  <si>
    <t>f64bce66-7827-4230-babb-1f4911d0d859.tmp</t>
  </si>
  <si>
    <t>\\acsfs\profiles$\cintiadjl\Downloads\f64bce66-7827-4230-babb-1f4911d0d859.tmp</t>
  </si>
  <si>
    <t>12/26/2019 14:48:18</t>
  </si>
  <si>
    <t>c511c8ee-e82e-4b23-8ff2-f6c8f331b363.tmp</t>
  </si>
  <si>
    <t>\\acsfs\profiles$\cintiadjl\Downloads\c511c8ee-e82e-4b23-8ff2-f6c8f331b363.tmp</t>
  </si>
  <si>
    <t>12/26/2019 14:49:40</t>
  </si>
  <si>
    <t>56d243bd-0d48-4491-93d9-f9f868b3736a.tmp</t>
  </si>
  <si>
    <t>\\acsfs\profiles$\cintiadjl\Downloads\56d243bd-0d48-4491-93d9-f9f868b3736a.tmp</t>
  </si>
  <si>
    <t>12/26/2019 14:48:55</t>
  </si>
  <si>
    <t>12/26/2019 14:51:55</t>
  </si>
  <si>
    <t>12/26/2019 14:49:37</t>
  </si>
  <si>
    <t>12/26/2019 14:49:47</t>
  </si>
  <si>
    <t>https://joaogvc@algartech.com,josiascdsj@algartech.com,marianadjc@algartech.com,rafaelggs@algartech.com,taysdss@algartech.com,viniciussg@algartech.com</t>
  </si>
  <si>
    <t>12/26/2019 14:50:09</t>
  </si>
  <si>
    <t>12/26/2019 14:50:30</t>
  </si>
  <si>
    <t>12/26/2019 14:53:04</t>
  </si>
  <si>
    <t>12/26/2019 14:52:52</t>
  </si>
  <si>
    <t>12/26/2019 14:54:53</t>
  </si>
  <si>
    <t>12/26/2019 14:50:29</t>
  </si>
  <si>
    <t>d73097c8-b442-4159-b19f-202c1e86082c.tmp</t>
  </si>
  <si>
    <t>\\acsfs\profiles$\edicarlosdl\Downloads\d73097c8-b442-4159-b19f-202c1e86082c.tmp</t>
  </si>
  <si>
    <t>12/26/2019 14:51:13</t>
  </si>
  <si>
    <t>6f75335a-e7f5-4468-9780-3e206ecffca4.tmp</t>
  </si>
  <si>
    <t>\\acsfs\profiles$\edicarlosdl\Downloads\6f75335a-e7f5-4468-9780-3e206ecffca4.tmp</t>
  </si>
  <si>
    <t>12/26/2019 14:52:45</t>
  </si>
  <si>
    <t>1d7f96ff-2ca7-4d34-a802-7b55893be8cb.tmp</t>
  </si>
  <si>
    <t>\\acsfs\profiles$\edicarlosdl\Downloads\1d7f96ff-2ca7-4d34-a802-7b55893be8cb.tmp</t>
  </si>
  <si>
    <t>12/26/2019 14:53:48</t>
  </si>
  <si>
    <t>82af716e-1419-4bc4-a1d8-655a44529af3.tmp</t>
  </si>
  <si>
    <t>\\acsfs\profiles$\edicarlosdl\Downloads\82af716e-1419-4bc4-a1d8-655a44529af3.tmp</t>
  </si>
  <si>
    <t>12/26/2019 14:53:07</t>
  </si>
  <si>
    <t>12/26/2019 14:55:53</t>
  </si>
  <si>
    <t>12/26/2019 14:52:48</t>
  </si>
  <si>
    <t>12/26/2019 14:51:40</t>
  </si>
  <si>
    <t>12/26/2019 14:51:42</t>
  </si>
  <si>
    <t>12/26/2019 14:51:52</t>
  </si>
  <si>
    <t>12/26/2019 14:51:56</t>
  </si>
  <si>
    <t>12/26/2019 14:52:01</t>
  </si>
  <si>
    <t>12/26/2019 14:52:11</t>
  </si>
  <si>
    <t>12/26/2019 14:54:49</t>
  </si>
  <si>
    <t>12/26/2019 14:56:02</t>
  </si>
  <si>
    <t>12/26/2019 14:56:53</t>
  </si>
  <si>
    <t>\\acsfs\DEPTOS\Operacao\Banco_Votorantim\Qualidade\Anderson\Jose\Atualizado\132839A7.tmp\</t>
  </si>
  <si>
    <t>\\acsfs\DEPTOS\Operacao\Banco_Votorantim\Qualidade\Anderson\Jose\Atualizado\132839A7.tmp\:Zone.Identifier:$DATA</t>
  </si>
  <si>
    <t>12/26/2019 14:56:03</t>
  </si>
  <si>
    <t>12/26/2019 14:54:52</t>
  </si>
  <si>
    <t>12/26/2019 14:57:53</t>
  </si>
  <si>
    <t>https://outlook.office365.com/owa/qualidadealgarbv@algartech.com/service.svc?action=updateitem&amp;app=mail&amp;n=97</t>
  </si>
  <si>
    <t>12/26/2019 14:55:22</t>
  </si>
  <si>
    <t>https://outlook.office365.com/owa/qualidadealgarbv@algartech.com/service.svc?action=updateitem&amp;app=mail&amp;n=102</t>
  </si>
  <si>
    <t>12/26/2019 14:55:52</t>
  </si>
  <si>
    <t>https://outlook.office365.com/owa/qualidadealgarbv@algartech.com/service.svc?action=updateitem&amp;app=mail&amp;n=108</t>
  </si>
  <si>
    <t>12/26/2019 14:56:22</t>
  </si>
  <si>
    <t>https://outlook.office365.com/owa/qualidadealgarbv@algartech.com/service.svc?action=updateitem&amp;app=mail&amp;n=121</t>
  </si>
  <si>
    <t>12/26/2019 14:56:52</t>
  </si>
  <si>
    <t>https://outlook.office365.com/owa/qualidadealgarbv@algartech.com/service.svc?action=updateitem&amp;app=mail&amp;n=125</t>
  </si>
  <si>
    <t>12/26/2019 14:54:55</t>
  </si>
  <si>
    <t>12/26/2019 14:58:53</t>
  </si>
  <si>
    <t>12/26/2019 14:57:55</t>
  </si>
  <si>
    <t>12/26/2019 14:53:34</t>
  </si>
  <si>
    <t>12/26/2019 14:55:40</t>
  </si>
  <si>
    <t>12/26/2019 14:55:43</t>
  </si>
  <si>
    <t>12/26/2019 14:55:45</t>
  </si>
  <si>
    <t>\\acsfs\DEPTOS\Operacao\PCP\5 - Comum\PLANEJAMENTO BV\14 - ACOMPANHAMENTO\1 - REPORT ACOMPANHAMENTO\2019\12 - Dezembro\CARTÕES\</t>
  </si>
  <si>
    <t>\\acsfs\DEPTOS\Operacao\PCP\5 - Comum\PLANEJAMENTO BV\14 - ACOMPANHAMENTO\1 - REPORT ACOMPANHAMENTO\2019\12 - Dezembro\CARTÕES\Acompanhamento improdutividade BV Cartões.xlsx</t>
  </si>
  <si>
    <t>12/26/2019 14:56:42</t>
  </si>
  <si>
    <t>12/26/2019 14:56:58</t>
  </si>
  <si>
    <t>12/26/2019 14:57:01</t>
  </si>
  <si>
    <t>12/26/2019 14:57:07</t>
  </si>
  <si>
    <t>12/26/2019 14:57:14</t>
  </si>
  <si>
    <t>12/26/2019 14:57:18</t>
  </si>
  <si>
    <t>12/26/2019 14:57:24</t>
  </si>
  <si>
    <t>12/26/2019 14:57:34</t>
  </si>
  <si>
    <t>joaogvc@algartech.com;leonardoao@algartech.com;marianadjc@algartech.com;rafaelggs@algartech.com;taysdss@algartech.com;thiagordu@algartech.com;viniciussg@algartech.com;</t>
  </si>
  <si>
    <t>joaogvc@algartech.com,leonardoao@algartech.com,marianadjc@algartech.com,rafaelggs@algartech.com,taysdss@algartech.com,thiagordu@algartech.com,viniciussg@algartech.com</t>
  </si>
  <si>
    <t>12/26/2019 14:57:42</t>
  </si>
  <si>
    <t>joaogvc@algartech.com;josiascdsj@algartech.com;leonardoao@algartech.com;marianadjc@algartech.com;rafaelggs@algartech.com;taysdss@algartech.com;thiagordu@algartech.com;viniciussg@algartech.com;</t>
  </si>
  <si>
    <t>joaogvc@algartech.com,josiascdsj@algartech.com,leonardoao@algartech.com,marianadjc@algartech.com,rafaelggs@algartech.com,taysdss@algartech.com,thiagordu@algartech.com,viniciussg@algartech.com</t>
  </si>
  <si>
    <t>12/26/2019 14:55:32</t>
  </si>
  <si>
    <t>12/26/2019 14:59:53</t>
  </si>
  <si>
    <t>12/26/2019 14:54:02</t>
  </si>
  <si>
    <t>12/26/2019 14:56:41</t>
  </si>
  <si>
    <t>0af18c31-3a82-4db6-a4aa-e9698b8d0121.tmp</t>
  </si>
  <si>
    <t>\\acsfs\profiles$\victoriaksr\Downloads\0af18c31-3a82-4db6-a4aa-e9698b8d0121.tmp</t>
  </si>
  <si>
    <t>12/26/2019 14:55:12</t>
  </si>
  <si>
    <t>03085a34-0c72-468b-8652-af18bf37f7a6.tmp</t>
  </si>
  <si>
    <t>\\acsfs\profiles$\victorgl\Downloads\03085a34-0c72-468b-8652-af18bf37f7a6.tmp</t>
  </si>
  <si>
    <t>12/26/2019 14:56:32</t>
  </si>
  <si>
    <t>12/26/2019 15:00:53</t>
  </si>
  <si>
    <t>12/26/2019 14:59:11</t>
  </si>
  <si>
    <t>brunalas</t>
  </si>
  <si>
    <t>\\acsfs\profiles$\brunalas\Downloads\</t>
  </si>
  <si>
    <t>21626e91-c2cd-43f6-98db-41168f0a31cf.tmp</t>
  </si>
  <si>
    <t>\\acsfs\profiles$\brunalas\Downloads\21626e91-c2cd-43f6-98db-41168f0a31cf.tmp</t>
  </si>
  <si>
    <t>12/26/2019 14:55:56</t>
  </si>
  <si>
    <t>12/26/2019 14:59:50</t>
  </si>
  <si>
    <t>12/26/2019 14:59:59</t>
  </si>
  <si>
    <t>12/26/2019 14:56:13</t>
  </si>
  <si>
    <t>12/26/2019 14:56:43</t>
  </si>
  <si>
    <t>12/26/2019 14:58:05</t>
  </si>
  <si>
    <t>6c120f0d-3a3a-49a7-ad32-675da9669f48.tmp</t>
  </si>
  <si>
    <t>\\acsfs\profiles$\wedersonbadr\My Documents\My Music\6c120f0d-3a3a-49a7-ad32-675da9669f48.tmp</t>
  </si>
  <si>
    <t>12/26/2019 14:56:35</t>
  </si>
  <si>
    <t>12/26/2019 15:01:53</t>
  </si>
  <si>
    <t>bfcfb55d-a4e5-4a76-884d-cd68a90a8b38.tmp</t>
  </si>
  <si>
    <t>\\acsfs\profiles$\erichds\Downloads\bfcfb55d-a4e5-4a76-884d-cd68a90a8b38.tmp</t>
  </si>
  <si>
    <t>12/26/2019 14:59:49</t>
  </si>
  <si>
    <t>65fdda6f-a37b-4f47-8917-4e055d4b15b0.tmp</t>
  </si>
  <si>
    <t>\\acsfs\profiles$\erichds\Downloads\65fdda6f-a37b-4f47-8917-4e055d4b15b0.tmp</t>
  </si>
  <si>
    <t>12/26/2019 14:57:00</t>
  </si>
  <si>
    <t>12/26/2019 14:59:23</t>
  </si>
  <si>
    <t>4c8db001-d058-4400-9745-1e2a02aeb077.tmp</t>
  </si>
  <si>
    <t>\\acsfs\profiles$\edicarlosdl\Downloads\4c8db001-d058-4400-9745-1e2a02aeb077.tmp</t>
  </si>
  <si>
    <t>12/26/2019 14:58:32</t>
  </si>
  <si>
    <t>Vendas Dezembro.txt</t>
  </si>
  <si>
    <t>\\acsfs\profiles$\lucasgpe\Desktop\Vendas Dezembro.txt</t>
  </si>
  <si>
    <t>12/26/2019 14:58:15</t>
  </si>
  <si>
    <t>12/26/2019 15:02:53</t>
  </si>
  <si>
    <t>196bf9e4-4743-4ddf-ae6f-ef7c75a2ec7b.tmp</t>
  </si>
  <si>
    <t>\\acsfs\profiles$\layonmof\Downloads\196bf9e4-4743-4ddf-ae6f-ef7c75a2ec7b.tmp</t>
  </si>
  <si>
    <t>12/26/2019 15:01:42</t>
  </si>
  <si>
    <t>\\acsfs\profiles$\danielpdl\My Documents\My Pictures\</t>
  </si>
  <si>
    <t>perfil.PNG</t>
  </si>
  <si>
    <t>\\acsfs\profiles$\danielpdl\My Documents\My Pictures\perfil.PNG</t>
  </si>
  <si>
    <t>12/26/2019 14:58:06</t>
  </si>
  <si>
    <t>https://outlook.office365.com/owa/qualidadealgarbv@algartech.com/service.svc?action=updateitem&amp;app=mail&amp;n=138</t>
  </si>
  <si>
    <t>12/26/2019 14:58:34</t>
  </si>
  <si>
    <t>FAROL DE QUALIDADE.pptx</t>
  </si>
  <si>
    <t>Algar_Presentation</t>
  </si>
  <si>
    <t>\\acsfs\ACS\001 - Qualidade Lilian\PAULO\FAROL DE QUALIDADE\DEZEMBRO\FAROL DE QUALIDADE.pptx</t>
  </si>
  <si>
    <t>12/26/2019 14:59:06</t>
  </si>
  <si>
    <t>12/26/2019 14:58:48</t>
  </si>
  <si>
    <t>12/26/2019 15:03:53</t>
  </si>
  <si>
    <t>e8ca4bf3-723c-4265-9fb5-87f6597921fb.tmp</t>
  </si>
  <si>
    <t>\\acsfs\profiles$\rosileiam\Downloads\e8ca4bf3-723c-4265-9fb5-87f6597921fb.tmp</t>
  </si>
  <si>
    <t>12/26/2019 15:00:55</t>
  </si>
  <si>
    <t>12/26/2019 14:59:34</t>
  </si>
  <si>
    <t>12/26/2019 15:00:22</t>
  </si>
  <si>
    <t>12/26/2019 15:00:34</t>
  </si>
  <si>
    <t>12/26/2019 15:00:41</t>
  </si>
  <si>
    <t>12/26/2019 15:00:52</t>
  </si>
  <si>
    <t>joaogvc@algartech.com;josiascdsj@algartech.com;karinefg@algartech.com;leonardoao@algartech.com;marianadjc@algartech.com;rafaelggs@algartech.com;taysdss@algartech.com;thiagordu@algartech.com;viniciussg@algartech.com;</t>
  </si>
  <si>
    <t>joaogvc@algartech.com,josiascdsj@algartech.com,karinefg@algartech.com,leonardoao@algartech.com,marianadjc@algartech.com,rafaelggs@algartech.com,taysdss@algartech.com,thiagordu@algartech.com,viniciussg@algartech.com</t>
  </si>
  <si>
    <t>12/26/2019 15:00:57</t>
  </si>
  <si>
    <t>12/26/2019 15:01:06</t>
  </si>
  <si>
    <t>12/26/2019 15:01:14</t>
  </si>
  <si>
    <t>josiascdsj@algartech.com;karinefg@algartech.com;marianadjc@algartech.com;</t>
  </si>
  <si>
    <t>josiascdsj@algartech.com,karinefg@algartech.com,marianadjc@algartech.com</t>
  </si>
  <si>
    <t>12/26/2019 15:01:38</t>
  </si>
  <si>
    <t>12/26/2019 15:02:09</t>
  </si>
  <si>
    <t>12/26/2019 15:02:15</t>
  </si>
  <si>
    <t>12/26/2019 15:02:37</t>
  </si>
  <si>
    <t>12/26/2019 15:03:00</t>
  </si>
  <si>
    <t>12/26/2019 15:03:18</t>
  </si>
  <si>
    <t>12/26/2019 15:03:22</t>
  </si>
  <si>
    <t>12/26/2019 15:00:01</t>
  </si>
  <si>
    <t>12/26/2019 15:04:53</t>
  </si>
  <si>
    <t>12/26/2019 15:03:28</t>
  </si>
  <si>
    <t>6a6536df-1f10-48cd-aa6a-ec91c0659730.tmp</t>
  </si>
  <si>
    <t>\\acsfs\profiles$\nayarasds\Downloads\6a6536df-1f10-48cd-aa6a-ec91c0659730.tmp</t>
  </si>
  <si>
    <t>12/26/2019 15:01:56</t>
  </si>
  <si>
    <t>12/26/2019 15:04:46</t>
  </si>
  <si>
    <t>12/26/2019 15:05:53</t>
  </si>
  <si>
    <t>12/26/2019 15:00:26</t>
  </si>
  <si>
    <t>8496cce9-80ee-4cff-8d9b-35cd71419b7b.tmp</t>
  </si>
  <si>
    <t>\\acsfs\profiles$\brunalas\Downloads\8496cce9-80ee-4cff-8d9b-35cd71419b7b.tmp</t>
  </si>
  <si>
    <t>12/26/2019 15:02:00</t>
  </si>
  <si>
    <t>12/26/2019 15:04:43</t>
  </si>
  <si>
    <t>12/26/2019 15:05:03</t>
  </si>
  <si>
    <t>12/26/2019 15:06:53</t>
  </si>
  <si>
    <t>12/26/2019 15:02:14</t>
  </si>
  <si>
    <t>12/26/2019 15:04:35</t>
  </si>
  <si>
    <t>aaca364e-e6ca-4c14-9d0c-3e1f5de52244.tmp</t>
  </si>
  <si>
    <t>\\acsfs\profiles$\edicarlosdl\Downloads\aaca364e-e6ca-4c14-9d0c-3e1f5de52244.tmp</t>
  </si>
  <si>
    <t>12/26/2019 15:02:57</t>
  </si>
  <si>
    <t>12/26/2019 15:07:53</t>
  </si>
  <si>
    <t>12/26/2019 15:04:33</t>
  </si>
  <si>
    <t>12/26/2019 15:05:55</t>
  </si>
  <si>
    <t>12/26/2019 15:03:55</t>
  </si>
  <si>
    <t>12/26/2019 15:08:53</t>
  </si>
  <si>
    <t>12/26/2019 15:06:55</t>
  </si>
  <si>
    <t>12/26/2019 15:08:17</t>
  </si>
  <si>
    <t>12/26/2019 15:06:52</t>
  </si>
  <si>
    <t>3d111903-ae46-4a3f-afa4-4bcc863b164c.tmp</t>
  </si>
  <si>
    <t>\\acsfs\profiles$\vivianalds\Downloads\3d111903-ae46-4a3f-afa4-4bcc863b164c.tmp</t>
  </si>
  <si>
    <t>12/26/2019 15:03:27</t>
  </si>
  <si>
    <t>12/26/2019 15:03:30</t>
  </si>
  <si>
    <t>12/26/2019 15:03:39</t>
  </si>
  <si>
    <t>12/26/2019 15:03:45</t>
  </si>
  <si>
    <t>12/26/2019 15:03:51</t>
  </si>
  <si>
    <t>12/26/2019 15:03:54</t>
  </si>
  <si>
    <t>12/26/2019 15:03:59</t>
  </si>
  <si>
    <t>12/26/2019 15:04:01</t>
  </si>
  <si>
    <t>12/26/2019 15:04:20</t>
  </si>
  <si>
    <t>12/26/2019 15:04:25</t>
  </si>
  <si>
    <t>12/26/2019 15:06:44</t>
  </si>
  <si>
    <t>https://josiascdsj@algartech.com,karinefg@algartech.com,marianadjc@algartech.com</t>
  </si>
  <si>
    <t>12/26/2019 15:07:03</t>
  </si>
  <si>
    <t>12/26/2019 15:06:01</t>
  </si>
  <si>
    <t>12/26/2019 15:09:53</t>
  </si>
  <si>
    <t>12/26/2019 15:10:53</t>
  </si>
  <si>
    <t>12/26/2019 15:09:14</t>
  </si>
  <si>
    <t>e75d343e-84fd-4974-a916-b39fd53d57cf.tmp</t>
  </si>
  <si>
    <t>\\acsfs\profiles$\brunalas\Downloads\e75d343e-84fd-4974-a916-b39fd53d57cf.tmp</t>
  </si>
  <si>
    <t>12/26/2019 15:07:35</t>
  </si>
  <si>
    <t>6691ddcd-ab05-4afd-a9d9-1755381799ff.tmp</t>
  </si>
  <si>
    <t>\\acsfs\profiles$\gabrielamdp\Downloads\6691ddcd-ab05-4afd-a9d9-1755381799ff.tmp</t>
  </si>
  <si>
    <t>12/26/2019 15:10:02</t>
  </si>
  <si>
    <t>12/26/2019 14:52:53</t>
  </si>
  <si>
    <t>\\acsfs\profiles$\brunalas\My Documents\My Pictures\</t>
  </si>
  <si>
    <t>\\acsfs\profiles$\brunalas\My Documents\My Videos\desktop.ini</t>
  </si>
  <si>
    <t>12/26/2019 14:52:55</t>
  </si>
  <si>
    <t>\\acsfs\profiles$\brunalas\My Documents\My Videos\</t>
  </si>
  <si>
    <t>12/26/2019 14:52:57</t>
  </si>
  <si>
    <t>12/26/2019 14:52:59</t>
  </si>
  <si>
    <t>12/26/2019 14:53:01</t>
  </si>
  <si>
    <t>12/26/2019 14:53:03</t>
  </si>
  <si>
    <t>\\acsfs\profiles$\brunalas\My Documents\My Music\</t>
  </si>
  <si>
    <t>\\acsfs\profiles$\brunalas\My Documents\My Pictures\desktop.ini</t>
  </si>
  <si>
    <t>12/26/2019 14:53:09</t>
  </si>
  <si>
    <t>12/26/2019 14:53:12</t>
  </si>
  <si>
    <t>12/26/2019 14:53:13</t>
  </si>
  <si>
    <t>12/26/2019 14:53:17</t>
  </si>
  <si>
    <t>\\acsfs\profiles$\brunalas\Contacts\</t>
  </si>
  <si>
    <t>\\acsfs\profiles$\brunalas\Contacts\desktop.ini</t>
  </si>
  <si>
    <t>12/26/2019 14:53:19</t>
  </si>
  <si>
    <t>12/26/2019 14:53:21</t>
  </si>
  <si>
    <t>12/26/2019 14:53:23</t>
  </si>
  <si>
    <t>12/26/2019 14:53:26</t>
  </si>
  <si>
    <t>12/26/2019 14:53:27</t>
  </si>
  <si>
    <t>12/26/2019 14:53:29</t>
  </si>
  <si>
    <t>\\acsfs\profiles$\brunalas\My Documents\</t>
  </si>
  <si>
    <t>\\acsfs\profiles$\brunalas\Favorites\desktop.ini</t>
  </si>
  <si>
    <t>12/26/2019 14:53:31</t>
  </si>
  <si>
    <t>12/26/2019 14:53:32</t>
  </si>
  <si>
    <t>12/26/2019 14:53:35</t>
  </si>
  <si>
    <t>12/26/2019 14:53:37</t>
  </si>
  <si>
    <t>12/26/2019 14:53:39</t>
  </si>
  <si>
    <t>12/26/2019 14:53:41</t>
  </si>
  <si>
    <t>12/26/2019 14:53:43</t>
  </si>
  <si>
    <t>\\acsfs\profiles$\brunalas\My Documents\My Music\desktop.ini</t>
  </si>
  <si>
    <t>12/26/2019 14:53:46</t>
  </si>
  <si>
    <t>12/26/2019 14:53:51</t>
  </si>
  <si>
    <t>12/26/2019 14:53:52</t>
  </si>
  <si>
    <t>12/26/2019 14:53:55</t>
  </si>
  <si>
    <t>\\acsfs\profiles$\brunalas\Searches\</t>
  </si>
  <si>
    <t>\\acsfs\profiles$\brunalas\Searches\desktop.ini</t>
  </si>
  <si>
    <t>12/26/2019 14:53:57</t>
  </si>
  <si>
    <t>12/26/2019 14:54:00</t>
  </si>
  <si>
    <t>12/26/2019 14:54:04</t>
  </si>
  <si>
    <t>12/26/2019 14:54:06</t>
  </si>
  <si>
    <t>\\acsfs\profiles$\brunalas\Downloads\desktop.ini</t>
  </si>
  <si>
    <t>12/26/2019 14:54:08</t>
  </si>
  <si>
    <t>12/26/2019 14:54:12</t>
  </si>
  <si>
    <t>\\acsfs\profiles$\brunalas\Favorites\</t>
  </si>
  <si>
    <t>\\acsfs\profiles$\brunalas\My Documents\desktop.ini</t>
  </si>
  <si>
    <t>12/26/2019 14:54:14</t>
  </si>
  <si>
    <t>12/26/2019 14:54:16</t>
  </si>
  <si>
    <t>12/26/2019 14:54:18</t>
  </si>
  <si>
    <t>12/26/2019 14:54:21</t>
  </si>
  <si>
    <t>12/26/2019 14:54:23</t>
  </si>
  <si>
    <t>12/26/2019 14:54:28</t>
  </si>
  <si>
    <t>\\acsfs\profiles$\brunalas\Saved Games\desktop.ini</t>
  </si>
  <si>
    <t>12/26/2019 14:54:31</t>
  </si>
  <si>
    <t>12/26/2019 14:54:56</t>
  </si>
  <si>
    <t>winrt--{S-1-5-21-602162358-764733703-839522115-358561}-.searchconnector-ms</t>
  </si>
  <si>
    <t>\\acsfs\profiles$\brunalas\Searches\winrt--{S-1-5-21-602162358-764733703-839522115-358561}-.searchconnector-ms</t>
  </si>
  <si>
    <t>12/26/2019 14:55:41</t>
  </si>
  <si>
    <t>12/26/2019 15:09:13</t>
  </si>
  <si>
    <t>12/26/2019 15:09:43</t>
  </si>
  <si>
    <t>52e0ca71-143b-43c0-96ef-d0c54813f012.tmp</t>
  </si>
  <si>
    <t>\\acsfs\profiles$\wedersonbadr\My Documents\My Music\52e0ca71-143b-43c0-96ef-d0c54813f012.tmp</t>
  </si>
  <si>
    <t>12/26/2019 15:10:41</t>
  </si>
  <si>
    <t>12/26/2019 15:11:53</t>
  </si>
  <si>
    <t>12/26/2019 15:09:16</t>
  </si>
  <si>
    <t>4de923c3-764b-4516-b506-fb50baf83878.tmp</t>
  </si>
  <si>
    <t>\\acsfs\profiles$\edicarlosdl\Downloads\4de923c3-764b-4516-b506-fb50baf83878.tmp</t>
  </si>
  <si>
    <t>12/26/2019 15:10:47</t>
  </si>
  <si>
    <t>76f0d5c8-d7bb-4ddb-8e51-f029bd520de3.tmp</t>
  </si>
  <si>
    <t>\\acsfs\profiles$\edicarlosdl\Downloads\76f0d5c8-d7bb-4ddb-8e51-f029bd520de3.tmp</t>
  </si>
  <si>
    <t>12/26/2019 15:11:15</t>
  </si>
  <si>
    <t>d6b115e3-2a18-432c-9a4f-aa07f7c066c0.tmp</t>
  </si>
  <si>
    <t>\\acsfs\profiles$\edicarlosdl\Downloads\d6b115e3-2a18-432c-9a4f-aa07f7c066c0.tmp</t>
  </si>
  <si>
    <t>12/26/2019 15:11:19</t>
  </si>
  <si>
    <t>a0f816c9-f80b-47f0-a1c1-c1467fdf6bdb.tmp</t>
  </si>
  <si>
    <t>\\acsfs\profiles$\edicarlosdl\Downloads\a0f816c9-f80b-47f0-a1c1-c1467fdf6bdb.tmp</t>
  </si>
  <si>
    <t>12/26/2019 15:10:21</t>
  </si>
  <si>
    <t>12/26/2019 15:06:54</t>
  </si>
  <si>
    <t>d4affe41-6941-4c5c-86ef-0e36af848708.tmp</t>
  </si>
  <si>
    <t>\\acsfs\profiles$\thaisdss\Downloads\d4affe41-6941-4c5c-86ef-0e36af848708.tmp</t>
  </si>
  <si>
    <t>12/26/2019 15:07:32</t>
  </si>
  <si>
    <t>62d5fb61-4523-4925-9ada-86253d44f526.tmp</t>
  </si>
  <si>
    <t>\\acsfs\profiles$\thaisdss\Downloads\62d5fb61-4523-4925-9ada-86253d44f526.tmp</t>
  </si>
  <si>
    <t>12/26/2019 15:08:46</t>
  </si>
  <si>
    <t>12/26/2019 15:12:53</t>
  </si>
  <si>
    <t>12/26/2019 15:10:03</t>
  </si>
  <si>
    <t>12/26/2019 15:13:54</t>
  </si>
  <si>
    <t>12/26/2019 15:09:20</t>
  </si>
  <si>
    <t>8fd29f87-1497-4a88-a9f3-c5a3a1b6bef3.tmp</t>
  </si>
  <si>
    <t>\\acsfs\profiles$\vivianibfs\Downloads\8fd29f87-1497-4a88-a9f3-c5a3a1b6bef3.tmp</t>
  </si>
  <si>
    <t>12/26/2019 15:09:55</t>
  </si>
  <si>
    <t>12/26/2019 15:12:55</t>
  </si>
  <si>
    <t>12/26/2019 15:11:17</t>
  </si>
  <si>
    <t>12/26/2019 15:11:22</t>
  </si>
  <si>
    <t>12/26/2019 15:11:37</t>
  </si>
  <si>
    <t>mail.google.com/sync/u/0/i/s?hl=pt-BR&amp;c=237</t>
  </si>
  <si>
    <t>12/26/2019 15:11:41</t>
  </si>
  <si>
    <t>mail.google.com/sync/u/0/i/s?hl=pt-BR&amp;c=239</t>
  </si>
  <si>
    <t>12/26/2019 15:11:51</t>
  </si>
  <si>
    <t>12/26/2019 15:12:18</t>
  </si>
  <si>
    <t>\\acsfs\DEPTOS\Operacao\PCP\5 - Comum\PLANEJAMENTO BV\14 - ACOMPANHAMENTO\1 - REPORT ACOMPANHAMENTO\2019\12 - Dezembro\FINANCEIRA\</t>
  </si>
  <si>
    <t>12/26/2019 15:12:35</t>
  </si>
  <si>
    <t>100035125381406;josiascdsj@algartech.com;karinefg@algartech.com;marianadjc@algartech.com;</t>
  </si>
  <si>
    <t>100035125381406,josiascdsj@algartech.com,karinefg@algartech.com,marianadjc@algartech.com</t>
  </si>
  <si>
    <t>12/26/2019 15:09:02</t>
  </si>
  <si>
    <t>12/26/2019 15:14:53</t>
  </si>
  <si>
    <t>12/26/2019 15:09:09</t>
  </si>
  <si>
    <t>12/26/2019 15:09:19</t>
  </si>
  <si>
    <t>12/26/2019 15:09:23</t>
  </si>
  <si>
    <t>mail.google.com/sync/u/0/i/s?hl=pt-BR&amp;c=475</t>
  </si>
  <si>
    <t>12/26/2019 15:09:25</t>
  </si>
  <si>
    <t>mail.google.com/sync/u/0/i/s?hl=pt-BR&amp;c=477</t>
  </si>
  <si>
    <t>12/26/2019 15:12:01</t>
  </si>
  <si>
    <t>12/26/2019 15:14:35</t>
  </si>
  <si>
    <t>12/26/2019 15:15:53</t>
  </si>
  <si>
    <t>12/26/2019 15:14:36</t>
  </si>
  <si>
    <t>12/26/2019 15:12:50</t>
  </si>
  <si>
    <t>12/26/2019 15:16:53</t>
  </si>
  <si>
    <t>aa73de14-a2b6-44e7-ab63-3b9d7fae9c40.tmp</t>
  </si>
  <si>
    <t>\\acsfs\profiles$\erichds\Downloads\aa73de14-a2b6-44e7-ab63-3b9d7fae9c40.tmp</t>
  </si>
  <si>
    <t>12/26/2019 15:14:59</t>
  </si>
  <si>
    <t>212be699-dd6f-440a-82ca-20b1f89e33d8.tmp</t>
  </si>
  <si>
    <t>\\acsfs\profiles$\erichds\Downloads\212be699-dd6f-440a-82ca-20b1f89e33d8.tmp</t>
  </si>
  <si>
    <t>e046a3bc-2209-4283-8327-03144ff878c4.tmp</t>
  </si>
  <si>
    <t>\\acsfs\profiles$\laurandos\Downloads\e046a3bc-2209-4283-8327-03144ff878c4.tmp</t>
  </si>
  <si>
    <t>12/26/2019 15:11:46</t>
  </si>
  <si>
    <t>30e47fbc-5013-4506-a673-dc0bc9f4a3b0.tmp</t>
  </si>
  <si>
    <t>\\acsfs\profiles$\laurandos\Downloads\30e47fbc-5013-4506-a673-dc0bc9f4a3b0.tmp</t>
  </si>
  <si>
    <t>12/26/2019 15:13:20</t>
  </si>
  <si>
    <t>578ea8d8-d322-4d94-9224-5ecfc43a9039.tmp</t>
  </si>
  <si>
    <t>\\acsfs\profiles$\laurandos\Downloads\578ea8d8-d322-4d94-9224-5ecfc43a9039.tmp</t>
  </si>
  <si>
    <t>12/26/2019 15:14:44</t>
  </si>
  <si>
    <t>\\acsfs\DEPTOS\Operacao\Banco_Votorantim\Qualidade\Anderson\Jose\Atualizado\699AD6EA.tmp\</t>
  </si>
  <si>
    <t>\\acsfs\DEPTOS\Operacao\Banco_Votorantim\Qualidade\Anderson\Jose\Atualizado\699AD6EA.tmp\:Zone.Identifier:$DATA</t>
  </si>
  <si>
    <t>12/26/2019 15:14:45</t>
  </si>
  <si>
    <t>12/26/2019 15:15:01</t>
  </si>
  <si>
    <t>f4c7be5f-d4df-4816-b1a3-9439a90e0ae1.tmp</t>
  </si>
  <si>
    <t>\\acsfs\profiles$\edicarlosdl\Downloads\f4c7be5f-d4df-4816-b1a3-9439a90e0ae1.tmp</t>
  </si>
  <si>
    <t>12/26/2019 15:16:57</t>
  </si>
  <si>
    <t>12/26/2019 15:17:53</t>
  </si>
  <si>
    <t>d8b68e41-41f8-4215-8980-1c68d6a69ddd.tmp</t>
  </si>
  <si>
    <t>\\acsfs\profiles$\maxmillianosv\Downloads\d8b68e41-41f8-4215-8980-1c68d6a69ddd.tmp</t>
  </si>
  <si>
    <t>12/26/2019 14:34:28</t>
  </si>
  <si>
    <t>12/26/2019 15:13:08</t>
  </si>
  <si>
    <t>12/26/2019 15:13:09</t>
  </si>
  <si>
    <t>lu97521lg7q3.tmp</t>
  </si>
  <si>
    <t>\\acsfs\profiles$\LUCASBS\lu97521lg7q3.tmp</t>
  </si>
  <si>
    <t>\\acsfs\profiles$\LUCASBS\lu97521lg7q3.tmp\</t>
  </si>
  <si>
    <t>12/26/2019 15:13:10</t>
  </si>
  <si>
    <t>\\acsfs\profiles$\LUCASBS\lu97521lg7q3.tmp\META-INF\</t>
  </si>
  <si>
    <t>\\acsfs\profiles$\LUCASBS\lu97521lg7q3.tmp\Thumbnails\</t>
  </si>
  <si>
    <t>12/26/2019 15:13:30</t>
  </si>
  <si>
    <t>12/26/2019 15:13:57</t>
  </si>
  <si>
    <t>.~lock.RENEG BV 26.12 Lucas.ods#</t>
  </si>
  <si>
    <t>\\acsfs\profiles$\LUCASBS\.~lock.RENEG BV 26.12 Lucas.ods#</t>
  </si>
  <si>
    <t>12/26/2019 15:13:59</t>
  </si>
  <si>
    <t>lu75121oxmtu.tmp</t>
  </si>
  <si>
    <t>\\acsfs\profiles$\LUCASBS\lu75121oxmtu.tmp</t>
  </si>
  <si>
    <t>\\acsfs\profiles$\LUCASBS\lu75121oxmtu.tmp\</t>
  </si>
  <si>
    <t>\\acsfs\profiles$\LUCASBS\lu75121oxmtu.tmp\META-INF\</t>
  </si>
  <si>
    <t>\\acsfs\profiles$\LUCASBS\lu75121oxmtu.tmp\Thumbnails\</t>
  </si>
  <si>
    <t>12/26/2019 15:18:54</t>
  </si>
  <si>
    <t>12/26/2019 15:15:54</t>
  </si>
  <si>
    <t>lu363804bm61v.tmp</t>
  </si>
  <si>
    <t>\\acsfs\profiles$\jonatanls\My Documents\lu363804bm61v.tmp</t>
  </si>
  <si>
    <t>12/26/2019 15:13:26</t>
  </si>
  <si>
    <t>12/26/2019 15:15:55</t>
  </si>
  <si>
    <t>12/26/2019 15:14:52</t>
  </si>
  <si>
    <t>d27ee04a-95e8-44e4-a7c3-ebe5a21d8b4c.tmp</t>
  </si>
  <si>
    <t>\\acsfs\profiles$\geovannasm\Downloads\d27ee04a-95e8-44e4-a7c3-ebe5a21d8b4c.tmp</t>
  </si>
  <si>
    <t>12/26/2019 15:14:29</t>
  </si>
  <si>
    <t>12/26/2019 15:18:02</t>
  </si>
  <si>
    <t>12/26/2019 15:19:53</t>
  </si>
  <si>
    <t>12/26/2019 15:16:45</t>
  </si>
  <si>
    <t>12/26/2019 15:20:54</t>
  </si>
  <si>
    <t>12/26/2019 15:18:23</t>
  </si>
  <si>
    <t>12/26/2019 15:18:25</t>
  </si>
  <si>
    <t>12/26/2019 15:18:41</t>
  </si>
  <si>
    <t>12/26/2019 15:18:42</t>
  </si>
  <si>
    <t>12/26/2019 15:19:06</t>
  </si>
  <si>
    <t>12/26/2019 15:16:19</t>
  </si>
  <si>
    <t>12/26/2019 15:19:04</t>
  </si>
  <si>
    <t>b45d2b05-22f0-43de-bd1b-60ceba932190.tmp</t>
  </si>
  <si>
    <t>\\acsfs\profiles$\joycemmdl\Downloads\b45d2b05-22f0-43de-bd1b-60ceba932190.tmp</t>
  </si>
  <si>
    <t>12/26/2019 15:19:34</t>
  </si>
  <si>
    <t>12/26/2019 15:17:11</t>
  </si>
  <si>
    <t>Resposta das Retrações.txt</t>
  </si>
  <si>
    <t>\\acsfs\profiles$\ADELVINSONLE\Resposta das Retrações.txt</t>
  </si>
  <si>
    <t>12/26/2019 15:20:31</t>
  </si>
  <si>
    <t>12/26/2019 15:21:54</t>
  </si>
  <si>
    <t>12/26/2019 15:18:15</t>
  </si>
  <si>
    <t>cdbbf8ee-689f-46bf-9206-187eac98026d.tmp</t>
  </si>
  <si>
    <t>\\acsfs\profiles$\erichds\Downloads\cdbbf8ee-689f-46bf-9206-187eac98026d.tmp</t>
  </si>
  <si>
    <t>12/26/2019 15:18:24</t>
  </si>
  <si>
    <t>daaf879b-e400-4e1e-92f2-66d460ff5481.tmp</t>
  </si>
  <si>
    <t>\\acsfs\profiles$\erichds\Downloads\daaf879b-e400-4e1e-92f2-66d460ff5481.tmp</t>
  </si>
  <si>
    <t>12/26/2019 15:18:29</t>
  </si>
  <si>
    <t>95909aaa-e0f3-4338-912f-28d25932ca6a.tmp</t>
  </si>
  <si>
    <t>\\acsfs\profiles$\laurandos\Downloads\95909aaa-e0f3-4338-912f-28d25932ca6a.tmp</t>
  </si>
  <si>
    <t>12/26/2019 15:19:55</t>
  </si>
  <si>
    <t>48ad3bae-b2f7-4a96-ba6a-1f8b3565af64.tmp</t>
  </si>
  <si>
    <t>\\acsfs\profiles$\laurandos\Downloads\48ad3bae-b2f7-4a96-ba6a-1f8b3565af64.tmp</t>
  </si>
  <si>
    <t>12/26/2019 15:18:34</t>
  </si>
  <si>
    <t>12/26/2019 15:20:40</t>
  </si>
  <si>
    <t>14ede6dd-8822-4960-82d6-7d37b4c6d782.tmp</t>
  </si>
  <si>
    <t>\\acsfs\profiles$\wenderbnm\Downloads\14ede6dd-8822-4960-82d6-7d37b4c6d782.tmp</t>
  </si>
  <si>
    <t>12/26/2019 15:17:02</t>
  </si>
  <si>
    <t>dcac5fbf-846f-4d9e-bb51-45e809f88dbe.tmp</t>
  </si>
  <si>
    <t>\\acsfs\profiles$\edicarlosdl\Downloads\dcac5fbf-846f-4d9e-bb51-45e809f88dbe.tmp</t>
  </si>
  <si>
    <t>12/26/2019 15:22:54</t>
  </si>
  <si>
    <t>\\acsfs\profiles$\FABIANAFV\My Documents\</t>
  </si>
  <si>
    <t>\\acsfs\profiles$\FABIANAFV\My Documents\.~lock.Sem título 1.ods#</t>
  </si>
  <si>
    <t>12/26/2019 15:23:55</t>
  </si>
  <si>
    <t>12/26/2019 15:18:44</t>
  </si>
  <si>
    <t>9124f29e-73c5-4c9c-9577-415efe125ace.tmp</t>
  </si>
  <si>
    <t>\\acsfs\profiles$\rosileiam\Downloads\9124f29e-73c5-4c9c-9577-415efe125ace.tmp</t>
  </si>
  <si>
    <t>12/26/2019 15:18:55</t>
  </si>
  <si>
    <t>12/26/2019 15:20:48</t>
  </si>
  <si>
    <t>12/26/2019 15:20:49</t>
  </si>
  <si>
    <t>12/26/2019 15:21:55</t>
  </si>
  <si>
    <t>12/26/2019 15:22:50</t>
  </si>
  <si>
    <t>mail.google.com/sync/u/0/i/s?hl=pt-BR&amp;c=302</t>
  </si>
  <si>
    <t>adilsonloj@algartech.com;atendimentocartao@bv.com.br;backofficebv@dxc.com;bvs-centralcartoes@bv.com.br;fabianacscg@algartech.com;fernandaab@algartech.com;fernandorsju@algartech.com;jose.ric.dos-santos@dxc.com;larissa.alcantara@bv.com.br;marianeps@algartech.com;talmaiardo@algartech.com;thiagordu@algartech.com;</t>
  </si>
  <si>
    <t>adilsonloj@algartech.com,atendimentocartao@bv.com.br,backofficebv@dxc.com,bvs-centralcartoes@bv.com.br,fabianacscg@algartech.com,fernandaab@algartech.com,fernandorsju@algartech.com,jose.ric.dos-santos@dxc.com,larissa.alcantara@bv.com.br,marianeps@algartech.com,talmaiardo@algartech.com,thiagordu@algartech.com</t>
  </si>
  <si>
    <t>12/26/2019 15:22:52</t>
  </si>
  <si>
    <t>mail.google.com/sync/u/0/i/s?hl=pt-BR&amp;c=304</t>
  </si>
  <si>
    <t>12/26/2019 15:23:09</t>
  </si>
  <si>
    <t>mail.google.com/sync/u/0/i/s?hl=pt-BR&amp;c=307</t>
  </si>
  <si>
    <t>12/26/2019 15:23:16</t>
  </si>
  <si>
    <t>mail.google.com/sync/u/0/i/s?hl=pt-BR&amp;c=309</t>
  </si>
  <si>
    <t>12/26/2019 15:23:06</t>
  </si>
  <si>
    <t>db5accd0-b8d5-404c-9bd3-a325e1044509.tmp</t>
  </si>
  <si>
    <t>\\acsfs\profiles$\vivianalds\Downloads\db5accd0-b8d5-404c-9bd3-a325e1044509.tmp</t>
  </si>
  <si>
    <t>12/26/2019 15:24:02</t>
  </si>
  <si>
    <t>12/26/2019 15:25:55</t>
  </si>
  <si>
    <t>12/26/2019 15:21:42</t>
  </si>
  <si>
    <t>25b62176-b594-4c73-a8d4-2c938ea4948f.tmp</t>
  </si>
  <si>
    <t>\\acsfs\profiles$\sarahbal\Downloads\25b62176-b594-4c73-a8d4-2c938ea4948f.tmp</t>
  </si>
  <si>
    <t>12/26/2019 15:21:46</t>
  </si>
  <si>
    <t>12/26/2019 15:21:19</t>
  </si>
  <si>
    <t>12/26/2019 15:22:53</t>
  </si>
  <si>
    <t>12/26/2019 15:23:15</t>
  </si>
  <si>
    <t>12/26/2019 15:23:32</t>
  </si>
  <si>
    <t>12/26/2019 15:23:38</t>
  </si>
  <si>
    <t>81cfb282-01bc-4f52-8b7e-c35e731b1b95.tmp</t>
  </si>
  <si>
    <t>\\acsfs\profiles$\joycemmdl\Downloads\81cfb282-01bc-4f52-8b7e-c35e731b1b95.tmp</t>
  </si>
  <si>
    <t>12/26/2019 15:22:19</t>
  </si>
  <si>
    <t>12/26/2019 15:25:18</t>
  </si>
  <si>
    <t>12/26/2019 15:24:43</t>
  </si>
  <si>
    <t>c7f26256-c3c7-4b60-afdb-3528f93b4017.tmp</t>
  </si>
  <si>
    <t>\\acsfs\profiles$\andreapdsg\Downloads\c7f26256-c3c7-4b60-afdb-3528f93b4017.tmp</t>
  </si>
  <si>
    <t>12/26/2019 15:24:57</t>
  </si>
  <si>
    <t>12/26/2019 15:21:12</t>
  </si>
  <si>
    <t>12/26/2019 15:26:54</t>
  </si>
  <si>
    <t>26102144-e101-4428-91f4-9ea64322e13b.tmp</t>
  </si>
  <si>
    <t>\\acsfs\profiles$\laurandos\Downloads\26102144-e101-4428-91f4-9ea64322e13b.tmp</t>
  </si>
  <si>
    <t>12/26/2019 15:21:50</t>
  </si>
  <si>
    <t>817eaab8-1232-48ca-85bf-c1f4bf141d1b.tmp</t>
  </si>
  <si>
    <t>\\acsfs\profiles$\laurandos\Downloads\817eaab8-1232-48ca-85bf-c1f4bf141d1b.tmp</t>
  </si>
  <si>
    <t>12/26/2019 15:22:56</t>
  </si>
  <si>
    <t>9c03c96e-2796-4eb0-b5de-7e7b4162afc5.tmp</t>
  </si>
  <si>
    <t>\\acsfs\profiles$\laurandos\Downloads\9c03c96e-2796-4eb0-b5de-7e7b4162afc5.tmp</t>
  </si>
  <si>
    <t>12/26/2019 15:27:54</t>
  </si>
  <si>
    <t>12/26/2019 15:28:54</t>
  </si>
  <si>
    <t>12/26/2019 15:27:55</t>
  </si>
  <si>
    <t>12/26/2019 15:23:37</t>
  </si>
  <si>
    <t>1a151e2b-8a90-4526-b8de-d83ec86c9eb9.tmp</t>
  </si>
  <si>
    <t>\\acsfs\profiles$\geovannasm\Downloads\1a151e2b-8a90-4526-b8de-d83ec86c9eb9.tmp</t>
  </si>
  <si>
    <t>12/26/2019 15:29:54</t>
  </si>
  <si>
    <t>12/26/2019 15:30:54</t>
  </si>
  <si>
    <t>12/26/2019 15:28:26</t>
  </si>
  <si>
    <t>f1a58640-1448-4d6f-ab93-16ef194c0053.tmp</t>
  </si>
  <si>
    <t>\\acsfs\profiles$\sarahbal\Downloads\f1a58640-1448-4d6f-ab93-16ef194c0053.tmp</t>
  </si>
  <si>
    <t>12/26/2019 15:29:10</t>
  </si>
  <si>
    <t>12/26/2019 15:29:23</t>
  </si>
  <si>
    <t>12/26/2019 15:29:35</t>
  </si>
  <si>
    <t>12/26/2019 15:27:44</t>
  </si>
  <si>
    <t>12/26/2019 15:28:14</t>
  </si>
  <si>
    <t>12/26/2019 15:28:44</t>
  </si>
  <si>
    <t>12/26/2019 15:27:36</t>
  </si>
  <si>
    <t>2fa3ee2f-234c-4d01-8265-07aeeac97e21.tmp</t>
  </si>
  <si>
    <t>\\acsfs\profiles$\gabriellalpr\Downloads\2fa3ee2f-234c-4d01-8265-07aeeac97e21.tmp</t>
  </si>
  <si>
    <t>12/26/2019 15:27:05</t>
  </si>
  <si>
    <t>mail.google.com/sync/u/0/i/s?hl=pt-BR&amp;c=2083</t>
  </si>
  <si>
    <t>12/26/2019 15:27:06</t>
  </si>
  <si>
    <t>12/26/2019 15:27:07</t>
  </si>
  <si>
    <t>mail.google.com/sync/u/0/i/s?hl=pt-BR&amp;c=2085</t>
  </si>
  <si>
    <t>12/26/2019 15:26:18</t>
  </si>
  <si>
    <t>2fc90170-df4f-4d84-bc45-0029c29bee62.tmp</t>
  </si>
  <si>
    <t>\\acsfs\profiles$\andreapdsg\Downloads\2fc90170-df4f-4d84-bc45-0029c29bee62.tmp</t>
  </si>
  <si>
    <t>12/26/2019 15:26:26</t>
  </si>
  <si>
    <t>12/26/2019 15:26:48</t>
  </si>
  <si>
    <t>12/26/2019 15:31:54</t>
  </si>
  <si>
    <t>12/26/2019 15:28:19</t>
  </si>
  <si>
    <t>12/26/2019 15:30:31</t>
  </si>
  <si>
    <t>5634d633-a0c7-4f25-b9d8-0e8e6c93ea72.tmp</t>
  </si>
  <si>
    <t>\\acsfs\profiles$\edicarlosdl\Downloads\5634d633-a0c7-4f25-b9d8-0e8e6c93ea72.tmp</t>
  </si>
  <si>
    <t>12/26/2019 15:28:57</t>
  </si>
  <si>
    <t>12/26/2019 15:32:54</t>
  </si>
  <si>
    <t>DRIVERS{fd9a35ca-49fe-11e9-aa2c-248a07783950}.TxR.blf</t>
  </si>
  <si>
    <t>12/26/2019 15:28:58</t>
  </si>
  <si>
    <t>DRIVERS{fd9a35ca-49fe-11e9-aa2c-248a07783950}.TxR.0.regtrans-ms</t>
  </si>
  <si>
    <t>12/26/2019 15:28:27</t>
  </si>
  <si>
    <t>juceliaoda</t>
  </si>
  <si>
    <t>\\acsfs\profiles$\juceliaoda\My Documents\My Pictures\</t>
  </si>
  <si>
    <t>\\acsfs\profiles$\juceliaoda\My Documents\My Videos\desktop.ini</t>
  </si>
  <si>
    <t>12/26/2019 15:28:31</t>
  </si>
  <si>
    <t>\\acsfs\profiles$\juceliaoda\My Documents\My Videos\</t>
  </si>
  <si>
    <t>12/26/2019 15:28:32</t>
  </si>
  <si>
    <t>12/26/2019 15:28:33</t>
  </si>
  <si>
    <t>12/26/2019 15:28:36</t>
  </si>
  <si>
    <t>\\acsfs\profiles$\juceliaoda\My Documents\My Music\</t>
  </si>
  <si>
    <t>\\acsfs\profiles$\juceliaoda\My Documents\My Pictures\desktop.ini</t>
  </si>
  <si>
    <t>12/26/2019 15:28:37</t>
  </si>
  <si>
    <t>12/26/2019 15:28:38</t>
  </si>
  <si>
    <t>12/26/2019 15:28:39</t>
  </si>
  <si>
    <t>12/26/2019 15:28:43</t>
  </si>
  <si>
    <t>\\acsfs\profiles$\juceliaoda\Contacts\</t>
  </si>
  <si>
    <t>\\acsfs\profiles$\juceliaoda\Contacts\desktop.ini</t>
  </si>
  <si>
    <t>12/26/2019 15:28:45</t>
  </si>
  <si>
    <t>12/26/2019 15:28:46</t>
  </si>
  <si>
    <t>12/26/2019 15:28:48</t>
  </si>
  <si>
    <t>12/26/2019 15:28:50</t>
  </si>
  <si>
    <t>12/26/2019 15:28:51</t>
  </si>
  <si>
    <t>\\acsfs\profiles$\juceliaoda\My Documents\</t>
  </si>
  <si>
    <t>\\acsfs\profiles$\juceliaoda\Favorites\desktop.ini</t>
  </si>
  <si>
    <t>12/26/2019 15:28:53</t>
  </si>
  <si>
    <t>12/26/2019 15:28:56</t>
  </si>
  <si>
    <t>12/26/2019 15:32:17</t>
  </si>
  <si>
    <t>10.200.66.178</t>
  </si>
  <si>
    <t>12/26/2019 15:28:59</t>
  </si>
  <si>
    <t>12/26/2019 15:29:00</t>
  </si>
  <si>
    <t>12/26/2019 15:29:01</t>
  </si>
  <si>
    <t>\\acsfs\profiles$\juceliaoda\My Documents\My Music\desktop.ini</t>
  </si>
  <si>
    <t>12/26/2019 15:29:03</t>
  </si>
  <si>
    <t>12/26/2019 15:29:04</t>
  </si>
  <si>
    <t>12/26/2019 15:29:05</t>
  </si>
  <si>
    <t>12/26/2019 15:29:07</t>
  </si>
  <si>
    <t>\\acsfs\profiles$\juceliaoda\Searches\</t>
  </si>
  <si>
    <t>\\acsfs\profiles$\juceliaoda\Searches\desktop.ini</t>
  </si>
  <si>
    <t>12/26/2019 15:29:08</t>
  </si>
  <si>
    <t>12/26/2019 15:29:09</t>
  </si>
  <si>
    <t>12/26/2019 15:29:11</t>
  </si>
  <si>
    <t>12/26/2019 15:29:13</t>
  </si>
  <si>
    <t>\\acsfs\profiles$\juceliaoda\Downloads\</t>
  </si>
  <si>
    <t>\\acsfs\profiles$\juceliaoda\Downloads\desktop.ini</t>
  </si>
  <si>
    <t>12/26/2019 15:29:14</t>
  </si>
  <si>
    <t>12/26/2019 15:29:16</t>
  </si>
  <si>
    <t>\\acsfs\profiles$\juceliaoda\Favorites\</t>
  </si>
  <si>
    <t>\\acsfs\profiles$\juceliaoda\My Documents\desktop.ini</t>
  </si>
  <si>
    <t>12/26/2019 15:29:17</t>
  </si>
  <si>
    <t>12/26/2019 15:29:18</t>
  </si>
  <si>
    <t>12/26/2019 15:29:19</t>
  </si>
  <si>
    <t>12/26/2019 15:29:20</t>
  </si>
  <si>
    <t>12/26/2019 15:29:22</t>
  </si>
  <si>
    <t>\\acsfs\profiles$\juceliaoda\Saved Games\desktop.ini</t>
  </si>
  <si>
    <t>12/26/2019 15:29:41</t>
  </si>
  <si>
    <t>winrt--{S-1-5-21-602162358-764733703-839522115-358585}-.searchconnector-ms</t>
  </si>
  <si>
    <t>\\acsfs\profiles$\juceliaoda\Searches\winrt--{S-1-5-21-602162358-764733703-839522115-358585}-.searchconnector-ms</t>
  </si>
  <si>
    <t>12/26/2019 15:31:55</t>
  </si>
  <si>
    <t>12/26/2019 15:33:54</t>
  </si>
  <si>
    <t>12/26/2019 15:32:14</t>
  </si>
  <si>
    <t>12/26/2019 15:30:02</t>
  </si>
  <si>
    <t>12/26/2019 15:34:54</t>
  </si>
  <si>
    <t>12/26/2019 15:30:45</t>
  </si>
  <si>
    <t>12/26/2019 15:31:48</t>
  </si>
  <si>
    <t>12/26/2019 15:35:53</t>
  </si>
  <si>
    <t>12/26/2019 15:31:04</t>
  </si>
  <si>
    <t>12/26/2019 15:31:10</t>
  </si>
  <si>
    <t>12/26/2019 15:31:21</t>
  </si>
  <si>
    <t>12/26/2019 15:31:34</t>
  </si>
  <si>
    <t>12/26/2019 15:31:36</t>
  </si>
  <si>
    <t>12/26/2019 15:31:38</t>
  </si>
  <si>
    <t>12/26/2019 15:32:00</t>
  </si>
  <si>
    <t>12/26/2019 15:32:03</t>
  </si>
  <si>
    <t>12/26/2019 15:32:06</t>
  </si>
  <si>
    <t>12/26/2019 15:32:08</t>
  </si>
  <si>
    <t>12/26/2019 15:33:44</t>
  </si>
  <si>
    <t>12/26/2019 15:34:14</t>
  </si>
  <si>
    <t>12/26/2019 15:34:44</t>
  </si>
  <si>
    <t>12/26/2019 15:33:11</t>
  </si>
  <si>
    <t>12/26/2019 15:36:53</t>
  </si>
  <si>
    <t>Bruna Assunção Rosa_1_6769173568760647867_1_32.wav</t>
  </si>
  <si>
    <t>\\acsfs\Deptos\EDUCACAO EMPRESARIAL\FERNANDA MONIT\Ligação para Mutant terceiro Ciclo\Bruna Assunção Rosa_1_6769173568760647867_1_32.wav</t>
  </si>
  <si>
    <t>12/26/2019 15:33:46</t>
  </si>
  <si>
    <t>\\acsfs\DEPTOS\Operacao\Banco_Votorantim\Qualidade\Anderson\Jose\Atualizado\D98FFCE9.tmp\</t>
  </si>
  <si>
    <t>\\acsfs\DEPTOS\Operacao\Banco_Votorantim\Qualidade\Anderson\Jose\Atualizado\D98FFCE9.tmp\:Zone.Identifier:$DATA</t>
  </si>
  <si>
    <t>12/26/2019 15:33:47</t>
  </si>
  <si>
    <t>12/26/2019 15:32:19</t>
  </si>
  <si>
    <t>12/26/2019 15:33:05</t>
  </si>
  <si>
    <t>12/26/2019 15:37:53</t>
  </si>
  <si>
    <t>12/26/2019 15:34:43</t>
  </si>
  <si>
    <t>12/26/2019 15:37:37</t>
  </si>
  <si>
    <t>12/26/2019 15:34:37</t>
  </si>
  <si>
    <t>4f5504cd-5453-4b93-9f5f-39e2d604e1cb.tmp</t>
  </si>
  <si>
    <t>\\acsfs\profiles$\gabrielafs\Downloads\4f5504cd-5453-4b93-9f5f-39e2d604e1cb.tmp</t>
  </si>
  <si>
    <t>12/26/2019 15:35:25</t>
  </si>
  <si>
    <t>12/26/2019 15:38:53</t>
  </si>
  <si>
    <t>12/26/2019 15:33:55</t>
  </si>
  <si>
    <t>12/26/2019 15:37:55</t>
  </si>
  <si>
    <t>12/26/2019 15:37:14</t>
  </si>
  <si>
    <t>47067d20-7e1b-46d9-ad9a-a49dc02a7922.tmp</t>
  </si>
  <si>
    <t>\\acsfs\profiles$\anafsb\Downloads\47067d20-7e1b-46d9-ad9a-a49dc02a7922.tmp</t>
  </si>
  <si>
    <t>12/26/2019 15:33:33</t>
  </si>
  <si>
    <t>12/26/2019 15:33:38</t>
  </si>
  <si>
    <t>12/26/2019 15:34:01</t>
  </si>
  <si>
    <t>mail.google.com/sync/u/0/i/s?hl=pt-BR&amp;c=282</t>
  </si>
  <si>
    <t>12/26/2019 15:34:06</t>
  </si>
  <si>
    <t>mail.google.com/sync/u/0/i/s?hl=pt-BR&amp;c=284</t>
  </si>
  <si>
    <t>12/26/2019 15:34:11</t>
  </si>
  <si>
    <t>mail.google.com/sync/u/0/i/s?hl=pt-BR&amp;c=286</t>
  </si>
  <si>
    <t>12/26/2019 15:34:18</t>
  </si>
  <si>
    <t>mail.google.com/sync/u/0/i/s?hl=pt-BR&amp;c=288</t>
  </si>
  <si>
    <t>12/26/2019 15:34:29</t>
  </si>
  <si>
    <t>mail.google.com/sync/u/0/i/s?hl=pt-BR&amp;c=290</t>
  </si>
  <si>
    <t>12/26/2019 15:34:41</t>
  </si>
  <si>
    <t>mail.google.com/sync/u/0/i/s?hl=pt-BR&amp;c=292</t>
  </si>
  <si>
    <t>100035125381406;joaogvc@algartech.com;josiascdsj@algartech.com;karinefg@algartech.com;marianadjc@algartech.com;rafaelggs@algartech.com;taysdss@algartech.com;viniciussg@algartech.com;</t>
  </si>
  <si>
    <t>100035125381406,joaogvc@algartech.com,josiascdsj@algartech.com,karinefg@algartech.com,marianadjc@algartech.com,rafaelggs@algartech.com,taysdss@algartech.com,viniciussg@algartech.com</t>
  </si>
  <si>
    <t>12/26/2019 15:34:42</t>
  </si>
  <si>
    <t>mail.google.com/sync/u/0/i/s?hl=pt-BR&amp;c=294</t>
  </si>
  <si>
    <t>12/26/2019 15:37:35</t>
  </si>
  <si>
    <t>12/26/2019 15:36:02</t>
  </si>
  <si>
    <t>12/26/2019 15:39:54</t>
  </si>
  <si>
    <t>12/26/2019 15:35:48</t>
  </si>
  <si>
    <t>12/26/2019 15:40:53</t>
  </si>
  <si>
    <t>12/26/2019 15:36:20</t>
  </si>
  <si>
    <t>12/26/2019 15:38:44</t>
  </si>
  <si>
    <t>12/26/2019 15:37:33</t>
  </si>
  <si>
    <t>237a05c7-4606-4952-97ea-719f0092dca6.tmp</t>
  </si>
  <si>
    <t>\\acsfs\profiles$\alinepp\Downloads\237a05c7-4606-4952-97ea-719f0092dca6.tmp</t>
  </si>
  <si>
    <t>12/26/2019 15:38:14</t>
  </si>
  <si>
    <t>8f910203-1575-4d06-ae6b-f964385b7f74.tmp</t>
  </si>
  <si>
    <t>\\acsfs\profiles$\alinepp\Downloads\8f910203-1575-4d06-ae6b-f964385b7f74.tmp</t>
  </si>
  <si>
    <t>12/26/2019 15:38:12</t>
  </si>
  <si>
    <t>12/26/2019 15:41:53</t>
  </si>
  <si>
    <t>38cce05b-58c3-4fca-a33b-c6557b191daf.tmp</t>
  </si>
  <si>
    <t>\\acsfs\profiles$\edicarlosdl\Downloads\38cce05b-58c3-4fca-a33b-c6557b191daf.tmp</t>
  </si>
  <si>
    <t>12/26/2019 15:39:32</t>
  </si>
  <si>
    <t>d4478cd4-c865-4b0d-bf90-fa2d6ac4ab04.tmp</t>
  </si>
  <si>
    <t>\\acsfs\profiles$\edicarlosdl\Downloads\d4478cd4-c865-4b0d-bf90-fa2d6ac4ab04.tmp</t>
  </si>
  <si>
    <t>12/26/2019 15:40:31</t>
  </si>
  <si>
    <t>655cfdca-ecce-4dda-8d36-68d83e3061a6.tmp</t>
  </si>
  <si>
    <t>\\acsfs\profiles$\edicarlosdl\Downloads\655cfdca-ecce-4dda-8d36-68d83e3061a6.tmp</t>
  </si>
  <si>
    <t>12/26/2019 15:39:56</t>
  </si>
  <si>
    <t>12/26/2019 15:43:53</t>
  </si>
  <si>
    <t>12/26/2019 15:42:02</t>
  </si>
  <si>
    <t>12/26/2019 15:44:53</t>
  </si>
  <si>
    <t>12/26/2019 15:44:03</t>
  </si>
  <si>
    <t>12/26/2019 15:40:29</t>
  </si>
  <si>
    <t>12/26/2019 15:45:53</t>
  </si>
  <si>
    <t>lu5240jw97.tmp</t>
  </si>
  <si>
    <t>\\acsfs\DEPTOS\Operacao\Banco_Votorantim\Supervisao\SUPERS BV CARTÕES\ANA VITORIA\APOIO\lu5240jw97.tmp</t>
  </si>
  <si>
    <t>\\acsfs\DEPTOS\Operacao\Banco_Votorantim\Supervisao\SUPERS BV CARTÕES\ANA VITORIA\APOIO\lu5240jw97.tmp\</t>
  </si>
  <si>
    <t>\\acsfs\DEPTOS\Operacao\Banco_Votorantim\Supervisao\SUPERS BV CARTÕES\ANA VITORIA\APOIO\lu5240jw97.tmp\META-INF\</t>
  </si>
  <si>
    <t>\\acsfs\DEPTOS\Operacao\Banco_Votorantim\Supervisao\SUPERS BV CARTÕES\ANA VITORIA\APOIO\lu5240jw97.tmp\Thumbnails\</t>
  </si>
  <si>
    <t>12/26/2019 15:44:06</t>
  </si>
  <si>
    <t>12/26/2019 15:41:15</t>
  </si>
  <si>
    <t>12/26/2019 15:42:14</t>
  </si>
  <si>
    <t>12/26/2019 15:46:53</t>
  </si>
  <si>
    <t>29404cb8-b91f-4ef8-8990-a46f924ace59.tmp</t>
  </si>
  <si>
    <t>\\acsfs\profiles$\quindaizaagds\Downloads\29404cb8-b91f-4ef8-8990-a46f924ace59.tmp</t>
  </si>
  <si>
    <t>12/26/2019 15:42:22</t>
  </si>
  <si>
    <t>4c4d6ac2-d2d5-4bbb-9ad2-f0799b480c43.tmp</t>
  </si>
  <si>
    <t>\\acsfs\profiles$\quindaizaagds\Downloads\4c4d6ac2-d2d5-4bbb-9ad2-f0799b480c43.tmp</t>
  </si>
  <si>
    <t>12/26/2019 15:42:23</t>
  </si>
  <si>
    <t>65c11cd0-89cb-4274-a6f3-92488d67cc20.tmp</t>
  </si>
  <si>
    <t>\\acsfs\profiles$\quindaizaagds\Downloads\65c11cd0-89cb-4274-a6f3-92488d67cc20.tmp</t>
  </si>
  <si>
    <t>12/26/2019 15:41:08</t>
  </si>
  <si>
    <t>31798d8e-a930-4bc9-82b2-3d56587e4676.tmp</t>
  </si>
  <si>
    <t>\\acsfs\profiles$\laurandos\Downloads\31798d8e-a930-4bc9-82b2-3d56587e4676.tmp</t>
  </si>
  <si>
    <t>12/26/2019 15:44:04</t>
  </si>
  <si>
    <t>12/26/2019 15:42:09</t>
  </si>
  <si>
    <t>https://udpmailboxap01.acs.com.br:8443/h/search?si=0&amp;so=0&amp;sc=53916&amp;sfi=2&amp;st=conversation&amp;action=compose</t>
  </si>
  <si>
    <t>12/26/2019 15:43:01</t>
  </si>
  <si>
    <t>12/26/2019 15:47:53</t>
  </si>
  <si>
    <t>c:\users\marianacgs\downloads\</t>
  </si>
  <si>
    <t>advertênica - falta injustificada (1).doc</t>
  </si>
  <si>
    <t>12/26/2019 15:44:33</t>
  </si>
  <si>
    <t>12/26/2019 15:48:53</t>
  </si>
  <si>
    <t>XLOG_ellencds_26122019_080301.log</t>
  </si>
  <si>
    <t>\\acsfs\profiles$\ellencds\My Documents\xworkcenter\logs\XLOG_ellencds_26122019_080301.log</t>
  </si>
  <si>
    <t>12/26/2019 15:47:28</t>
  </si>
  <si>
    <t>lu456204qcqp1.tmp</t>
  </si>
  <si>
    <t>\\acsfs\profiles$\jonatanls\My Documents\lu456204qcqp1.tmp</t>
  </si>
  <si>
    <t>12/26/2019 15:47:41</t>
  </si>
  <si>
    <t>12/26/2019 15:43:55</t>
  </si>
  <si>
    <t>12/26/2019 15:45:55</t>
  </si>
  <si>
    <t>12/26/2019 15:43:50</t>
  </si>
  <si>
    <t>12/26/2019 15:44:21</t>
  </si>
  <si>
    <t>12/26/2019 15:45:14</t>
  </si>
  <si>
    <t>12/26/2019 15:48:02</t>
  </si>
  <si>
    <t>12/26/2019 15:49:53</t>
  </si>
  <si>
    <t>12/26/2019 15:48:03</t>
  </si>
  <si>
    <t>12/26/2019 15:48:29</t>
  </si>
  <si>
    <t>12/26/2019 15:50:53</t>
  </si>
  <si>
    <t>f97ec5bd-068d-40ec-9f3c-80af95f23acf.tmp</t>
  </si>
  <si>
    <t>\\acsfs\profiles$\brunalas\Downloads\f97ec5bd-068d-40ec-9f3c-80af95f23acf.tmp</t>
  </si>
  <si>
    <t>12/26/2019 15:45:03</t>
  </si>
  <si>
    <t>flaviacdst</t>
  </si>
  <si>
    <t>\\acsfs\profiles$\flaviacdst\Favorites\NetScaler Gateway.url\</t>
  </si>
  <si>
    <t>\\acsfs\profiles$\flaviacdst\Favorites\NetScaler Gateway.url\:favicon:$DATA</t>
  </si>
  <si>
    <t>\\acsfs\profiles$\flaviacdst\Favorites\</t>
  </si>
  <si>
    <t>NetScaler Gateway.url</t>
  </si>
  <si>
    <t>\\acsfs\profiles$\flaviacdst\Favorites\NetScaler Gateway.url</t>
  </si>
  <si>
    <t>12/26/2019 15:45:44</t>
  </si>
  <si>
    <t>069b2ca5-9847-419b-9a35-2f61424b1ac3.tmp</t>
  </si>
  <si>
    <t>\\acsfs\profiles$\fabianobmf\Downloads\069b2ca5-9847-419b-9a35-2f61424b1ac3.tmp</t>
  </si>
  <si>
    <t>12/26/2019 15:48:33</t>
  </si>
  <si>
    <t>12/26/2019 15:48:37</t>
  </si>
  <si>
    <t>12/26/2019 15:46:15</t>
  </si>
  <si>
    <t>12/26/2019 15:46:45</t>
  </si>
  <si>
    <t>12/26/2019 15:47:15</t>
  </si>
  <si>
    <t>12/26/2019 15:47:45</t>
  </si>
  <si>
    <t>12/26/2019 15:50:15</t>
  </si>
  <si>
    <t>12/26/2019 15:47:29</t>
  </si>
  <si>
    <t>12/26/2019 15:51:54</t>
  </si>
  <si>
    <t>myllenardl</t>
  </si>
  <si>
    <t>\\acsfs\profiles$\myllenardl\Downloads\</t>
  </si>
  <si>
    <t>bd08e38c-25eb-40b9-a97c-dbfb655fc262.tmp</t>
  </si>
  <si>
    <t>\\acsfs\profiles$\myllenardl\Downloads\bd08e38c-25eb-40b9-a97c-dbfb655fc262.tmp</t>
  </si>
  <si>
    <t>12/26/2019 15:48:23</t>
  </si>
  <si>
    <t>146b1740-ea30-402c-a892-07948eb12f7f.tmp</t>
  </si>
  <si>
    <t>\\acsfs\profiles$\myllenardl\Downloads\146b1740-ea30-402c-a892-07948eb12f7f.tmp</t>
  </si>
  <si>
    <t>12/26/2019 15:48:57</t>
  </si>
  <si>
    <t>\\acsfs\profiles$\edicarlosdl\My Documents\.~lock.ATIVO 20.12.2019.ods#</t>
  </si>
  <si>
    <t>12/26/2019 15:47:37</t>
  </si>
  <si>
    <t>12/26/2019 15:52:53</t>
  </si>
  <si>
    <t>12/26/2019 15:50:20</t>
  </si>
  <si>
    <t>7d17dc48-97d7-494d-9c0d-f49bc2d6cfcd.tmp</t>
  </si>
  <si>
    <t>\\acsfs\profiles$\layonmof\Downloads\7d17dc48-97d7-494d-9c0d-f49bc2d6cfcd.tmp</t>
  </si>
  <si>
    <t>12/26/2019 15:49:55</t>
  </si>
  <si>
    <t>12/26/2019 15:53:54</t>
  </si>
  <si>
    <t>12/26/2019 15:51:55</t>
  </si>
  <si>
    <t>12/26/2019 15:49:46</t>
  </si>
  <si>
    <t>12/26/2019 15:49:47</t>
  </si>
  <si>
    <t>lu45281304n4.tmp</t>
  </si>
  <si>
    <t>\\acsfs\profiles$\VIVIANALDS\My Documents\lu45281304n4.tmp</t>
  </si>
  <si>
    <t>\\acsfs\profiles$\VIVIANALDS\My Documents\lu45281304n4.tmp\</t>
  </si>
  <si>
    <t>\\acsfs\profiles$\VIVIANALDS\My Documents\lu45281304n4.tmp\META-INF\</t>
  </si>
  <si>
    <t>\\acsfs\profiles$\VIVIANALDS\My Documents\lu45281304n4.tmp\Thumbnails\</t>
  </si>
  <si>
    <t>12/26/2019 15:49:49</t>
  </si>
  <si>
    <t>12/26/2019 15:49:50</t>
  </si>
  <si>
    <t>lu45281304n8.tmp</t>
  </si>
  <si>
    <t>\\acsfs\profiles$\VIVIANALDS\My Documents\lu45281304n8.tmp</t>
  </si>
  <si>
    <t>\\acsfs\profiles$\VIVIANALDS\My Documents\lu45281304n8.tmp\</t>
  </si>
  <si>
    <t>\\acsfs\profiles$\VIVIANALDS\My Documents\lu45281304n8.tmp\META-INF\</t>
  </si>
  <si>
    <t>\\acsfs\profiles$\VIVIANALDS\My Documents\lu45281304n8.tmp\Thumbnails\</t>
  </si>
  <si>
    <t>12/26/2019 15:52:17</t>
  </si>
  <si>
    <t>12/26/2019 15:50:45</t>
  </si>
  <si>
    <t>12/26/2019 15:55:53</t>
  </si>
  <si>
    <t>12/26/2019 15:51:15</t>
  </si>
  <si>
    <t>12/26/2019 15:51:52</t>
  </si>
  <si>
    <t>https://udpmailboxap01.acs.com.br:8443/h/search?si=0&amp;so=0&amp;sc=53941&amp;st=conversation&amp;action=compose</t>
  </si>
  <si>
    <t>12/26/2019 15:52:04</t>
  </si>
  <si>
    <t>12/26/2019 15:53:45</t>
  </si>
  <si>
    <t>12/26/2019 15:53:46</t>
  </si>
  <si>
    <t>12/26/2019 15:55:07</t>
  </si>
  <si>
    <t>12/26/2019 15:53:40</t>
  </si>
  <si>
    <t>12/26/2019 15:56:54</t>
  </si>
  <si>
    <t>10.200.67.79</t>
  </si>
  <si>
    <t>78-2B-CB-C1-07-6B</t>
  </si>
  <si>
    <t>VOTORANT-JB009</t>
  </si>
  <si>
    <t>marcelacdss</t>
  </si>
  <si>
    <t>\\acsfs\profiles$\marcelacdss\My Documents\ATENDIMENTOS\</t>
  </si>
  <si>
    <t>ATENDIMENTO.txt</t>
  </si>
  <si>
    <t>\\acsfs\profiles$\marcelacdss\My Documents\ATENDIMENTOS\ATENDIMENTO.txt</t>
  </si>
  <si>
    <t>12/26/2019 15:54:08</t>
  </si>
  <si>
    <t>12/26/2019 15:57:54</t>
  </si>
  <si>
    <t>12/26/2019 15:53:29</t>
  </si>
  <si>
    <t>andrelpsa@algartech.com;fabianacscg@algartech.com;harunams@algartech.com;luizffn@algartech.com;mirianppb@algartech.com;taysdss@algartech.com;</t>
  </si>
  <si>
    <t>andrelpsa@algartech.com,fabianacscg@algartech.com,harunams@algartech.com,luizffn@algartech.com,mirianppb@algartech.com,taysdss@algartech.com</t>
  </si>
  <si>
    <t>12/26/2019 15:53:32</t>
  </si>
  <si>
    <t>12/26/2019 15:55:55</t>
  </si>
  <si>
    <t>12/26/2019 15:58:54</t>
  </si>
  <si>
    <t>12/26/2019 15:57:56</t>
  </si>
  <si>
    <t>12/26/2019 15:54:52</t>
  </si>
  <si>
    <t>12/26/2019 15:56:12</t>
  </si>
  <si>
    <t>12/26/2019 15:59:54</t>
  </si>
  <si>
    <t>\\acsfs\profiles$\ERICALSR\My Documents\</t>
  </si>
  <si>
    <t>VENDAS.txt</t>
  </si>
  <si>
    <t>\\acsfs\profiles$\ERICALSR\My Documents\VENDAS.txt</t>
  </si>
  <si>
    <t>12/26/2019 15:54:02</t>
  </si>
  <si>
    <t>12/26/2019 15:54:04</t>
  </si>
  <si>
    <t>12/26/2019 15:56:18</t>
  </si>
  <si>
    <t>7aaa2ff7-bed7-4b24-ad57-e1e080b232d5.tmp</t>
  </si>
  <si>
    <t>\\acsfs\profiles$\victorgl\Downloads\7aaa2ff7-bed7-4b24-ad57-e1e080b232d5.tmp</t>
  </si>
  <si>
    <t>12/26/2019 15:56:14</t>
  </si>
  <si>
    <t>10.200.67.183</t>
  </si>
  <si>
    <t>78-2B-CB-C1-06-22</t>
  </si>
  <si>
    <t>VOTORANT-GB009</t>
  </si>
  <si>
    <t>XLOG_marcosvnds_26122019_155601.log</t>
  </si>
  <si>
    <t>\\acsfs\profiles$\marcosvnds\My Documents\xworkcenter\logs\XLOG_marcosvnds_26122019_155601.log</t>
  </si>
  <si>
    <t>12/26/2019 15:56:38</t>
  </si>
  <si>
    <t>788cdf85-64bd-4154-9838-df2980f0441b.tmp</t>
  </si>
  <si>
    <t>\\acsfs\profiles$\marcosvnds\Downloads\788cdf85-64bd-4154-9838-df2980f0441b.tmp</t>
  </si>
  <si>
    <t>12/26/2019 15:56:49</t>
  </si>
  <si>
    <t>Q29udHJvbGxlci5TQUNBLVNBQw-- (17).ica</t>
  </si>
  <si>
    <t>\\acsfs\profiles$\marcosvnds\Downloads\Q29udHJvbGxlci5TQUNBLVNBQw-- (17).ica</t>
  </si>
  <si>
    <t>12/26/2019 15:57:24</t>
  </si>
  <si>
    <t>0ee7370d-35ad-46c2-a5d8-d97e59c5703d.tmp</t>
  </si>
  <si>
    <t>\\acsfs\profiles$\marcosvnds\Downloads\0ee7370d-35ad-46c2-a5d8-d97e59c5703d.tmp</t>
  </si>
  <si>
    <t>12/26/2019 15:57:53</t>
  </si>
  <si>
    <t>7b76c3c0-a775-4531-a8af-5af2c63712ac.tmp</t>
  </si>
  <si>
    <t>\\acsfs\profiles$\marcosvnds\Downloads\7b76c3c0-a775-4531-a8af-5af2c63712ac.tmp</t>
  </si>
  <si>
    <t>12/26/2019 15:57:14</t>
  </si>
  <si>
    <t>12/26/2019 16:00:53</t>
  </si>
  <si>
    <t>12/26/2019 15:57:49</t>
  </si>
  <si>
    <t>12/26/2019 15:57:45</t>
  </si>
  <si>
    <t>12/26/2019 15:58:15</t>
  </si>
  <si>
    <t>12/26/2019 16:00:16</t>
  </si>
  <si>
    <t>12/26/2019 16:00:07</t>
  </si>
  <si>
    <t>a73552d5-f41e-42d6-97cc-a3278fd30baf.tmp</t>
  </si>
  <si>
    <t>\\acsfs\profiles$\wedersonbadr\My Documents\My Music\a73552d5-f41e-42d6-97cc-a3278fd30baf.tmp</t>
  </si>
  <si>
    <t>12/26/2019 15:56:03</t>
  </si>
  <si>
    <t>82b5d24f-730b-4798-b009-eb454885dd56.tmp</t>
  </si>
  <si>
    <t>\\acsfs\profiles$\andreapdsg\Downloads\82b5d24f-730b-4798-b009-eb454885dd56.tmp</t>
  </si>
  <si>
    <t>12/26/2019 16:01:54</t>
  </si>
  <si>
    <t>12/26/2019 15:59:37</t>
  </si>
  <si>
    <t>\\acsfs\DEPTOS\Operacao\Banco_Votorantim\Qualidade\Anderson\Jose\Atualizado\E34C8B9B.tmp\</t>
  </si>
  <si>
    <t>\\acsfs\DEPTOS\Operacao\Banco_Votorantim\Qualidade\Anderson\Jose\Atualizado\E34C8B9B.tmp\:Zone.Identifier:$DATA</t>
  </si>
  <si>
    <t>12/26/2019 15:59:38</t>
  </si>
  <si>
    <t>12/26/2019 16:01:19</t>
  </si>
  <si>
    <t>Relatorio de Vendas - Auditoria BV Cartoes (Dezembro)_NOVO.xlsx</t>
  </si>
  <si>
    <t>\\acsfs\DEPTOS\Operacao\Banco_Votorantim\Qualidade\Anderson\Jose\Atualizado\Relatorio de Vendas - Auditoria BV Cartoes (Dezembro)_NOVO.xlsx</t>
  </si>
  <si>
    <t>12/26/2019 16:00:46</t>
  </si>
  <si>
    <t>12/26/2019 16:02:53</t>
  </si>
  <si>
    <t>12/26/2019 16:00:36</t>
  </si>
  <si>
    <t>12/26/2019 16:03:54</t>
  </si>
  <si>
    <t>59d6f19a-7552-483d-a3ed-004db72ec166.tmp</t>
  </si>
  <si>
    <t>\\acsfs\profiles$\marcosvnds\Downloads\59d6f19a-7552-483d-a3ed-004db72ec166.tmp</t>
  </si>
  <si>
    <t>12/26/2019 16:00:41</t>
  </si>
  <si>
    <t>efcb79e8-5254-4dc9-b02d-f15b171884a3.tmp</t>
  </si>
  <si>
    <t>\\acsfs\profiles$\marcosvnds\Downloads\efcb79e8-5254-4dc9-b02d-f15b171884a3.tmp</t>
  </si>
  <si>
    <t>12/26/2019 16:01:16</t>
  </si>
  <si>
    <t>d54dfd3e-4946-4da5-8835-c18b39a1a220.tmp</t>
  </si>
  <si>
    <t>\\acsfs\profiles$\marcosvnds\Downloads\d54dfd3e-4946-4da5-8835-c18b39a1a220.tmp</t>
  </si>
  <si>
    <t>12/26/2019 16:01:24</t>
  </si>
  <si>
    <t>86d69e36-f755-4cb0-8023-e94c29e78b59.tmp</t>
  </si>
  <si>
    <t>\\acsfs\profiles$\marcosvnds\Downloads\86d69e36-f755-4cb0-8023-e94c29e78b59.tmp</t>
  </si>
  <si>
    <t>12/26/2019 16:01:43</t>
  </si>
  <si>
    <t>e39990cf-e4f8-464d-8b5c-23ad73d40fc6.tmp</t>
  </si>
  <si>
    <t>\\acsfs\profiles$\marcosvnds\Downloads\e39990cf-e4f8-464d-8b5c-23ad73d40fc6.tmp</t>
  </si>
  <si>
    <t>12/26/2019 16:01:55</t>
  </si>
  <si>
    <t>12/26/2019 15:58:21</t>
  </si>
  <si>
    <t>b4de7067-cac6-4065-8849-f0fc8649e054.tmp</t>
  </si>
  <si>
    <t>\\acsfs\profiles$\luanaagl\Downloads\b4de7067-cac6-4065-8849-f0fc8649e054.tmp</t>
  </si>
  <si>
    <t>12/26/2019 15:59:29</t>
  </si>
  <si>
    <t>12/26/2019 15:59:50</t>
  </si>
  <si>
    <t>12/26/2019 16:01:25</t>
  </si>
  <si>
    <t>12/26/2019 16:02:09</t>
  </si>
  <si>
    <t>12/26/2019 16:02:40</t>
  </si>
  <si>
    <t>12/26/2019 16:00:43</t>
  </si>
  <si>
    <t>12/26/2019 16:03:00</t>
  </si>
  <si>
    <t>12/26/2019 16:05:54</t>
  </si>
  <si>
    <t>12/26/2019 16:03:01</t>
  </si>
  <si>
    <t>lu5240jw9c.tmp</t>
  </si>
  <si>
    <t>\\acsfs\DEPTOS\Operacao\Banco_Votorantim\Supervisao\SUPERS BV CARTÕES\ANA VITORIA\APOIO\lu5240jw9c.tmp</t>
  </si>
  <si>
    <t>\\acsfs\DEPTOS\Operacao\Banco_Votorantim\Supervisao\SUPERS BV CARTÕES\ANA VITORIA\APOIO\lu5240jw9c.tmp\</t>
  </si>
  <si>
    <t>\\acsfs\DEPTOS\Operacao\Banco_Votorantim\Supervisao\SUPERS BV CARTÕES\ANA VITORIA\APOIO\lu5240jw9c.tmp\META-INF\</t>
  </si>
  <si>
    <t>\\acsfs\DEPTOS\Operacao\Banco_Votorantim\Supervisao\SUPERS BV CARTÕES\ANA VITORIA\APOIO\lu5240jw9c.tmp\Thumbnails\</t>
  </si>
  <si>
    <t>12/26/2019 16:04:58</t>
  </si>
  <si>
    <t>12/26/2019 16:01:46</t>
  </si>
  <si>
    <t>12/26/2019 16:02:16</t>
  </si>
  <si>
    <t>12/26/2019 16:03:46</t>
  </si>
  <si>
    <t>12/26/2019 16:04:16</t>
  </si>
  <si>
    <t>12/26/2019 16:04:46</t>
  </si>
  <si>
    <t>12/26/2019 16:05:16</t>
  </si>
  <si>
    <t>12/26/2019 16:03:06</t>
  </si>
  <si>
    <t>12/26/2019 16:06:54</t>
  </si>
  <si>
    <t>\\acsfs\DEPTOS\Operacao\Banco_Votorantim\Comum\00 - COMUM - BV CARTÕES\EQUIPE ADILSON\</t>
  </si>
  <si>
    <t>ADERÊNCIA JANEIRO.pdf</t>
  </si>
  <si>
    <t>\\acsfs\DEPTOS\Operacao\Banco_Votorantim\Comum\00 - COMUM - BV CARTÕES\EQUIPE ADILSON\ADERÊNCIA JANEIRO.pdf</t>
  </si>
  <si>
    <t>12/26/2019 16:03:41</t>
  </si>
  <si>
    <t>12/26/2019 16:07:54</t>
  </si>
  <si>
    <t>XLOG_tiagosno_26122019_085715.log</t>
  </si>
  <si>
    <t>\\acsfs\profiles$\tiagosno\My Documents\xworkcenter\logs\XLOG_tiagosno_26122019_085715.log</t>
  </si>
  <si>
    <t>12/26/2019 16:03:39</t>
  </si>
  <si>
    <t>12/26/2019 16:08:54</t>
  </si>
  <si>
    <t>lu289764qsjvs.tmp</t>
  </si>
  <si>
    <t>\\acsfs\profiles$\jonatanls\My Documents\lu289764qsjvs.tmp</t>
  </si>
  <si>
    <t>12/26/2019 16:03:56</t>
  </si>
  <si>
    <t>12/26/2019 16:07:55</t>
  </si>
  <si>
    <t>12/26/2019 16:07:52</t>
  </si>
  <si>
    <t>12/26/2019 16:08:19</t>
  </si>
  <si>
    <t>12/26/2019 16:06:30</t>
  </si>
  <si>
    <t>12/26/2019 16:09:55</t>
  </si>
  <si>
    <t>12/26/2019 16:07:36</t>
  </si>
  <si>
    <t>4ad882b5-3431-4970-81e0-544f914d7877.tmp</t>
  </si>
  <si>
    <t>\\acsfs\profiles$\regisadsa\Downloads\4ad882b5-3431-4970-81e0-544f914d7877.tmp</t>
  </si>
  <si>
    <t>12/26/2019 16:05:45</t>
  </si>
  <si>
    <t>12/26/2019 16:05:34</t>
  </si>
  <si>
    <t>12/26/2019 16:10:54</t>
  </si>
  <si>
    <t>12b98dc2-df87-4797-ba41-63e721f1b417.tmp</t>
  </si>
  <si>
    <t>\\acsfs\profiles$\gabrielamdp\Downloads\12b98dc2-df87-4797-ba41-63e721f1b417.tmp</t>
  </si>
  <si>
    <t>12/26/2019 16:07:16</t>
  </si>
  <si>
    <t>12/26/2019 16:07:17</t>
  </si>
  <si>
    <t>12/26/2019 16:06:31</t>
  </si>
  <si>
    <t>38b02549-eda6-4704-b9d2-e7091df2d3ca.tmp</t>
  </si>
  <si>
    <t>\\acsfs\profiles$\alinepp\Downloads\38b02549-eda6-4704-b9d2-e7091df2d3ca.tmp</t>
  </si>
  <si>
    <t>12/26/2019 16:10:58</t>
  </si>
  <si>
    <t>12/26/2019 16:11:55</t>
  </si>
  <si>
    <t>12/26/2019 16:08:16</t>
  </si>
  <si>
    <t>4492756a-abe6-4ee7-b3db-8f72650b8676.tmp</t>
  </si>
  <si>
    <t>\\acsfs\profiles$\larissaad\Downloads\4492756a-abe6-4ee7-b3db-8f72650b8676.tmp</t>
  </si>
  <si>
    <t>12/26/2019 16:07:22</t>
  </si>
  <si>
    <t>12/26/2019 16:11:02</t>
  </si>
  <si>
    <t>12/26/2019 16:08:36</t>
  </si>
  <si>
    <t>a49d41c6-2636-4355-a27a-86018e7a7c50.tmp</t>
  </si>
  <si>
    <t>\\acsfs\profiles$\deborahsi\Downloads\a49d41c6-2636-4355-a27a-86018e7a7c50.tmp</t>
  </si>
  <si>
    <t>12/26/2019 16:13:54</t>
  </si>
  <si>
    <t>12/26/2019 16:10:08</t>
  </si>
  <si>
    <t>089b9dab-af0c-43ea-96dc-05b44ad49624.tmp</t>
  </si>
  <si>
    <t>\\acsfs\profiles$\luanaagl\Downloads\089b9dab-af0c-43ea-96dc-05b44ad49624.tmp</t>
  </si>
  <si>
    <t>12/26/2019 16:08:42</t>
  </si>
  <si>
    <t>12/26/2019 16:09:02</t>
  </si>
  <si>
    <t>12/26/2019 16:09:23</t>
  </si>
  <si>
    <t>12/26/2019 16:10:49</t>
  </si>
  <si>
    <t>12/26/2019 16:14:55</t>
  </si>
  <si>
    <t>855ebb74-7806-4442-a393-93bde67a17c1.tmp</t>
  </si>
  <si>
    <t>\\acsfs\profiles$\victorgl\Downloads\855ebb74-7806-4442-a393-93bde67a17c1.tmp</t>
  </si>
  <si>
    <t>12/26/2019 16:12:59</t>
  </si>
  <si>
    <t>12/26/2019 16:15:54</t>
  </si>
  <si>
    <t>3d259461-20fb-4d46-9aa2-ae2c2c4c911c.tmp</t>
  </si>
  <si>
    <t>\\acsfs\profiles$\brunalas\Downloads\3d259461-20fb-4d46-9aa2-ae2c2c4c911c.tmp</t>
  </si>
  <si>
    <t>12/26/2019 16:10:38</t>
  </si>
  <si>
    <t>12/26/2019 16:11:41</t>
  </si>
  <si>
    <t>12/26/2019 16:12:47</t>
  </si>
  <si>
    <t>12/26/2019 16:13:27</t>
  </si>
  <si>
    <t>12/26/2019 16:16:55</t>
  </si>
  <si>
    <t>12/26/2019 16:11:51</t>
  </si>
  <si>
    <t>C:\Users\robsonams\Desktop\COACHING\COACHING - DEZEMBRO\</t>
  </si>
  <si>
    <t>NPS CHAT.xlsb</t>
  </si>
  <si>
    <t>\\acsfs\deptos\Operacao\Banco_Votorantim\Supervisao\CAMILLA LIMA RODRIGUES\NPS CHAT.xlsb</t>
  </si>
  <si>
    <t>12/26/2019 16:14:54</t>
  </si>
  <si>
    <t>a991316b-93ab-4f2d-9310-3047c6456eda.tmp</t>
  </si>
  <si>
    <t>\\acsfs\profiles$\deborahsi\Downloads\a991316b-93ab-4f2d-9310-3047c6456eda.tmp</t>
  </si>
  <si>
    <t>12/26/2019 16:16:32</t>
  </si>
  <si>
    <t>d664c4f9-2d0b-4ecb-8223-b6d0a7bea1c1.tmp</t>
  </si>
  <si>
    <t>\\acsfs\profiles$\deborahsi\Downloads\d664c4f9-2d0b-4ecb-8223-b6d0a7bea1c1.tmp</t>
  </si>
  <si>
    <t>12/26/2019 16:16:30</t>
  </si>
  <si>
    <t>12/26/2019 16:17:54</t>
  </si>
  <si>
    <t>12/26/2019 16:14:21</t>
  </si>
  <si>
    <t>12/26/2019 16:14:15</t>
  </si>
  <si>
    <t>12/26/2019 16:18:55</t>
  </si>
  <si>
    <t>10.200.67.36</t>
  </si>
  <si>
    <t>78-2B-CB-C1-06-E6</t>
  </si>
  <si>
    <t>VOTORANT-FB035</t>
  </si>
  <si>
    <t>\\acsfs\profiles$\higorss\Downloads\</t>
  </si>
  <si>
    <t>d68f76e2-5c25-4939-9ddb-ca9a4f7786ff.tmp</t>
  </si>
  <si>
    <t>\\acsfs\profiles$\higorss\Downloads\d68f76e2-5c25-4939-9ddb-ca9a4f7786ff.tmp</t>
  </si>
  <si>
    <t>12/26/2019 16:13:55</t>
  </si>
  <si>
    <t>12/26/2019 16:15:55</t>
  </si>
  <si>
    <t>12/26/2019 16:16:33</t>
  </si>
  <si>
    <t>https://joaogvc@algartech.com,leonardoao@algartech.com,marianadjc@algartech.com,rafaelggs@algartech.com,taysdss@algartech.com,thiagordu@algartech.com,viniciussg@algartech.com</t>
  </si>
  <si>
    <t>12/26/2019 16:15:18</t>
  </si>
  <si>
    <t>12/26/2019 16:19:54</t>
  </si>
  <si>
    <t>12/26/2019 16:17:51</t>
  </si>
  <si>
    <t>12/26/2019 16:20:54</t>
  </si>
  <si>
    <t>0873ad34-dfff-47c0-815d-bd64b607425e.tmp</t>
  </si>
  <si>
    <t>\\acsfs\profiles$\brunalas\Downloads\0873ad34-dfff-47c0-815d-bd64b607425e.tmp</t>
  </si>
  <si>
    <t>12/26/2019 16:18:05</t>
  </si>
  <si>
    <t>cfde40a7-af40-4702-a906-0c497520ace6.tmp</t>
  </si>
  <si>
    <t>\\acsfs\profiles$\brunalas\Downloads\cfde40a7-af40-4702-a906-0c497520ace6.tmp</t>
  </si>
  <si>
    <t>12/26/2019 16:17:30</t>
  </si>
  <si>
    <t>12/26/2019 16:18:43</t>
  </si>
  <si>
    <t>d183a7bb-b6b3-410d-931a-28badf42ce5d.tmp</t>
  </si>
  <si>
    <t>\\acsfs\profiles$\alinepp\Downloads\d183a7bb-b6b3-410d-931a-28badf42ce5d.tmp</t>
  </si>
  <si>
    <t>12/26/2019 16:17:25</t>
  </si>
  <si>
    <t>12/26/2019 16:21:55</t>
  </si>
  <si>
    <t>9f24bba6-d93a-4099-b008-74432cd7ee19.tmp</t>
  </si>
  <si>
    <t>\\acsfs\profiles$\geovannasm\Downloads\9f24bba6-d93a-4099-b008-74432cd7ee19.tmp</t>
  </si>
  <si>
    <t>12/26/2019 16:18:09</t>
  </si>
  <si>
    <t>b48126f5-f950-40da-99e2-f244291f0912.tmp</t>
  </si>
  <si>
    <t>\\acsfs\profiles$\geovannasm\Downloads\b48126f5-f950-40da-99e2-f244291f0912.tmp</t>
  </si>
  <si>
    <t>12/26/2019 16:22:54</t>
  </si>
  <si>
    <t>12/26/2019 16:19:44</t>
  </si>
  <si>
    <t>Formulário TTV - Criação de Agente (2).xlsx</t>
  </si>
  <si>
    <t>12/26/2019 16:20:12</t>
  </si>
  <si>
    <t>12/26/2019 16:20:36</t>
  </si>
  <si>
    <t>12/26/2019 16:20:45</t>
  </si>
  <si>
    <t>12/26/2019 16:20:55</t>
  </si>
  <si>
    <t>12/26/2019 16:21:08</t>
  </si>
  <si>
    <t>12/26/2019 16:19:25</t>
  </si>
  <si>
    <t>12/26/2019 16:23:54</t>
  </si>
  <si>
    <t>7081656b-efc0-47f1-8352-c46c007edb9c.tmp</t>
  </si>
  <si>
    <t>\\acsfs\profiles$\vivianibfs\Downloads\7081656b-efc0-47f1-8352-c46c007edb9c.tmp</t>
  </si>
  <si>
    <t>12/26/2019 16:22:52</t>
  </si>
  <si>
    <t>12/26/2019 16:19:56</t>
  </si>
  <si>
    <t>12/26/2019 16:21:56</t>
  </si>
  <si>
    <t>12/26/2019 16:23:49</t>
  </si>
  <si>
    <t>12/26/2019 16:25:55</t>
  </si>
  <si>
    <t>10.200.66.21</t>
  </si>
  <si>
    <t>74-86-7A-FB-1B-1E</t>
  </si>
  <si>
    <t>VOTORANT-OB003</t>
  </si>
  <si>
    <t>C:\Users\flaviacno\AppData\Roaming\Adobe\LogTransport2\Logs\</t>
  </si>
  <si>
    <t>ulog_AcroARM2_Reader_3b8210f9-3618-47e4-b9cc-5aaaba62831a_42fd2002-43ad-424b-af14-860402d9cb98_0.log</t>
  </si>
  <si>
    <t>C:\Users\flaviacno\AppData\Roaming\Adobe\LogTransport2\Logs\ulog_AcroARM2_Reader_3b8210f9-3618-47e4-b9cc-5aaaba62831a_42fd2002-43ad-424b-af14-860402d9cb98_0.log\</t>
  </si>
  <si>
    <t>ulog_Acrobat12_Reader_3b8210f9-3618-47e4-b9cc-5aaaba62831a_31e71f32-6138-4b65-a9b2-8bf3439c61d3_0.log</t>
  </si>
  <si>
    <t>C:\Users\flaviacno\AppData\Roaming\Adobe\LogTransport2\Logs\ulog_Acrobat12_Reader_3b8210f9-3618-47e4-b9cc-5aaaba62831a_31e71f32-6138-4b65-a9b2-8bf3439c61d3_0.log\</t>
  </si>
  <si>
    <t>12/26/2019 16:21:46</t>
  </si>
  <si>
    <t>12/26/2019 16:26:54</t>
  </si>
  <si>
    <t>12/26/2019 16:21:49</t>
  </si>
  <si>
    <t>c71498d7-7e23-46f0-8d59-1b4ab750210c.tmp</t>
  </si>
  <si>
    <t>\\acsfs\profiles$\matheushds\Downloads\c71498d7-7e23-46f0-8d59-1b4ab750210c.tmp</t>
  </si>
  <si>
    <t>12/26/2019 16:24:02</t>
  </si>
  <si>
    <t>445acc9c-0748-4501-9a65-34ba12ca3f44.tmp</t>
  </si>
  <si>
    <t>\\acsfs\profiles$\matheushds\Downloads\445acc9c-0748-4501-9a65-34ba12ca3f44.tmp</t>
  </si>
  <si>
    <t>12/26/2019 16:25:01</t>
  </si>
  <si>
    <t>12/26/2019 16:27:55</t>
  </si>
  <si>
    <t>12/26/2019 16:25:56</t>
  </si>
  <si>
    <t>12/26/2019 16:28:54</t>
  </si>
  <si>
    <t>12/26/2019 16:27:56</t>
  </si>
  <si>
    <t>12/26/2019 16:26:09</t>
  </si>
  <si>
    <t>12/26/2019 16:26:40</t>
  </si>
  <si>
    <t>12/26/2019 16:26:47</t>
  </si>
  <si>
    <t>12/26/2019 16:28:50</t>
  </si>
  <si>
    <t>12/26/2019 16:30:54</t>
  </si>
  <si>
    <t>12/26/2019 16:29:10</t>
  </si>
  <si>
    <t>12/26/2019 16:25:40</t>
  </si>
  <si>
    <t>flaviacno@algartech.com</t>
  </si>
  <si>
    <t>12/26/2019 16:25:46</t>
  </si>
  <si>
    <t>12/26/2019 16:25:59</t>
  </si>
  <si>
    <t>12/26/2019 16:26:13</t>
  </si>
  <si>
    <t>C:\Users\flaviacno\Downloads\</t>
  </si>
  <si>
    <t>Rayanne 9.jpg</t>
  </si>
  <si>
    <t>Rayanne 8.jpg</t>
  </si>
  <si>
    <t>12/26/2019 16:26:49</t>
  </si>
  <si>
    <t>12/26/2019 16:26:50</t>
  </si>
  <si>
    <t>12/26/2019 16:27:25</t>
  </si>
  <si>
    <t>12/26/2019 16:31:55</t>
  </si>
  <si>
    <t>Relatorio de Vendas - Auditoria BV Cartoes (Dezembro)_Cliente.xlsx</t>
  </si>
  <si>
    <t>\\acsfs\DEPTOS\Operacao\Banco_Votorantim\Qualidade\Anderson\Jose\Atualizado\Relatorio de Vendas - Auditoria BV Cartoes (Dezembro)_Cliente.xlsx</t>
  </si>
  <si>
    <t>12/26/2019 16:29:55</t>
  </si>
  <si>
    <t>RELATORIO 26-12.png</t>
  </si>
  <si>
    <t>\\acsfs\DEPTOS\Operacao\Banco_Votorantim\Qualidade\Anderson\Jose\Atualizado\RELATORIO 26-12.png</t>
  </si>
  <si>
    <t>12/26/2019 16:30:03</t>
  </si>
  <si>
    <t>12/26/2019 16:31:36</t>
  </si>
  <si>
    <t>12/26/2019 16:32:54</t>
  </si>
  <si>
    <t>12/26/2019 16:32:19</t>
  </si>
  <si>
    <t>12/26/2019 16:29:24</t>
  </si>
  <si>
    <t>12/26/2019 16:33:54</t>
  </si>
  <si>
    <t>ed66c637-9790-49a1-9437-b78e803f4d4e.tmp</t>
  </si>
  <si>
    <t>\\acsfs\profiles$\rosileiam\Downloads\ed66c637-9790-49a1-9437-b78e803f4d4e.tmp</t>
  </si>
  <si>
    <t>12/26/2019 16:31:56</t>
  </si>
  <si>
    <t>08da6d68-0fcc-41c0-9f76-2390af9350e4.tmp</t>
  </si>
  <si>
    <t>\\acsfs\profiles$\brendadsl\Downloads\08da6d68-0fcc-41c0-9f76-2390af9350e4.tmp</t>
  </si>
  <si>
    <t>12/26/2019 16:33:24</t>
  </si>
  <si>
    <t>12/26/2019 16:33:37</t>
  </si>
  <si>
    <t>12/26/2019 16:35:54</t>
  </si>
  <si>
    <t>12/26/2019 16:33:22</t>
  </si>
  <si>
    <t>12/26/2019 16:34:05</t>
  </si>
  <si>
    <t>e9bb680f-4a11-44a4-8000-8e1628c2f85e.tmp</t>
  </si>
  <si>
    <t>\\acsfs\profiles$\joycemmdl\Downloads\e9bb680f-4a11-44a4-8000-8e1628c2f85e.tmp</t>
  </si>
  <si>
    <t>12/26/2019 16:35:06</t>
  </si>
  <si>
    <t>385f62e1-f358-4cf6-afb6-48b051205a5d.tmp</t>
  </si>
  <si>
    <t>\\acsfs\profiles$\andreapdsg\Downloads\385f62e1-f358-4cf6-afb6-48b051205a5d.tmp</t>
  </si>
  <si>
    <t>12/26/2019 16:34:24</t>
  </si>
  <si>
    <t>12/26/2019 16:36:55</t>
  </si>
  <si>
    <t>Relatorio de Vendas - Auditoria BV Cartoes (Dezembro)_ SUPERVISOR.xlsx</t>
  </si>
  <si>
    <t>\\acsfs\DEPTOS\Operacao\Banco_Votorantim\Qualidade\Anderson\Jose\Atualizado\Relatorio de Vendas - Auditoria BV Cartoes (Dezembro)_ SUPERVISOR.xlsx</t>
  </si>
  <si>
    <t>12/26/2019 16:33:56</t>
  </si>
  <si>
    <t>12/26/2019 16:38:54</t>
  </si>
  <si>
    <t>12/26/2019 16:37:56</t>
  </si>
  <si>
    <t>12/26/2019 16:33:30</t>
  </si>
  <si>
    <t>12/26/2019 16:33:34</t>
  </si>
  <si>
    <t>12/26/2019 16:33:41</t>
  </si>
  <si>
    <t>12/26/2019 16:33:50</t>
  </si>
  <si>
    <t>12/26/2019 16:37:17</t>
  </si>
  <si>
    <t>12/26/2019 16:39:54</t>
  </si>
  <si>
    <t>241e61dd-83cf-47e1-bb12-2859d640fe7a.tmp</t>
  </si>
  <si>
    <t>\\acsfs\profiles$\KARENDSR\Downloads\241e61dd-83cf-47e1-bb12-2859d640fe7a.tmp</t>
  </si>
  <si>
    <t>12/26/2019 16:37:32</t>
  </si>
  <si>
    <t>12/26/2019 16:38:13</t>
  </si>
  <si>
    <t>mail.google.com/sync/u/0/i/s?hl=pt-BR&amp;c=609</t>
  </si>
  <si>
    <t>lu12848wr217.tmp</t>
  </si>
  <si>
    <t>\\acsfs\profiles$\victoriaksr\My Documents\lu12848wr217.tmp</t>
  </si>
  <si>
    <t>12/26/2019 16:39:21</t>
  </si>
  <si>
    <t>12/26/2019 16:39:22</t>
  </si>
  <si>
    <t>lu12848wr21c.tmp</t>
  </si>
  <si>
    <t>\\acsfs\profiles$\victoriaksr\My Documents\lu12848wr21c.tmp</t>
  </si>
  <si>
    <t>12/26/2019 16:36:14</t>
  </si>
  <si>
    <t>d749e29c-4e1b-4d8d-9729-63b605640519.tmp</t>
  </si>
  <si>
    <t>\\acsfs\profiles$\victorgl\Downloads\d749e29c-4e1b-4d8d-9729-63b605640519.tmp</t>
  </si>
  <si>
    <t>12/26/2019 16:36:38</t>
  </si>
  <si>
    <t>33cb4fa6-ad19-49c1-8581-d1c9a990f359.tmp</t>
  </si>
  <si>
    <t>\\acsfs\profiles$\victorgl\Downloads\33cb4fa6-ad19-49c1-8581-d1c9a990f359.tmp</t>
  </si>
  <si>
    <t>12/26/2019 16:39:02</t>
  </si>
  <si>
    <t>12/26/2019 16:40:54</t>
  </si>
  <si>
    <t>12/26/2019 16:36:07</t>
  </si>
  <si>
    <t>12/26/2019 16:41:25</t>
  </si>
  <si>
    <t>12/26/2019 16:41:54</t>
  </si>
  <si>
    <t>C:\Users\robsonams\Desktop\ROBSON\</t>
  </si>
  <si>
    <t>ATESTADO - GABRIELA BARREIRO - FALSO.pdf</t>
  </si>
  <si>
    <t>12/26/2019 16:39:56</t>
  </si>
  <si>
    <t>12/26/2019 16:43:54</t>
  </si>
  <si>
    <t>12/26/2019 16:42:06</t>
  </si>
  <si>
    <t>12/26/2019 16:44:53</t>
  </si>
  <si>
    <t>XLOG_anacdos_26122019_082853.log</t>
  </si>
  <si>
    <t>\\acsfs\profiles$\anacdos\My Documents\xworkcenter\logs\XLOG_anacdos_26122019_082853.log</t>
  </si>
  <si>
    <t>12/26/2019 16:42:20</t>
  </si>
  <si>
    <t>XLOG_anacdos_26122019_082815.log</t>
  </si>
  <si>
    <t>\\acsfs\profiles$\anacdos\My Documents\xworkcenter\logs\XLOG_anacdos_26122019_082815.log</t>
  </si>
  <si>
    <t>12/26/2019 16:40:28</t>
  </si>
  <si>
    <t>12/26/2019 16:45:53</t>
  </si>
  <si>
    <t>12/26/2019 16:40:51</t>
  </si>
  <si>
    <t>12/26/2019 16:40:57</t>
  </si>
  <si>
    <t>12/26/2019 16:40:59</t>
  </si>
  <si>
    <t>12/26/2019 16:41:00</t>
  </si>
  <si>
    <t>12/26/2019 16:42:14</t>
  </si>
  <si>
    <t>12/26/2019 16:43:24</t>
  </si>
  <si>
    <t>12/26/2019 16:46:54</t>
  </si>
  <si>
    <t>12/26/2019 16:43:52</t>
  </si>
  <si>
    <t>12/26/2019 16:45:30</t>
  </si>
  <si>
    <t>12/26/2019 16:43:26</t>
  </si>
  <si>
    <t>0f5cedb4-94c7-40eb-afe9-a9ae04705832.tmp</t>
  </si>
  <si>
    <t>\\acsfs\profiles$\laurandos\Downloads\0f5cedb4-94c7-40eb-afe9-a9ae04705832.tmp</t>
  </si>
  <si>
    <t>6fd9fda4-3af9-4864-811f-d405e44e779c.tmp</t>
  </si>
  <si>
    <t>\\acsfs\profiles$\laurandos\Downloads\6fd9fda4-3af9-4864-811f-d405e44e779c.tmp</t>
  </si>
  <si>
    <t>12/26/2019 16:41:46</t>
  </si>
  <si>
    <t>mail.google.com/sync/u/0/i/s?hl=pt-BR&amp;c=537</t>
  </si>
  <si>
    <t>12/26/2019 16:42:08</t>
  </si>
  <si>
    <t>12/26/2019 16:42:29</t>
  </si>
  <si>
    <t>mail.google.com/sync/u/0/i/s?hl=pt-BR&amp;c=547</t>
  </si>
  <si>
    <t>12/26/2019 16:42:47</t>
  </si>
  <si>
    <t>mail.google.com/sync/u/0/i/s?hl=pt-BR&amp;c=549</t>
  </si>
  <si>
    <t>12/26/2019 16:43:11</t>
  </si>
  <si>
    <t>12/26/2019 16:43:33</t>
  </si>
  <si>
    <t>12/26/2019 16:43:56</t>
  </si>
  <si>
    <t>mail.google.com/sync/u/0/i/s?hl=pt-BR&amp;c=558</t>
  </si>
  <si>
    <t>12/26/2019 16:44:18</t>
  </si>
  <si>
    <t>mail.google.com/sync/u/0/i/s?hl=pt-BR&amp;c=561</t>
  </si>
  <si>
    <t>12/26/2019 16:44:37</t>
  </si>
  <si>
    <t>mail.google.com/sync/u/0/i/s?hl=pt-BR&amp;c=563</t>
  </si>
  <si>
    <t>12/26/2019 16:44:41</t>
  </si>
  <si>
    <t>mail.google.com/sync/u/0/i/s?hl=pt-BR&amp;c=565</t>
  </si>
  <si>
    <t>12/26/2019 16:45:06</t>
  </si>
  <si>
    <t>mail.google.com/sync/u/0/i/s?hl=pt-BR&amp;c=568</t>
  </si>
  <si>
    <t>12/26/2019 16:45:14</t>
  </si>
  <si>
    <t>mail.google.com/sync/u/0/i/s?hl=pt-BR&amp;c=570</t>
  </si>
  <si>
    <t>12/26/2019 16:45:33</t>
  </si>
  <si>
    <t>mail.google.com/sync/u/0/i/s?hl=pt-BR&amp;c=572</t>
  </si>
  <si>
    <t>12/26/2019 16:45:40</t>
  </si>
  <si>
    <t>mail.google.com/sync/u/0/i/s?hl=pt-BR&amp;c=574</t>
  </si>
  <si>
    <t>12/26/2019 16:46:02</t>
  </si>
  <si>
    <t>12/26/2019 16:46:04</t>
  </si>
  <si>
    <t>mail.google.com/sync/u/0/i/s?hl=pt-BR&amp;c=577</t>
  </si>
  <si>
    <t>12/26/2019 16:46:23</t>
  </si>
  <si>
    <t>mail.google.com/sync/u/0/i/s?hl=pt-BR&amp;c=580</t>
  </si>
  <si>
    <t>12/26/2019 16:46:30</t>
  </si>
  <si>
    <t>mail.google.com/sync/u/0/i/s?hl=pt-BR&amp;c=582</t>
  </si>
  <si>
    <t>12/26/2019 16:44:40</t>
  </si>
  <si>
    <t>12/26/2019 16:47:53</t>
  </si>
  <si>
    <t>6821fa0a-5a6a-48c9-a2ba-d08e56cfa0f4.tmp</t>
  </si>
  <si>
    <t>\\acsfs\profiles$\layonmof\Downloads\6821fa0a-5a6a-48c9-a2ba-d08e56cfa0f4.tmp</t>
  </si>
  <si>
    <t>12/26/2019 16:48:54</t>
  </si>
  <si>
    <t>12/26/2019 16:45:56</t>
  </si>
  <si>
    <t>12/26/2019 16:46:18</t>
  </si>
  <si>
    <t>12/26/2019 16:49:53</t>
  </si>
  <si>
    <t>12/26/2019 16:48:37</t>
  </si>
  <si>
    <t>12/26/2019 16:50:53</t>
  </si>
  <si>
    <t>12/26/2019 16:46:19</t>
  </si>
  <si>
    <t>e2035d13-a8e0-4415-87a2-a6f4ca4ae606.tmp</t>
  </si>
  <si>
    <t>\\acsfs\profiles$\andreapdsg\Downloads\e2035d13-a8e0-4415-87a2-a6f4ca4ae606.tmp</t>
  </si>
  <si>
    <t>12/26/2019 16:47:47</t>
  </si>
  <si>
    <t>12/26/2019 16:51:54</t>
  </si>
  <si>
    <t>12/26/2019 16:47:51</t>
  </si>
  <si>
    <t>12/26/2019 16:47:54</t>
  </si>
  <si>
    <t>12/26/2019 16:48:09</t>
  </si>
  <si>
    <t>12/26/2019 16:46:01</t>
  </si>
  <si>
    <t>12/26/2019 16:46:26</t>
  </si>
  <si>
    <t>12/26/2019 16:47:46</t>
  </si>
  <si>
    <t>12/26/2019 16:47:56</t>
  </si>
  <si>
    <t>12/26/2019 16:48:05</t>
  </si>
  <si>
    <t>mail.google.com/sync/u/0/i/s?hl=pt-BR&amp;c=311</t>
  </si>
  <si>
    <t>atendimentocartao@bv.com.br;backofficebv@dxc.com;bvs-centralcartoes@bv.com.br;fabianacscg@algartech.com;fernandorsju@algartech.com;jose.ric.dos-santos@dxc.com;kesiadof@algartech.com;larisacc@algartech.com;larissa.alcantara@bv.com.br;marianeps@algartech.com;marianerdo@algartech.com;mirianppb@algartech.com;talmaiardo@algartech.com;thiagordu@algartech.com;</t>
  </si>
  <si>
    <t>atendimentocartao@bv.com.br,backofficebv@dxc.com,bvs-centralcartoes@bv.com.br,fabianacscg@algartech.com,fernandorsju@algartech.com,jose.ric.dos-santos@dxc.com,kesiadof@algartech.com,larisacc@algartech.com,larissa.alcantara@bv.com.br,marianeps@algartech.com,marianerdo@algartech.com,mirianppb@algartech.com,talmaiardo@algartech.com,thiagordu@algartech.com</t>
  </si>
  <si>
    <t>12/26/2019 16:50:39</t>
  </si>
  <si>
    <t>12/26/2019 16:49:27</t>
  </si>
  <si>
    <t>1a54fb3f-b54b-4350-8e51-8f8bcfcde9bc.tmp</t>
  </si>
  <si>
    <t>\\acsfs\profiles$\henriqueco\Downloads\1a54fb3f-b54b-4350-8e51-8f8bcfcde9bc.tmp</t>
  </si>
  <si>
    <t>12/26/2019 16:51:21</t>
  </si>
  <si>
    <t>12/26/2019 16:46:45</t>
  </si>
  <si>
    <t>mail.google.com/sync/u/0/i/s?hl=pt-BR&amp;c=584</t>
  </si>
  <si>
    <t>12/26/2019 16:47:04</t>
  </si>
  <si>
    <t>mail.google.com/sync/u/0/i/s?hl=pt-BR&amp;c=586</t>
  </si>
  <si>
    <t>12/26/2019 16:47:14</t>
  </si>
  <si>
    <t>mail.google.com/sync/u/0/i/s?hl=pt-BR&amp;c=589</t>
  </si>
  <si>
    <t>12/26/2019 16:47:20</t>
  </si>
  <si>
    <t>mail.google.com/sync/u/0/i/s?hl=pt-BR&amp;c=591</t>
  </si>
  <si>
    <t>12/26/2019 16:47:32</t>
  </si>
  <si>
    <t>mail.google.com/sync/u/0/i/s?hl=pt-BR&amp;c=593</t>
  </si>
  <si>
    <t>12/26/2019 16:49:56</t>
  </si>
  <si>
    <t>12/26/2019 16:53:53</t>
  </si>
  <si>
    <t>12/26/2019 16:51:56</t>
  </si>
  <si>
    <t>12/26/2019 16:54:53</t>
  </si>
  <si>
    <t>12/26/2019 16:53:37</t>
  </si>
  <si>
    <t>f4106569-a8c3-462c-b44c-0f3343abc31b.tmp</t>
  </si>
  <si>
    <t>\\acsfs\profiles$\regisadsa\Downloads\f4106569-a8c3-462c-b44c-0f3343abc31b.tmp</t>
  </si>
  <si>
    <t>12/26/2019 16:49:46</t>
  </si>
  <si>
    <t>Usuários bloqueados-Algar v2 (1).xlsx</t>
  </si>
  <si>
    <t>12/26/2019 16:50:24</t>
  </si>
  <si>
    <t>12/26/2019 16:51:39</t>
  </si>
  <si>
    <t>ba41fe99-26bc-4693-b2ac-d316690ce936.tmp</t>
  </si>
  <si>
    <t>\\acsfs\profiles$\victorgl\Downloads\ba41fe99-26bc-4693-b2ac-d316690ce936.tmp</t>
  </si>
  <si>
    <t>12/26/2019 16:55:53</t>
  </si>
  <si>
    <t>12/26/2019 16:55:17</t>
  </si>
  <si>
    <t>12/26/2019 16:51:17</t>
  </si>
  <si>
    <t>23c251d9-9e6e-4b2b-8d57-d71592466456.tmp</t>
  </si>
  <si>
    <t>\\acsfs\profiles$\joycemmdl\Downloads\23c251d9-9e6e-4b2b-8d57-d71592466456.tmp</t>
  </si>
  <si>
    <t>12/26/2019 16:54:28</t>
  </si>
  <si>
    <t>66b35cf4-4c80-48e7-a280-83d0cc700f44.tmp</t>
  </si>
  <si>
    <t>\\acsfs\profiles$\joycemmdl\Downloads\66b35cf4-4c80-48e7-a280-83d0cc700f44.tmp</t>
  </si>
  <si>
    <t>12/26/2019 16:56:22</t>
  </si>
  <si>
    <t>12/26/2019 16:56:53</t>
  </si>
  <si>
    <t>12/26/2019 16:53:06</t>
  </si>
  <si>
    <t>12/26/2019 16:57:53</t>
  </si>
  <si>
    <t>image2019-12-26-163334.pdf</t>
  </si>
  <si>
    <t>12/26/2019 16:55:03</t>
  </si>
  <si>
    <t>image2019-12-26-163334 (1).pdf</t>
  </si>
  <si>
    <t>12/26/2019 16:55:06</t>
  </si>
  <si>
    <t>12/26/2019 16:56:37</t>
  </si>
  <si>
    <t>12/26/2019 16:58:53</t>
  </si>
  <si>
    <t>12/26/2019 16:55:56</t>
  </si>
  <si>
    <t>12/26/2019 16:57:56</t>
  </si>
  <si>
    <t>12/26/2019 16:58:13</t>
  </si>
  <si>
    <t>12/26/2019 16:59:53</t>
  </si>
  <si>
    <t>12/26/2019 16:56:03</t>
  </si>
  <si>
    <t>12/26/2019 16:56:13</t>
  </si>
  <si>
    <t>mail.google.com/sync/u/0/i/s?hl=pt-BR&amp;c=636</t>
  </si>
  <si>
    <t>12/26/2019 16:56:28</t>
  </si>
  <si>
    <t>12/26/2019 16:57:49</t>
  </si>
  <si>
    <t>12/26/2019 16:58:37</t>
  </si>
  <si>
    <t>\\acsfs\Deptos\Operacao\Banco_Votorantim\Supervisao\Rai Carlos\</t>
  </si>
  <si>
    <t>BD Equipe Skill Especifico.xlsx</t>
  </si>
  <si>
    <t>\\acsfs\Deptos\Operacao\Banco_Votorantim\Supervisao\Rai Carlos\BD Equipe Skill Especifico.xlsx</t>
  </si>
  <si>
    <t>12/26/2019 17:00:53</t>
  </si>
  <si>
    <t>12/26/2019 16:59:34</t>
  </si>
  <si>
    <t>12/26/2019 16:55:37</t>
  </si>
  <si>
    <t>12/26/2019 16:58:59</t>
  </si>
  <si>
    <t>12/26/2019 16:59:00</t>
  </si>
  <si>
    <t>12/26/2019 17:00:27</t>
  </si>
  <si>
    <t>12/26/2019 17:01:53</t>
  </si>
  <si>
    <t>12/26/2019 16:57:30</t>
  </si>
  <si>
    <t>C:\Users\robsonams\</t>
  </si>
  <si>
    <t>Template_folha_retificadora- Severino.xlsx</t>
  </si>
  <si>
    <t>12/26/2019 17:02:53</t>
  </si>
  <si>
    <t>10.200.66.68</t>
  </si>
  <si>
    <t>78-2B-CB-C1-06-33</t>
  </si>
  <si>
    <t>VOTORANT-SB005</t>
  </si>
  <si>
    <t>183abc5e-0ceb-4bb4-9a83-83b1a7f702b1.tmp</t>
  </si>
  <si>
    <t>\\acsfs\profiles$\anafaes\Downloads\183abc5e-0ceb-4bb4-9a83-83b1a7f702b1.tmp</t>
  </si>
  <si>
    <t>12/26/2019 16:58:00</t>
  </si>
  <si>
    <t>16e5e428-da10-4074-8717-c7477d3df238.tmp</t>
  </si>
  <si>
    <t>\\acsfs\profiles$\anafaes\Downloads\16e5e428-da10-4074-8717-c7477d3df238.tmp</t>
  </si>
  <si>
    <t>12/26/2019 16:58:20</t>
  </si>
  <si>
    <t>7a852849-8555-4eb8-90c5-2fa051b7a1ce.tmp</t>
  </si>
  <si>
    <t>\\acsfs\profiles$\anafaes\Downloads\7a852849-8555-4eb8-90c5-2fa051b7a1ce.tmp</t>
  </si>
  <si>
    <t>12/26/2019 16:58:22</t>
  </si>
  <si>
    <t>621b23a3-c0f2-4799-b0e4-b0202ce809ef.tmp</t>
  </si>
  <si>
    <t>\\acsfs\profiles$\anafaes\Downloads\621b23a3-c0f2-4799-b0e4-b0202ce809ef.tmp</t>
  </si>
  <si>
    <t>12/26/2019 16:58:27</t>
  </si>
  <si>
    <t>bc4b7456-d285-434c-ba97-5d14f2b756c3.tmp</t>
  </si>
  <si>
    <t>\\acsfs\profiles$\anafaes\Downloads\bc4b7456-d285-434c-ba97-5d14f2b756c3.tmp</t>
  </si>
  <si>
    <t>12/26/2019 16:58:38</t>
  </si>
  <si>
    <t>7fc9d410-2d26-4fa2-9d2a-48cd36fde197.tmp</t>
  </si>
  <si>
    <t>\\acsfs\profiles$\anafaes\Downloads\7fc9d410-2d26-4fa2-9d2a-48cd36fde197.tmp</t>
  </si>
  <si>
    <t>12/26/2019 16:58:49</t>
  </si>
  <si>
    <t>b78deb0f-d7f1-4696-a5fe-d0220b7eb740.tmp</t>
  </si>
  <si>
    <t>\\acsfs\profiles$\anafaes\Downloads\b78deb0f-d7f1-4696-a5fe-d0220b7eb740.tmp</t>
  </si>
  <si>
    <t>12/26/2019 16:59:25</t>
  </si>
  <si>
    <t>4233b036-a268-417c-bfb5-a84ae286b1a3.tmp</t>
  </si>
  <si>
    <t>\\acsfs\profiles$\anafaes\Downloads\4233b036-a268-417c-bfb5-a84ae286b1a3.tmp</t>
  </si>
  <si>
    <t>12/26/2019 17:00:38</t>
  </si>
  <si>
    <t>c00da845-da49-4936-8b75-fb3827e82b42.tmp</t>
  </si>
  <si>
    <t>\\acsfs\profiles$\anafaes\Downloads\c00da845-da49-4936-8b75-fb3827e82b42.tmp</t>
  </si>
  <si>
    <t>12/26/2019 17:01:56</t>
  </si>
  <si>
    <t>12/26/2019 17:03:52</t>
  </si>
  <si>
    <t>12/26/2019 17:05:53</t>
  </si>
  <si>
    <t>12/26/2019 17:02:24</t>
  </si>
  <si>
    <t>12/26/2019 17:02:31</t>
  </si>
  <si>
    <t>12/26/2019 17:02:33</t>
  </si>
  <si>
    <t>12/26/2019 17:04:30</t>
  </si>
  <si>
    <t>12/26/2019 17:02:58</t>
  </si>
  <si>
    <t>12/26/2019 17:06:53</t>
  </si>
  <si>
    <t>12/26/2019 17:06:48</t>
  </si>
  <si>
    <t>12/26/2019 17:07:53</t>
  </si>
  <si>
    <t>12/26/2019 17:03:02</t>
  </si>
  <si>
    <t>10a17818-6c73-4541-af79-63eed48beda9.tmp</t>
  </si>
  <si>
    <t>\\acsfs\profiles$\anafaes\Downloads\10a17818-6c73-4541-af79-63eed48beda9.tmp</t>
  </si>
  <si>
    <t>12/26/2019 17:04:10</t>
  </si>
  <si>
    <t>12/26/2019 17:08:53</t>
  </si>
  <si>
    <t>12/26/2019 17:04:11</t>
  </si>
  <si>
    <t>12/26/2019 17:04:12</t>
  </si>
  <si>
    <t>12/26/2019 17:04:13</t>
  </si>
  <si>
    <t>12/26/2019 17:04:14</t>
  </si>
  <si>
    <t>12/26/2019 17:04:15</t>
  </si>
  <si>
    <t>12/26/2019 17:04:16</t>
  </si>
  <si>
    <t>12/26/2019 17:04:17</t>
  </si>
  <si>
    <t>12/26/2019 17:04:18</t>
  </si>
  <si>
    <t>12/26/2019 17:04:19</t>
  </si>
  <si>
    <t>12/26/2019 17:04:20</t>
  </si>
  <si>
    <t>12/26/2019 17:04:21</t>
  </si>
  <si>
    <t>12/26/2019 17:04:22</t>
  </si>
  <si>
    <t>12/26/2019 17:04:23</t>
  </si>
  <si>
    <t>12/26/2019 17:04:24</t>
  </si>
  <si>
    <t>12/26/2019 17:04:25</t>
  </si>
  <si>
    <t>12/26/2019 17:04:26</t>
  </si>
  <si>
    <t>12/26/2019 17:04:27</t>
  </si>
  <si>
    <t>12/26/2019 17:04:28</t>
  </si>
  <si>
    <t>12/26/2019 17:04:29</t>
  </si>
  <si>
    <t>12/26/2019 17:04:31</t>
  </si>
  <si>
    <t>12/26/2019 17:04:32</t>
  </si>
  <si>
    <t>12/26/2019 17:04:33</t>
  </si>
  <si>
    <t>12/26/2019 17:04:34</t>
  </si>
  <si>
    <t>12/26/2019 17:03:56</t>
  </si>
  <si>
    <t>12/26/2019 17:07:56</t>
  </si>
  <si>
    <t>12/26/2019 17:06:16</t>
  </si>
  <si>
    <t>12/26/2019 17:09:52</t>
  </si>
  <si>
    <t>12/26/2019 17:10:17</t>
  </si>
  <si>
    <t>12/26/2019 17:10:53</t>
  </si>
  <si>
    <t>12/26/2019 17:06:07</t>
  </si>
  <si>
    <t>882d54c5-2f5f-4750-8209-40478494c07f.tmp</t>
  </si>
  <si>
    <t>\\acsfs\profiles$\andreapdsg\Downloads\882d54c5-2f5f-4750-8209-40478494c07f.tmp</t>
  </si>
  <si>
    <t>12/26/2019 17:09:56</t>
  </si>
  <si>
    <t>12/26/2019 17:13:53</t>
  </si>
  <si>
    <t>12/26/2019 17:09:10</t>
  </si>
  <si>
    <t>12/26/2019 17:09:11</t>
  </si>
  <si>
    <t>12/26/2019 17:09:12</t>
  </si>
  <si>
    <t>12/26/2019 17:09:13</t>
  </si>
  <si>
    <t>12/26/2019 17:09:14</t>
  </si>
  <si>
    <t>12/26/2019 17:09:15</t>
  </si>
  <si>
    <t>12/26/2019 17:09:16</t>
  </si>
  <si>
    <t>12/26/2019 17:09:17</t>
  </si>
  <si>
    <t>12/26/2019 17:09:18</t>
  </si>
  <si>
    <t>12/26/2019 17:09:19</t>
  </si>
  <si>
    <t>12/26/2019 17:09:29</t>
  </si>
  <si>
    <t>12/26/2019 17:09:30</t>
  </si>
  <si>
    <t>12/26/2019 17:09:31</t>
  </si>
  <si>
    <t>12/26/2019 17:09:33</t>
  </si>
  <si>
    <t>12/26/2019 17:12:12</t>
  </si>
  <si>
    <t>12/26/2019 17:13:44</t>
  </si>
  <si>
    <t>12/26/2019 17:10:58</t>
  </si>
  <si>
    <t>12/26/2019 17:15:53</t>
  </si>
  <si>
    <t>dbe29721-9ecf-468b-8e5f-3c8ba19caa34.tmp</t>
  </si>
  <si>
    <t>\\acsfs\profiles$\fabianobmf\Downloads\dbe29721-9ecf-468b-8e5f-3c8ba19caa34.tmp</t>
  </si>
  <si>
    <t>12/26/2019 17:10:47</t>
  </si>
  <si>
    <t>12/26/2019 17:11:04</t>
  </si>
  <si>
    <t>12/26/2019 17:11:09</t>
  </si>
  <si>
    <t>12/26/2019 17:12:20</t>
  </si>
  <si>
    <t>12/26/2019 17:12:52</t>
  </si>
  <si>
    <t>12/26/2019 17:16:53</t>
  </si>
  <si>
    <t>mail.google.com/sync/u/0/i/s?hl=pt-BR&amp;c=2212</t>
  </si>
  <si>
    <t>12/26/2019 17:13:10</t>
  </si>
  <si>
    <t>mail.google.com/sync/u/0/i/s?hl=pt-BR&amp;c=2214</t>
  </si>
  <si>
    <t>12/26/2019 17:13:27</t>
  </si>
  <si>
    <t>https://algar.folhasinergyrh.com.br/afastamento/forms</t>
  </si>
  <si>
    <t>24/12/2019;</t>
  </si>
  <si>
    <t>https://24/12/2019</t>
  </si>
  <si>
    <t>12/26/2019 17:16:24</t>
  </si>
  <si>
    <t>12/26/2019 17:15:23</t>
  </si>
  <si>
    <t>12/26/2019 17:17:53</t>
  </si>
  <si>
    <t>12/26/2019 17:13:56</t>
  </si>
  <si>
    <t>12/26/2019 17:18:53</t>
  </si>
  <si>
    <t>12/26/2019 17:15:56</t>
  </si>
  <si>
    <t>12/26/2019 17:16:12</t>
  </si>
  <si>
    <t>https://leonardoao@algartech.com</t>
  </si>
  <si>
    <t>12/26/2019 17:16:29</t>
  </si>
  <si>
    <t>12/26/2019 17:14:21</t>
  </si>
  <si>
    <t>12/26/2019 17:14:35</t>
  </si>
  <si>
    <t>12/26/2019 17:14:43</t>
  </si>
  <si>
    <t>12/26/2019 17:15:02</t>
  </si>
  <si>
    <t>12/26/2019 17:16:47</t>
  </si>
  <si>
    <t>12/26/2019 17:17:41</t>
  </si>
  <si>
    <t>12/26/2019 17:18:37</t>
  </si>
  <si>
    <t>12/26/2019 17:18:44</t>
  </si>
  <si>
    <t>12/26/2019 17:18:49</t>
  </si>
  <si>
    <t>12/26/2019 17:16:21</t>
  </si>
  <si>
    <t>12/26/2019 17:20:53</t>
  </si>
  <si>
    <t>12/26/2019 17:18:55</t>
  </si>
  <si>
    <t>12/26/2019 17:19:38</t>
  </si>
  <si>
    <t>12/26/2019 17:17:55</t>
  </si>
  <si>
    <t>12/26/2019 17:21:53</t>
  </si>
  <si>
    <t>12/26/2019 17:17:57</t>
  </si>
  <si>
    <t>12/26/2019 17:20:36</t>
  </si>
  <si>
    <t>12/26/2019 17:21:17</t>
  </si>
  <si>
    <t>12/26/2019 17:22:53</t>
  </si>
  <si>
    <t>12/26/2019 17:19:56</t>
  </si>
  <si>
    <t>12/26/2019 17:23:53</t>
  </si>
  <si>
    <t>12/26/2019 17:21:56</t>
  </si>
  <si>
    <t>12/26/2019 17:18:52</t>
  </si>
  <si>
    <t>12/26/2019 17:19:09</t>
  </si>
  <si>
    <t>12/26/2019 17:19:17</t>
  </si>
  <si>
    <t>12/26/2019 17:19:18</t>
  </si>
  <si>
    <t>mail.google.com/sync/u/0/i/s?hl=pt-BR&amp;c=75</t>
  </si>
  <si>
    <t>12/26/2019 17:20:05</t>
  </si>
  <si>
    <t>12/26/2019 17:20:35</t>
  </si>
  <si>
    <t>12/26/2019 17:21:01</t>
  </si>
  <si>
    <t>12/26/2019 17:22:40</t>
  </si>
  <si>
    <t>\\acsfs\DEPTOS\Operacao\PCP\5 - Comum\PLANEJAMENTO BV\22 - BANCO DE DADOS BV\CARTÕES\</t>
  </si>
  <si>
    <t>Dados Gerais BV - CARTÕES.xlsx</t>
  </si>
  <si>
    <t>\\acsfs\DEPTOS\Operacao\PCP\5 - Comum\PLANEJAMENTO BV\22 - BANCO DE DADOS BV\CARTÕES\Dados Gerais BV - CARTÕES.xlsx</t>
  </si>
  <si>
    <t>12/26/2019 17:23:29</t>
  </si>
  <si>
    <t>12/26/2019 17:20:30</t>
  </si>
  <si>
    <t>12/26/2019 17:24:53</t>
  </si>
  <si>
    <t>12/26/2019 17:22:38</t>
  </si>
  <si>
    <t>andressamf</t>
  </si>
  <si>
    <t>\\acsfs\profiles$\andressamf\Downloads\</t>
  </si>
  <si>
    <t>93d97fff-650c-491f-b913-10ff31dfffd3.tmp</t>
  </si>
  <si>
    <t>\\acsfs\profiles$\andressamf\Downloads\93d97fff-650c-491f-b913-10ff31dfffd3.tmp</t>
  </si>
  <si>
    <t>12/26/2019 17:23:30</t>
  </si>
  <si>
    <t>d629f844-c508-4687-9ba5-9844d7ceb72d.tmp</t>
  </si>
  <si>
    <t>\\acsfs\profiles$\victorgl\Downloads\d629f844-c508-4687-9ba5-9844d7ceb72d.tmp</t>
  </si>
  <si>
    <t>12/26/2019 17:24:01</t>
  </si>
  <si>
    <t>da3c043b-b4b5-4ec7-9bed-de8a8982a145.tmp</t>
  </si>
  <si>
    <t>\\acsfs\profiles$\victorgl\Downloads\da3c043b-b4b5-4ec7-9bed-de8a8982a145.tmp</t>
  </si>
  <si>
    <t>12/26/2019 17:24:29</t>
  </si>
  <si>
    <t>12/26/2019 17:25:53</t>
  </si>
  <si>
    <t>12/26/2019 17:24:43</t>
  </si>
  <si>
    <t>12/26/2019 17:21:37</t>
  </si>
  <si>
    <t>12/26/2019 17:26:53</t>
  </si>
  <si>
    <t>josiascdsj@algartech.com;leonardoao@algartech.com;ouvidoria@algar.com.br;paulacn@algartech.com;rafaelggs@algartech.com;thiagordu@algartech.com;</t>
  </si>
  <si>
    <t>josiascdsj@algartech.com,leonardoao@algartech.com,ouvidoria@algar.com.br,paulacn@algartech.com,rafaelggs@algartech.com,thiagordu@algartech.com</t>
  </si>
  <si>
    <t>12/26/2019 17:21:43</t>
  </si>
  <si>
    <t>12/26/2019 17:22:03</t>
  </si>
  <si>
    <t>b24901d5-5062-46ba-8803-51ad3d7964e7;</t>
  </si>
  <si>
    <t>IMG_0762.jpg</t>
  </si>
  <si>
    <t>12/26/2019 17:22:13</t>
  </si>
  <si>
    <t>bvcartes-supervisores@algarnet.onmicrosoft.com;ouvidoria@algar.com.br;thiagordu@algartech.com;</t>
  </si>
  <si>
    <t>bvcartes-supervisores@algarnet.onmicrosoft.com,ouvidoria@algar.com.br,thiagordu@algartech.com</t>
  </si>
  <si>
    <t>12/26/2019 17:24:34</t>
  </si>
  <si>
    <t>12/26/2019 17:27:53</t>
  </si>
  <si>
    <t>06b57c8a-e726-4650-b13a-67deba65f06b.tmp</t>
  </si>
  <si>
    <t>\\acsfs\profiles$\fabianafv\Downloads\06b57c8a-e726-4650-b13a-67deba65f06b.tmp</t>
  </si>
  <si>
    <t>12/26/2019 17:25:09</t>
  </si>
  <si>
    <t>1b1dde24-9f75-4ee1-8cb0-8a8697752ec1.tmp</t>
  </si>
  <si>
    <t>\\acsfs\profiles$\fabianafv\Downloads\1b1dde24-9f75-4ee1-8cb0-8a8697752ec1.tmp</t>
  </si>
  <si>
    <t>12/26/2019 17:28:53</t>
  </si>
  <si>
    <t>12/26/2019 17:25:56</t>
  </si>
  <si>
    <t>12/26/2019 17:27:56</t>
  </si>
  <si>
    <t>12/26/2019 17:27:37</t>
  </si>
  <si>
    <t>8e9a76e1-d466-4f26-8fe6-89405fbfb9f1.tmp</t>
  </si>
  <si>
    <t>\\acsfs\profiles$\danielta\Downloads\8e9a76e1-d466-4f26-8fe6-89405fbfb9f1.tmp</t>
  </si>
  <si>
    <t>12/26/2019 17:28:00</t>
  </si>
  <si>
    <t>8fbb4a83-04e4-4059-96a6-dff5df6df20c.tmp</t>
  </si>
  <si>
    <t>\\acsfs\profiles$\danielta\Downloads\8fbb4a83-04e4-4059-96a6-dff5df6df20c.tmp</t>
  </si>
  <si>
    <t>12/26/2019 17:24:55</t>
  </si>
  <si>
    <t>12/26/2019 17:29:53</t>
  </si>
  <si>
    <t>12/26/2019 17:25:00</t>
  </si>
  <si>
    <t>12/26/2019 17:25:22</t>
  </si>
  <si>
    <t>12/26/2019 17:26:11</t>
  </si>
  <si>
    <t>12/26/2019 17:26:27</t>
  </si>
  <si>
    <t>12/26/2019 17:26:35</t>
  </si>
  <si>
    <t>12/26/2019 17:25:12</t>
  </si>
  <si>
    <t>12/26/2019 17:30:53</t>
  </si>
  <si>
    <t>12/26/2019 17:25:25</t>
  </si>
  <si>
    <t>12/26/2019 17:26:15</t>
  </si>
  <si>
    <t>12/26/2019 17:31:53</t>
  </si>
  <si>
    <t>IMG_0763.jpg</t>
  </si>
  <si>
    <t>12/26/2019 17:28:48</t>
  </si>
  <si>
    <t>12/26/2019 17:31:21</t>
  </si>
  <si>
    <t>12/26/2019 17:28:45</t>
  </si>
  <si>
    <t>12/26/2019 17:32:53</t>
  </si>
  <si>
    <t>34ede69e-c9f7-4f12-bd56-87b084d3fa39.tmp</t>
  </si>
  <si>
    <t>\\acsfs\profiles$\fabianafv\Downloads\34ede69e-c9f7-4f12-bd56-87b084d3fa39.tmp</t>
  </si>
  <si>
    <t>12/26/2019 17:30:17</t>
  </si>
  <si>
    <t>12/26/2019 17:31:40</t>
  </si>
  <si>
    <t>12/26/2019 17:33:53</t>
  </si>
  <si>
    <t>12/26/2019 17:31:56</t>
  </si>
  <si>
    <t>12/26/2019 17:30:31</t>
  </si>
  <si>
    <t>2316d250-cb2b-4e8b-a6af-5d916bee2fc6.tmp</t>
  </si>
  <si>
    <t>\\acsfs\profiles$\victorgl\Downloads\2316d250-cb2b-4e8b-a6af-5d916bee2fc6.tmp</t>
  </si>
  <si>
    <t>12/26/2019 17:28:50</t>
  </si>
  <si>
    <t>d130888d-7394-4bc4-b420-3e43ff622ab8.tmp</t>
  </si>
  <si>
    <t>\\acsfs\profiles$\danielta\Downloads\d130888d-7394-4bc4-b420-3e43ff622ab8.tmp</t>
  </si>
  <si>
    <t>12/26/2019 17:29:45</t>
  </si>
  <si>
    <t>12/26/2019 17:34:53</t>
  </si>
  <si>
    <t>12/26/2019 17:30:50</t>
  </si>
  <si>
    <t>12/26/2019 17:31:32</t>
  </si>
  <si>
    <t>12/26/2019 17:32:35</t>
  </si>
  <si>
    <t>12/26/2019 17:32:39</t>
  </si>
  <si>
    <t>12/26/2019 17:33:04</t>
  </si>
  <si>
    <t>12/26/2019 17:33:23</t>
  </si>
  <si>
    <t>12/26/2019 17:35:52</t>
  </si>
  <si>
    <t>12/26/2019 17:30:46</t>
  </si>
  <si>
    <t>12/26/2019 17:30:47</t>
  </si>
  <si>
    <t>12/26/2019 17:32:36</t>
  </si>
  <si>
    <t>12/26/2019 17:33:38</t>
  </si>
  <si>
    <t>https://udpmailboxap01/h/search?si=0&amp;so=0&amp;sc=54091&amp;sfi=6&amp;st=message&amp;action=compose</t>
  </si>
  <si>
    <t>12/26/2019 17:36:53</t>
  </si>
  <si>
    <t>12/26/2019 17:31:45</t>
  </si>
  <si>
    <t>12/26/2019 17:32:00</t>
  </si>
  <si>
    <t>12/26/2019 17:32:04</t>
  </si>
  <si>
    <t>12/26/2019 17:34:58</t>
  </si>
  <si>
    <t>12/26/2019 17:37:14</t>
  </si>
  <si>
    <t>12/26/2019 17:37:52</t>
  </si>
  <si>
    <t>12/26/2019 17:33:33</t>
  </si>
  <si>
    <t>12/26/2019 17:38:53</t>
  </si>
  <si>
    <t>6ac1b958-54c7-47fd-b75d-ecec8ba9170a.tmp</t>
  </si>
  <si>
    <t>\\acsfs\profiles$\taylaedoa\Downloads\6ac1b958-54c7-47fd-b75d-ecec8ba9170a.tmp</t>
  </si>
  <si>
    <t>bd4de3ad-af78-44a5-ac12-8230b4d12a70.tmp</t>
  </si>
  <si>
    <t>\\acsfs\profiles$\taylaedoa\Downloads\bd4de3ad-af78-44a5-ac12-8230b4d12a70.tmp</t>
  </si>
  <si>
    <t>12/26/2019 17:35:32</t>
  </si>
  <si>
    <t>06d94543-1fd4-473e-b72d-81448c4bb82f.tmp</t>
  </si>
  <si>
    <t>\\acsfs\profiles$\taylaedoa\Downloads\06d94543-1fd4-473e-b72d-81448c4bb82f.tmp</t>
  </si>
  <si>
    <t>12/26/2019 17:33:56</t>
  </si>
  <si>
    <t>12/26/2019 17:37:58</t>
  </si>
  <si>
    <t>12/26/2019 17:38:10</t>
  </si>
  <si>
    <t>12/26/2019 17:39:52</t>
  </si>
  <si>
    <t>12/26/2019 17:38:35</t>
  </si>
  <si>
    <t>12/26/2019 17:35:22</t>
  </si>
  <si>
    <t>12/26/2019 17:40:53</t>
  </si>
  <si>
    <t>12/26/2019 17:35:24</t>
  </si>
  <si>
    <t>12/26/2019 17:35:26</t>
  </si>
  <si>
    <t>12/26/2019 17:36:26</t>
  </si>
  <si>
    <t>12/26/2019 17:36:17</t>
  </si>
  <si>
    <t>c3cdebee-6951-4dfb-a1b8-c2fff17a2535.tmp</t>
  </si>
  <si>
    <t>\\acsfs\profiles$\gabriellalpr\Downloads\c3cdebee-6951-4dfb-a1b8-c2fff17a2535.tmp</t>
  </si>
  <si>
    <t>12/26/2019 17:36:28</t>
  </si>
  <si>
    <t>12/26/2019 17:41:53</t>
  </si>
  <si>
    <t>12/26/2019 17:37:13</t>
  </si>
  <si>
    <t>12/26/2019 17:38:03</t>
  </si>
  <si>
    <t>12/26/2019 17:39:24</t>
  </si>
  <si>
    <t>lu8452tp8f.tmp</t>
  </si>
  <si>
    <t>\\acsfs\profiles$\edicarlosdl\My Documents\lu8452tp8f.tmp</t>
  </si>
  <si>
    <t>\\acsfs\profiles$\edicarlosdl\My Documents\lu8452tp8f.tmp\</t>
  </si>
  <si>
    <t>\\acsfs\profiles$\edicarlosdl\My Documents\lu8452tp8f.tmp\META-INF\</t>
  </si>
  <si>
    <t>\\acsfs\profiles$\edicarlosdl\My Documents\lu8452tp8f.tmp\Thumbnails\</t>
  </si>
  <si>
    <t>12/26/2019 17:37:59</t>
  </si>
  <si>
    <t>869c42b3-a7ed-48a4-ac2b-36556d03b0cc.tmp</t>
  </si>
  <si>
    <t>\\acsfs\profiles$\leandromsa\Downloads\869c42b3-a7ed-48a4-ac2b-36556d03b0cc.tmp</t>
  </si>
  <si>
    <t>12/26/2019 17:39:59</t>
  </si>
  <si>
    <t>ff617578-bcf2-4a88-9116-5d71885611cb.tmp</t>
  </si>
  <si>
    <t>\\acsfs\profiles$\leandromsa\Downloads\ff617578-bcf2-4a88-9116-5d71885611cb.tmp</t>
  </si>
  <si>
    <t>12/26/2019 17:40:38</t>
  </si>
  <si>
    <t>a85dc4c6-2e74-4d6a-996e-51aae7ba8c8b.tmp</t>
  </si>
  <si>
    <t>\\acsfs\profiles$\leandromsa\Downloads\a85dc4c6-2e74-4d6a-996e-51aae7ba8c8b.tmp</t>
  </si>
  <si>
    <t>12/26/2019 17:41:10</t>
  </si>
  <si>
    <t>a30f1e29-82fd-43b2-b81d-76f0be657cdc.tmp</t>
  </si>
  <si>
    <t>\\acsfs\profiles$\leandromsa\Downloads\a30f1e29-82fd-43b2-b81d-76f0be657cdc.tmp</t>
  </si>
  <si>
    <t>12/26/2019 17:38:08</t>
  </si>
  <si>
    <t>12/26/2019 17:42:52</t>
  </si>
  <si>
    <t>93e57b09-dcfe-49af-b9b5-1c3c48f00074.tmp</t>
  </si>
  <si>
    <t>\\acsfs\profiles$\fabianafv\Downloads\93e57b09-dcfe-49af-b9b5-1c3c48f00074.tmp</t>
  </si>
  <si>
    <t>12/26/2019 17:39:56</t>
  </si>
  <si>
    <t>12/26/2019 17:43:53</t>
  </si>
  <si>
    <t>12/26/2019 17:44:52</t>
  </si>
  <si>
    <t>12/26/2019 17:41:08</t>
  </si>
  <si>
    <t>12/26/2019 17:42:28</t>
  </si>
  <si>
    <t>12/26/2019 17:46:52</t>
  </si>
  <si>
    <t>eafa8496-d0a6-470f-8974-4bdacb65d592.tmp</t>
  </si>
  <si>
    <t>\\acsfs\profiles$\leandromsa\Downloads\eafa8496-d0a6-470f-8974-4bdacb65d592.tmp</t>
  </si>
  <si>
    <t>12/26/2019 17:42:42</t>
  </si>
  <si>
    <t>76a3c0e6-9f41-485e-99eb-394bd6a4db95.tmp</t>
  </si>
  <si>
    <t>\\acsfs\profiles$\leandromsa\Downloads\76a3c0e6-9f41-485e-99eb-394bd6a4db95.tmp</t>
  </si>
  <si>
    <t>12/26/2019 17:43:38</t>
  </si>
  <si>
    <t>2ae02ae8-03a3-498f-ad60-f30bb604ad94.tmp</t>
  </si>
  <si>
    <t>\\acsfs\profiles$\leandromsa\Downloads\2ae02ae8-03a3-498f-ad60-f30bb604ad94.tmp</t>
  </si>
  <si>
    <t>12/26/2019 17:43:58</t>
  </si>
  <si>
    <t>12/26/2019 17:47:52</t>
  </si>
  <si>
    <t>12/26/2019 17:45:41</t>
  </si>
  <si>
    <t>https://hn.inspectlet.com/ginit/549012128</t>
  </si>
  <si>
    <t>12/26/2019 17:43:56</t>
  </si>
  <si>
    <t>12/26/2019 17:48:53</t>
  </si>
  <si>
    <t>12/26/2019 17:45:56</t>
  </si>
  <si>
    <t>12/26/2019 17:47:56</t>
  </si>
  <si>
    <t>mariajaf</t>
  </si>
  <si>
    <t>\\acsfs\profiles$\mariajaf\Downloads\</t>
  </si>
  <si>
    <t>90c61d31-9fb4-44e3-882f-2942609919da.tmp</t>
  </si>
  <si>
    <t>\\acsfs\profiles$\mariajaf\Downloads\90c61d31-9fb4-44e3-882f-2942609919da.tmp</t>
  </si>
  <si>
    <t>12/26/2019 17:48:06</t>
  </si>
  <si>
    <t>Q29udHJvbGxlci5QYXl3YXJlLU5vaXRl (3).ica</t>
  </si>
  <si>
    <t>\\acsfs\profiles$\mariajaf\Downloads\Q29udHJvbGxlci5QYXl3YXJlLU5vaXRl (3).ica</t>
  </si>
  <si>
    <t>12/26/2019 17:44:35</t>
  </si>
  <si>
    <t>12/26/2019 17:49:52</t>
  </si>
  <si>
    <t>12/26/2019 17:45:13</t>
  </si>
  <si>
    <t>12/26/2019 17:46:01</t>
  </si>
  <si>
    <t>mail.google.com/sync/u/0/i/s?hl=pt-BR&amp;c=43</t>
  </si>
  <si>
    <t>12/26/2019 17:46:06</t>
  </si>
  <si>
    <t>12/26/2019 17:46:12</t>
  </si>
  <si>
    <t>12/26/2019 17:46:20</t>
  </si>
  <si>
    <t>12/26/2019 17:46:04</t>
  </si>
  <si>
    <t>12/26/2019 17:50:53</t>
  </si>
  <si>
    <t>f519cab7-f4d9-485f-82fc-74d1ba06b1f5.tmp</t>
  </si>
  <si>
    <t>\\acsfs\profiles$\joycemmdl\Downloads\f519cab7-f4d9-485f-82fc-74d1ba06b1f5.tmp</t>
  </si>
  <si>
    <t>12/26/2019 17:46:09</t>
  </si>
  <si>
    <t>2c38aad8-53c5-4e32-be8a-c02334b8b18a.tmp</t>
  </si>
  <si>
    <t>\\acsfs\profiles$\joycemmdl\Downloads\2c38aad8-53c5-4e32-be8a-c02334b8b18a.tmp</t>
  </si>
  <si>
    <t>12/26/2019 17:50:27</t>
  </si>
  <si>
    <t>12/26/2019 17:51:53</t>
  </si>
  <si>
    <t>12/26/2019 17:50:38</t>
  </si>
  <si>
    <t>12/26/2019 17:48:56</t>
  </si>
  <si>
    <t>12/26/2019 17:52:52</t>
  </si>
  <si>
    <t>aef497cf-9571-4ca4-af34-0d33ac1731f3.tmp</t>
  </si>
  <si>
    <t>\\acsfs\profiles$\victorgl\Downloads\aef497cf-9571-4ca4-af34-0d33ac1731f3.tmp</t>
  </si>
  <si>
    <t>12/26/2019 17:50:10</t>
  </si>
  <si>
    <t>ffe44b32-4d41-43f4-997d-7b0c882706fa.tmp</t>
  </si>
  <si>
    <t>\\acsfs\profiles$\victorgl\Downloads\ffe44b32-4d41-43f4-997d-7b0c882706fa.tmp</t>
  </si>
  <si>
    <t>12/26/2019 17:52:05</t>
  </si>
  <si>
    <t>12/26/2019 17:47:48</t>
  </si>
  <si>
    <t>12/26/2019 17:49:56</t>
  </si>
  <si>
    <t>12/26/2019 17:53:53</t>
  </si>
  <si>
    <t>12/26/2019 17:51:57</t>
  </si>
  <si>
    <t>6d8eeb88-8ea6-4e6a-beae-8489e6cce244.tmp</t>
  </si>
  <si>
    <t>\\acsfs\profiles$\mariajaf\Downloads\6d8eeb88-8ea6-4e6a-beae-8489e6cce244.tmp</t>
  </si>
  <si>
    <t>12/26/2019 17:50:23</t>
  </si>
  <si>
    <t>12/26/2019 17:54:54</t>
  </si>
  <si>
    <t>10.200.66.202</t>
  </si>
  <si>
    <t>78-2B-CB-C3-0A-29</t>
  </si>
  <si>
    <t>VOTORANT-WB004</t>
  </si>
  <si>
    <t>acbcc35e-3011-487f-8400-e21fe6a4d8a0.tmp</t>
  </si>
  <si>
    <t>\\acsfs\profiles$\gabrieleods\Downloads\acbcc35e-3011-487f-8400-e21fe6a4d8a0.tmp</t>
  </si>
  <si>
    <t>12/26/2019 17:50:13</t>
  </si>
  <si>
    <t>12/26/2019 17:53:33</t>
  </si>
  <si>
    <t>12/26/2019 17:56:53</t>
  </si>
  <si>
    <t>12/26/2019 17:51:47</t>
  </si>
  <si>
    <t>12/26/2019 17:52:19</t>
  </si>
  <si>
    <t>mail.google.com/sync/u/0/i/s?hl=pt-BR&amp;c=404</t>
  </si>
  <si>
    <t>12/26/2019 17:52:32</t>
  </si>
  <si>
    <t>mail.google.com/sync/u/0/i/s?hl=pt-BR&amp;c=406</t>
  </si>
  <si>
    <t>12/26/2019 17:55:28</t>
  </si>
  <si>
    <t>afa783a4-3a8f-40cd-a881-89c607646a5a.tmp</t>
  </si>
  <si>
    <t>\\acsfs\profiles$\wenderbnm\Downloads\afa783a4-3a8f-40cd-a881-89c607646a5a.tmp</t>
  </si>
  <si>
    <t>66392df2-cd3f-43ad-87ce-373420f689e2.tmp</t>
  </si>
  <si>
    <t>\\acsfs\profiles$\edicarlosdl\Downloads\66392df2-cd3f-43ad-87ce-373420f689e2.tmp</t>
  </si>
  <si>
    <t>12/26/2019 17:54:42</t>
  </si>
  <si>
    <t>12/26/2019 17:52:22</t>
  </si>
  <si>
    <t>12/26/2019 17:55:56</t>
  </si>
  <si>
    <t>12/26/2019 17:58:53</t>
  </si>
  <si>
    <t>12/26/2019 17:57:56</t>
  </si>
  <si>
    <t>12/26/2019 17:59:13</t>
  </si>
  <si>
    <t>12/26/2019 17:59:53</t>
  </si>
  <si>
    <t>c8b580dc-ee70-4074-bf6c-025745f7f523.tmp</t>
  </si>
  <si>
    <t>\\acsfs\profiles$\regisadsa\Downloads\c8b580dc-ee70-4074-bf6c-025745f7f523.tmp</t>
  </si>
  <si>
    <t>12/26/2019 17:56:31</t>
  </si>
  <si>
    <t>12/26/2019 18:00:53</t>
  </si>
  <si>
    <t>346bed7f-362a-4a65-bff5-7a7b1f0cab21.tmp</t>
  </si>
  <si>
    <t>\\acsfs\profiles$\alinepp\Downloads\346bed7f-362a-4a65-bff5-7a7b1f0cab21.tmp</t>
  </si>
  <si>
    <t>12/26/2019 17:59:00</t>
  </si>
  <si>
    <t>12/26/2019 18:01:53</t>
  </si>
  <si>
    <t>12/26/2019 17:59:20</t>
  </si>
  <si>
    <t>mail.google.com/sync/u/0/i/s?hl=pt-BR&amp;c=468</t>
  </si>
  <si>
    <t>12/26/2019 17:59:35</t>
  </si>
  <si>
    <t>mail.google.com/sync/u/0/i/s?hl=pt-BR&amp;c=474</t>
  </si>
  <si>
    <t>12/26/2019 17:59:44</t>
  </si>
  <si>
    <t>mail.google.com/sync/u/0/i/s?hl=pt-BR&amp;c=479</t>
  </si>
  <si>
    <t>12/26/2019 17:59:59</t>
  </si>
  <si>
    <t>12/26/2019 18:00:08</t>
  </si>
  <si>
    <t>mail.google.com/sync/u/0/i/s?hl=pt-BR&amp;c=489</t>
  </si>
  <si>
    <t>12/26/2019 18:00:11</t>
  </si>
  <si>
    <t>mail.google.com/sync/u/0/i/s?hl=pt-BR&amp;c=494</t>
  </si>
  <si>
    <t>12/26/2019 18:00:15</t>
  </si>
  <si>
    <t>mail.google.com/sync/u/0/i/s?hl=pt-BR&amp;c=499</t>
  </si>
  <si>
    <t>cb2c1844-9834-420e-8a15-598e5c457fa8.tmp</t>
  </si>
  <si>
    <t>\\acsfs\profiles$\KARENJSS\Downloads\cb2c1844-9834-420e-8a15-598e5c457fa8.tmp</t>
  </si>
  <si>
    <t>12/26/2019 17:59:03</t>
  </si>
  <si>
    <t>14c537d4-7fb5-4332-b001-f1232e1ed3a6.tmp</t>
  </si>
  <si>
    <t>\\acsfs\profiles$\KARENJSS\Downloads\14c537d4-7fb5-4332-b001-f1232e1ed3a6.tmp</t>
  </si>
  <si>
    <t>12/26/2019 18:02:54</t>
  </si>
  <si>
    <t>44dcc560-23bd-4bec-bba8-d896a0b3e16f.tmp</t>
  </si>
  <si>
    <t>\\acsfs\profiles$\victorgl\Downloads\44dcc560-23bd-4bec-bba8-d896a0b3e16f.tmp</t>
  </si>
  <si>
    <t>12/26/2019 18:01:56</t>
  </si>
  <si>
    <t>12/26/2019 18:03:53</t>
  </si>
  <si>
    <t>12/26/2019 17:58:54</t>
  </si>
  <si>
    <t>12/26/2019 18:00:29</t>
  </si>
  <si>
    <t>12/26/2019 18:05:53</t>
  </si>
  <si>
    <t>bd29cb0e-0ace-4b28-b111-267ff8387a34.tmp</t>
  </si>
  <si>
    <t>\\acsfs\profiles$\joycemmdl\Downloads\bd29cb0e-0ace-4b28-b111-267ff8387a34.tmp</t>
  </si>
  <si>
    <t>12/26/2019 18:02:34</t>
  </si>
  <si>
    <t>12/26/2019 18:06:53</t>
  </si>
  <si>
    <t>mail.google.com/sync/u/0/i/s?hl=pt-BR&amp;c=543</t>
  </si>
  <si>
    <t>12/26/2019 18:02:40</t>
  </si>
  <si>
    <t>mail.google.com/sync/u/0/i/s?hl=pt-BR&amp;c=551</t>
  </si>
  <si>
    <t>12/26/2019 18:02:45</t>
  </si>
  <si>
    <t>mail.google.com/sync/u/0/i/s?hl=pt-BR&amp;c=557</t>
  </si>
  <si>
    <t>12/26/2019 18:02:52</t>
  </si>
  <si>
    <t>mail.google.com/sync/u/0/i/s?hl=pt-BR&amp;c=562</t>
  </si>
  <si>
    <t>12/26/2019 18:03:05</t>
  </si>
  <si>
    <t>mail.google.com/sync/u/0/i/s?hl=pt-BR&amp;c=567</t>
  </si>
  <si>
    <t>12/26/2019 18:03:06</t>
  </si>
  <si>
    <t>12/26/2019 18:04:02</t>
  </si>
  <si>
    <t>12/26/2019 18:04:23</t>
  </si>
  <si>
    <t>12/26/2019 18:04:33</t>
  </si>
  <si>
    <t>mail.google.com/sync/u/0/i/s?hl=pt-BR&amp;c=596</t>
  </si>
  <si>
    <t>12/26/2019 18:04:51</t>
  </si>
  <si>
    <t>mail.google.com/sync/u/0/i/s?hl=pt-BR&amp;c=602</t>
  </si>
  <si>
    <t>12/26/2019 18:05:03</t>
  </si>
  <si>
    <t>mail.google.com/sync/u/0/i/s?hl=pt-BR&amp;c=605</t>
  </si>
  <si>
    <t>12/26/2019 18:05:08</t>
  </si>
  <si>
    <t>mail.google.com/sync/u/0/i/s?hl=pt-BR&amp;c=615</t>
  </si>
  <si>
    <t>12/26/2019 18:05:28</t>
  </si>
  <si>
    <t>mail.google.com/sync/u/0/i/s?hl=pt-BR&amp;c=626</t>
  </si>
  <si>
    <t>12/26/2019 18:05:31</t>
  </si>
  <si>
    <t>mail.google.com/sync/u/0/i/s?hl=pt-BR&amp;c=628</t>
  </si>
  <si>
    <t>12/26/2019 18:03:52</t>
  </si>
  <si>
    <t>12/26/2019 18:03:57</t>
  </si>
  <si>
    <t>12/26/2019 18:08:53</t>
  </si>
  <si>
    <t>12/26/2019 18:07:56</t>
  </si>
  <si>
    <t>12/26/2019 18:06:26</t>
  </si>
  <si>
    <t>12/26/2019 18:10:53</t>
  </si>
  <si>
    <t>12/26/2019 18:07:53</t>
  </si>
  <si>
    <t>12/26/2019 18:06:27</t>
  </si>
  <si>
    <t>12/26/2019 18:11:53</t>
  </si>
  <si>
    <t>mail.google.com/sync/u/0/i/s?hl=pt-BR&amp;c=631</t>
  </si>
  <si>
    <t>12/26/2019 18:06:32</t>
  </si>
  <si>
    <t>mail.google.com/sync/u/0/i/s?hl=pt-BR&amp;c=633</t>
  </si>
  <si>
    <t>12/26/2019 18:06:37</t>
  </si>
  <si>
    <t>12/26/2019 18:06:49</t>
  </si>
  <si>
    <t>12/26/2019 18:06:59</t>
  </si>
  <si>
    <t>12/26/2019 18:07:19</t>
  </si>
  <si>
    <t>12/26/2019 18:10:32</t>
  </si>
  <si>
    <t>12/26/2019 18:08:46</t>
  </si>
  <si>
    <t>12/26/2019 18:12:52</t>
  </si>
  <si>
    <t>12/26/2019 18:09:03</t>
  </si>
  <si>
    <t>12/26/2019 18:09:04</t>
  </si>
  <si>
    <t>12/26/2019 18:09:06</t>
  </si>
  <si>
    <t>12/26/2019 18:09:13</t>
  </si>
  <si>
    <t>12/26/2019 18:09:54</t>
  </si>
  <si>
    <t>12/26/2019 18:10:02</t>
  </si>
  <si>
    <t>12/26/2019 18:10:03</t>
  </si>
  <si>
    <t>12/26/2019 18:09:57</t>
  </si>
  <si>
    <t>12/26/2019 18:13:53</t>
  </si>
  <si>
    <t>12/26/2019 18:12:56</t>
  </si>
  <si>
    <t>12/26/2019 18:11:41</t>
  </si>
  <si>
    <t>9ebd63c7-06ea-4f81-b228-045e999ccd42.tmp</t>
  </si>
  <si>
    <t>\\acsfs\profiles$\JOAOVAL\Downloads\9ebd63c7-06ea-4f81-b228-045e999ccd42.tmp</t>
  </si>
  <si>
    <t>12/26/2019 18:11:49</t>
  </si>
  <si>
    <t>12/26/2019 18:15:53</t>
  </si>
  <si>
    <t>d3bca258-9396-4d4f-9ea3-12b7c8dd4d2a.tmp</t>
  </si>
  <si>
    <t>\\acsfs\profiles$\alinepp\Downloads\d3bca258-9396-4d4f-9ea3-12b7c8dd4d2a.tmp</t>
  </si>
  <si>
    <t>12/26/2019 18:13:45</t>
  </si>
  <si>
    <t>12/26/2019 18:16:53</t>
  </si>
  <si>
    <t>12/26/2019 18:14:44</t>
  </si>
  <si>
    <t>12/26/2019 18:15:07</t>
  </si>
  <si>
    <t>12/26/2019 18:15:23</t>
  </si>
  <si>
    <t>12/26/2019 18:15:58</t>
  </si>
  <si>
    <t>12/26/2019 18:16:26</t>
  </si>
  <si>
    <t>8635ee11-5380-4e0a-883e-dc197bebc792.tmp</t>
  </si>
  <si>
    <t>\\acsfs\profiles$\leandromsa\Downloads\8635ee11-5380-4e0a-883e-dc197bebc792.tmp</t>
  </si>
  <si>
    <t>12/26/2019 18:13:19</t>
  </si>
  <si>
    <t>12/26/2019 18:17:52</t>
  </si>
  <si>
    <t>12/26/2019 18:15:33</t>
  </si>
  <si>
    <t>12/26/2019 18:18:53</t>
  </si>
  <si>
    <t>12/26/2019 18:15:56</t>
  </si>
  <si>
    <t>12/26/2019 18:13:28</t>
  </si>
  <si>
    <t>12/26/2019 18:19:36</t>
  </si>
  <si>
    <t>12/26/2019 18:20:53</t>
  </si>
  <si>
    <t>12/26/2019 18:18:24</t>
  </si>
  <si>
    <t>12/26/2019 18:18:10</t>
  </si>
  <si>
    <t>12/26/2019 18:20:37</t>
  </si>
  <si>
    <t>12/26/2019 18:21:53</t>
  </si>
  <si>
    <t>d21be84c-7b2e-46a4-bae3-6c089acb0399.tmp</t>
  </si>
  <si>
    <t>\\acsfs\profiles$\myllenardl\Downloads\d21be84c-7b2e-46a4-bae3-6c089acb0399.tmp</t>
  </si>
  <si>
    <t>12/26/2019 18:20:26</t>
  </si>
  <si>
    <t>9d562ac8-c244-4aad-8b51-07e5b950111b.tmp</t>
  </si>
  <si>
    <t>\\acsfs\profiles$\edicarlosdl\Downloads\9d562ac8-c244-4aad-8b51-07e5b950111b.tmp</t>
  </si>
  <si>
    <t>12/26/2019 18:19:55</t>
  </si>
  <si>
    <t>12/26/2019 18:23:53</t>
  </si>
  <si>
    <t>\\acsfs\DEPTOS\Operacao\Banco_Votorantim\Supervisao\CAMILLA LIMA RODRIGUES\</t>
  </si>
  <si>
    <t>\\acsfs\DEPTOS\Operacao\Banco_Votorantim\Supervisao\CAMILLA LIMA RODRIGUES\COACHING - DEZEMBRO.xlsx</t>
  </si>
  <si>
    <t>12/26/2019 18:21:57</t>
  </si>
  <si>
    <t>12/26/2019 18:23:02</t>
  </si>
  <si>
    <t>12/26/2019 18:25:53</t>
  </si>
  <si>
    <t>11d05356-5acb-4036-84e1-1cbae3791595.tmp</t>
  </si>
  <si>
    <t>\\acsfs\profiles$\joycemmdl\Downloads\11d05356-5acb-4036-84e1-1cbae3791595.tmp</t>
  </si>
  <si>
    <t>12/26/2019 18:21:50</t>
  </si>
  <si>
    <t>62d0d546-8d63-4a17-8960-dc5b0034d525.tmp</t>
  </si>
  <si>
    <t>\\acsfs\profiles$\gabriellalpr\Downloads\62d0d546-8d63-4a17-8960-dc5b0034d525.tmp</t>
  </si>
  <si>
    <t>12/26/2019 18:23:21</t>
  </si>
  <si>
    <t>12/26/2019 18:26:53</t>
  </si>
  <si>
    <t>0880abbe-a375-4551-a427-ed0bb4fc680c.tmp</t>
  </si>
  <si>
    <t>\\acsfs\profiles$\erichds\Downloads\0880abbe-a375-4551-a427-ed0bb4fc680c.tmp</t>
  </si>
  <si>
    <t>12/26/2019 18:23:00</t>
  </si>
  <si>
    <t>69949c6d-89a5-40bc-88ef-da96a144e613.tmp</t>
  </si>
  <si>
    <t>\\acsfs\profiles$\laurandos\Downloads\69949c6d-89a5-40bc-88ef-da96a144e613.tmp</t>
  </si>
  <si>
    <t>12/26/2019 18:22:05</t>
  </si>
  <si>
    <t>12/26/2019 18:22:20</t>
  </si>
  <si>
    <t>12/26/2019 18:22:49</t>
  </si>
  <si>
    <t>12/26/2019 18:25:43</t>
  </si>
  <si>
    <t>12/26/2019 18:25:45</t>
  </si>
  <si>
    <t>12/26/2019 18:25:48</t>
  </si>
  <si>
    <t>12/26/2019 18:26:08</t>
  </si>
  <si>
    <t>12/26/2019 18:26:11</t>
  </si>
  <si>
    <t>12/26/2019 18:26:30</t>
  </si>
  <si>
    <t>12/26/2019 18:26:25</t>
  </si>
  <si>
    <t>12/26/2019 18:28:53</t>
  </si>
  <si>
    <t>f6438ec2-473a-4377-9160-f4e4f126fbcb.tmp</t>
  </si>
  <si>
    <t>\\acsfs\profiles$\rosileiam\Downloads\f6438ec2-473a-4377-9160-f4e4f126fbcb.tmp</t>
  </si>
  <si>
    <t>12/26/2019 18:28:17</t>
  </si>
  <si>
    <t>12/26/2019 18:25:57</t>
  </si>
  <si>
    <t>12/26/2019 18:27:57</t>
  </si>
  <si>
    <t>12/26/2019 18:30:13</t>
  </si>
  <si>
    <t>12/26/2019 18:30:53</t>
  </si>
  <si>
    <t>51856b87-ad15-42df-b000-80d2dd808550.tmp</t>
  </si>
  <si>
    <t>\\acsfs\profiles$\andreapdsg\Downloads\51856b87-ad15-42df-b000-80d2dd808550.tmp</t>
  </si>
  <si>
    <t>12/26/2019 18:26:34</t>
  </si>
  <si>
    <t>12/26/2019 18:31:53</t>
  </si>
  <si>
    <t>12/26/2019 18:26:38</t>
  </si>
  <si>
    <t>12/26/2019 18:26:57</t>
  </si>
  <si>
    <t>12/26/2019 18:27:00</t>
  </si>
  <si>
    <t>12/26/2019 18:27:15</t>
  </si>
  <si>
    <t>12/26/2019 18:27:18</t>
  </si>
  <si>
    <t>12/26/2019 18:27:30</t>
  </si>
  <si>
    <t>12/26/2019 18:27:37</t>
  </si>
  <si>
    <t>12/26/2019 18:27:39</t>
  </si>
  <si>
    <t>12/26/2019 18:27:46</t>
  </si>
  <si>
    <t>12/26/2019 18:29:49</t>
  </si>
  <si>
    <t>12/26/2019 18:33:53</t>
  </si>
  <si>
    <t>12/26/2019 18:30:20</t>
  </si>
  <si>
    <t>12/26/2019 18:31:57</t>
  </si>
  <si>
    <t>12/26/2019 18:32:28</t>
  </si>
  <si>
    <t>12/26/2019 18:34:36</t>
  </si>
  <si>
    <t>12/26/2019 18:35:53</t>
  </si>
  <si>
    <t>9c6ba88c-809c-4c58-a7a8-e8a1abcaec19.tmp</t>
  </si>
  <si>
    <t>\\acsfs\profiles$\fabianobmf\Downloads\9c6ba88c-809c-4c58-a7a8-e8a1abcaec19.tmp</t>
  </si>
  <si>
    <t>12/26/2019 18:36:10</t>
  </si>
  <si>
    <t>12/26/2019 18:37:53</t>
  </si>
  <si>
    <t>12/26/2019 18:34:31</t>
  </si>
  <si>
    <t>12/26/2019 18:38:53</t>
  </si>
  <si>
    <t>12/26/2019 18:33:57</t>
  </si>
  <si>
    <t>12/26/2019 18:37:57</t>
  </si>
  <si>
    <t>12/26/2019 18:37:46</t>
  </si>
  <si>
    <t>12/26/2019 18:39:02</t>
  </si>
  <si>
    <t>12/26/2019 18:36:55</t>
  </si>
  <si>
    <t>12/26/2019 18:42:53</t>
  </si>
  <si>
    <t>REPORT ACOMPANHAMENTO - BV - DEZEMBRO.xlsb</t>
  </si>
  <si>
    <t>\\acsfs\DEPTOS\Operacao\PCP\5 - Comum\PLANEJAMENTO BV\14 - ACOMPANHAMENTO\1 - REPORT ACOMPANHAMENTO\2019\12 - Dezembro\FINANCEIRA\REPORT ACOMPANHAMENTO - BV - DEZEMBRO.xlsb</t>
  </si>
  <si>
    <t>12/26/2019 18:38:04</t>
  </si>
  <si>
    <t>12/26/2019 18:43:53</t>
  </si>
  <si>
    <t>12/26/2019 18:38:23</t>
  </si>
  <si>
    <t>12/26/2019 18:38:33</t>
  </si>
  <si>
    <t>12/26/2019 18:38:36</t>
  </si>
  <si>
    <t>12/26/2019 18:38:45</t>
  </si>
  <si>
    <t>12/26/2019 18:39:57</t>
  </si>
  <si>
    <t>12/26/2019 18:41:46</t>
  </si>
  <si>
    <t>12/26/2019 18:45:53</t>
  </si>
  <si>
    <t>6ac5c375-4ded-4d50-8c8e-e4898531bb3f.tmp</t>
  </si>
  <si>
    <t>\\acsfs\profiles$\joycemmdl\Downloads\6ac5c375-4ded-4d50-8c8e-e4898531bb3f.tmp</t>
  </si>
  <si>
    <t>12/26/2019 18:42:40</t>
  </si>
  <si>
    <t>12/26/2019 18:46:52</t>
  </si>
  <si>
    <t>12/26/2019 18:42:23</t>
  </si>
  <si>
    <t>12/26/2019 18:47:53</t>
  </si>
  <si>
    <t>12/26/2019 18:44:27</t>
  </si>
  <si>
    <t>12/26/2019 18:48:07</t>
  </si>
  <si>
    <t>12/26/2019 18:48:52</t>
  </si>
  <si>
    <t>51be74af-30c4-46dc-9734-3f3db00962b7.tmp</t>
  </si>
  <si>
    <t>\\acsfs\profiles$\taylaedoa\Downloads\51be74af-30c4-46dc-9734-3f3db00962b7.tmp</t>
  </si>
  <si>
    <t>12/26/2019 18:43:33</t>
  </si>
  <si>
    <t>12/26/2019 18:43:57</t>
  </si>
  <si>
    <t>12/26/2019 18:45:57</t>
  </si>
  <si>
    <t>12/26/2019 18:47:08</t>
  </si>
  <si>
    <t>LINKS.txt</t>
  </si>
  <si>
    <t>\\acsfs\DEPTOS\Operacao\Banco_Votorantim\Supervisao\CAMILLA LIMA RODRIGUES\LINKS.txt</t>
  </si>
  <si>
    <t>12/26/2019 18:46:23</t>
  </si>
  <si>
    <t>d9e32260-f6fb-4768-8efa-3bb74f724a8b.tmp</t>
  </si>
  <si>
    <t>\\acsfs\profiles$\mariajaf\Downloads\d9e32260-f6fb-4768-8efa-3bb74f724a8b.tmp</t>
  </si>
  <si>
    <t>12/26/2019 18:47:03</t>
  </si>
  <si>
    <t>12/26/2019 18:51:53</t>
  </si>
  <si>
    <t>lu8452tp8l.tmp</t>
  </si>
  <si>
    <t>\\acsfs\profiles$\edicarlosdl\My Documents\lu8452tp8l.tmp</t>
  </si>
  <si>
    <t>\\acsfs\profiles$\edicarlosdl\My Documents\lu8452tp8l.tmp\</t>
  </si>
  <si>
    <t>\\acsfs\profiles$\edicarlosdl\My Documents\lu8452tp8l.tmp\META-INF\</t>
  </si>
  <si>
    <t>\\acsfs\profiles$\edicarlosdl\My Documents\lu8452tp8l.tmp\Thumbnails\</t>
  </si>
  <si>
    <t>12/26/2019 18:47:20</t>
  </si>
  <si>
    <t>12/26/2019 18:49:44</t>
  </si>
  <si>
    <t>12/26/2019 18:52:53</t>
  </si>
  <si>
    <t>1bade75c-9ef4-4613-b085-8ebead16d237.tmp</t>
  </si>
  <si>
    <t>\\acsfs\profiles$\fabianafv\Downloads\1bade75c-9ef4-4613-b085-8ebead16d237.tmp</t>
  </si>
  <si>
    <t>12/26/2019 18:49:57</t>
  </si>
  <si>
    <t>12/26/2019 18:53:53</t>
  </si>
  <si>
    <t>12/26/2019 18:51:57</t>
  </si>
  <si>
    <t>12/26/2019 18:51:34</t>
  </si>
  <si>
    <t>d942b247-9a76-4ed8-9002-63396036d448.tmp</t>
  </si>
  <si>
    <t>\\acsfs\profiles$\mariajaf\Downloads\d942b247-9a76-4ed8-9002-63396036d448.tmp</t>
  </si>
  <si>
    <t>12/26/2019 18:52:09</t>
  </si>
  <si>
    <t>fc06fb0a-e5dd-410d-8f85-25a6d153db82.tmp</t>
  </si>
  <si>
    <t>\\acsfs\profiles$\mariajaf\Downloads\fc06fb0a-e5dd-410d-8f85-25a6d153db82.tmp</t>
  </si>
  <si>
    <t>12/26/2019 18:53:45</t>
  </si>
  <si>
    <t>12/26/2019 18:55:53</t>
  </si>
  <si>
    <t>e82b7c4a-6a59-41be-b372-99f852209350.tmp</t>
  </si>
  <si>
    <t>\\acsfs\profiles$\joycemmdl\Downloads\e82b7c4a-6a59-41be-b372-99f852209350.tmp</t>
  </si>
  <si>
    <t>12/26/2019 18:54:54</t>
  </si>
  <si>
    <t>12/26/2019 18:55:38</t>
  </si>
  <si>
    <t>10.200.66.71</t>
  </si>
  <si>
    <t>D0-94-66-B5-5C-AF</t>
  </si>
  <si>
    <t>VOTORANT-ACB017</t>
  </si>
  <si>
    <t>12/26/2019 18:52:45</t>
  </si>
  <si>
    <t>af0a6fc3-3e0d-4a48-b345-5dad2397fec9.tmp</t>
  </si>
  <si>
    <t>\\acsfs\profiles$\andreapdsg\Downloads\af0a6fc3-3e0d-4a48-b345-5dad2397fec9.tmp</t>
  </si>
  <si>
    <t>12/26/2019 18:56:24</t>
  </si>
  <si>
    <t>12/26/2019 18:56:53</t>
  </si>
  <si>
    <t>12/26/2019 18:53:15</t>
  </si>
  <si>
    <t>12/26/2019 18:57:54</t>
  </si>
  <si>
    <t>b0a72e61-feeb-4848-8ac5-03e8650e789a.tmp</t>
  </si>
  <si>
    <t>\\acsfs\profiles$\fabianafv\Downloads\b0a72e61-feeb-4848-8ac5-03e8650e789a.tmp</t>
  </si>
  <si>
    <t>12/26/2019 18:53:38</t>
  </si>
  <si>
    <t>12/26/2019 18:58:53</t>
  </si>
  <si>
    <t>d1d6f7e0-bdeb-42b1-87e0-eb8fc10c9871.tmp</t>
  </si>
  <si>
    <t>\\acsfs\profiles$\cintiadjl\Downloads\d1d6f7e0-bdeb-42b1-87e0-eb8fc10c9871.tmp</t>
  </si>
  <si>
    <t>12/26/2019 18:55:57</t>
  </si>
  <si>
    <t>12/26/2019 18:57:57</t>
  </si>
  <si>
    <t>12/26/2019 19:00:15</t>
  </si>
  <si>
    <t>12/26/2019 19:00:53</t>
  </si>
  <si>
    <t>12/26/2019 18:56:22</t>
  </si>
  <si>
    <t>12/26/2019 18:56:23</t>
  </si>
  <si>
    <t>12/26/2019 18:56:25</t>
  </si>
  <si>
    <t>12/26/2019 19:01:53</t>
  </si>
  <si>
    <t>12/26/2019 18:56:26</t>
  </si>
  <si>
    <t>12/26/2019 18:56:27</t>
  </si>
  <si>
    <t>12/26/2019 18:57:05</t>
  </si>
  <si>
    <t>12/26/2019 18:57:06</t>
  </si>
  <si>
    <t>12/26/2019 18:57:09</t>
  </si>
  <si>
    <t>12/26/2019 18:58:54</t>
  </si>
  <si>
    <t>12/26/2019 19:00:44</t>
  </si>
  <si>
    <t>12/26/2019 18:58:15</t>
  </si>
  <si>
    <t>12/26/2019 19:01:57</t>
  </si>
  <si>
    <t>12/26/2019 19:03:53</t>
  </si>
  <si>
    <t>12/26/2019 19:03:08</t>
  </si>
  <si>
    <t>12/26/2019 19:05:53</t>
  </si>
  <si>
    <t>12/26/2019 19:02:26</t>
  </si>
  <si>
    <t>12/26/2019 19:04:47</t>
  </si>
  <si>
    <t>12/26/2019 19:04:33</t>
  </si>
  <si>
    <t>12/26/2019 19:06:54</t>
  </si>
  <si>
    <t>474c1a2c-8428-49b6-a706-e62e1b80dc3b.tmp</t>
  </si>
  <si>
    <t>\\acsfs\profiles$\andreapdsg\Downloads\474c1a2c-8428-49b6-a706-e62e1b80dc3b.tmp</t>
  </si>
  <si>
    <t>12/26/2019 19:04:49</t>
  </si>
  <si>
    <t>efd72edb-62c9-404f-a969-f953f9c39c9a.tmp</t>
  </si>
  <si>
    <t>\\acsfs\profiles$\andreapdsg\Downloads\efd72edb-62c9-404f-a969-f953f9c39c9a.tmp</t>
  </si>
  <si>
    <t>12/26/2019 19:01:04</t>
  </si>
  <si>
    <t>12/26/2019 19:01:36</t>
  </si>
  <si>
    <t>12/26/2019 19:02:36</t>
  </si>
  <si>
    <t>12/26/2019 19:03:25</t>
  </si>
  <si>
    <t>12/26/2019 19:03:40</t>
  </si>
  <si>
    <t>12/26/2019 19:03:45</t>
  </si>
  <si>
    <t>12/26/2019 19:04:18</t>
  </si>
  <si>
    <t>12/26/2019 19:04:21</t>
  </si>
  <si>
    <t>12/26/2019 19:04:22</t>
  </si>
  <si>
    <t>bvcartes-supervisores@algarnet.onmicrosoft.com;joaogvc@algartech.com;josiascdsj@algartech.com;leonardoao@algartech.com;marianadjc@algartech.com;taysdss@algartech.com;thiagordu@algartech.com;viniciussg@algartech.com;</t>
  </si>
  <si>
    <t>bvcartes-supervisores@algarnet.onmicrosoft.com,joaogvc@algartech.com,josiascdsj@algartech.com,leonardoao@algartech.com,marianadjc@algartech.com,taysdss@algartech.com,thiagordu@algartech.com,viniciussg@algartech.com</t>
  </si>
  <si>
    <t>12/26/2019 19:05:17</t>
  </si>
  <si>
    <t>12/26/2019 19:03:57</t>
  </si>
  <si>
    <t>12/26/2019 19:08:54</t>
  </si>
  <si>
    <t>12/26/2019 19:07:57</t>
  </si>
  <si>
    <t>12/26/2019 19:04:23</t>
  </si>
  <si>
    <t>12/26/2019 19:05:42</t>
  </si>
  <si>
    <t>10.200.67.60</t>
  </si>
  <si>
    <t>78-2B-CB-C1-06-90</t>
  </si>
  <si>
    <t>VOTORANT-MB009</t>
  </si>
  <si>
    <t>59d9f4b6-8444-4582-a4c8-5f49516a9851.tmp</t>
  </si>
  <si>
    <t>\\acsfs\profiles$\victorgl\Downloads\59d9f4b6-8444-4582-a4c8-5f49516a9851.tmp</t>
  </si>
  <si>
    <t>12/26/2019 19:07:30</t>
  </si>
  <si>
    <t>84b3b4f8-468f-45ec-a246-73d9ffb094b4.tmp</t>
  </si>
  <si>
    <t>\\acsfs\profiles$\victorgl\Downloads\84b3b4f8-468f-45ec-a246-73d9ffb094b4.tmp</t>
  </si>
  <si>
    <t>12/26/2019 19:06:27</t>
  </si>
  <si>
    <t>12/26/2019 19:09:53</t>
  </si>
  <si>
    <t>12/26/2019 19:06:24</t>
  </si>
  <si>
    <t>12/26/2019 19:10:53</t>
  </si>
  <si>
    <t>401fb0d4-55f1-47aa-8e9c-918e14996e4b.tmp</t>
  </si>
  <si>
    <t>\\acsfs\profiles$\gabrielamdp\Downloads\401fb0d4-55f1-47aa-8e9c-918e14996e4b.tmp</t>
  </si>
  <si>
    <t>12/26/2019 19:07:23</t>
  </si>
  <si>
    <t>12/26/2019 19:11:53</t>
  </si>
  <si>
    <t>12/26/2019 19:07:27</t>
  </si>
  <si>
    <t>12/26/2019 19:07:36</t>
  </si>
  <si>
    <t>12/26/2019 19:08:36</t>
  </si>
  <si>
    <t>12/26/2019 19:09:41</t>
  </si>
  <si>
    <t>12/26/2019 19:08:42</t>
  </si>
  <si>
    <t>12/26/2019 19:09:49</t>
  </si>
  <si>
    <t>12/26/2019 19:12:53</t>
  </si>
  <si>
    <t>12/26/2019 19:10:02</t>
  </si>
  <si>
    <t>12/26/2019 19:11:25</t>
  </si>
  <si>
    <t>12/26/2019 19:13:53</t>
  </si>
  <si>
    <t>12/26/2019 19:11:59</t>
  </si>
  <si>
    <t>12/26/2019 19:09:57</t>
  </si>
  <si>
    <t>12/26/2019 19:09:11</t>
  </si>
  <si>
    <t>b9b6d602-ca48-4b8e-b0e4-dfc174903254;</t>
  </si>
  <si>
    <t>https://lurker.olx.com.br/track</t>
  </si>
  <si>
    <t>https://lurker.olx.com.br/track?defaultevent=true</t>
  </si>
  <si>
    <t>12/26/2019 19:09:12</t>
  </si>
  <si>
    <t>12/26/2019 19:09:14</t>
  </si>
  <si>
    <t>12/26/2019 19:09:15</t>
  </si>
  <si>
    <t>12/26/2019 19:09:22</t>
  </si>
  <si>
    <t>12/26/2019 19:09:25</t>
  </si>
  <si>
    <t>12/26/2019 19:09:26</t>
  </si>
  <si>
    <t>12/26/2019 19:09:27</t>
  </si>
  <si>
    <t>12/26/2019 19:09:37</t>
  </si>
  <si>
    <t>12/26/2019 19:09:54</t>
  </si>
  <si>
    <t>12/26/2019 19:09:55</t>
  </si>
  <si>
    <t>12/26/2019 19:10:00</t>
  </si>
  <si>
    <t>12/26/2019 19:10:07</t>
  </si>
  <si>
    <t>12/26/2019 19:10:29</t>
  </si>
  <si>
    <t>12/26/2019 19:14:53</t>
  </si>
  <si>
    <t>12/26/2019 19:12:55</t>
  </si>
  <si>
    <t>12/26/2019 19:15:52</t>
  </si>
  <si>
    <t>12/26/2019 19:11:38</t>
  </si>
  <si>
    <t>12/26/2019 19:16:53</t>
  </si>
  <si>
    <t>https://bvcartes-supervisores@algarnet.onmicrosoft.com,joaogvc@algartech.com,josiascdsj@algartech.com,leonardoao@algartech.com,marianadjc@algartech.com,rafaelggs@algartech.com,taysdss@algartech.com,thiagordu@algartech.com,viniciussg@algartech.com</t>
  </si>
  <si>
    <t>12/26/2019 19:11:45</t>
  </si>
  <si>
    <t>12/26/2019 19:13:36</t>
  </si>
  <si>
    <t>12/26/2019 19:14:36</t>
  </si>
  <si>
    <t>12/26/2019 19:14:41</t>
  </si>
  <si>
    <t>12/26/2019 19:17:53</t>
  </si>
  <si>
    <t>0135c2f1-3e92-4a64-aba7-7f2011b8b0cc.tmp</t>
  </si>
  <si>
    <t>\\acsfs\profiles$\layonmof\Downloads\0135c2f1-3e92-4a64-aba7-7f2011b8b0cc.tmp</t>
  </si>
  <si>
    <t>12/26/2019 19:13:30</t>
  </si>
  <si>
    <t>12/26/2019 19:18:53</t>
  </si>
  <si>
    <t>12/26/2019 19:17:44</t>
  </si>
  <si>
    <t>12/26/2019 19:13:57</t>
  </si>
  <si>
    <t>12/26/2019 19:15:57</t>
  </si>
  <si>
    <t>12/26/2019 19:15:48</t>
  </si>
  <si>
    <t>c2f7b7e2-48b9-48c6-a046-7138064e469b.tmp</t>
  </si>
  <si>
    <t>\\acsfs\profiles$\victorgl\Downloads\c2f7b7e2-48b9-48c6-a046-7138064e469b.tmp</t>
  </si>
  <si>
    <t>12/26/2019 19:16:45</t>
  </si>
  <si>
    <t>40611788-0a0f-43c5-91c0-04d60aa9e245.tmp</t>
  </si>
  <si>
    <t>\\acsfs\profiles$\victorgl\Downloads\40611788-0a0f-43c5-91c0-04d60aa9e245.tmp</t>
  </si>
  <si>
    <t>12/26/2019 19:19:36</t>
  </si>
  <si>
    <t>12/26/2019 19:21:53</t>
  </si>
  <si>
    <t>12/26/2019 19:20:36</t>
  </si>
  <si>
    <t>12/26/2019 19:16:30</t>
  </si>
  <si>
    <t>12/26/2019 19:19:20</t>
  </si>
  <si>
    <t>12/26/2019 19:22:53</t>
  </si>
  <si>
    <t>c22cd49e-695e-4f0d-a815-b8fcc440fe8e.tmp</t>
  </si>
  <si>
    <t>\\acsfs\profiles$\fabianafv\Downloads\c22cd49e-695e-4f0d-a815-b8fcc440fe8e.tmp</t>
  </si>
  <si>
    <t>12/26/2019 19:18:58</t>
  </si>
  <si>
    <t>12/26/2019 19:23:53</t>
  </si>
  <si>
    <t>12/26/2019 19:19:21</t>
  </si>
  <si>
    <t>12/26/2019 19:21:03</t>
  </si>
  <si>
    <t>12/26/2019 19:19:57</t>
  </si>
  <si>
    <t>12/26/2019 19:21:57</t>
  </si>
  <si>
    <t>12/26/2019 19:22:42</t>
  </si>
  <si>
    <t>d09d2c7e-453d-4e36-b9c2-70c1a8029de4.tmp</t>
  </si>
  <si>
    <t>\\acsfs\profiles$\victorgl\Downloads\d09d2c7e-453d-4e36-b9c2-70c1a8029de4.tmp</t>
  </si>
  <si>
    <t>12/26/2019 19:25:36</t>
  </si>
  <si>
    <t>12/26/2019 19:26:53</t>
  </si>
  <si>
    <t>12/26/2019 19:23:34</t>
  </si>
  <si>
    <t>12/26/2019 19:27:53</t>
  </si>
  <si>
    <t>12/26/2019 19:25:57</t>
  </si>
  <si>
    <t>12/26/2019 19:28:53</t>
  </si>
  <si>
    <t>12/26/2019 19:27:57</t>
  </si>
  <si>
    <t>12/26/2019 19:25:51</t>
  </si>
  <si>
    <t>12/26/2019 19:30:53</t>
  </si>
  <si>
    <t>12/26/2019 19:26:36</t>
  </si>
  <si>
    <t>12/26/2019 19:31:53</t>
  </si>
  <si>
    <t>12/26/2019 19:29:41</t>
  </si>
  <si>
    <t>12/26/2019 19:33:53</t>
  </si>
  <si>
    <t>12/26/2019 19:31:57</t>
  </si>
  <si>
    <t>12/26/2019 19:33:17</t>
  </si>
  <si>
    <t>12/26/2019 19:34:53</t>
  </si>
  <si>
    <t>12/26/2019 19:31:36</t>
  </si>
  <si>
    <t>12/26/2019 19:36:53</t>
  </si>
  <si>
    <t>12/26/2019 19:32:36</t>
  </si>
  <si>
    <t>12/26/2019 19:35:41</t>
  </si>
  <si>
    <t>12/26/2019 19:38:53</t>
  </si>
  <si>
    <t>7ee47db9-14dd-4237-8c7c-af3a0d06e62c.tmp</t>
  </si>
  <si>
    <t>\\acsfs\profiles$\rosileiam\Downloads\7ee47db9-14dd-4237-8c7c-af3a0d06e62c.tmp</t>
  </si>
  <si>
    <t>12/26/2019 19:33:58</t>
  </si>
  <si>
    <t>12/26/2019 19:37:57</t>
  </si>
  <si>
    <t>12/26/2019 19:34:07</t>
  </si>
  <si>
    <t>533cdb6b-a6e8-44cb-9395-b131be5bc651.tmp</t>
  </si>
  <si>
    <t>\\acsfs\profiles$\victorgl\Downloads\533cdb6b-a6e8-44cb-9395-b131be5bc651.tmp</t>
  </si>
  <si>
    <t>12/26/2019 19:37:36</t>
  </si>
  <si>
    <t>12/26/2019 19:41:53</t>
  </si>
  <si>
    <t>12/26/2019 19:38:36</t>
  </si>
  <si>
    <t>12/26/2019 19:39:57</t>
  </si>
  <si>
    <t>12/26/2019 19:43:52</t>
  </si>
  <si>
    <t>12/26/2019 19:43:13</t>
  </si>
  <si>
    <t>12/26/2019 19:45:53</t>
  </si>
  <si>
    <t>12/26/2019 19:44:39</t>
  </si>
  <si>
    <t>12/26/2019 19:43:36</t>
  </si>
  <si>
    <t>12/26/2019 19:46:52</t>
  </si>
  <si>
    <t>12/26/2019 19:44:36</t>
  </si>
  <si>
    <t>12/26/2019 19:41:17</t>
  </si>
  <si>
    <t>12/26/2019 19:46:21</t>
  </si>
  <si>
    <t>2e080248-3f56-40a4-82ad-f481462ed76e.tmp</t>
  </si>
  <si>
    <t>\\acsfs\profiles$\leandromsa\Downloads\2e080248-3f56-40a4-82ad-f481462ed76e.tmp</t>
  </si>
  <si>
    <t>12/26/2019 19:43:57</t>
  </si>
  <si>
    <t>12/26/2019 19:48:53</t>
  </si>
  <si>
    <t>12/26/2019 19:45:57</t>
  </si>
  <si>
    <t>12/26/2019 19:49:36</t>
  </si>
  <si>
    <t>12/26/2019 19:51:52</t>
  </si>
  <si>
    <t>12/26/2019 19:50:36</t>
  </si>
  <si>
    <t>12/26/2019 19:49:00</t>
  </si>
  <si>
    <t>fd6b6ae6-6376-4e7f-a937-f06c6dae3c5d.tmp</t>
  </si>
  <si>
    <t>\\acsfs\profiles$\henriqueco\Downloads\fd6b6ae6-6376-4e7f-a937-f06c6dae3c5d.tmp</t>
  </si>
  <si>
    <t>12/26/2019 19:50:06</t>
  </si>
  <si>
    <t>759f9849-ad36-4205-be19-d14940806de8.tmp</t>
  </si>
  <si>
    <t>\\acsfs\profiles$\henriqueco\Downloads\759f9849-ad36-4205-be19-d14940806de8.tmp</t>
  </si>
  <si>
    <t>12/26/2019 19:51:10</t>
  </si>
  <si>
    <t>db7c51ba-fe46-4725-a94e-340e961a9c28.tmp</t>
  </si>
  <si>
    <t>\\acsfs\profiles$\wenderbnm\Downloads\db7c51ba-fe46-4725-a94e-340e961a9c28.tmp</t>
  </si>
  <si>
    <t>12/26/2019 19:50:23</t>
  </si>
  <si>
    <t>12/26/2019 19:53:53</t>
  </si>
  <si>
    <t>7234f1b9-96b6-440e-987d-d17f667fb962.tmp</t>
  </si>
  <si>
    <t>\\acsfs\profiles$\vivianibfs\Downloads\7234f1b9-96b6-440e-987d-d17f667fb962.tmp</t>
  </si>
  <si>
    <t>12/26/2019 19:49:57</t>
  </si>
  <si>
    <t>12/26/2019 19:51:57</t>
  </si>
  <si>
    <t>12/26/2019 19:49:25</t>
  </si>
  <si>
    <t>0ef786d1-24e0-457e-8ce4-7d0a8375983b.tmp</t>
  </si>
  <si>
    <t>\\acsfs\profiles$\victorgl\Downloads\0ef786d1-24e0-457e-8ce4-7d0a8375983b.tmp</t>
  </si>
  <si>
    <t>12/26/2019 19:54:12</t>
  </si>
  <si>
    <t>12/26/2019 19:55:53</t>
  </si>
  <si>
    <t>b47d89b2-3472-4bab-88da-a4e1778ec5a2.tmp</t>
  </si>
  <si>
    <t>\\acsfs\profiles$\alinepp\Downloads\b47d89b2-3472-4bab-88da-a4e1778ec5a2.tmp</t>
  </si>
  <si>
    <t>12/26/2019 19:55:36</t>
  </si>
  <si>
    <t>12/26/2019 19:56:53</t>
  </si>
  <si>
    <t>12/26/2019 19:55:14</t>
  </si>
  <si>
    <t>12/26/2019 19:57:53</t>
  </si>
  <si>
    <t>12/26/2019 19:53:32</t>
  </si>
  <si>
    <t>12/26/2019 19:53:57</t>
  </si>
  <si>
    <t>865454bc-38c9-47ec-8c9b-47c2445576fb.tmp</t>
  </si>
  <si>
    <t>\\acsfs\profiles$\anafaes\Downloads\865454bc-38c9-47ec-8c9b-47c2445576fb.tmp</t>
  </si>
  <si>
    <t>12/26/2019 19:54:57</t>
  </si>
  <si>
    <t>12/26/2019 19:55:57</t>
  </si>
  <si>
    <t>12/26/2019 19:58:53</t>
  </si>
  <si>
    <t>12/26/2019 19:57:58</t>
  </si>
  <si>
    <t>12/26/2019 19:56:36</t>
  </si>
  <si>
    <t>12/26/2019 20:01:53</t>
  </si>
  <si>
    <t>12/26/2019 20:02:15</t>
  </si>
  <si>
    <t>12/26/2019 20:03:53</t>
  </si>
  <si>
    <t>12/26/2019 20:02:47</t>
  </si>
  <si>
    <t>12/26/2019 20:03:18</t>
  </si>
  <si>
    <t>12/26/2019 20:01:57</t>
  </si>
  <si>
    <t>12/26/2019 20:00:24</t>
  </si>
  <si>
    <t>12/26/2019 20:01:52</t>
  </si>
  <si>
    <t>d9a9ec27-f0e0-4d79-93e2-03a3d8cd0c74.tmp</t>
  </si>
  <si>
    <t>\\acsfs\profiles$\victorgl\Downloads\d9a9ec27-f0e0-4d79-93e2-03a3d8cd0c74.tmp</t>
  </si>
  <si>
    <t>87d95b95-15fb-49dc-938c-8502834f43e9.tmp</t>
  </si>
  <si>
    <t>\\acsfs\profiles$\victorgl\Downloads\87d95b95-15fb-49dc-938c-8502834f43e9.tmp</t>
  </si>
  <si>
    <t>12/26/2019 19:59:14</t>
  </si>
  <si>
    <t>12/26/2019 20:04:53</t>
  </si>
  <si>
    <t>12/26/2019 20:00:55</t>
  </si>
  <si>
    <t>12/26/2019 20:05:53</t>
  </si>
  <si>
    <t>f7080bbc-c674-413d-9dc2-9063de9abc8d.tmp</t>
  </si>
  <si>
    <t>\\acsfs\profiles$\alinepp\Downloads\f7080bbc-c674-413d-9dc2-9063de9abc8d.tmp</t>
  </si>
  <si>
    <t>12/26/2019 20:01:36</t>
  </si>
  <si>
    <t>12/26/2019 20:06:52</t>
  </si>
  <si>
    <t>12/26/2019 20:02:25</t>
  </si>
  <si>
    <t>12/26/2019 20:02:32</t>
  </si>
  <si>
    <t>12/26/2019 20:02:36</t>
  </si>
  <si>
    <t>12/26/2019 20:03:25</t>
  </si>
  <si>
    <t>12/26/2019 20:03:29</t>
  </si>
  <si>
    <t>12/26/2019 20:03:42</t>
  </si>
  <si>
    <t>12/26/2019 20:03:47</t>
  </si>
  <si>
    <t>mail.google.com/sync/u/0/i/s?hl=pt-BR&amp;c=122</t>
  </si>
  <si>
    <t>12/26/2019 20:04:00</t>
  </si>
  <si>
    <t>mail.google.com/sync/u/0/i/s?hl=pt-BR&amp;c=124</t>
  </si>
  <si>
    <t>12/26/2019 20:07:53</t>
  </si>
  <si>
    <t>12/26/2019 20:04:19</t>
  </si>
  <si>
    <t>12/26/2019 20:08:52</t>
  </si>
  <si>
    <t>12/26/2019 20:03:57</t>
  </si>
  <si>
    <t>12/26/2019 20:07:58</t>
  </si>
  <si>
    <t>12/26/2019 20:05:37</t>
  </si>
  <si>
    <t>12/26/2019 20:09:53</t>
  </si>
  <si>
    <t>12/26/2019 20:09:35</t>
  </si>
  <si>
    <t>12/26/2019 20:12:52</t>
  </si>
  <si>
    <t>12/26/2019 20:09:32</t>
  </si>
  <si>
    <t>12/26/2019 20:13:53</t>
  </si>
  <si>
    <t>12/26/2019 20:09:57</t>
  </si>
  <si>
    <t>12/26/2019 20:08:59</t>
  </si>
  <si>
    <t>26b0b3fc-0af1-4b94-b771-edaed5bb63fd.tmp</t>
  </si>
  <si>
    <t>\\acsfs\profiles$\victorgl\Downloads\26b0b3fc-0af1-4b94-b771-edaed5bb63fd.tmp</t>
  </si>
  <si>
    <t>12/26/2019 20:16:02</t>
  </si>
  <si>
    <t>12/26/2019 20:17:53</t>
  </si>
  <si>
    <t>lu2640fqrtj.tmp</t>
  </si>
  <si>
    <t>\\acsfs\profiles$\FABIANAFV\My Documents\lu2640fqrtj.tmp</t>
  </si>
  <si>
    <t>\\acsfs\profiles$\FABIANAFV\My Documents\lu2640fqrtj.tmp\</t>
  </si>
  <si>
    <t>\\acsfs\profiles$\FABIANAFV\My Documents\lu2640fqrtj.tmp\META-INF\</t>
  </si>
  <si>
    <t>\\acsfs\profiles$\FABIANAFV\My Documents\lu2640fqrtj.tmp\Thumbnails\</t>
  </si>
  <si>
    <t>12/26/2019 20:13:09</t>
  </si>
  <si>
    <t>12/26/2019 20:18:52</t>
  </si>
  <si>
    <t>12/26/2019 20:15:54</t>
  </si>
  <si>
    <t>12/26/2019 20:17:45</t>
  </si>
  <si>
    <t>12/26/2019 20:13:58</t>
  </si>
  <si>
    <t>12/26/2019 20:15:58</t>
  </si>
  <si>
    <t>12/26/2019 20:16:55</t>
  </si>
  <si>
    <t>12/26/2019 20:20:53</t>
  </si>
  <si>
    <t>12/26/2019 20:19:53</t>
  </si>
  <si>
    <t>DHE.txt</t>
  </si>
  <si>
    <t>\\acsfs\Deptos\Operacao\Banco_Votorantim\Supervisao\Flávia Constantina Nogueira\DHE.txt</t>
  </si>
  <si>
    <t>12/26/2019 20:19:09</t>
  </si>
  <si>
    <t>12/26/2019 20:22:53</t>
  </si>
  <si>
    <t>.~lock.planilha ativo fabiana.ods#</t>
  </si>
  <si>
    <t>\\acsfs\profiles$\FABIANAFV\My Documents\.~lock.planilha ativo fabiana.ods#</t>
  </si>
  <si>
    <t>12/26/2019 20:19:31</t>
  </si>
  <si>
    <t>.~lock.Fabiana.ods#</t>
  </si>
  <si>
    <t>\\acsfs\profiles$\FABIANAFV\My Documents\.~lock.Fabiana.ods#</t>
  </si>
  <si>
    <t>12/26/2019 20:22:12</t>
  </si>
  <si>
    <t>12/26/2019 20:21:11</t>
  </si>
  <si>
    <t>12/26/2019 20:23:53</t>
  </si>
  <si>
    <t>12/26/2019 20:19:58</t>
  </si>
  <si>
    <t>12/26/2019 20:21:58</t>
  </si>
  <si>
    <t>12/26/2019 20:21:55</t>
  </si>
  <si>
    <t>12/26/2019 20:25:54</t>
  </si>
  <si>
    <t>12/26/2019 20:22:17</t>
  </si>
  <si>
    <t>Coaching.xlsx</t>
  </si>
  <si>
    <t>\\acsfs\Deptos\Operacao\Banco_Votorantim\Supervisao\Flávia Constantina Nogueira\Coaching.xlsx</t>
  </si>
  <si>
    <t>12/26/2019 20:25:43</t>
  </si>
  <si>
    <t>12/26/2019 20:27:54</t>
  </si>
  <si>
    <t>12/26/2019 20:27:10</t>
  </si>
  <si>
    <t>12/26/2019 20:27:11</t>
  </si>
  <si>
    <t>12/26/2019 20:27:12</t>
  </si>
  <si>
    <t>12/26/2019 20:28:53</t>
  </si>
  <si>
    <t>12/26/2019 20:27:13</t>
  </si>
  <si>
    <t>12/26/2019 20:27:14</t>
  </si>
  <si>
    <t>12/26/2019 20:27:15</t>
  </si>
  <si>
    <t>12/26/2019 20:27:17</t>
  </si>
  <si>
    <t>12/26/2019 20:27:18</t>
  </si>
  <si>
    <t>12/26/2019 20:27:19</t>
  </si>
  <si>
    <t>12/26/2019 20:27:20</t>
  </si>
  <si>
    <t>12/26/2019 20:27:21</t>
  </si>
  <si>
    <t>12/26/2019 20:27:22</t>
  </si>
  <si>
    <t>12/26/2019 20:27:23</t>
  </si>
  <si>
    <t>12/26/2019 20:27:24</t>
  </si>
  <si>
    <t>12/26/2019 20:25:32</t>
  </si>
  <si>
    <t>12/26/2019 20:25:58</t>
  </si>
  <si>
    <t>12/26/2019 20:27:58</t>
  </si>
  <si>
    <t>12/26/2019 20:31:45</t>
  </si>
  <si>
    <t>12/26/2019 20:32:54</t>
  </si>
  <si>
    <t>12/26/2019 20:27:25</t>
  </si>
  <si>
    <t>12/26/2019 20:33:54</t>
  </si>
  <si>
    <t>12/26/2019 20:27:26</t>
  </si>
  <si>
    <t>12/26/2019 20:27:27</t>
  </si>
  <si>
    <t>12/26/2019 20:27:28</t>
  </si>
  <si>
    <t>12/26/2019 20:27:29</t>
  </si>
  <si>
    <t>12/26/2019 20:27:30</t>
  </si>
  <si>
    <t>12/26/2019 20:27:31</t>
  </si>
  <si>
    <t>12/26/2019 20:27:32</t>
  </si>
  <si>
    <t>12/26/2019 20:27:33</t>
  </si>
  <si>
    <t>12/26/2019 20:27:34</t>
  </si>
  <si>
    <t>12/26/2019 20:27:35</t>
  </si>
  <si>
    <t>12/26/2019 20:27:36</t>
  </si>
  <si>
    <t>12/26/2019 20:27:40</t>
  </si>
  <si>
    <t>mail.google.com/sync/u/0/i/s?hl=pt-BR&amp;c=4</t>
  </si>
  <si>
    <t>12/26/2019 20:27:45</t>
  </si>
  <si>
    <t>12/26/2019 20:27:46</t>
  </si>
  <si>
    <t>12/26/2019 20:27:48</t>
  </si>
  <si>
    <t>12/26/2019 20:28:15</t>
  </si>
  <si>
    <t>12/26/2019 20:32:37</t>
  </si>
  <si>
    <t>12/26/2019 20:31:58</t>
  </si>
  <si>
    <t>12/26/2019 20:34:49</t>
  </si>
  <si>
    <t>12/26/2019 20:35:54</t>
  </si>
  <si>
    <t>12/26/2019 20:33:26</t>
  </si>
  <si>
    <t>12/26/2019 20:37:54</t>
  </si>
  <si>
    <t>12/26/2019 20:33:36</t>
  </si>
  <si>
    <t>12/26/2019 20:38:54</t>
  </si>
  <si>
    <t>12/26/2019 20:33:59</t>
  </si>
  <si>
    <t>12/26/2019 20:37:58</t>
  </si>
  <si>
    <t>12/26/2019 20:35:04</t>
  </si>
  <si>
    <t>12/26/2019 20:39:54</t>
  </si>
  <si>
    <t>12/26/2019 20:37:43</t>
  </si>
  <si>
    <t>12/26/2019 20:40:54</t>
  </si>
  <si>
    <t>12/26/2019 20:36:39</t>
  </si>
  <si>
    <t>12/26/2019 20:37:08</t>
  </si>
  <si>
    <t>12/26/2019 20:39:32</t>
  </si>
  <si>
    <t>12/26/2019 20:39:52</t>
  </si>
  <si>
    <t>12/26/2019 20:40:05</t>
  </si>
  <si>
    <t>12/26/2019 20:36:30</t>
  </si>
  <si>
    <t>NetScaler Gateway.url:favicon</t>
  </si>
  <si>
    <t>\\acsfs\profiles$\flaviacdst\Favorites\NetScaler Gateway.url:favicon</t>
  </si>
  <si>
    <t>12/26/2019 20:36:31</t>
  </si>
  <si>
    <t>12/26/2019 20:38:36</t>
  </si>
  <si>
    <t>12/26/2019 20:43:53</t>
  </si>
  <si>
    <t>12/26/2019 20:39:36</t>
  </si>
  <si>
    <t>12/26/2019 20:39:58</t>
  </si>
  <si>
    <t>12/26/2019 20:42:25</t>
  </si>
  <si>
    <t>12/26/2019 20:45:44</t>
  </si>
  <si>
    <t>12/26/2019 20:46:54</t>
  </si>
  <si>
    <t>12/26/2019 20:44:36</t>
  </si>
  <si>
    <t>12/26/2019 20:48:54</t>
  </si>
  <si>
    <t>12/26/2019 20:45:36</t>
  </si>
  <si>
    <t>12/26/2019 20:43:58</t>
  </si>
  <si>
    <t>12/26/2019 20:45:58</t>
  </si>
  <si>
    <t>12/26/2019 20:46:19</t>
  </si>
  <si>
    <t>12/26/2019 20:44:28</t>
  </si>
  <si>
    <t>12/26/2019 20:44:29</t>
  </si>
  <si>
    <t>ee0bf67a-84fe-4ed4-a3ef-c91b3f3d4363;</t>
  </si>
  <si>
    <t>12/26/2019 20:44:34</t>
  </si>
  <si>
    <t>12/26/2019 20:44:40</t>
  </si>
  <si>
    <t>12/26/2019 20:44:41</t>
  </si>
  <si>
    <t>12/26/2019 20:44:42</t>
  </si>
  <si>
    <t>12/26/2019 20:44:48</t>
  </si>
  <si>
    <t>12/26/2019 20:45:02</t>
  </si>
  <si>
    <t>12/26/2019 20:45:03</t>
  </si>
  <si>
    <t>12/26/2019 20:45:09</t>
  </si>
  <si>
    <t>12/26/2019 20:45:11</t>
  </si>
  <si>
    <t>12/26/2019 20:45:22</t>
  </si>
  <si>
    <t>12/26/2019 20:45:25</t>
  </si>
  <si>
    <t>12/26/2019 20:45:26</t>
  </si>
  <si>
    <t>12/26/2019 20:45:27</t>
  </si>
  <si>
    <t>12/26/2019 20:45:28</t>
  </si>
  <si>
    <t>12/26/2019 20:45:30</t>
  </si>
  <si>
    <t>12/26/2019 20:45:47</t>
  </si>
  <si>
    <t>12/26/2019 20:50:53</t>
  </si>
  <si>
    <t>12/26/2019 20:46:21</t>
  </si>
  <si>
    <t>12/26/2019 20:46:26</t>
  </si>
  <si>
    <t>12/26/2019 20:46:32</t>
  </si>
  <si>
    <t>12/26/2019 20:46:52</t>
  </si>
  <si>
    <t>12/26/2019 20:46:55</t>
  </si>
  <si>
    <t>12/26/2019 20:47:05</t>
  </si>
  <si>
    <t>12/26/2019 20:47:13</t>
  </si>
  <si>
    <t>12/26/2019 20:47:24</t>
  </si>
  <si>
    <t>12/26/2019 20:47:30</t>
  </si>
  <si>
    <t>12/26/2019 20:47:37</t>
  </si>
  <si>
    <t>12/26/2019 20:46:27</t>
  </si>
  <si>
    <t>12/26/2019 20:47:17</t>
  </si>
  <si>
    <t>Chamados Desvio.txt</t>
  </si>
  <si>
    <t>\\acsfs\Deptos\Operacao\Banco_Votorantim\Supervisao\Flávia Constantina Nogueira\Chamados Desvio.txt</t>
  </si>
  <si>
    <t>12/26/2019 20:46:51</t>
  </si>
  <si>
    <t>12/26/2019 20:51:54</t>
  </si>
  <si>
    <t>https://udpmailboxap01.acs.com.br:8443/h/search?si=14&amp;so=0&amp;sc=53994&amp;sfi=6&amp;st=conversation&amp;action=compose&amp;paction=rowview</t>
  </si>
  <si>
    <t>flaviacno@algartech.com;</t>
  </si>
  <si>
    <t>https://flaviacno@algartech.com</t>
  </si>
  <si>
    <t>12/26/2019 20:50:31</t>
  </si>
  <si>
    <t>12/26/2019 20:52:53</t>
  </si>
  <si>
    <t>12/26/2019 20:50:58</t>
  </si>
  <si>
    <t>12/26/2019 20:51:51</t>
  </si>
  <si>
    <t>12/26/2019 20:50:37</t>
  </si>
  <si>
    <t>12/26/2019 20:53:54</t>
  </si>
  <si>
    <t>12/26/2019 20:51:36</t>
  </si>
  <si>
    <t>12/26/2019 20:51:00</t>
  </si>
  <si>
    <t>12/26/2019 20:49:58</t>
  </si>
  <si>
    <t>12/26/2019 20:51:58</t>
  </si>
  <si>
    <t>12/26/2019 20:52:05</t>
  </si>
  <si>
    <t>12/26/2019 20:55:53</t>
  </si>
  <si>
    <t>12/26/2019 20:50:39</t>
  </si>
  <si>
    <t>12/26/2019 20:52:09</t>
  </si>
  <si>
    <t>12/26/2019 20:53:07</t>
  </si>
  <si>
    <t>12/26/2019 20:53:29</t>
  </si>
  <si>
    <t>12/26/2019 20:51:26</t>
  </si>
  <si>
    <t>12/26/2019 20:54:30</t>
  </si>
  <si>
    <t>12/26/2019 20:57:53</t>
  </si>
  <si>
    <t>12/26/2019 20:55:17</t>
  </si>
  <si>
    <t>12/26/2019 20:55:44</t>
  </si>
  <si>
    <t>12/26/2019 20:58:53</t>
  </si>
  <si>
    <t>12/26/2019 20:56:36</t>
  </si>
  <si>
    <t>12/26/2019 20:57:37</t>
  </si>
  <si>
    <t>12/26/2019 20:55:36</t>
  </si>
  <si>
    <t>12/26/2019 20:55:58</t>
  </si>
  <si>
    <t>12/26/2019 20:57:58</t>
  </si>
  <si>
    <t>12/26/2019 20:58:04</t>
  </si>
  <si>
    <t>12/26/2019 21:02:53</t>
  </si>
  <si>
    <t>12/26/2019 21:00:35</t>
  </si>
  <si>
    <t>12/26/2019 21:02:37</t>
  </si>
  <si>
    <t>12/26/2019 21:03:53</t>
  </si>
  <si>
    <t>12/26/2019 21:01:58</t>
  </si>
  <si>
    <t>12/26/2019 21:03:12</t>
  </si>
  <si>
    <t>12/26/2019 21:03:14</t>
  </si>
  <si>
    <t>12/26/2019 21:03:30</t>
  </si>
  <si>
    <t>12/26/2019 21:03:33</t>
  </si>
  <si>
    <t>12/26/2019 21:03:35</t>
  </si>
  <si>
    <t>12/26/2019 21:03:39</t>
  </si>
  <si>
    <t>12/26/2019 21:03:41</t>
  </si>
  <si>
    <t>12/26/2019 21:03:42</t>
  </si>
  <si>
    <t>12/26/2019 21:03:45</t>
  </si>
  <si>
    <t>12/26/2019 21:01:37</t>
  </si>
  <si>
    <t>12/26/2019 21:05:53</t>
  </si>
  <si>
    <t>12/26/2019 21:01:43</t>
  </si>
  <si>
    <t>12/26/2019 21:02:28</t>
  </si>
  <si>
    <t>12/26/2019 21:02:34</t>
  </si>
  <si>
    <t>100035125381406;joaogvc@algartech.com;josiascdsj@algartech.com;marianadjc@algartech.com;rafaelggs@algartech.com;taysdss@algartech.com;viniciussg@algartech.com;</t>
  </si>
  <si>
    <t>https://100035125381406,joaogvc@algartech.com,josiascdsj@algartech.com,marianadjc@algartech.com,rafaelggs@algartech.com,taysdss@algartech.com,viniciussg@algartech.com</t>
  </si>
  <si>
    <t>12/26/2019 21:03:59</t>
  </si>
  <si>
    <t>12/26/2019 21:06:53</t>
  </si>
  <si>
    <t>12/26/2019 21:03:54</t>
  </si>
  <si>
    <t>12/26/2019 21:07:53</t>
  </si>
  <si>
    <t>12/26/2019 21:04:11</t>
  </si>
  <si>
    <t>12/26/2019 21:07:29</t>
  </si>
  <si>
    <t>12/26/2019 21:06:52</t>
  </si>
  <si>
    <t>12/26/2019 21:08:53</t>
  </si>
  <si>
    <t>12/26/2019 21:03:36</t>
  </si>
  <si>
    <t>12/26/2019 21:03:58</t>
  </si>
  <si>
    <t>12/26/2019 21:07:59</t>
  </si>
  <si>
    <t>12/26/2019 21:06:47</t>
  </si>
  <si>
    <t>12/26/2019 21:03:48</t>
  </si>
  <si>
    <t>12/26/2019 21:04:01</t>
  </si>
  <si>
    <t>12/26/2019 21:04:02</t>
  </si>
  <si>
    <t>12/26/2019 21:04:03</t>
  </si>
  <si>
    <t>12/26/2019 21:04:05</t>
  </si>
  <si>
    <t>12/26/2019 21:09:53</t>
  </si>
  <si>
    <t>12/26/2019 21:04:06</t>
  </si>
  <si>
    <t>12/26/2019 21:04:08</t>
  </si>
  <si>
    <t>12/26/2019 21:04:09</t>
  </si>
  <si>
    <t>12/26/2019 21:04:10</t>
  </si>
  <si>
    <t>12/26/2019 21:04:13</t>
  </si>
  <si>
    <t>12/26/2019 21:04:18</t>
  </si>
  <si>
    <t>12/26/2019 21:04:24</t>
  </si>
  <si>
    <t>12/26/2019 21:05:02</t>
  </si>
  <si>
    <t>12/26/2019 21:05:03</t>
  </si>
  <si>
    <t>12/26/2019 21:05:05</t>
  </si>
  <si>
    <t>12/26/2019 21:05:06</t>
  </si>
  <si>
    <t>12/26/2019 21:05:12</t>
  </si>
  <si>
    <t>12/26/2019 21:05:14</t>
  </si>
  <si>
    <t>12/26/2019 21:08:02</t>
  </si>
  <si>
    <t>12/26/2019 21:08:04</t>
  </si>
  <si>
    <t>12/26/2019 21:08:05</t>
  </si>
  <si>
    <t>12/26/2019 21:08:06</t>
  </si>
  <si>
    <t>12/26/2019 21:08:07</t>
  </si>
  <si>
    <t>12/26/2019 21:08:10</t>
  </si>
  <si>
    <t>12/26/2019 21:08:13</t>
  </si>
  <si>
    <t>12/26/2019 21:08:16</t>
  </si>
  <si>
    <t>12/26/2019 21:08:19</t>
  </si>
  <si>
    <t>12/26/2019 21:08:23</t>
  </si>
  <si>
    <t>12/26/2019 21:08:25</t>
  </si>
  <si>
    <t>12/26/2019 21:08:26</t>
  </si>
  <si>
    <t>12/26/2019 21:08:27</t>
  </si>
  <si>
    <t>12/26/2019 21:08:28</t>
  </si>
  <si>
    <t>12/26/2019 21:08:33</t>
  </si>
  <si>
    <t>12/26/2019 21:08:37</t>
  </si>
  <si>
    <t>12/26/2019 21:08:44</t>
  </si>
  <si>
    <t>12/26/2019 21:10:53</t>
  </si>
  <si>
    <t>12/26/2019 21:06:24</t>
  </si>
  <si>
    <t>12/26/2019 21:06:46</t>
  </si>
  <si>
    <t>12/26/2019 21:11:53</t>
  </si>
  <si>
    <t>12/26/2019 21:11:38</t>
  </si>
  <si>
    <t>12/26/2019 21:12:53</t>
  </si>
  <si>
    <t>XLOG_anakcs_26122019_125759.log</t>
  </si>
  <si>
    <t>\\acsfs\profiles$\anakcs\My Documents\xworkcenter\logs\XLOG_anakcs_26122019_125759.log</t>
  </si>
  <si>
    <t>12/26/2019 21:09:50</t>
  </si>
  <si>
    <t>12/26/2019 21:11:21</t>
  </si>
  <si>
    <t>12/26/2019 21:13:53</t>
  </si>
  <si>
    <t>12/26/2019 21:09:37</t>
  </si>
  <si>
    <t>12/26/2019 21:09:59</t>
  </si>
  <si>
    <t>12/26/2019 21:14:53</t>
  </si>
  <si>
    <t>12/26/2019 21:08:55</t>
  </si>
  <si>
    <t>12/26/2019 21:08:57</t>
  </si>
  <si>
    <t>12/26/2019 21:08:58</t>
  </si>
  <si>
    <t>12/26/2019 21:08:59</t>
  </si>
  <si>
    <t>12/26/2019 21:09:04</t>
  </si>
  <si>
    <t>12/26/2019 21:09:05</t>
  </si>
  <si>
    <t>12/26/2019 21:09:09</t>
  </si>
  <si>
    <t>12/26/2019 21:09:13</t>
  </si>
  <si>
    <t>12/26/2019 21:09:16</t>
  </si>
  <si>
    <t>12/26/2019 21:09:18</t>
  </si>
  <si>
    <t>12/26/2019 21:09:20</t>
  </si>
  <si>
    <t>12/26/2019 21:09:23</t>
  </si>
  <si>
    <t>12/26/2019 21:09:24</t>
  </si>
  <si>
    <t>12/26/2019 21:09:30</t>
  </si>
  <si>
    <t>12/26/2019 21:09:31</t>
  </si>
  <si>
    <t>12/26/2019 21:09:45</t>
  </si>
  <si>
    <t>12/26/2019 21:09:57</t>
  </si>
  <si>
    <t>12/26/2019 21:09:58</t>
  </si>
  <si>
    <t>12/26/2019 21:10:04</t>
  </si>
  <si>
    <t>12/26/2019 21:10:05</t>
  </si>
  <si>
    <t>12/26/2019 21:13:07</t>
  </si>
  <si>
    <t>12/26/2019 21:13:09</t>
  </si>
  <si>
    <t>12/26/2019 21:13:10</t>
  </si>
  <si>
    <t>12/26/2019 21:13:11</t>
  </si>
  <si>
    <t>12/26/2019 21:13:12</t>
  </si>
  <si>
    <t>12/26/2019 21:13:14</t>
  </si>
  <si>
    <t>12/26/2019 21:13:19</t>
  </si>
  <si>
    <t>12/26/2019 21:14:05</t>
  </si>
  <si>
    <t>12/26/2019 21:14:45</t>
  </si>
  <si>
    <t>12/26/2019 21:15:53</t>
  </si>
  <si>
    <t>12/26/2019 21:11:43</t>
  </si>
  <si>
    <t>12/26/2019 21:11:45</t>
  </si>
  <si>
    <t>12/26/2019 21:11:49</t>
  </si>
  <si>
    <t>12/26/2019 21:11:52</t>
  </si>
  <si>
    <t>12/26/2019 21:11:55</t>
  </si>
  <si>
    <t>12/26/2019 21:12:22</t>
  </si>
  <si>
    <t>algartechcpcbv@algartech.com;andrelpsa@algartech.com;josiascdsj@algartech.com;leonardoao@algartech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12/26/2019 21:12:40</t>
  </si>
  <si>
    <t>12/26/2019 21:11:58</t>
  </si>
  <si>
    <t>12/26/2019 21:16:53</t>
  </si>
  <si>
    <t>89a05a4b-b4a1-4def-9171-ec8425d76e28.tmp</t>
  </si>
  <si>
    <t>\\acsfs\profiles$\laurandos\Downloads\89a05a4b-b4a1-4def-9171-ec8425d76e28.tmp</t>
  </si>
  <si>
    <t>12/26/2019 21:15:54</t>
  </si>
  <si>
    <t>12/26/2019 21:17:53</t>
  </si>
  <si>
    <t>12/26/2019 21:14:37</t>
  </si>
  <si>
    <t>12/26/2019 21:18:54</t>
  </si>
  <si>
    <t>12/26/2019 21:15:37</t>
  </si>
  <si>
    <t>12/26/2019 21:13:59</t>
  </si>
  <si>
    <t>12/26/2019 21:15:59</t>
  </si>
  <si>
    <t>12/26/2019 21:17:35</t>
  </si>
  <si>
    <t>12/26/2019 21:20:53</t>
  </si>
  <si>
    <t>12/26/2019 21:20:37</t>
  </si>
  <si>
    <t>12/26/2019 21:23:53</t>
  </si>
  <si>
    <t>12/26/2019 21:21:37</t>
  </si>
  <si>
    <t>12/26/2019 21:19:59</t>
  </si>
  <si>
    <t>12/26/2019 21:21:59</t>
  </si>
  <si>
    <t>12/26/2019 21:21:57</t>
  </si>
  <si>
    <t>12/26/2019 21:24:53</t>
  </si>
  <si>
    <t>12/26/2019 21:20:54</t>
  </si>
  <si>
    <t>12/26/2019 21:25:53</t>
  </si>
  <si>
    <t>12/26/2019 21:20:57</t>
  </si>
  <si>
    <t>12/26/2019 21:21:03</t>
  </si>
  <si>
    <t>12/26/2019 21:21:28</t>
  </si>
  <si>
    <t>12/26/2019 21:21:31</t>
  </si>
  <si>
    <t>12/26/2019 21:21:52</t>
  </si>
  <si>
    <t>mail.google.com/sync/u/0/i/s?hl=pt-BR&amp;c=129</t>
  </si>
  <si>
    <t>12/26/2019 21:21:56</t>
  </si>
  <si>
    <t>12/26/2019 21:22:14</t>
  </si>
  <si>
    <t>12/26/2019 21:22:18</t>
  </si>
  <si>
    <t>12/26/2019 21:22:47</t>
  </si>
  <si>
    <t>12/26/2019 21:23:22</t>
  </si>
  <si>
    <t>12/26/2019 21:22:41</t>
  </si>
  <si>
    <t>63a966d1-b5dd-4ed1-9a48-2cd017d90976.tmp</t>
  </si>
  <si>
    <t>\\acsfs\profiles$\alinepp\Downloads\63a966d1-b5dd-4ed1-9a48-2cd017d90976.tmp</t>
  </si>
  <si>
    <t>12/26/2019 21:23:25</t>
  </si>
  <si>
    <t>12/26/2019 21:26:53</t>
  </si>
  <si>
    <t>f290ff23-ad6e-4556-9edb-ceb201010ed0.tmp</t>
  </si>
  <si>
    <t>\\acsfs\profiles$\leandromsa\Downloads\f290ff23-ad6e-4556-9edb-ceb201010ed0.tmp</t>
  </si>
  <si>
    <t>12/26/2019 21:26:37</t>
  </si>
  <si>
    <t>12/26/2019 21:28:53</t>
  </si>
  <si>
    <t>12/26/2019 21:27:37</t>
  </si>
  <si>
    <t>12/26/2019 21:25:58</t>
  </si>
  <si>
    <t>12/26/2019 21:27:59</t>
  </si>
  <si>
    <t>12/26/2019 21:25:15</t>
  </si>
  <si>
    <t>12/26/2019 21:30:54</t>
  </si>
  <si>
    <t>12/26/2019 21:25:23</t>
  </si>
  <si>
    <t>12/26/2019 21:26:14</t>
  </si>
  <si>
    <t>Cópia de REPORT ACOMPANHAMENTO - BV - DEZEMBRO.xlsb</t>
  </si>
  <si>
    <t>\\acsfs\DEPTOS\Operacao\PCP\5 - Comum\PLANEJAMENTO BV\14 - ACOMPANHAMENTO\1 - REPORT ACOMPANHAMENTO\2019\12 - Dezembro\FINANCEIRA\Cópia de REPORT ACOMPANHAMENTO - BV - DEZEMBRO.xlsb</t>
  </si>
  <si>
    <t>12/26/2019 21:26:20</t>
  </si>
  <si>
    <t>\\acsfs\DEPTOS\Operacao\PCP\5 - Comum\PLANEJAMENTO BV\02 - DIMENSIONAMENTO SEM CURVA\</t>
  </si>
  <si>
    <t>TURBOTAB.xls</t>
  </si>
  <si>
    <t>\\acsfs\DEPTOS\Operacao\PCP\5 - Comum\PLANEJAMENTO BV\02 - DIMENSIONAMENTO SEM CURVA\TURBOTAB.xls</t>
  </si>
  <si>
    <t>12/26/2019 21:28:23</t>
  </si>
  <si>
    <t>12/26/2019 21:26:45</t>
  </si>
  <si>
    <t>12/26/2019 21:31:53</t>
  </si>
  <si>
    <t>12/26/2019 21:32:37</t>
  </si>
  <si>
    <t>12/26/2019 21:33:53</t>
  </si>
  <si>
    <t>12/26/2019 21:31:58</t>
  </si>
  <si>
    <t>12/26/2019 21:33:01</t>
  </si>
  <si>
    <t>12/26/2019 21:34:53</t>
  </si>
  <si>
    <t>12/26/2019 21:31:40</t>
  </si>
  <si>
    <t>12/26/2019 21:35:54</t>
  </si>
  <si>
    <t>12/26/2019 21:31:42</t>
  </si>
  <si>
    <t>12/26/2019 21:31:50</t>
  </si>
  <si>
    <t>12/26/2019 21:31:59</t>
  </si>
  <si>
    <t>mail.google.com/sync/u/0/i/s?hl=pt-BR&amp;c=165</t>
  </si>
  <si>
    <t>12/26/2019 21:32:18</t>
  </si>
  <si>
    <t>mail.google.com/sync/u/0/i/s?hl=pt-BR&amp;c=168</t>
  </si>
  <si>
    <t>12/26/2019 21:32:21</t>
  </si>
  <si>
    <t>mail.google.com/sync/u/0/i/s?hl=pt-BR&amp;c=170</t>
  </si>
  <si>
    <t>100035125381406,joaogvc@algartech.com,josiascdsj@algartech.com,marianadjc@algartech.com,rafaelggs@algartech.com,taysdss@algartech.com,viniciussg@algartech.com</t>
  </si>
  <si>
    <t>12/26/2019 21:34:17</t>
  </si>
  <si>
    <t>12/26/2019 21:36:34</t>
  </si>
  <si>
    <t>12/26/2019 21:37:53</t>
  </si>
  <si>
    <t>12/26/2019 21:33:37</t>
  </si>
  <si>
    <t>12/26/2019 21:38:53</t>
  </si>
  <si>
    <t>12/26/2019 21:34:00</t>
  </si>
  <si>
    <t>12/26/2019 21:37:58</t>
  </si>
  <si>
    <t>12/26/2019 21:35:29</t>
  </si>
  <si>
    <t>12/26/2019 21:40:54</t>
  </si>
  <si>
    <t>12/26/2019 21:35:52</t>
  </si>
  <si>
    <t>12/26/2019 21:36:07</t>
  </si>
  <si>
    <t>12/26/2019 21:36:24</t>
  </si>
  <si>
    <t>12/26/2019 21:37:15</t>
  </si>
  <si>
    <t>12/26/2019 21:37:12</t>
  </si>
  <si>
    <t>57d61268-d91c-4c79-970e-fbed21d84c7a.tmp</t>
  </si>
  <si>
    <t>\\acsfs\profiles$\wedersonbadr\My Documents\My Music\57d61268-d91c-4c79-970e-fbed21d84c7a.tmp</t>
  </si>
  <si>
    <t>12/26/2019 21:38:20</t>
  </si>
  <si>
    <t>12/26/2019 21:43:53</t>
  </si>
  <si>
    <t>12/26/2019 21:38:37</t>
  </si>
  <si>
    <t>12/26/2019 21:39:37</t>
  </si>
  <si>
    <t>12/26/2019 21:39:58</t>
  </si>
  <si>
    <t>12/26/2019 21:40:42</t>
  </si>
  <si>
    <t>12/26/2019 21:45:53</t>
  </si>
  <si>
    <t>12/26/2019 21:40:46</t>
  </si>
  <si>
    <t>12/26/2019 21:41:43</t>
  </si>
  <si>
    <t>12/26/2019 21:42:36</t>
  </si>
  <si>
    <t>12/26/2019 21:45:46</t>
  </si>
  <si>
    <t>12/26/2019 21:46:53</t>
  </si>
  <si>
    <t>12/26/2019 21:44:37</t>
  </si>
  <si>
    <t>12/26/2019 21:48:53</t>
  </si>
  <si>
    <t>12/26/2019 21:45:37</t>
  </si>
  <si>
    <t>12/26/2019 21:43:58</t>
  </si>
  <si>
    <t>12/26/2019 21:45:58</t>
  </si>
  <si>
    <t>12/26/2019 21:45:06</t>
  </si>
  <si>
    <t>12/26/2019 21:49:53</t>
  </si>
  <si>
    <t>12/26/2019 21:50:37</t>
  </si>
  <si>
    <t>12/26/2019 21:53:54</t>
  </si>
  <si>
    <t>12/26/2019 21:49:58</t>
  </si>
  <si>
    <t>12/26/2019 21:51:58</t>
  </si>
  <si>
    <t>12/26/2019 21:53:35</t>
  </si>
  <si>
    <t>12/26/2019 21:55:54</t>
  </si>
  <si>
    <t>12/26/2019 21:53:38</t>
  </si>
  <si>
    <t>12/26/2019 21:54:13</t>
  </si>
  <si>
    <t>12/26/2019 21:54:57</t>
  </si>
  <si>
    <t>12/26/2019 21:55:00</t>
  </si>
  <si>
    <t>12/26/2019 21:52:59</t>
  </si>
  <si>
    <t>12/26/2019 21:56:53</t>
  </si>
  <si>
    <t>12/26/2019 21:55:58</t>
  </si>
  <si>
    <t>12/26/2019 21:58:53</t>
  </si>
  <si>
    <t>12/26/2019 21:57:58</t>
  </si>
  <si>
    <t>12/26/2019 21:56:24</t>
  </si>
  <si>
    <t>3bbe4d5d-0be2-42ff-ba72-efd95e3715b6.tmp</t>
  </si>
  <si>
    <t>\\acsfs\profiles$\mariajaf\Downloads\3bbe4d5d-0be2-42ff-ba72-efd95e3715b6.tmp</t>
  </si>
  <si>
    <t>12/26/2019 21:56:59</t>
  </si>
  <si>
    <t>12/26/2019 22:01:54</t>
  </si>
  <si>
    <t>12/26/2019 22:01:58</t>
  </si>
  <si>
    <t>12/26/2019 22:03:53</t>
  </si>
  <si>
    <t>12/26/2019 22:00:01</t>
  </si>
  <si>
    <t>12/26/2019 22:04:53</t>
  </si>
  <si>
    <t>12/26/2019 22:01:22</t>
  </si>
  <si>
    <t>12/26/2019 22:05:53</t>
  </si>
  <si>
    <t>12/26/2019 22:01:41</t>
  </si>
  <si>
    <t>12/26/2019 22:01:44</t>
  </si>
  <si>
    <t>12/26/2019 22:04:24</t>
  </si>
  <si>
    <t>12/26/2019 22:06:53</t>
  </si>
  <si>
    <t>12/26/2019 22:03:11</t>
  </si>
  <si>
    <t>12/26/2019 22:07:53</t>
  </si>
  <si>
    <t>12/26/2019 22:03:58</t>
  </si>
  <si>
    <t>12/26/2019 22:08:53</t>
  </si>
  <si>
    <t>12/26/2019 22:07:58</t>
  </si>
  <si>
    <t>12/26/2019 22:09:33</t>
  </si>
  <si>
    <t>12/26/2019 22:10:53</t>
  </si>
  <si>
    <t>12/26/2019 22:09:58</t>
  </si>
  <si>
    <t>12/26/2019 22:13:54</t>
  </si>
  <si>
    <t>12/26/2019 22:13:58</t>
  </si>
  <si>
    <t>12/26/2019 22:18:53</t>
  </si>
  <si>
    <t>12/26/2019 22:15:58</t>
  </si>
  <si>
    <t>12/26/2019 22:19:58</t>
  </si>
  <si>
    <t>12/26/2019 22:23:54</t>
  </si>
  <si>
    <t>12/26/2019 22:21:58</t>
  </si>
  <si>
    <t>12/26/2019 22:25:58</t>
  </si>
  <si>
    <t>12/26/2019 22:28:54</t>
  </si>
  <si>
    <t>12/26/2019 22:27:58</t>
  </si>
  <si>
    <t>12/26/2019 22:29:37</t>
  </si>
  <si>
    <t>12/26/2019 22:30:53</t>
  </si>
  <si>
    <t>\\acsfs\profiles$\joycemmdl\My Documents\</t>
  </si>
  <si>
    <t>vendas dezembro.txt</t>
  </si>
  <si>
    <t>\\acsfs\profiles$\joycemmdl\My Documents\vendas dezembro.txt</t>
  </si>
  <si>
    <t>12/26/2019 22:30:01</t>
  </si>
  <si>
    <t>12/26/2019 22:31:54</t>
  </si>
  <si>
    <t>12/26/2019 22:31:58</t>
  </si>
  <si>
    <t>12/26/2019 22:33:54</t>
  </si>
  <si>
    <t>12/26/2019 22:33:55</t>
  </si>
  <si>
    <t>12/26/2019 22:36:54</t>
  </si>
  <si>
    <t>12/26/2019 22:33:47</t>
  </si>
  <si>
    <t>12/26/2019 22:33:59</t>
  </si>
  <si>
    <t>12/26/2019 22:38:54</t>
  </si>
  <si>
    <t>12/26/2019 22:37:59</t>
  </si>
  <si>
    <t>12/26/2019 22:37:01</t>
  </si>
  <si>
    <t>12/26/2019 22:40:54</t>
  </si>
  <si>
    <t>12/26/2019 22:38:13</t>
  </si>
  <si>
    <t>12/26/2019 22:41:53</t>
  </si>
  <si>
    <t>12/26/2019 22:39:59</t>
  </si>
  <si>
    <t>12/26/2019 22:43:53</t>
  </si>
  <si>
    <t>12/26/2019 22:43:59</t>
  </si>
  <si>
    <t>12/26/2019 22:48:54</t>
  </si>
  <si>
    <t>12/26/2019 22:45:59</t>
  </si>
  <si>
    <t>12/26/2019 22:46:47</t>
  </si>
  <si>
    <t>12/26/2019 22:50:54</t>
  </si>
  <si>
    <t>12/26/2019 22:49:59</t>
  </si>
  <si>
    <t>12/26/2019 22:53:53</t>
  </si>
  <si>
    <t>12/26/2019 22:51:59</t>
  </si>
  <si>
    <t>12/26/2019 22:55:59</t>
  </si>
  <si>
    <t>12/26/2019 22:58:54</t>
  </si>
  <si>
    <t>12/26/2019 22:57:59</t>
  </si>
  <si>
    <t>12/26/2019 22:54:11</t>
  </si>
  <si>
    <t>12/26/2019 22:57:52</t>
  </si>
  <si>
    <t>12/26/2019 23:00:54</t>
  </si>
  <si>
    <t>12/26/2019 23:01:59</t>
  </si>
  <si>
    <t>12/26/2019 23:03:55</t>
  </si>
  <si>
    <t>12/26/2019 23:02:45</t>
  </si>
  <si>
    <t>12/26/2019 23:06:54</t>
  </si>
  <si>
    <t>12/26/2019 23:07:13</t>
  </si>
  <si>
    <t>12/26/2019 23:07:54</t>
  </si>
  <si>
    <t>12/26/2019 23:03:59</t>
  </si>
  <si>
    <t>12/26/2019 23:08:54</t>
  </si>
  <si>
    <t>12/26/2019 23:07:59</t>
  </si>
  <si>
    <t>12/26/2019 23:07:27</t>
  </si>
  <si>
    <t>12/26/2019 23:10:54</t>
  </si>
  <si>
    <t>12/26/2019 23:06:37</t>
  </si>
  <si>
    <t>12/26/2019 23:11:03</t>
  </si>
  <si>
    <t>12/26/2019 23:13:55</t>
  </si>
  <si>
    <t>12/26/2019 23:09:59</t>
  </si>
  <si>
    <t>12/26/2019 23:14:26</t>
  </si>
  <si>
    <t>12/26/2019 23:15:54</t>
  </si>
  <si>
    <t>12/26/2019 23:11:30</t>
  </si>
  <si>
    <t>12/26/2019 23:16:54</t>
  </si>
  <si>
    <t>12/26/2019 23:13:59</t>
  </si>
  <si>
    <t>12/26/2019 23:18:54</t>
  </si>
  <si>
    <t>12/26/2019 23:15:59</t>
  </si>
  <si>
    <t>12/26/2019 23:18:48</t>
  </si>
  <si>
    <t>12/26/2019 23:23:54</t>
  </si>
  <si>
    <t>12/26/2019 23:19:59</t>
  </si>
  <si>
    <t>12/26/2019 23:21:59</t>
  </si>
  <si>
    <t>12/26/2019 23:20:49</t>
  </si>
  <si>
    <t>12/26/2019 23:24:54</t>
  </si>
  <si>
    <t>12/26/2019 23:25:59</t>
  </si>
  <si>
    <t>12/26/2019 23:28:55</t>
  </si>
  <si>
    <t>12/26/2019 23:27:59</t>
  </si>
  <si>
    <t>12/26/2019 23:31:59</t>
  </si>
  <si>
    <t>12/26/2019 23:33:55</t>
  </si>
  <si>
    <t>12/26/2019 23:33:24</t>
  </si>
  <si>
    <t>12/26/2019 23:37:55</t>
  </si>
  <si>
    <t>12/26/2019 23:33:32</t>
  </si>
  <si>
    <t>12/26/2019 23:38:55</t>
  </si>
  <si>
    <t>12/26/2019 23:36:19</t>
  </si>
  <si>
    <t>12/26/2019 23:34:00</t>
  </si>
  <si>
    <t>12/26/2019 23:37:59</t>
  </si>
  <si>
    <t>12/26/2019 23:39:59</t>
  </si>
  <si>
    <t>12/26/2019 23:43:55</t>
  </si>
  <si>
    <t>12/26/2019 23:45:22</t>
  </si>
  <si>
    <t>12/26/2019 23:47:55</t>
  </si>
  <si>
    <t>12/26/2019 23:43:59</t>
  </si>
  <si>
    <t>12/26/2019 23:48:55</t>
  </si>
  <si>
    <t>12/26/2019 23:46:00</t>
  </si>
  <si>
    <t>12/26/2019 23:50:00</t>
  </si>
  <si>
    <t>12/26/2019 23:53:54</t>
  </si>
  <si>
    <t>12/26/2019 23:52:00</t>
  </si>
  <si>
    <t>12/26/2019 23:50:12</t>
  </si>
  <si>
    <t>12/26/2019 23:54:55</t>
  </si>
  <si>
    <t>12/26/2019 23:56:00</t>
  </si>
  <si>
    <t>12/26/2019 23:58:55</t>
  </si>
  <si>
    <t>12/26/2019 23:58:00</t>
  </si>
  <si>
    <t>12/26/2019 23:58:14</t>
  </si>
  <si>
    <t>12/27/2019 00:01:55</t>
  </si>
  <si>
    <t>12/26/2019 23:58:38</t>
  </si>
  <si>
    <t>16bae3be-7ca7-4ae8-8465-fb9a7f4c079e.tmp</t>
  </si>
  <si>
    <t>\\acsfs\profiles$\rogeriofd\Downloads\16bae3be-7ca7-4ae8-8465-fb9a7f4c079e.tmp</t>
  </si>
  <si>
    <t>12/27/2019 00:00:52</t>
  </si>
  <si>
    <t>9d2fcc88-d646-472d-a6e0-ff405a577353.tmp</t>
  </si>
  <si>
    <t>\\acsfs\profiles$\rogeriofd\Downloads\9d2fcc88-d646-472d-a6e0-ff405a577353.tmp</t>
  </si>
  <si>
    <t>12/27/2019 00:01:21</t>
  </si>
  <si>
    <t>12/27/2019 00:02:16</t>
  </si>
  <si>
    <t>12/27/2019 00:02:54</t>
  </si>
  <si>
    <t>12/27/2019 00:01:10</t>
  </si>
  <si>
    <t>12/27/2019 00:02:00</t>
  </si>
  <si>
    <t>12/27/2019 00:03:55</t>
  </si>
  <si>
    <t>12/27/2019 00:03:30</t>
  </si>
  <si>
    <t>12/27/2019 00:04:54</t>
  </si>
  <si>
    <t>marlyannegdls</t>
  </si>
  <si>
    <t>\\acsfs\profiles$\marlyannegdls\Downloads\</t>
  </si>
  <si>
    <t>25472397-beea-4c41-8e84-dc0f36a17897.tmp</t>
  </si>
  <si>
    <t>\\acsfs\profiles$\marlyannegdls\Downloads\25472397-beea-4c41-8e84-dc0f36a17897.tmp</t>
  </si>
  <si>
    <t>12/27/2019 00:03:28</t>
  </si>
  <si>
    <t>12/27/2019 00:05:55</t>
  </si>
  <si>
    <t>12/27/2019 00:03:36</t>
  </si>
  <si>
    <t>12/27/2019 00:04:27</t>
  </si>
  <si>
    <t>12/27/2019 00:04:40</t>
  </si>
  <si>
    <t>12/27/2019 00:03:17</t>
  </si>
  <si>
    <t>12/27/2019 00:06:54</t>
  </si>
  <si>
    <t>12/27/2019 00:04:43</t>
  </si>
  <si>
    <t>12/27/2019 00:04:37</t>
  </si>
  <si>
    <t>12/27/2019 00:01:45</t>
  </si>
  <si>
    <t>a2469997-f2eb-4a28-ae51-4f489b2a9029.tmp</t>
  </si>
  <si>
    <t>\\acsfs\profiles$\rogeriofd\Downloads\a2469997-f2eb-4a28-ae51-4f489b2a9029.tmp</t>
  </si>
  <si>
    <t>12/27/2019 00:05:04</t>
  </si>
  <si>
    <t>12/27/2019 00:01:51</t>
  </si>
  <si>
    <t>cd3aa2e8-5c24-496c-83b1-40bfb4d4e5eb.tmp</t>
  </si>
  <si>
    <t>\\acsfs\profiles$\Adrieledgc\Downloads\cd3aa2e8-5c24-496c-83b1-40bfb4d4e5eb.tmp</t>
  </si>
  <si>
    <t>12/27/2019 00:02:51</t>
  </si>
  <si>
    <t>1e56dd2e-4385-4ff1-81c7-32b04df90d92.tmp</t>
  </si>
  <si>
    <t>\\acsfs\profiles$\Adrieledgc\Downloads\1e56dd2e-4385-4ff1-81c7-32b04df90d92.tmp</t>
  </si>
  <si>
    <t>12/27/2019 00:06:27</t>
  </si>
  <si>
    <t>12/27/2019 00:07:54</t>
  </si>
  <si>
    <t>12/27/2019 00:08:07</t>
  </si>
  <si>
    <t>12/27/2019 00:08:55</t>
  </si>
  <si>
    <t>12/27/2019 00:04:00</t>
  </si>
  <si>
    <t>12/27/2019 00:08:00</t>
  </si>
  <si>
    <t>12/27/2019 00:07:38</t>
  </si>
  <si>
    <t>12/27/2019 00:09:54</t>
  </si>
  <si>
    <t>12/27/2019 00:04:33</t>
  </si>
  <si>
    <t>13edc43d-9525-408f-80a2-bd9bd17e099a.tmp</t>
  </si>
  <si>
    <t>\\acsfs\profiles$\marlyannegdls\Downloads\13edc43d-9525-408f-80a2-bd9bd17e099a.tmp</t>
  </si>
  <si>
    <t>12/27/2019 00:04:45</t>
  </si>
  <si>
    <t>12/27/2019 00:05:47</t>
  </si>
  <si>
    <t>12/27/2019 00:10:54</t>
  </si>
  <si>
    <t>12/27/2019 00:06:58</t>
  </si>
  <si>
    <t>12/27/2019 00:10:02</t>
  </si>
  <si>
    <t>12/27/2019 00:11:54</t>
  </si>
  <si>
    <t>12/27/2019 00:12:25</t>
  </si>
  <si>
    <t>12/27/2019 00:13:54</t>
  </si>
  <si>
    <t>12/27/2019 00:12:04</t>
  </si>
  <si>
    <t>12/27/2019 00:09:21</t>
  </si>
  <si>
    <t>12/27/2019 00:09:22</t>
  </si>
  <si>
    <t>12/27/2019 00:09:24</t>
  </si>
  <si>
    <t>12/27/2019 00:09:25</t>
  </si>
  <si>
    <t>12/27/2019 00:09:27</t>
  </si>
  <si>
    <t>12/27/2019 00:09:28</t>
  </si>
  <si>
    <t>12/27/2019 00:09:30</t>
  </si>
  <si>
    <t>12/27/2019 00:09:31</t>
  </si>
  <si>
    <t>12/27/2019 00:09:33</t>
  </si>
  <si>
    <t>12/27/2019 00:09:34</t>
  </si>
  <si>
    <t>12/27/2019 00:09:36</t>
  </si>
  <si>
    <t>12/27/2019 00:10:00</t>
  </si>
  <si>
    <t>12/27/2019 00:10:16</t>
  </si>
  <si>
    <t>12/27/2019 00:14:54</t>
  </si>
  <si>
    <t>12/27/2019 00:10:47</t>
  </si>
  <si>
    <t>12/27/2019 00:13:09</t>
  </si>
  <si>
    <t>12/27/2019 00:15:55</t>
  </si>
  <si>
    <t>12/27/2019 00:15:19</t>
  </si>
  <si>
    <t>12/27/2019 00:16:54</t>
  </si>
  <si>
    <t>12/27/2019 00:15:38</t>
  </si>
  <si>
    <t>12/27/2019 00:17:55</t>
  </si>
  <si>
    <t>12/27/2019 00:15:00</t>
  </si>
  <si>
    <t>12/27/2019 00:18:54</t>
  </si>
  <si>
    <t>12/27/2019 00:16:00</t>
  </si>
  <si>
    <t>12/27/2019 00:21:12</t>
  </si>
  <si>
    <t>12/27/2019 00:21:55</t>
  </si>
  <si>
    <t>12/27/2019 00:21:00</t>
  </si>
  <si>
    <t>12/27/2019 00:23:55</t>
  </si>
  <si>
    <t>12/27/2019 00:22:00</t>
  </si>
  <si>
    <t>12/27/2019 00:27:00</t>
  </si>
  <si>
    <t>12/27/2019 00:28:56</t>
  </si>
  <si>
    <t>12/27/2019 00:28:00</t>
  </si>
  <si>
    <t>12/27/2019 00:24:39</t>
  </si>
  <si>
    <t>12/27/2019 00:29:55</t>
  </si>
  <si>
    <t>12/27/2019 00:27:05</t>
  </si>
  <si>
    <t>12/27/2019 00:32:56</t>
  </si>
  <si>
    <t>12/27/2019 00:33:00</t>
  </si>
  <si>
    <t>12/27/2019 00:33:55</t>
  </si>
  <si>
    <t>12/27/2019 00:34:41</t>
  </si>
  <si>
    <t>12/27/2019 00:37:55</t>
  </si>
  <si>
    <t>12/27/2019 00:34:01</t>
  </si>
  <si>
    <t>12/27/2019 00:38:55</t>
  </si>
  <si>
    <t>12/27/2019 00:39:00</t>
  </si>
  <si>
    <t>12/27/2019 00:43:55</t>
  </si>
  <si>
    <t>12/27/2019 00:40:00</t>
  </si>
  <si>
    <t>12/27/2019 00:43:23</t>
  </si>
  <si>
    <t>12/27/2019 00:46:55</t>
  </si>
  <si>
    <t>12/27/2019 00:45:18</t>
  </si>
  <si>
    <t>12/27/2019 00:48:55</t>
  </si>
  <si>
    <t>12/27/2019 00:45:00</t>
  </si>
  <si>
    <t>12/27/2019 00:46:00</t>
  </si>
  <si>
    <t>12/27/2019 00:49:06</t>
  </si>
  <si>
    <t>12/27/2019 00:51:54</t>
  </si>
  <si>
    <t>12/27/2019 00:49:39</t>
  </si>
  <si>
    <t>12/27/2019 00:52:55</t>
  </si>
  <si>
    <t>12/27/2019 00:51:00</t>
  </si>
  <si>
    <t>12/27/2019 00:53:54</t>
  </si>
  <si>
    <t>12/27/2019 00:52:00</t>
  </si>
  <si>
    <t>12/27/2019 00:50:27</t>
  </si>
  <si>
    <t>12/27/2019 00:55:55</t>
  </si>
  <si>
    <t>12/27/2019 00:57:00</t>
  </si>
  <si>
    <t>12/27/2019 00:58:54</t>
  </si>
  <si>
    <t>12/27/2019 00:58:00</t>
  </si>
  <si>
    <t>12/27/2019 00:58:37</t>
  </si>
  <si>
    <t>12/27/2019 00:59:27</t>
  </si>
  <si>
    <t>12/27/2019 01:14:54</t>
  </si>
  <si>
    <t>12/27/2019 01:03:00</t>
  </si>
  <si>
    <t>12/27/2019 01:05:44</t>
  </si>
  <si>
    <t>12/27/2019 01:06:11</t>
  </si>
  <si>
    <t>12/27/2019 01:04:00</t>
  </si>
  <si>
    <t>12/27/2019 01:09:22</t>
  </si>
  <si>
    <t>12/27/2019 01:07:01</t>
  </si>
  <si>
    <t>12/27/2019 01:09:00</t>
  </si>
  <si>
    <t>12/27/2019 01:12:01</t>
  </si>
  <si>
    <t>12/27/2019 01:15:55</t>
  </si>
  <si>
    <t>12/27/2019 01:17:54</t>
  </si>
  <si>
    <t>12/27/2019 01:10:00</t>
  </si>
  <si>
    <t>12/27/2019 01:15:00</t>
  </si>
  <si>
    <t>12/27/2019 01:16:00</t>
  </si>
  <si>
    <t>12/27/2019 01:18:54</t>
  </si>
  <si>
    <t>12/27/2019 01:21:00</t>
  </si>
  <si>
    <t>12/27/2019 01:22:55</t>
  </si>
  <si>
    <t>12/27/2019 01:22:00</t>
  </si>
  <si>
    <t>12/27/2019 01:27:00</t>
  </si>
  <si>
    <t>12/27/2019 01:27:54</t>
  </si>
  <si>
    <t>12/27/2019 01:28:00</t>
  </si>
  <si>
    <t>12/27/2019 01:32:55</t>
  </si>
  <si>
    <t>12/27/2019 01:30:00</t>
  </si>
  <si>
    <t>12/27/2019 01:33:54</t>
  </si>
  <si>
    <t>12/27/2019 01:33:17</t>
  </si>
  <si>
    <t>12/27/2019 01:34:55</t>
  </si>
  <si>
    <t>12/27/2019 01:33:00</t>
  </si>
  <si>
    <t>12/27/2019 01:37:55</t>
  </si>
  <si>
    <t>12/27/2019 01:34:02</t>
  </si>
  <si>
    <t>12/27/2019 01:39:00</t>
  </si>
  <si>
    <t>12/27/2019 01:42:55</t>
  </si>
  <si>
    <t>12/27/2019 01:40:00</t>
  </si>
  <si>
    <t>12/27/2019 01:45:00</t>
  </si>
  <si>
    <t>12/27/2019 01:47:55</t>
  </si>
  <si>
    <t>12/27/2019 01:46:00</t>
  </si>
  <si>
    <t>12/27/2019 01:51:00</t>
  </si>
  <si>
    <t>12/27/2019 01:52:55</t>
  </si>
  <si>
    <t>12/27/2019 01:52:00</t>
  </si>
  <si>
    <t>12/27/2019 01:53:58</t>
  </si>
  <si>
    <t>12/27/2019 01:55:56</t>
  </si>
  <si>
    <t>12/27/2019 01:51:02</t>
  </si>
  <si>
    <t>12/27/2019 01:57:00</t>
  </si>
  <si>
    <t>12/27/2019 01:57:56</t>
  </si>
  <si>
    <t>12/27/2019 01:58:00</t>
  </si>
  <si>
    <t>12/27/2019 02:02:55</t>
  </si>
  <si>
    <t>12/27/2019 02:02:38</t>
  </si>
  <si>
    <t>12/27/2019 02:06:56</t>
  </si>
  <si>
    <t>12/27/2019 02:03:00</t>
  </si>
  <si>
    <t>12/27/2019 02:07:55</t>
  </si>
  <si>
    <t>12/27/2019 02:04:00</t>
  </si>
  <si>
    <t>12/27/2019 02:07:26</t>
  </si>
  <si>
    <t>12/27/2019 02:09:55</t>
  </si>
  <si>
    <t>12/27/2019 02:09:00</t>
  </si>
  <si>
    <t>12/27/2019 02:12:56</t>
  </si>
  <si>
    <t>12/27/2019 02:10:00</t>
  </si>
  <si>
    <t>12/27/2019 02:08:57</t>
  </si>
  <si>
    <t>12/27/2019 02:14:56</t>
  </si>
  <si>
    <t>12/27/2019 02:15:00</t>
  </si>
  <si>
    <t>12/27/2019 02:17:56</t>
  </si>
  <si>
    <t>12/27/2019 02:16:00</t>
  </si>
  <si>
    <t>12/27/2019 02:18:20</t>
  </si>
  <si>
    <t>12/27/2019 02:18:56</t>
  </si>
  <si>
    <t>12/27/2019 02:18:48</t>
  </si>
  <si>
    <t>12/27/2019 02:20:55</t>
  </si>
  <si>
    <t>12/27/2019 02:20:40</t>
  </si>
  <si>
    <t>12/27/2019 02:22:55</t>
  </si>
  <si>
    <t>12/27/2019 02:21:00</t>
  </si>
  <si>
    <t>12/27/2019 02:22:00</t>
  </si>
  <si>
    <t>12/27/2019 02:27:00</t>
  </si>
  <si>
    <t>12/27/2019 02:27:56</t>
  </si>
  <si>
    <t>12/27/2019 02:28:00</t>
  </si>
  <si>
    <t>12/27/2019 02:32:55</t>
  </si>
  <si>
    <t>12/27/2019 02:33:00</t>
  </si>
  <si>
    <t>12/27/2019 02:37:55</t>
  </si>
  <si>
    <t>12/27/2019 02:34:01</t>
  </si>
  <si>
    <t>12/27/2019 02:35:44</t>
  </si>
  <si>
    <t>12/27/2019 02:40:55</t>
  </si>
  <si>
    <t>12/27/2019 02:39:01</t>
  </si>
  <si>
    <t>12/27/2019 02:42:55</t>
  </si>
  <si>
    <t>12/27/2019 02:40:00</t>
  </si>
  <si>
    <t>12/27/2019 02:45:00</t>
  </si>
  <si>
    <t>12/27/2019 02:47:54</t>
  </si>
  <si>
    <t>12/27/2019 02:46:00</t>
  </si>
  <si>
    <t>12/27/2019 02:46:10</t>
  </si>
  <si>
    <t>12/27/2019 02:50:55</t>
  </si>
  <si>
    <t>12/27/2019 02:48:06</t>
  </si>
  <si>
    <t>12/27/2019 02:52:54</t>
  </si>
  <si>
    <t>12/27/2019 02:51:00</t>
  </si>
  <si>
    <t>12/27/2019 02:52:00</t>
  </si>
  <si>
    <t>12/27/2019 02:53:02</t>
  </si>
  <si>
    <t>12/27/2019 02:53:54</t>
  </si>
  <si>
    <t>12/27/2019 02:51:03</t>
  </si>
  <si>
    <t>12/27/2019 02:55:55</t>
  </si>
  <si>
    <t>12/27/2019 02:54:24</t>
  </si>
  <si>
    <t>12/27/2019 02:57:55</t>
  </si>
  <si>
    <t>12/27/2019 02:57:01</t>
  </si>
  <si>
    <t>12/27/2019 02:53:49</t>
  </si>
  <si>
    <t>12/27/2019 02:58:55</t>
  </si>
  <si>
    <t>12/27/2019 02:56:26</t>
  </si>
  <si>
    <t>12/27/2019 03:00:55</t>
  </si>
  <si>
    <t>12/27/2019 02:58:00</t>
  </si>
  <si>
    <t>12/27/2019 03:02:55</t>
  </si>
  <si>
    <t>12/27/2019 03:03:05</t>
  </si>
  <si>
    <t>12/27/2019 03:05:55</t>
  </si>
  <si>
    <t>12/27/2019 03:03:50</t>
  </si>
  <si>
    <t>12/27/2019 03:03:01</t>
  </si>
  <si>
    <t>12/27/2019 03:07:55</t>
  </si>
  <si>
    <t>12/27/2019 03:04:01</t>
  </si>
  <si>
    <t>12/27/2019 03:06:46</t>
  </si>
  <si>
    <t>12/27/2019 03:08:54</t>
  </si>
  <si>
    <t>12/27/2019 03:05:19</t>
  </si>
  <si>
    <t>12/27/2019 03:09:55</t>
  </si>
  <si>
    <t>12/27/2019 03:06:15</t>
  </si>
  <si>
    <t>12/27/2019 03:10:55</t>
  </si>
  <si>
    <t>12/27/2019 03:09:40</t>
  </si>
  <si>
    <t>12/27/2019 03:12:54</t>
  </si>
  <si>
    <t>12/27/2019 03:09:01</t>
  </si>
  <si>
    <t>12/27/2019 03:10:01</t>
  </si>
  <si>
    <t>12/27/2019 03:12:48</t>
  </si>
  <si>
    <t>12/27/2019 03:15:55</t>
  </si>
  <si>
    <t>12/27/2019 03:15:53</t>
  </si>
  <si>
    <t>12/27/2019 03:17:55</t>
  </si>
  <si>
    <t>12/27/2019 03:15:01</t>
  </si>
  <si>
    <t>12/27/2019 03:16:01</t>
  </si>
  <si>
    <t>12/27/2019 03:14:50</t>
  </si>
  <si>
    <t>12/27/2019 03:19:55</t>
  </si>
  <si>
    <t>12/27/2019 03:19:14</t>
  </si>
  <si>
    <t>12/27/2019 03:21:55</t>
  </si>
  <si>
    <t>12/27/2019 03:21:01</t>
  </si>
  <si>
    <t>12/27/2019 03:22:55</t>
  </si>
  <si>
    <t>12/27/2019 03:22:01</t>
  </si>
  <si>
    <t>12/27/2019 03:21:00</t>
  </si>
  <si>
    <t>12/27/2019 03:23:55</t>
  </si>
  <si>
    <t>12/27/2019 03:21:42</t>
  </si>
  <si>
    <t>12/27/2019 03:21:58</t>
  </si>
  <si>
    <t>12/27/2019 03:24:55</t>
  </si>
  <si>
    <t>12/27/2019 03:23:24</t>
  </si>
  <si>
    <t>12/27/2019 03:25:55</t>
  </si>
  <si>
    <t>12/27/2019 03:27:01</t>
  </si>
  <si>
    <t>12/27/2019 03:27:56</t>
  </si>
  <si>
    <t>12/27/2019 03:26:35</t>
  </si>
  <si>
    <t>12/27/2019 03:28:55</t>
  </si>
  <si>
    <t>12/27/2019 03:28:01</t>
  </si>
  <si>
    <t>12/27/2019 03:32:55</t>
  </si>
  <si>
    <t>12/27/2019 03:32:57</t>
  </si>
  <si>
    <t>12/27/2019 03:34:56</t>
  </si>
  <si>
    <t>12/27/2019 03:33:16</t>
  </si>
  <si>
    <t>12/27/2019 03:35:55</t>
  </si>
  <si>
    <t>12/27/2019 03:33:01</t>
  </si>
  <si>
    <t>12/27/2019 03:37:56</t>
  </si>
  <si>
    <t>12/27/2019 03:34:02</t>
  </si>
  <si>
    <t>12/27/2019 03:36:53</t>
  </si>
  <si>
    <t>12/27/2019 03:38:56</t>
  </si>
  <si>
    <t>12/27/2019 03:39:48</t>
  </si>
  <si>
    <t>12/27/2019 03:40:56</t>
  </si>
  <si>
    <t>12/27/2019 03:38:08</t>
  </si>
  <si>
    <t>12/27/2019 03:41:55</t>
  </si>
  <si>
    <t>12/27/2019 03:42:17</t>
  </si>
  <si>
    <t>12/27/2019 03:42:56</t>
  </si>
  <si>
    <t>12/27/2019 03:39:01</t>
  </si>
  <si>
    <t>12/27/2019 03:40:01</t>
  </si>
  <si>
    <t>12/27/2019 03:45:01</t>
  </si>
  <si>
    <t>12/27/2019 03:47:56</t>
  </si>
  <si>
    <t>12/27/2019 03:46:01</t>
  </si>
  <si>
    <t>12/27/2019 03:46:46</t>
  </si>
  <si>
    <t>12/27/2019 03:48:56</t>
  </si>
  <si>
    <t>12/27/2019 03:49:26</t>
  </si>
  <si>
    <t>12/27/2019 03:51:55</t>
  </si>
  <si>
    <t>12/27/2019 03:50:07</t>
  </si>
  <si>
    <t>12/27/2019 03:51:49</t>
  </si>
  <si>
    <t>12/27/2019 03:52:55</t>
  </si>
  <si>
    <t>12/27/2019 03:51:01</t>
  </si>
  <si>
    <t>12/27/2019 03:52:01</t>
  </si>
  <si>
    <t>12/27/2019 03:52:40</t>
  </si>
  <si>
    <t>12/27/2019 03:54:55</t>
  </si>
  <si>
    <t>12/27/2019 03:52:06</t>
  </si>
  <si>
    <t>12/27/2019 03:55:55</t>
  </si>
  <si>
    <t>12/27/2019 03:57:27</t>
  </si>
  <si>
    <t>12/27/2019 03:57:56</t>
  </si>
  <si>
    <t>12/27/2019 03:57:02</t>
  </si>
  <si>
    <t>12/27/2019 03:59:56</t>
  </si>
  <si>
    <t>12/27/2019 03:59:25</t>
  </si>
  <si>
    <t>12/27/2019 04:02:55</t>
  </si>
  <si>
    <t>12/27/2019 03:58:02</t>
  </si>
  <si>
    <t>12/27/2019 04:05:03</t>
  </si>
  <si>
    <t>12/27/2019 04:05:56</t>
  </si>
  <si>
    <t>12/27/2019 04:04:21</t>
  </si>
  <si>
    <t>12/27/2019 04:06:55</t>
  </si>
  <si>
    <t>12/27/2019 04:03:02</t>
  </si>
  <si>
    <t>12/27/2019 04:07:56</t>
  </si>
  <si>
    <t>12/27/2019 04:04:02</t>
  </si>
  <si>
    <t>12/27/2019 04:09:43</t>
  </si>
  <si>
    <t>12/27/2019 04:10:55</t>
  </si>
  <si>
    <t>12/27/2019 04:07:23</t>
  </si>
  <si>
    <t>12/27/2019 04:09:02</t>
  </si>
  <si>
    <t>12/27/2019 04:12:56</t>
  </si>
  <si>
    <t>12/27/2019 04:10:02</t>
  </si>
  <si>
    <t>12/27/2019 04:15:02</t>
  </si>
  <si>
    <t>12/27/2019 04:17:55</t>
  </si>
  <si>
    <t>12/27/2019 04:16:02</t>
  </si>
  <si>
    <t>12/27/2019 04:18:13</t>
  </si>
  <si>
    <t>12/27/2019 04:19:56</t>
  </si>
  <si>
    <t>12/27/2019 04:21:12</t>
  </si>
  <si>
    <t>12/27/2019 04:22:56</t>
  </si>
  <si>
    <t>12/27/2019 04:18:51</t>
  </si>
  <si>
    <t>12/27/2019 04:21:02</t>
  </si>
  <si>
    <t>12/27/2019 04:22:02</t>
  </si>
  <si>
    <t>12/27/2019 04:22:15</t>
  </si>
  <si>
    <t>12/27/2019 04:27:56</t>
  </si>
  <si>
    <t>12/27/2019 04:27:02</t>
  </si>
  <si>
    <t>12/27/2019 04:24:47</t>
  </si>
  <si>
    <t>12/27/2019 04:29:56</t>
  </si>
  <si>
    <t>12/27/2019 04:29:32</t>
  </si>
  <si>
    <t>12/27/2019 04:31:56</t>
  </si>
  <si>
    <t>12/27/2019 04:28:02</t>
  </si>
  <si>
    <t>12/27/2019 04:32:56</t>
  </si>
  <si>
    <t>12/27/2019 04:33:55</t>
  </si>
  <si>
    <t>12/27/2019 04:36:56</t>
  </si>
  <si>
    <t>12/27/2019 04:33:02</t>
  </si>
  <si>
    <t>12/27/2019 04:37:56</t>
  </si>
  <si>
    <t>12/27/2019 04:34:03</t>
  </si>
  <si>
    <t>12/27/2019 04:36:15</t>
  </si>
  <si>
    <t>12/27/2019 04:40:57</t>
  </si>
  <si>
    <t>12/27/2019 04:36:17</t>
  </si>
  <si>
    <t>12/27/2019 04:41:56</t>
  </si>
  <si>
    <t>12/27/2019 04:39:02</t>
  </si>
  <si>
    <t>12/27/2019 04:42:56</t>
  </si>
  <si>
    <t>12/27/2019 04:40:02</t>
  </si>
  <si>
    <t>12/27/2019 04:45:36</t>
  </si>
  <si>
    <t>12/27/2019 04:46:57</t>
  </si>
  <si>
    <t>12/27/2019 04:45:02</t>
  </si>
  <si>
    <t>12/27/2019 04:47:57</t>
  </si>
  <si>
    <t>12/27/2019 04:46:02</t>
  </si>
  <si>
    <t>12/27/2019 04:51:03</t>
  </si>
  <si>
    <t>12/27/2019 04:52:56</t>
  </si>
  <si>
    <t>12/27/2019 04:52:04</t>
  </si>
  <si>
    <t>12/27/2019 04:54:46</t>
  </si>
  <si>
    <t>12/27/2019 04:56:57</t>
  </si>
  <si>
    <t>12/27/2019 04:57:03</t>
  </si>
  <si>
    <t>12/27/2019 04:57:57</t>
  </si>
  <si>
    <t>12/27/2019 05:00:33</t>
  </si>
  <si>
    <t>12/27/2019 05:04:56</t>
  </si>
  <si>
    <t>12/27/2019 04:58:03</t>
  </si>
  <si>
    <t>12/27/2019 05:08:56</t>
  </si>
  <si>
    <t>12/27/2019 05:03:03</t>
  </si>
  <si>
    <t>12/27/2019 05:04:03</t>
  </si>
  <si>
    <t>12/27/2019 05:05:57</t>
  </si>
  <si>
    <t>12/27/2019 05:09:56</t>
  </si>
  <si>
    <t>12/27/2019 05:09:03</t>
  </si>
  <si>
    <t>12/27/2019 05:13:56</t>
  </si>
  <si>
    <t>12/27/2019 05:10:03</t>
  </si>
  <si>
    <t>12/27/2019 05:09:26</t>
  </si>
  <si>
    <t>12/27/2019 05:14:56</t>
  </si>
  <si>
    <t>f6f9c4f8-da08-4df1-9990-2708475da6df.tmp</t>
  </si>
  <si>
    <t>\\acsfs\profiles$\marlyannegdls\Downloads\f6f9c4f8-da08-4df1-9990-2708475da6df.tmp</t>
  </si>
  <si>
    <t>12/27/2019 05:10:46</t>
  </si>
  <si>
    <t>503a13e2-ca83-438b-bb09-5d511a29c438.tmp</t>
  </si>
  <si>
    <t>\\acsfs\profiles$\marlyannegdls\Downloads\503a13e2-ca83-438b-bb09-5d511a29c438.tmp</t>
  </si>
  <si>
    <t>12/27/2019 05:11:21</t>
  </si>
  <si>
    <t>12/27/2019 05:15:56</t>
  </si>
  <si>
    <t>12/27/2019 05:15:03</t>
  </si>
  <si>
    <t>12/27/2019 05:18:55</t>
  </si>
  <si>
    <t>12/27/2019 05:16:03</t>
  </si>
  <si>
    <t>12/27/2019 05:18:28</t>
  </si>
  <si>
    <t>12/27/2019 05:21:55</t>
  </si>
  <si>
    <t>358e3f6c-cb4e-4ab4-93f0-6be0e96bd761.tmp</t>
  </si>
  <si>
    <t>\\acsfs\profiles$\rogeriofd\Downloads\358e3f6c-cb4e-4ab4-93f0-6be0e96bd761.tmp</t>
  </si>
  <si>
    <t>12/27/2019 05:17:58</t>
  </si>
  <si>
    <t>12/27/2019 05:18:12</t>
  </si>
  <si>
    <t>12/27/2019 05:22:55</t>
  </si>
  <si>
    <t>12/27/2019 05:20:19</t>
  </si>
  <si>
    <t>12/27/2019 05:23:56</t>
  </si>
  <si>
    <t>12/27/2019 05:21:03</t>
  </si>
  <si>
    <t>12/27/2019 05:22:02</t>
  </si>
  <si>
    <t>12/27/2019 05:27:02</t>
  </si>
  <si>
    <t>12/27/2019 05:28:55</t>
  </si>
  <si>
    <t>12/27/2019 05:28:02</t>
  </si>
  <si>
    <t>12/27/2019 05:33:02</t>
  </si>
  <si>
    <t>12/27/2019 05:33:55</t>
  </si>
  <si>
    <t>12/27/2019 05:34:03</t>
  </si>
  <si>
    <t>12/27/2019 05:38:56</t>
  </si>
  <si>
    <t>12/27/2019 05:39:45</t>
  </si>
  <si>
    <t>12/27/2019 05:40:56</t>
  </si>
  <si>
    <t>12/27/2019 05:37:11</t>
  </si>
  <si>
    <t>12/27/2019 05:41:56</t>
  </si>
  <si>
    <t>f6c645f3-40e2-49de-86c2-b1fee638e753.tmp</t>
  </si>
  <si>
    <t>\\acsfs\profiles$\Adrieledgc\Downloads\f6c645f3-40e2-49de-86c2-b1fee638e753.tmp</t>
  </si>
  <si>
    <t>12/27/2019 05:37:32</t>
  </si>
  <si>
    <t>283c8782-22a4-47dd-8c2b-de7577ba213d.tmp</t>
  </si>
  <si>
    <t>\\acsfs\profiles$\Adrieledgc\Downloads\283c8782-22a4-47dd-8c2b-de7577ba213d.tmp</t>
  </si>
  <si>
    <t>12/27/2019 05:39:02</t>
  </si>
  <si>
    <t>12/27/2019 05:43:56</t>
  </si>
  <si>
    <t>12/27/2019 05:40:02</t>
  </si>
  <si>
    <t>12/27/2019 05:48:12</t>
  </si>
  <si>
    <t>12/27/2019 05:48:55</t>
  </si>
  <si>
    <t>rozencam</t>
  </si>
  <si>
    <t>\\acsfs\profiles$\ROZENCAM\Downloads\</t>
  </si>
  <si>
    <t>f729fe31-2bc4-4878-832f-b6ee1d3f0b74.tmp</t>
  </si>
  <si>
    <t>\\acsfs\profiles$\ROZENCAM\Downloads\f729fe31-2bc4-4878-832f-b6ee1d3f0b74.tmp</t>
  </si>
  <si>
    <t>12/27/2019 05:46:44</t>
  </si>
  <si>
    <t>12/27/2019 05:45:02</t>
  </si>
  <si>
    <t>12/27/2019 05:46:02</t>
  </si>
  <si>
    <t>12/27/2019 05:48:11</t>
  </si>
  <si>
    <t>12/27/2019 05:52:55</t>
  </si>
  <si>
    <t>12/27/2019 05:51:02</t>
  </si>
  <si>
    <t>12/27/2019 05:53:55</t>
  </si>
  <si>
    <t>12/27/2019 05:52:02</t>
  </si>
  <si>
    <t>12/27/2019 05:50:12</t>
  </si>
  <si>
    <t>12/27/2019 05:54:55</t>
  </si>
  <si>
    <t>12/27/2019 05:57:02</t>
  </si>
  <si>
    <t>12/27/2019 05:58:55</t>
  </si>
  <si>
    <t>12/27/2019 05:58:02</t>
  </si>
  <si>
    <t>12/27/2019 05:59:42</t>
  </si>
  <si>
    <t>12/27/2019 06:00:55</t>
  </si>
  <si>
    <t>12/27/2019 05:59:16</t>
  </si>
  <si>
    <t>12/27/2019 06:03:02</t>
  </si>
  <si>
    <t>12/27/2019 06:03:56</t>
  </si>
  <si>
    <t>12/27/2019 06:02:08</t>
  </si>
  <si>
    <t>12/27/2019 06:05:56</t>
  </si>
  <si>
    <t>f513cdc7-e2c8-4cc9-9fcd-a27532b43b24.tmp</t>
  </si>
  <si>
    <t>\\acsfs\profiles$\lucasqdss\Downloads\f513cdc7-e2c8-4cc9-9fcd-a27532b43b24.tmp</t>
  </si>
  <si>
    <t>12/27/2019 06:04:02</t>
  </si>
  <si>
    <t>12/27/2019 06:08:56</t>
  </si>
  <si>
    <t>12/27/2019 06:09:08</t>
  </si>
  <si>
    <t>12/27/2019 06:10:56</t>
  </si>
  <si>
    <t>12/27/2019 06:08:46</t>
  </si>
  <si>
    <t>a65b827e-7f94-4945-be66-48f8eb1a9365.tmp</t>
  </si>
  <si>
    <t>\\acsfs\profiles$\lucasqdss\Downloads\a65b827e-7f94-4945-be66-48f8eb1a9365.tmp</t>
  </si>
  <si>
    <t>12/27/2019 06:09:56</t>
  </si>
  <si>
    <t>0feefa4d-ddaf-408a-9d42-15719d689ba6.tmp</t>
  </si>
  <si>
    <t>\\acsfs\profiles$\lucasqdss\Downloads\0feefa4d-ddaf-408a-9d42-15719d689ba6.tmp</t>
  </si>
  <si>
    <t>12/27/2019 06:08:53</t>
  </si>
  <si>
    <t>12/27/2019 06:13:56</t>
  </si>
  <si>
    <t>bd16632f-e7ea-46d3-8a37-64ebb4f9d423.tmp</t>
  </si>
  <si>
    <t>\\acsfs\profiles$\ROZENCAM\Downloads\bd16632f-e7ea-46d3-8a37-64ebb4f9d423.tmp</t>
  </si>
  <si>
    <t>12/27/2019 06:09:06</t>
  </si>
  <si>
    <t>3ba307fc-a835-495a-9488-8bc45fb1c318.tmp</t>
  </si>
  <si>
    <t>\\acsfs\profiles$\ROZENCAM\Downloads\3ba307fc-a835-495a-9488-8bc45fb1c318.tmp</t>
  </si>
  <si>
    <t>12/27/2019 06:09:02</t>
  </si>
  <si>
    <t>12/27/2019 06:10:02</t>
  </si>
  <si>
    <t>12/27/2019 06:14:28</t>
  </si>
  <si>
    <t>12/27/2019 06:18:56</t>
  </si>
  <si>
    <t>e05c567a-d480-4815-a3ec-f4fe9d43af57.tmp</t>
  </si>
  <si>
    <t>\\acsfs\profiles$\ROZENCAM\Downloads\e05c567a-d480-4815-a3ec-f4fe9d43af57.tmp</t>
  </si>
  <si>
    <t>12/27/2019 06:15:02</t>
  </si>
  <si>
    <t>12/27/2019 06:16:02</t>
  </si>
  <si>
    <t>12/27/2019 06:19:00</t>
  </si>
  <si>
    <t>12/27/2019 06:23:56</t>
  </si>
  <si>
    <t>12/27/2019 06:21:02</t>
  </si>
  <si>
    <t>12/27/2019 06:22:03</t>
  </si>
  <si>
    <t>12/27/2019 06:24:28</t>
  </si>
  <si>
    <t>12/27/2019 06:25:56</t>
  </si>
  <si>
    <t>12/27/2019 06:21:59</t>
  </si>
  <si>
    <t>12/27/2019 06:26:56</t>
  </si>
  <si>
    <t>12/27/2019 06:27:03</t>
  </si>
  <si>
    <t>12/27/2019 06:28:56</t>
  </si>
  <si>
    <t>12/27/2019 06:28:03</t>
  </si>
  <si>
    <t>12/27/2019 06:29:53</t>
  </si>
  <si>
    <t>12/27/2019 06:32:56</t>
  </si>
  <si>
    <t>12/27/2019 06:33:03</t>
  </si>
  <si>
    <t>12/27/2019 06:33:56</t>
  </si>
  <si>
    <t>12/27/2019 06:34:03</t>
  </si>
  <si>
    <t>12/27/2019 06:38:57</t>
  </si>
  <si>
    <t>12/27/2019 06:39:03</t>
  </si>
  <si>
    <t>12/27/2019 06:43:57</t>
  </si>
  <si>
    <t>12/27/2019 06:40:03</t>
  </si>
  <si>
    <t>12/27/2019 06:45:41</t>
  </si>
  <si>
    <t>12/27/2019 06:48:57</t>
  </si>
  <si>
    <t>4fbc9115-1e16-407f-a12f-7de8f8e563e4.tmp</t>
  </si>
  <si>
    <t>\\acsfs\profiles$\vivianalds\Downloads\4fbc9115-1e16-407f-a12f-7de8f8e563e4.tmp</t>
  </si>
  <si>
    <t>12/27/2019 06:46:56</t>
  </si>
  <si>
    <t>f0a767ea-3573-452c-9e78-f85efabe06a7.tmp</t>
  </si>
  <si>
    <t>\\acsfs\profiles$\vivianalds\Downloads\f0a767ea-3573-452c-9e78-f85efabe06a7.tmp</t>
  </si>
  <si>
    <t>12/27/2019 06:48:21</t>
  </si>
  <si>
    <t>12/27/2019 06:45:03</t>
  </si>
  <si>
    <t>12/27/2019 06:46:03</t>
  </si>
  <si>
    <t>12/27/2019 06:50:41</t>
  </si>
  <si>
    <t>12/27/2019 06:51:57</t>
  </si>
  <si>
    <t>c32db4e0-037f-4bb1-ac76-a58855ed2302.tmp</t>
  </si>
  <si>
    <t>\\acsfs\profiles$\nathaliadf\Downloads\c32db4e0-037f-4bb1-ac76-a58855ed2302.tmp</t>
  </si>
  <si>
    <t>12/27/2019 06:51:31</t>
  </si>
  <si>
    <t>12/27/2019 06:52:56</t>
  </si>
  <si>
    <t>61828d35-a023-468c-961b-be7c958d373e.tmp</t>
  </si>
  <si>
    <t>\\acsfs\profiles$\vivianealda\Downloads\61828d35-a023-468c-961b-be7c958d373e.tmp</t>
  </si>
  <si>
    <t>12/27/2019 06:51:33</t>
  </si>
  <si>
    <t>de763587-5978-4e04-9193-3a11e75497f0.tmp</t>
  </si>
  <si>
    <t>\\acsfs\profiles$\vivianealda\Downloads\de763587-5978-4e04-9193-3a11e75497f0.tmp</t>
  </si>
  <si>
    <t>12/27/2019 06:51:03</t>
  </si>
  <si>
    <t>12/27/2019 06:53:57</t>
  </si>
  <si>
    <t>12/27/2019 06:52:03</t>
  </si>
  <si>
    <t>12/27/2019 06:50:28</t>
  </si>
  <si>
    <t>12/27/2019 06:55:57</t>
  </si>
  <si>
    <t>12/27/2019 06:51:10</t>
  </si>
  <si>
    <t>12/27/2019 06:56:56</t>
  </si>
  <si>
    <t>27ae0b86-6a36-4cc4-b943-d87b7571122f.tmp</t>
  </si>
  <si>
    <t>\\acsfs\profiles$\nathaliadf\Downloads\27ae0b86-6a36-4cc4-b943-d87b7571122f.tmp</t>
  </si>
  <si>
    <t>12/27/2019 06:52:09</t>
  </si>
  <si>
    <t>513d6088-403d-44cd-86ff-8c1b4d064c3a.tmp</t>
  </si>
  <si>
    <t>\\acsfs\profiles$\nathaliadf\Downloads\513d6088-403d-44cd-86ff-8c1b4d064c3a.tmp</t>
  </si>
  <si>
    <t>12/27/2019 06:52:30</t>
  </si>
  <si>
    <t>1a10acfa-de13-4234-af34-1795457609d2.tmp</t>
  </si>
  <si>
    <t>\\acsfs\profiles$\nathaliadf\Downloads\1a10acfa-de13-4234-af34-1795457609d2.tmp</t>
  </si>
  <si>
    <t>12/27/2019 06:52:57</t>
  </si>
  <si>
    <t>12/27/2019 06:57:57</t>
  </si>
  <si>
    <t>3265eeb6-9a3d-466e-9e23-ab9dbc7ad7ff.tmp</t>
  </si>
  <si>
    <t>\\acsfs\profiles$\vivianealda\Downloads\3265eeb6-9a3d-466e-9e23-ab9dbc7ad7ff.tmp</t>
  </si>
  <si>
    <t>12/27/2019 06:56:30</t>
  </si>
  <si>
    <t>12/27/2019 06:57:59</t>
  </si>
  <si>
    <t>12/27/2019 06:58:56</t>
  </si>
  <si>
    <t>12/27/2019 06:58:03</t>
  </si>
  <si>
    <t>1e8ffe5e-04c1-4a60-8865-f2cd0bda8405.tmp</t>
  </si>
  <si>
    <t>\\acsfs\profiles$\BRUNAAR\Downloads\1e8ffe5e-04c1-4a60-8865-f2cd0bda8405.tmp</t>
  </si>
  <si>
    <t>12/27/2019 06:56:52</t>
  </si>
  <si>
    <t>8b13b3da-b646-4546-9fe4-09772ce0d119.tmp</t>
  </si>
  <si>
    <t>\\acsfs\profiles$\ROZENCAM\Downloads\8b13b3da-b646-4546-9fe4-09772ce0d119.tmp</t>
  </si>
  <si>
    <t>12/27/2019 06:57:03</t>
  </si>
  <si>
    <t>12/27/2019 06:54:37</t>
  </si>
  <si>
    <t>12/27/2019 06:59:57</t>
  </si>
  <si>
    <t>12/27/2019 06:54:38</t>
  </si>
  <si>
    <t>12/27/2019 06:59:50</t>
  </si>
  <si>
    <t>12/27/2019 07:01:57</t>
  </si>
  <si>
    <t>a495cee0-40fc-4cc2-b75d-9ac23a50fb46.tmp</t>
  </si>
  <si>
    <t>\\acsfs\profiles$\nathaliadf\Downloads\a495cee0-40fc-4cc2-b75d-9ac23a50fb46.tmp</t>
  </si>
  <si>
    <t>12/27/2019 06:57:39</t>
  </si>
  <si>
    <t>12/27/2019 07:02:57</t>
  </si>
  <si>
    <t>0d94f039-ac11-4b01-baa5-8b4e84a42bc2.tmp</t>
  </si>
  <si>
    <t>\\acsfs\profiles$\vivianealda\Downloads\0d94f039-ac11-4b01-baa5-8b4e84a42bc2.tmp</t>
  </si>
  <si>
    <t>12/27/2019 06:59:43</t>
  </si>
  <si>
    <t>12/27/2019 07:00:04</t>
  </si>
  <si>
    <t>12/27/2019 07:00:12</t>
  </si>
  <si>
    <t>12/27/2019 06:59:32</t>
  </si>
  <si>
    <t>12/27/2019 07:03:57</t>
  </si>
  <si>
    <t>767d555f-3531-4401-990c-ecef5aaa77a6.tmp</t>
  </si>
  <si>
    <t>\\acsfs\profiles$\BRUNAAR\Downloads\767d555f-3531-4401-990c-ecef5aaa77a6.tmp</t>
  </si>
  <si>
    <t>12/27/2019 07:03:03</t>
  </si>
  <si>
    <t>12/27/2019 07:06:08</t>
  </si>
  <si>
    <t>12/27/2019 07:08:56</t>
  </si>
  <si>
    <t>12/27/2019 07:04:03</t>
  </si>
  <si>
    <t>12/27/2019 07:05:40</t>
  </si>
  <si>
    <t>12/27/2019 07:10:56</t>
  </si>
  <si>
    <t>Holerite_122019_2106152.pdf.mxabw1w.partial</t>
  </si>
  <si>
    <t>\\acsfs\profiles$\monicargds\Downloads\Holerite_122019_2106152.pdf.mxabw1w.partial</t>
  </si>
  <si>
    <t>12/27/2019 07:06:48</t>
  </si>
  <si>
    <t>ALBERTO FERREIRA NETO (3704).contact</t>
  </si>
  <si>
    <t>\\acsfs\profiles$\albertofn\Contacts\ALBERTO FERREIRA NETO (3704).contact</t>
  </si>
  <si>
    <t>12/27/2019 07:07:00</t>
  </si>
  <si>
    <t>12/27/2019 07:07:01</t>
  </si>
  <si>
    <t>12/27/2019 07:07:02</t>
  </si>
  <si>
    <t>12/27/2019 07:07:03</t>
  </si>
  <si>
    <t>12/27/2019 07:07:04</t>
  </si>
  <si>
    <t>12/27/2019 07:07:05</t>
  </si>
  <si>
    <t>12/27/2019 07:07:06</t>
  </si>
  <si>
    <t>12/27/2019 07:07:15</t>
  </si>
  <si>
    <t>12/27/2019 07:07:16</t>
  </si>
  <si>
    <t>12/27/2019 07:08:34</t>
  </si>
  <si>
    <t>12/27/2019 07:11:22</t>
  </si>
  <si>
    <t>12/27/2019 07:13:57</t>
  </si>
  <si>
    <t>12/27/2019 07:11:30</t>
  </si>
  <si>
    <t>12/27/2019 07:08:46</t>
  </si>
  <si>
    <t>12/27/2019 07:08:47</t>
  </si>
  <si>
    <t>12/27/2019 07:09:03</t>
  </si>
  <si>
    <t>12/27/2019 07:10:03</t>
  </si>
  <si>
    <t>12/27/2019 07:11:34</t>
  </si>
  <si>
    <t>12/27/2019 07:13:04</t>
  </si>
  <si>
    <t>12/27/2019 07:14:57</t>
  </si>
  <si>
    <t>12/27/2019 07:12:02</t>
  </si>
  <si>
    <t>12/27/2019 07:15:57</t>
  </si>
  <si>
    <t>12/27/2019 07:17:44</t>
  </si>
  <si>
    <t>12/27/2019 07:18:56</t>
  </si>
  <si>
    <t>12/27/2019 07:17:45</t>
  </si>
  <si>
    <t>lu87561g57ln.tmp</t>
  </si>
  <si>
    <t>\\acsfs\profiles$\BRUNAAR\Numero\lu87561g57ln.tmp</t>
  </si>
  <si>
    <t>12/27/2019 07:16:05</t>
  </si>
  <si>
    <t>12/27/2019 07:15:03</t>
  </si>
  <si>
    <t>12/27/2019 07:16:03</t>
  </si>
  <si>
    <t>12/27/2019 07:15:45</t>
  </si>
  <si>
    <t>12/27/2019 07:20:57</t>
  </si>
  <si>
    <t>12/27/2019 07:19:46</t>
  </si>
  <si>
    <t>12/27/2019 07:20:03</t>
  </si>
  <si>
    <t>12/27/2019 07:20:07</t>
  </si>
  <si>
    <t>12/27/2019 07:20:12</t>
  </si>
  <si>
    <t>12/27/2019 07:19:50</t>
  </si>
  <si>
    <t>12/27/2019 07:23:56</t>
  </si>
  <si>
    <t>12/27/2019 07:21:03</t>
  </si>
  <si>
    <t>12/27/2019 07:22:03</t>
  </si>
  <si>
    <t>12/27/2019 07:24:09</t>
  </si>
  <si>
    <t>12/27/2019 07:25:56</t>
  </si>
  <si>
    <t>df6a88ac-3b8d-4191-83d8-92c05776ca53.tmp</t>
  </si>
  <si>
    <t>\\acsfs\profiles$\sarahbal\Downloads\df6a88ac-3b8d-4191-83d8-92c05776ca53.tmp</t>
  </si>
  <si>
    <t>12/27/2019 07:20:34</t>
  </si>
  <si>
    <t>12/27/2019 07:20:42</t>
  </si>
  <si>
    <t>12/27/2019 07:20:49</t>
  </si>
  <si>
    <t>12/27/2019 07:21:02</t>
  </si>
  <si>
    <t>12/27/2019 07:21:12</t>
  </si>
  <si>
    <t>12/27/2019 07:21:16</t>
  </si>
  <si>
    <t>12/27/2019 07:21:20</t>
  </si>
  <si>
    <t>12/27/2019 07:24:30</t>
  </si>
  <si>
    <t>12/27/2019 07:26:57</t>
  </si>
  <si>
    <t>12/27/2019 07:25:43</t>
  </si>
  <si>
    <t>12/27/2019 07:27:08</t>
  </si>
  <si>
    <t>12/27/2019 07:27:56</t>
  </si>
  <si>
    <t>12/27/2019 07:27:03</t>
  </si>
  <si>
    <t>12/27/2019 07:28:57</t>
  </si>
  <si>
    <t>12/27/2019 07:28:03</t>
  </si>
  <si>
    <t>12/27/2019 07:25:39</t>
  </si>
  <si>
    <t>12/27/2019 07:29:56</t>
  </si>
  <si>
    <t>effc3aae-5cb1-475d-bfc8-20c4ea503692.tmp</t>
  </si>
  <si>
    <t>\\acsfs\profiles$\cintiadcf\Downloads\effc3aae-5cb1-475d-bfc8-20c4ea503692.tmp</t>
  </si>
  <si>
    <t>12/27/2019 07:25:42</t>
  </si>
  <si>
    <t>381f8ce4-0d2a-4b11-a1ae-38fc2874c6d3.tmp</t>
  </si>
  <si>
    <t>\\acsfs\profiles$\cintiadcf\Downloads\381f8ce4-0d2a-4b11-a1ae-38fc2874c6d3.tmp</t>
  </si>
  <si>
    <t>12/27/2019 07:26:08</t>
  </si>
  <si>
    <t>12/27/2019 07:27:30</t>
  </si>
  <si>
    <t>bdefb7ad-ce9b-4093-929c-4a7a22d1ef20.tmp</t>
  </si>
  <si>
    <t>\\acsfs\profiles$\cintiadcf\Downloads\bdefb7ad-ce9b-4093-929c-4a7a22d1ef20.tmp</t>
  </si>
  <si>
    <t>12/27/2019 07:27:59</t>
  </si>
  <si>
    <t>48bd2c79-d1be-42d2-befc-d7574e91c9f8.tmp</t>
  </si>
  <si>
    <t>\\acsfs\profiles$\cintiadcf\Downloads\48bd2c79-d1be-42d2-befc-d7574e91c9f8.tmp</t>
  </si>
  <si>
    <t>12/27/2019 07:28:59</t>
  </si>
  <si>
    <t>12/27/2019 07:25:21</t>
  </si>
  <si>
    <t>12/27/2019 07:30:57</t>
  </si>
  <si>
    <t>e3dcfe1b-d0af-40fe-ab00-b73c79948913.tmp</t>
  </si>
  <si>
    <t>\\acsfs\profiles$\sarahbal\Downloads\e3dcfe1b-d0af-40fe-ab00-b73c79948913.tmp</t>
  </si>
  <si>
    <t>12/27/2019 07:26:10</t>
  </si>
  <si>
    <t>172e0160-fd93-4347-a06d-a6f8574e1838.tmp</t>
  </si>
  <si>
    <t>\\acsfs\profiles$\sarahbal\Downloads\172e0160-fd93-4347-a06d-a6f8574e1838.tmp</t>
  </si>
  <si>
    <t>12/27/2019 07:26:42</t>
  </si>
  <si>
    <t>b2cfc898-23cf-4a34-bceb-cddfe9024ccd.tmp</t>
  </si>
  <si>
    <t>\\acsfs\profiles$\sarahbal\Downloads\b2cfc898-23cf-4a34-bceb-cddfe9024ccd.tmp</t>
  </si>
  <si>
    <t>12/27/2019 07:26:35</t>
  </si>
  <si>
    <t>12/27/2019 07:28:55</t>
  </si>
  <si>
    <t>5a1df554-2e4e-4efb-a593-6df8d8aec1f1.tmp</t>
  </si>
  <si>
    <t>\\acsfs\profiles$\danielac\Downloads\5a1df554-2e4e-4efb-a593-6df8d8aec1f1.tmp</t>
  </si>
  <si>
    <t>12/27/2019 07:26:28</t>
  </si>
  <si>
    <t>12/27/2019 07:31:57</t>
  </si>
  <si>
    <t>12/27/2019 07:27:22</t>
  </si>
  <si>
    <t>12/27/2019 07:32:57</t>
  </si>
  <si>
    <t>12/27/2019 07:27:31</t>
  </si>
  <si>
    <t>f4b22ee7-b2a3-42f7-81c7-ece04b787709.tmp</t>
  </si>
  <si>
    <t>\\acsfs\profiles$\deboraaa\Downloads\f4b22ee7-b2a3-42f7-81c7-ece04b787709.tmp</t>
  </si>
  <si>
    <t>12/27/2019 07:27:42</t>
  </si>
  <si>
    <t>e8bd4cdc-0b56-433e-8c4e-c10fd2a0b621.tmp</t>
  </si>
  <si>
    <t>\\acsfs\profiles$\deboraaa\Downloads\e8bd4cdc-0b56-433e-8c4e-c10fd2a0b621.tmp</t>
  </si>
  <si>
    <t>12/27/2019 07:28:16</t>
  </si>
  <si>
    <t>a8a96d77-7ca8-4130-9e27-547023a8f090.tmp</t>
  </si>
  <si>
    <t>\\acsfs\profiles$\deboraaa\Downloads\a8a96d77-7ca8-4130-9e27-547023a8f090.tmp</t>
  </si>
  <si>
    <t>12/27/2019 07:28:44</t>
  </si>
  <si>
    <t>b2f05d1d-8bbc-482a-8368-dd0158792abd.tmp</t>
  </si>
  <si>
    <t>\\acsfs\profiles$\deboraaa\Downloads\b2f05d1d-8bbc-482a-8368-dd0158792abd.tmp</t>
  </si>
  <si>
    <t>12/27/2019 07:29:20</t>
  </si>
  <si>
    <t>16dc8c32-3d0c-4a8d-9d29-b665d05b1823.tmp</t>
  </si>
  <si>
    <t>\\acsfs\profiles$\deboraaa\Downloads\16dc8c32-3d0c-4a8d-9d29-b665d05b1823.tmp</t>
  </si>
  <si>
    <t>12/27/2019 07:33:03</t>
  </si>
  <si>
    <t>12/27/2019 07:33:57</t>
  </si>
  <si>
    <t>12/27/2019 07:33:17</t>
  </si>
  <si>
    <t>12/27/2019 07:34:57</t>
  </si>
  <si>
    <t>12/27/2019 07:32:36</t>
  </si>
  <si>
    <t>12/27/2019 07:31:23</t>
  </si>
  <si>
    <t>12/27/2019 07:35:57</t>
  </si>
  <si>
    <t>12/27/2019 07:32:19</t>
  </si>
  <si>
    <t>12/27/2019 07:32:47</t>
  </si>
  <si>
    <t>12/27/2019 07:32:54</t>
  </si>
  <si>
    <t>12/27/2019 07:33:02</t>
  </si>
  <si>
    <t>12/27/2019 07:33:12</t>
  </si>
  <si>
    <t>12/27/2019 07:33:18</t>
  </si>
  <si>
    <t>12/27/2019 07:33:37</t>
  </si>
  <si>
    <t>12/27/2019 07:31:01</t>
  </si>
  <si>
    <t>3d0a359b-56b9-4c0e-821e-7f1cc187c140.tmp</t>
  </si>
  <si>
    <t>\\acsfs\profiles$\danielac\Downloads\3d0a359b-56b9-4c0e-821e-7f1cc187c140.tmp</t>
  </si>
  <si>
    <t>12/27/2019 07:31:25</t>
  </si>
  <si>
    <t>056518d6-c253-45d8-8906-b668df64bbef.tmp</t>
  </si>
  <si>
    <t>\\acsfs\profiles$\danielac\Downloads\056518d6-c253-45d8-8906-b668df64bbef.tmp</t>
  </si>
  <si>
    <t>12/27/2019 07:34:23</t>
  </si>
  <si>
    <t>12/27/2019 07:37:57</t>
  </si>
  <si>
    <t>12/27/2019 07:34:28</t>
  </si>
  <si>
    <t>5b3751d0-c6dd-4673-8ee9-d41f0f538da8.tmp</t>
  </si>
  <si>
    <t>\\acsfs\profiles$\websondsa\Downloads\5b3751d0-c6dd-4673-8ee9-d41f0f538da8.tmp</t>
  </si>
  <si>
    <t>12/27/2019 07:34:29</t>
  </si>
  <si>
    <t>730beb86-2a4d-4708-985b-fac38e583ad1.tmp</t>
  </si>
  <si>
    <t>\\acsfs\profiles$\websondsa\Downloads\730beb86-2a4d-4708-985b-fac38e583ad1.tmp</t>
  </si>
  <si>
    <t>12/27/2019 07:34:34</t>
  </si>
  <si>
    <t>4454eca2-99f3-4beb-b72f-967e080abb0e.tmp</t>
  </si>
  <si>
    <t>\\acsfs\profiles$\websondsa\Downloads\4454eca2-99f3-4beb-b72f-967e080abb0e.tmp</t>
  </si>
  <si>
    <t>12/27/2019 07:35:24</t>
  </si>
  <si>
    <t>b1a08e5b-70cb-4819-a71a-ae0e8b9d131d.tmp</t>
  </si>
  <si>
    <t>\\acsfs\profiles$\websondsa\Downloads\b1a08e5b-70cb-4819-a71a-ae0e8b9d131d.tmp</t>
  </si>
  <si>
    <t>12/27/2019 07:34:15</t>
  </si>
  <si>
    <t>12/27/2019 07:38:57</t>
  </si>
  <si>
    <t>12/27/2019 07:34:04</t>
  </si>
  <si>
    <t>12/27/2019 07:39:00</t>
  </si>
  <si>
    <t>12/27/2019 07:39:57</t>
  </si>
  <si>
    <t>12/27/2019 07:35:41</t>
  </si>
  <si>
    <t>12/27/2019 07:40:57</t>
  </si>
  <si>
    <t>mail.google.com/sync/u/0/i/s?hl=pt-BR&amp;c=106</t>
  </si>
  <si>
    <t>joaogvc@algartech.com;katia.cardoso@bv.com.br;marianadjc@algartech.com;rafaelggs@algartech.com;taysdss@algartech.com;viniciussg@algartech.com;</t>
  </si>
  <si>
    <t>joaogvc@algartech.com,katia.cardoso@bv.com.br,marianadjc@algartech.com,rafaelggs@algartech.com,taysdss@algartech.com,viniciussg@algartech.com</t>
  </si>
  <si>
    <t>12/27/2019 07:36:42</t>
  </si>
  <si>
    <t>12/27/2019 07:36:45</t>
  </si>
  <si>
    <t>12/27/2019 07:37:13</t>
  </si>
  <si>
    <t>12/27/2019 07:39:26</t>
  </si>
  <si>
    <t>12/27/2019 07:42:06</t>
  </si>
  <si>
    <t>12/27/2019 07:42:57</t>
  </si>
  <si>
    <t>1b7a9db9-ffbe-4026-a539-58ab51852681.tmp</t>
  </si>
  <si>
    <t>\\acsfs\profiles$\websondsa\Downloads\1b7a9db9-ffbe-4026-a539-58ab51852681.tmp</t>
  </si>
  <si>
    <t>12/27/2019 07:39:03</t>
  </si>
  <si>
    <t>12/27/2019 07:43:56</t>
  </si>
  <si>
    <t>12/27/2019 07:40:03</t>
  </si>
  <si>
    <t>12/27/2019 07:42:24</t>
  </si>
  <si>
    <t>12/27/2019 07:45:57</t>
  </si>
  <si>
    <t>12/27/2019 07:42:32</t>
  </si>
  <si>
    <t>12/27/2019 07:42:34</t>
  </si>
  <si>
    <t>12/27/2019 07:42:41</t>
  </si>
  <si>
    <t>12/27/2019 07:42:48</t>
  </si>
  <si>
    <t>joaogvc@algartech.com;katia.cardoso@bv.com.br;marianadjc@algartech.com;planejamentodeoperacoesetrafego@bv.com.br;rafaelggs@algartech.com;taysdss@algartech.com;viniciussg@algartech.com;</t>
  </si>
  <si>
    <t>joaogvc@algartech.com,katia.cardoso@bv.com.br,marianadjc@algartech.com,planejamentodeoperacoesetrafego@bv.com.br,rafaelggs@algartech.com,taysdss@algartech.com,viniciussg@algartech.com</t>
  </si>
  <si>
    <t>12/27/2019 07:42:56</t>
  </si>
  <si>
    <t>12/27/2019 07:43:23</t>
  </si>
  <si>
    <t>12/27/2019 07:43:44</t>
  </si>
  <si>
    <t>12/27/2019 07:43:48</t>
  </si>
  <si>
    <t>12/27/2019 07:47:57</t>
  </si>
  <si>
    <t>3c39b786-0830-409c-b14e-ccb137603acc.tmp</t>
  </si>
  <si>
    <t>\\acsfs\profiles$\websondsa\Downloads\3c39b786-0830-409c-b14e-ccb137603acc.tmp</t>
  </si>
  <si>
    <t>12/27/2019 07:44:26</t>
  </si>
  <si>
    <t>29ddeafd-3b03-490d-9f6e-bd5882de1a96.tmp</t>
  </si>
  <si>
    <t>\\acsfs\profiles$\websondsa\Downloads\29ddeafd-3b03-490d-9f6e-bd5882de1a96.tmp</t>
  </si>
  <si>
    <t>12/27/2019 07:44:39</t>
  </si>
  <si>
    <t>7b845ec7-dde3-48cf-aefa-a0a6ff59b413.tmp</t>
  </si>
  <si>
    <t>\\acsfs\profiles$\websondsa\Downloads\7b845ec7-dde3-48cf-aefa-a0a6ff59b413.tmp</t>
  </si>
  <si>
    <t>12/27/2019 07:45:29</t>
  </si>
  <si>
    <t>12/27/2019 07:48:57</t>
  </si>
  <si>
    <t>12/27/2019 07:47:12</t>
  </si>
  <si>
    <t>e3e01928-44ba-4c1d-be69-583ef2227d71.tmp</t>
  </si>
  <si>
    <t>\\acsfs\profiles$\anafsb\Downloads\e3e01928-44ba-4c1d-be69-583ef2227d71.tmp</t>
  </si>
  <si>
    <t>12/27/2019 07:47:14</t>
  </si>
  <si>
    <t>128c4c7c-a0ee-499c-b9c1-e013dff28723.tmp</t>
  </si>
  <si>
    <t>\\acsfs\profiles$\anafsb\Downloads\128c4c7c-a0ee-499c-b9c1-e013dff28723.tmp</t>
  </si>
  <si>
    <t>12/27/2019 07:45:03</t>
  </si>
  <si>
    <t>12/27/2019 07:46:03</t>
  </si>
  <si>
    <t>12/27/2019 07:49:39</t>
  </si>
  <si>
    <t>12/27/2019 07:50:57</t>
  </si>
  <si>
    <t>12/27/2019 07:48:53</t>
  </si>
  <si>
    <t>12/27/2019 07:51:58</t>
  </si>
  <si>
    <t>a2928519-026f-4ac2-ac79-d992a34991f0.tmp</t>
  </si>
  <si>
    <t>\\acsfs\profiles$\gabrielarb\Downloads\a2928519-026f-4ac2-ac79-d992a34991f0.tmp</t>
  </si>
  <si>
    <t>b4175c09-448b-441b-84bd-41373089f160.tmp</t>
  </si>
  <si>
    <t>\\acsfs\profiles$\gabrielarb\Downloads\b4175c09-448b-441b-84bd-41373089f160.tmp</t>
  </si>
  <si>
    <t>12/27/2019 07:49:46</t>
  </si>
  <si>
    <t>ac042f16-5458-41e8-a0aa-ef3215333d5c.tmp</t>
  </si>
  <si>
    <t>\\acsfs\profiles$\gabrielarb\Downloads\ac042f16-5458-41e8-a0aa-ef3215333d5c.tmp</t>
  </si>
  <si>
    <t>12/27/2019 07:50:21</t>
  </si>
  <si>
    <t>f002472b-ea4e-4457-ad7b-9b79a3099166.tmp</t>
  </si>
  <si>
    <t>\\acsfs\profiles$\gabrielarb\Downloads\f002472b-ea4e-4457-ad7b-9b79a3099166.tmp</t>
  </si>
  <si>
    <t>12/27/2019 07:51:19</t>
  </si>
  <si>
    <t>28a4fdd8-573d-443c-b9ed-4d4375d1ef8d.tmp</t>
  </si>
  <si>
    <t>\\acsfs\profiles$\gabrielarb\Downloads\28a4fdd8-573d-443c-b9ed-4d4375d1ef8d.tmp</t>
  </si>
  <si>
    <t>12/27/2019 07:51:26</t>
  </si>
  <si>
    <t>8dbe2d55-cd53-4116-b365-cf0dffb4baf2.tmp</t>
  </si>
  <si>
    <t>\\acsfs\profiles$\gabrielarb\Downloads\8dbe2d55-cd53-4116-b365-cf0dffb4baf2.tmp</t>
  </si>
  <si>
    <t>12/27/2019 07:52:42</t>
  </si>
  <si>
    <t>12/27/2019 07:53:58</t>
  </si>
  <si>
    <t>\\acsfs\profiles$\marcellewdl\My Documents\My Pictures\</t>
  </si>
  <si>
    <t>\\acsfs\profiles$\marcellewdl\My Documents\My Videos\desktop.ini</t>
  </si>
  <si>
    <t>12/27/2019 07:52:44</t>
  </si>
  <si>
    <t>\\acsfs\profiles$\marcellewdl\My Documents\My Videos\</t>
  </si>
  <si>
    <t>12/27/2019 07:52:45</t>
  </si>
  <si>
    <t>12/27/2019 07:52:46</t>
  </si>
  <si>
    <t>12/27/2019 07:52:47</t>
  </si>
  <si>
    <t>12/27/2019 07:52:49</t>
  </si>
  <si>
    <t>\\acsfs\profiles$\marcellewdl\My Documents\My Music\</t>
  </si>
  <si>
    <t>\\acsfs\profiles$\marcellewdl\My Documents\My Pictures\desktop.ini</t>
  </si>
  <si>
    <t>12/27/2019 07:52:50</t>
  </si>
  <si>
    <t>12/27/2019 07:52:51</t>
  </si>
  <si>
    <t>12/27/2019 07:52:53</t>
  </si>
  <si>
    <t>12/27/2019 07:52:54</t>
  </si>
  <si>
    <t>\\acsfs\profiles$\marcellewdl\Contacts\</t>
  </si>
  <si>
    <t>\\acsfs\profiles$\marcellewdl\Contacts\desktop.ini</t>
  </si>
  <si>
    <t>12/27/2019 07:52:55</t>
  </si>
  <si>
    <t>12/27/2019 07:52:56</t>
  </si>
  <si>
    <t>12/27/2019 07:52:57</t>
  </si>
  <si>
    <t>12/27/2019 07:52:59</t>
  </si>
  <si>
    <t>\\acsfs\profiles$\marcellewdl\Favorites\desktop.ini</t>
  </si>
  <si>
    <t>12/27/2019 07:53:01</t>
  </si>
  <si>
    <t>12/27/2019 07:53:02</t>
  </si>
  <si>
    <t>12/27/2019 07:53:03</t>
  </si>
  <si>
    <t>12/27/2019 07:53:04</t>
  </si>
  <si>
    <t>12/27/2019 07:53:05</t>
  </si>
  <si>
    <t>12/27/2019 07:53:07</t>
  </si>
  <si>
    <t>12/27/2019 07:53:08</t>
  </si>
  <si>
    <t>\\acsfs\profiles$\marcellewdl\My Documents\My Music\desktop.ini</t>
  </si>
  <si>
    <t>12/27/2019 07:53:11</t>
  </si>
  <si>
    <t>12/27/2019 07:48:51</t>
  </si>
  <si>
    <t>5fbdc8d1-094b-4e73-828e-234b04e1c85c.tmp</t>
  </si>
  <si>
    <t>\\acsfs\profiles$\anafsb\Downloads\5fbdc8d1-094b-4e73-828e-234b04e1c85c.tmp</t>
  </si>
  <si>
    <t>12/27/2019 07:49:18</t>
  </si>
  <si>
    <t>2983f064-0772-416e-83b2-17330aaf7bfe.tmp</t>
  </si>
  <si>
    <t>\\acsfs\profiles$\anafsb\Downloads\2983f064-0772-416e-83b2-17330aaf7bfe.tmp</t>
  </si>
  <si>
    <t>12/27/2019 07:50:08</t>
  </si>
  <si>
    <t>b162d3e9-df9f-4932-aa5d-73ab77e2d0e5.tmp</t>
  </si>
  <si>
    <t>\\acsfs\profiles$\anafsb\Downloads\b162d3e9-df9f-4932-aa5d-73ab77e2d0e5.tmp</t>
  </si>
  <si>
    <t>12/27/2019 07:51:04</t>
  </si>
  <si>
    <t>a5951684-a5fe-4e20-a86b-2469a6b3c6fd.tmp</t>
  </si>
  <si>
    <t>\\acsfs\profiles$\anafsb\Downloads\a5951684-a5fe-4e20-a86b-2469a6b3c6fd.tmp</t>
  </si>
  <si>
    <t>12/27/2019 07:48:42</t>
  </si>
  <si>
    <t>lu234802fhqm8.tmp</t>
  </si>
  <si>
    <t>\\acsfs\profiles$\VIVIANALDS\My Documents\lu234802fhqm8.tmp</t>
  </si>
  <si>
    <t>\\acsfs\profiles$\VIVIANALDS\My Documents\lu234802fhqm8.tmp\</t>
  </si>
  <si>
    <t>\\acsfs\profiles$\VIVIANALDS\My Documents\lu234802fhqm8.tmp\META-INF\</t>
  </si>
  <si>
    <t>\\acsfs\profiles$\VIVIANALDS\My Documents\lu234802fhqm8.tmp\Thumbnails\</t>
  </si>
  <si>
    <t>12/27/2019 07:51:03</t>
  </si>
  <si>
    <t>12/27/2019 07:52:03</t>
  </si>
  <si>
    <t>12/27/2019 07:51:47</t>
  </si>
  <si>
    <t>12/27/2019 07:55:58</t>
  </si>
  <si>
    <t>0139e4bb-d98f-4a2a-919f-bed7da0bf266.tmp</t>
  </si>
  <si>
    <t>\\acsfs\profiles$\sarahbal\Downloads\0139e4bb-d98f-4a2a-919f-bed7da0bf266.tmp</t>
  </si>
  <si>
    <t>12/27/2019 07:53:16</t>
  </si>
  <si>
    <t>aef8b960-9f0c-40f7-9fa2-36f7fba5da47.tmp</t>
  </si>
  <si>
    <t>\\acsfs\profiles$\valeriasda\Downloads\aef8b960-9f0c-40f7-9fa2-36f7fba5da47.tmp</t>
  </si>
  <si>
    <t>12/27/2019 07:53:18</t>
  </si>
  <si>
    <t>b8149656-72b5-4a11-95df-ceb71aa9b8a0.tmp</t>
  </si>
  <si>
    <t>\\acsfs\profiles$\valeriasda\Downloads\b8149656-72b5-4a11-95df-ceb71aa9b8a0.tmp</t>
  </si>
  <si>
    <t>12/27/2019 07:54:24</t>
  </si>
  <si>
    <t>3dbe6d03-a5bf-4f43-85ea-a3ac7f4e9845.tmp</t>
  </si>
  <si>
    <t>\\acsfs\profiles$\valeriasda\Downloads\3dbe6d03-a5bf-4f43-85ea-a3ac7f4e9845.tmp</t>
  </si>
  <si>
    <t>12/27/2019 07:57:30</t>
  </si>
  <si>
    <t>12/27/2019 07:58:58</t>
  </si>
  <si>
    <t>30245599-3b90-4c50-89ec-503b71706884.tmp</t>
  </si>
  <si>
    <t>\\acsfs\profiles$\BRUNAAR\Downloads\30245599-3b90-4c50-89ec-503b71706884.tmp</t>
  </si>
  <si>
    <t>12/27/2019 07:53:13</t>
  </si>
  <si>
    <t>12/27/2019 07:53:14</t>
  </si>
  <si>
    <t>\\acsfs\profiles$\marcellewdl\Searches\</t>
  </si>
  <si>
    <t>\\acsfs\profiles$\marcellewdl\Searches\desktop.ini</t>
  </si>
  <si>
    <t>12/27/2019 07:53:17</t>
  </si>
  <si>
    <t>12/27/2019 07:53:19</t>
  </si>
  <si>
    <t>12/27/2019 07:53:20</t>
  </si>
  <si>
    <t>12/27/2019 07:53:21</t>
  </si>
  <si>
    <t>\\acsfs\profiles$\marcellewdl\Downloads\desktop.ini</t>
  </si>
  <si>
    <t>12/27/2019 07:53:22</t>
  </si>
  <si>
    <t>12/27/2019 07:53:24</t>
  </si>
  <si>
    <t>\\acsfs\profiles$\marcellewdl\Favorites\</t>
  </si>
  <si>
    <t>\\acsfs\profiles$\marcellewdl\My Documents\desktop.ini</t>
  </si>
  <si>
    <t>12/27/2019 07:53:26</t>
  </si>
  <si>
    <t>12/27/2019 07:53:27</t>
  </si>
  <si>
    <t>12/27/2019 07:53:28</t>
  </si>
  <si>
    <t>12/27/2019 07:53:29</t>
  </si>
  <si>
    <t>12/27/2019 07:53:30</t>
  </si>
  <si>
    <t>12/27/2019 07:53:31</t>
  </si>
  <si>
    <t>\\acsfs\profiles$\marcellewdl\Saved Games\desktop.ini</t>
  </si>
  <si>
    <t>12/27/2019 07:53:32</t>
  </si>
  <si>
    <t>12/27/2019 07:54:38</t>
  </si>
  <si>
    <t>12/27/2019 07:57:09</t>
  </si>
  <si>
    <t>6e203369-75a0-484c-93e1-b5c73dd58407.tmp</t>
  </si>
  <si>
    <t>\\acsfs\profiles$\marcellewdl\Downloads\6e203369-75a0-484c-93e1-b5c73dd58407.tmp</t>
  </si>
  <si>
    <t>12/27/2019 07:55:32</t>
  </si>
  <si>
    <t>1c748001-5952-4d0d-93c9-de4bb345d4e5.tmp</t>
  </si>
  <si>
    <t>\\acsfs\profiles$\luanaagl\Downloads\1c748001-5952-4d0d-93c9-de4bb345d4e5.tmp</t>
  </si>
  <si>
    <t>12/27/2019 07:55:33</t>
  </si>
  <si>
    <t>5ecaaf17-f044-4bdd-923f-9d28dd1ff698.tmp</t>
  </si>
  <si>
    <t>\\acsfs\profiles$\luanaagl\Downloads\5ecaaf17-f044-4bdd-923f-9d28dd1ff698.tmp</t>
  </si>
  <si>
    <t>12/27/2019 07:57:03</t>
  </si>
  <si>
    <t>12/27/2019 07:58:03</t>
  </si>
  <si>
    <t>12/27/2019 07:55:09</t>
  </si>
  <si>
    <t>12/27/2019 07:59:57</t>
  </si>
  <si>
    <t>12/27/2019 07:57:10</t>
  </si>
  <si>
    <t>fc90c69a-70a3-41d3-a6b5-77f2521727fa.tmp</t>
  </si>
  <si>
    <t>\\acsfs\profiles$\paulovadc\Downloads\fc90c69a-70a3-41d3-a6b5-77f2521727fa.tmp</t>
  </si>
  <si>
    <t>12/27/2019 07:58:30</t>
  </si>
  <si>
    <t>f924e011-6f1a-4591-a33b-593b29c70d5a.tmp</t>
  </si>
  <si>
    <t>\\acsfs\profiles$\paulovadc\Downloads\f924e011-6f1a-4591-a33b-593b29c70d5a.tmp</t>
  </si>
  <si>
    <t>12/27/2019 07:56:52</t>
  </si>
  <si>
    <t>12/27/2019 07:57:20</t>
  </si>
  <si>
    <t>8e524083-ea6b-4c8b-bb9c-8b2adb251450.tmp</t>
  </si>
  <si>
    <t>\\acsfs\profiles$\mariliafplb\Downloads\8e524083-ea6b-4c8b-bb9c-8b2adb251450.tmp</t>
  </si>
  <si>
    <t>12/27/2019 07:58:50</t>
  </si>
  <si>
    <t>cb079fb2-caad-4215-b528-357dad7df311.tmp</t>
  </si>
  <si>
    <t>\\acsfs\profiles$\mariliafplb\Downloads\cb079fb2-caad-4215-b528-357dad7df311.tmp</t>
  </si>
  <si>
    <t>12/27/2019 08:00:55</t>
  </si>
  <si>
    <t>12/27/2019 08:01:58</t>
  </si>
  <si>
    <t>4a79a0bc-9be3-48e4-9de5-709284c770ad.tmp</t>
  </si>
  <si>
    <t>\\acsfs\profiles$\nathaliadf\Downloads\4a79a0bc-9be3-48e4-9de5-709284c770ad.tmp</t>
  </si>
  <si>
    <t>12/27/2019 07:58:00</t>
  </si>
  <si>
    <t>2e099837-9931-4f5b-ad80-1784b04ec6a3.tmp</t>
  </si>
  <si>
    <t>\\acsfs\profiles$\rafaelamsv\Downloads\2e099837-9931-4f5b-ad80-1784b04ec6a3.tmp</t>
  </si>
  <si>
    <t>12/27/2019 07:58:20</t>
  </si>
  <si>
    <t>25de2f6f-7a5e-401a-92a6-e5926b90ce25.tmp</t>
  </si>
  <si>
    <t>\\acsfs\profiles$\rafaelamsv\Downloads\25de2f6f-7a5e-401a-92a6-e5926b90ce25.tmp</t>
  </si>
  <si>
    <t>12/27/2019 07:58:25</t>
  </si>
  <si>
    <t>12/27/2019 07:56:51</t>
  </si>
  <si>
    <t>12/27/2019 07:58:43</t>
  </si>
  <si>
    <t>69ba9301-2127-43f2-8eaa-52f75b26c705.tmp</t>
  </si>
  <si>
    <t>\\acsfs\profiles$\deborahsi\Downloads\69ba9301-2127-43f2-8eaa-52f75b26c705.tmp</t>
  </si>
  <si>
    <t>12/27/2019 07:59:33</t>
  </si>
  <si>
    <t>5dd8a9cf-6ad4-47f9-9d64-bd02d480d2cd.tmp</t>
  </si>
  <si>
    <t>\\acsfs\profiles$\deborahsi\Downloads\5dd8a9cf-6ad4-47f9-9d64-bd02d480d2cd.tmp</t>
  </si>
  <si>
    <t>12/27/2019 07:59:40</t>
  </si>
  <si>
    <t>12/27/2019 08:00:23</t>
  </si>
  <si>
    <t>12/27/2019 08:01:12</t>
  </si>
  <si>
    <t>12/27/2019 08:00:21</t>
  </si>
  <si>
    <t>12/27/2019 08:02:57</t>
  </si>
  <si>
    <t>99642286-df40-4945-af88-7d53b992963e.tmp</t>
  </si>
  <si>
    <t>\\acsfs\profiles$\luanarda\Downloads\99642286-df40-4945-af88-7d53b992963e.tmp</t>
  </si>
  <si>
    <t>12/27/2019 08:03:58</t>
  </si>
  <si>
    <t>9b67a6b1-f9f2-4ff8-bf13-a51e09b7fb03.tmp</t>
  </si>
  <si>
    <t>\\acsfs\profiles$\marcellewdl\Downloads\9b67a6b1-f9f2-4ff8-bf13-a51e09b7fb03.tmp</t>
  </si>
  <si>
    <t>12/27/2019 08:01:50</t>
  </si>
  <si>
    <t>12/27/2019 08:02:21</t>
  </si>
  <si>
    <t>7d92ab8a-79de-4845-a6e4-3c8228cde558.tmp</t>
  </si>
  <si>
    <t>\\acsfs\profiles$\marcellewdl\Downloads\7d92ab8a-79de-4845-a6e4-3c8228cde558.tmp</t>
  </si>
  <si>
    <t>12/27/2019 08:00:38</t>
  </si>
  <si>
    <t>12/27/2019 08:00:39</t>
  </si>
  <si>
    <t>12/27/2019 08:00:40</t>
  </si>
  <si>
    <t>12/27/2019 08:00:41</t>
  </si>
  <si>
    <t>12/27/2019 08:00:42</t>
  </si>
  <si>
    <t>12/27/2019 08:00:53</t>
  </si>
  <si>
    <t>12/27/2019 08:00:54</t>
  </si>
  <si>
    <t>12/27/2019 08:00:57</t>
  </si>
  <si>
    <t>12/27/2019 07:59:56</t>
  </si>
  <si>
    <t>12/27/2019 08:01:54</t>
  </si>
  <si>
    <t>12/27/2019 08:03:04</t>
  </si>
  <si>
    <t>12/27/2019 08:00:46</t>
  </si>
  <si>
    <t>12/27/2019 08:04:57</t>
  </si>
  <si>
    <t>12/27/2019 08:03:46</t>
  </si>
  <si>
    <t>12/27/2019 08:03:13</t>
  </si>
  <si>
    <t>12/27/2019 08:02:05</t>
  </si>
  <si>
    <t>12/27/2019 08:03:31</t>
  </si>
  <si>
    <t>12/27/2019 08:05:58</t>
  </si>
  <si>
    <t>689755ff-29f0-4999-9e7c-9faaf23904d5.tmp</t>
  </si>
  <si>
    <t>\\acsfs\profiles$\valeriasda\Downloads\689755ff-29f0-4999-9e7c-9faaf23904d5.tmp</t>
  </si>
  <si>
    <t>12/27/2019 08:03:23</t>
  </si>
  <si>
    <t>\\acsfs\DEPTOS\Operacao\PCP\5 - Comum\PLANEJAMENTO BV\14 - ACOMPANHAMENTO\1 - REPORT ACOMPANHAMENTO\2019\12 - Dezembro\CARTÕES\Range.xlsx</t>
  </si>
  <si>
    <t>https://udpmailboxap01.acs.com.br:8443/h/search?si=0&amp;so=0&amp;sc=54267&amp;sfi=6&amp;st=conversation&amp;action=compose</t>
  </si>
  <si>
    <t>12/27/2019 08:00:59</t>
  </si>
  <si>
    <t>12/27/2019 08:01:52</t>
  </si>
  <si>
    <t>12/27/2019 08:06:58</t>
  </si>
  <si>
    <t>12/27/2019 08:01:26</t>
  </si>
  <si>
    <t>0621aa21-6a65-4dba-b0dc-79107e9e22a3.tmp</t>
  </si>
  <si>
    <t>\\acsfs\profiles$\rafaelamsv\Downloads\0621aa21-6a65-4dba-b0dc-79107e9e22a3.tmp</t>
  </si>
  <si>
    <t>12/27/2019 08:02:18</t>
  </si>
  <si>
    <t>66dfefc4-f6c0-4fb2-9495-135eed7c7dfc.tmp</t>
  </si>
  <si>
    <t>\\acsfs\profiles$\rafaelamsv\Downloads\66dfefc4-f6c0-4fb2-9495-135eed7c7dfc.tmp</t>
  </si>
  <si>
    <t>12/27/2019 08:04:00</t>
  </si>
  <si>
    <t>12/27/2019 08:07:57</t>
  </si>
  <si>
    <t>e6e61af6-fd09-4d46-afc1-eb9d9e0a583e.tmp</t>
  </si>
  <si>
    <t>\\acsfs\profiles$\luanarda\Downloads\e6e61af6-fd09-4d46-afc1-eb9d9e0a583e.tmp</t>
  </si>
  <si>
    <t>12/27/2019 08:06:09</t>
  </si>
  <si>
    <t>12/27/2019 08:08:58</t>
  </si>
  <si>
    <t>12/27/2019 08:08:00</t>
  </si>
  <si>
    <t>1c5aa100-afb0-48ab-ba81-9692178938cc.tmp</t>
  </si>
  <si>
    <t>\\acsfs\profiles$\anafsb\Downloads\1c5aa100-afb0-48ab-ba81-9692178938cc.tmp</t>
  </si>
  <si>
    <t>12/27/2019 08:04:04</t>
  </si>
  <si>
    <t>12/27/2019 08:06:53</t>
  </si>
  <si>
    <t>12/27/2019 08:09:57</t>
  </si>
  <si>
    <t>30b09f37-deb5-4701-99b4-b6ffa31bff43.tmp</t>
  </si>
  <si>
    <t>\\acsfs\profiles$\dhiulliananads\Downloads\30b09f37-deb5-4701-99b4-b6ffa31bff43.tmp</t>
  </si>
  <si>
    <t>12/27/2019 08:07:33</t>
  </si>
  <si>
    <t>12/27/2019 08:07:39</t>
  </si>
  <si>
    <t>12/27/2019 08:07:58</t>
  </si>
  <si>
    <t>12/27/2019 08:10:58</t>
  </si>
  <si>
    <t>12/27/2019 08:08:28</t>
  </si>
  <si>
    <t>12/27/2019 08:09:58</t>
  </si>
  <si>
    <t>12/27/2019 08:09:34</t>
  </si>
  <si>
    <t>12/27/2019 08:11:57</t>
  </si>
  <si>
    <t>12/27/2019 08:11:30</t>
  </si>
  <si>
    <t>12/27/2019 08:12:58</t>
  </si>
  <si>
    <t>12/27/2019 08:08:26</t>
  </si>
  <si>
    <t>12/27/2019 08:13:58</t>
  </si>
  <si>
    <t>Links uteis.txt</t>
  </si>
  <si>
    <t>\\acsfs\Deptos\Operacao\Banco_Votorantim\Supervisao\Rai Carlos\Links uteis.txt</t>
  </si>
  <si>
    <t>12/27/2019 08:12:09</t>
  </si>
  <si>
    <t>12/27/2019 08:09:03</t>
  </si>
  <si>
    <t>12/27/2019 08:10:03</t>
  </si>
  <si>
    <t>12/27/2019 08:11:53</t>
  </si>
  <si>
    <t>12/27/2019 08:14:58</t>
  </si>
  <si>
    <t>12/27/2019 08:09:47</t>
  </si>
  <si>
    <t>12/27/2019 08:12:46</t>
  </si>
  <si>
    <t>551cd360-616a-449f-ac27-551c569f211b.tmp</t>
  </si>
  <si>
    <t>\\acsfs\profiles$\mariliafplb\Downloads\551cd360-616a-449f-ac27-551c569f211b.tmp</t>
  </si>
  <si>
    <t>12/27/2019 08:11:44</t>
  </si>
  <si>
    <t>12/27/2019 08:15:58</t>
  </si>
  <si>
    <t>c90cb29d-21df-452f-9509-7fcebb151a86.tmp</t>
  </si>
  <si>
    <t>\\acsfs\profiles$\lucasqdss\Downloads\c90cb29d-21df-452f-9509-7fcebb151a86.tmp</t>
  </si>
  <si>
    <t>12/27/2019 08:11:12</t>
  </si>
  <si>
    <t>12/27/2019 08:11:28</t>
  </si>
  <si>
    <t>12/27/2019 08:11:58</t>
  </si>
  <si>
    <t>12/27/2019 08:11:22</t>
  </si>
  <si>
    <t>12/27/2019 08:16:58</t>
  </si>
  <si>
    <t>12/27/2019 08:12:27</t>
  </si>
  <si>
    <t>e5a34bcf-72d2-4b0d-8920-63487ab23daf.tmp</t>
  </si>
  <si>
    <t>\\acsfs\profiles$\felipetds\Downloads\e5a34bcf-72d2-4b0d-8920-63487ab23daf.tmp</t>
  </si>
  <si>
    <t>12/27/2019 08:14:22</t>
  </si>
  <si>
    <t>6febc64c-9807-4142-b882-03f783008d32.tmp</t>
  </si>
  <si>
    <t>\\acsfs\profiles$\felipetds\Downloads\6febc64c-9807-4142-b882-03f783008d32.tmp</t>
  </si>
  <si>
    <t>12/27/2019 08:13:38</t>
  </si>
  <si>
    <t>12/27/2019 08:13:39</t>
  </si>
  <si>
    <t>12/27/2019 08:13:40</t>
  </si>
  <si>
    <t>12/27/2019 08:13:41</t>
  </si>
  <si>
    <t>12/27/2019 08:13:42</t>
  </si>
  <si>
    <t>12/27/2019 08:13:43</t>
  </si>
  <si>
    <t>12/27/2019 08:13:44</t>
  </si>
  <si>
    <t>12/27/2019 08:13:45</t>
  </si>
  <si>
    <t>12/27/2019 08:13:46</t>
  </si>
  <si>
    <t>12/27/2019 08:17:58</t>
  </si>
  <si>
    <t>12/27/2019 08:13:47</t>
  </si>
  <si>
    <t>12/27/2019 08:13:48</t>
  </si>
  <si>
    <t>12/27/2019 08:13:49</t>
  </si>
  <si>
    <t>12/27/2019 08:13:50</t>
  </si>
  <si>
    <t>12/27/2019 08:13:51</t>
  </si>
  <si>
    <t>12/27/2019 08:13:52</t>
  </si>
  <si>
    <t>12/27/2019 08:13:53</t>
  </si>
  <si>
    <t>12/27/2019 08:13:54</t>
  </si>
  <si>
    <t>12/27/2019 08:13:55</t>
  </si>
  <si>
    <t>12/27/2019 08:13:56</t>
  </si>
  <si>
    <t>12/27/2019 08:13:57</t>
  </si>
  <si>
    <t>12/27/2019 08:13:07</t>
  </si>
  <si>
    <t>56811249-d69b-42a2-a703-9c53bdf0accc.tmp</t>
  </si>
  <si>
    <t>\\acsfs\profiles$\vivianealda\Downloads\56811249-d69b-42a2-a703-9c53bdf0accc.tmp</t>
  </si>
  <si>
    <t>12/27/2019 08:13:09</t>
  </si>
  <si>
    <t>68d33c33-a12e-4bc0-a545-578a009e5a56.tmp</t>
  </si>
  <si>
    <t>\\acsfs\profiles$\vivianealda\Downloads\68d33c33-a12e-4bc0-a545-578a009e5a56.tmp</t>
  </si>
  <si>
    <t>12/27/2019 08:15:18</t>
  </si>
  <si>
    <t>bc353d9d-0b11-471e-af03-1c7b65db641b.tmp</t>
  </si>
  <si>
    <t>\\acsfs\profiles$\vivianealda\Downloads\bc353d9d-0b11-471e-af03-1c7b65db641b.tmp</t>
  </si>
  <si>
    <t>12/27/2019 08:13:13</t>
  </si>
  <si>
    <t>12/27/2019 08:18:09</t>
  </si>
  <si>
    <t>12/27/2019 08:18:58</t>
  </si>
  <si>
    <t>12/27/2019 08:15:04</t>
  </si>
  <si>
    <t>12/27/2019 08:16:04</t>
  </si>
  <si>
    <t>12/27/2019 08:15:39</t>
  </si>
  <si>
    <t>12/27/2019 08:19:58</t>
  </si>
  <si>
    <t>12/27/2019 08:15:40</t>
  </si>
  <si>
    <t>12/27/2019 08:15:41</t>
  </si>
  <si>
    <t>12/27/2019 08:15:42</t>
  </si>
  <si>
    <t>12/27/2019 08:15:43</t>
  </si>
  <si>
    <t>12/27/2019 08:15:44</t>
  </si>
  <si>
    <t>12/27/2019 08:15:45</t>
  </si>
  <si>
    <t>12/27/2019 08:15:46</t>
  </si>
  <si>
    <t>12/27/2019 08:15:47</t>
  </si>
  <si>
    <t>12/27/2019 08:15:48</t>
  </si>
  <si>
    <t>12/27/2019 08:15:49</t>
  </si>
  <si>
    <t>12/27/2019 08:15:50</t>
  </si>
  <si>
    <t>12/27/2019 08:15:51</t>
  </si>
  <si>
    <t>12/27/2019 08:15:52</t>
  </si>
  <si>
    <t>12/27/2019 08:15:53</t>
  </si>
  <si>
    <t>12/27/2019 08:15:54</t>
  </si>
  <si>
    <t>12/27/2019 08:15:55</t>
  </si>
  <si>
    <t>12/27/2019 08:15:56</t>
  </si>
  <si>
    <t>12/27/2019 08:15:57</t>
  </si>
  <si>
    <t>12/27/2019 08:15:59</t>
  </si>
  <si>
    <t>12/27/2019 08:16:05</t>
  </si>
  <si>
    <t>12/27/2019 08:18:52</t>
  </si>
  <si>
    <t>12/27/2019 08:19:05</t>
  </si>
  <si>
    <t>12/27/2019 08:20:58</t>
  </si>
  <si>
    <t>\\acsfs\profiles$\LUCASQDSS\Favorites\Cartão Protegido - MAPFRE.url\</t>
  </si>
  <si>
    <t>\\acsfs\profiles$\LUCASQDSS\Favorites\Cartão Protegido - MAPFRE.url\:favicon:$DATA</t>
  </si>
  <si>
    <t>\\acsfs\profiles$\LUCASQDSS\Favorites\</t>
  </si>
  <si>
    <t>Cartão Protegido - MAPFRE.url</t>
  </si>
  <si>
    <t>\\acsfs\profiles$\LUCASQDSS\Favorites\Cartão Protegido - MAPFRE.url</t>
  </si>
  <si>
    <t>12/27/2019 08:16:20</t>
  </si>
  <si>
    <t>12/27/2019 08:16:26</t>
  </si>
  <si>
    <t>12/27/2019 08:16:42</t>
  </si>
  <si>
    <t>12/27/2019 08:16:47</t>
  </si>
  <si>
    <t>12/27/2019 08:17:00</t>
  </si>
  <si>
    <t>12/27/2019 08:17:12</t>
  </si>
  <si>
    <t>bvcartes-supervisores@algarnet.onmicrosoft.com;joaogvc@algartech.com;leonardoao@algartech.com;marianadjc@algartech.com;mirianppb@algartech.com;paulacn@algartech.com;rafaelggs@algartech.com;taysdss@algartech.com;viniciussg@algartech.com;</t>
  </si>
  <si>
    <t>bvcartes-supervisores@algarnet.onmicrosoft.com,joaogvc@algartech.com,leonardoao@algartech.com,marianadjc@algartech.com,mirianppb@algartech.com,paulacn@algartech.com,rafaelggs@algartech.com,taysdss@algartech.com,viniciussg@algartech.com</t>
  </si>
  <si>
    <t>12/27/2019 08:17:16</t>
  </si>
  <si>
    <t>mail.google.com/sync/u/0/i/s?hl=pt-BR&amp;c=188</t>
  </si>
  <si>
    <t>12/27/2019 08:17:23</t>
  </si>
  <si>
    <t>12/27/2019 08:17:24</t>
  </si>
  <si>
    <t>\\acsfs\DEPTOS\Operacao\PCP\5 - Comum\PLANEJAMENTO BV\14 - ACOMPANHAMENTO\1 - REPORT ACOMPANHAMENTO\2019\12 - Dezembro\CARTÕES\SHORTCALLS\</t>
  </si>
  <si>
    <t>\\acsfs\DEPTOS\Operacao\PCP\5 - Comum\PLANEJAMENTO BV\14 - ACOMPANHAMENTO\1 - REPORT ACOMPANHAMENTO\2019\12 - Dezembro\CARTÕES\SHORTCALLS\Shortcalls.xlsx</t>
  </si>
  <si>
    <t>12/27/2019 08:17:34</t>
  </si>
  <si>
    <t>mail.google.com/_/upload?authuser=0&amp;dcp=asu-n&amp;upload_id=AEnB2UoB5MB4Mo9H3-LU_CLLQFY8xTqPEwqi7K2K96TUWdqcCT0yOxYmeerC7NHG8T6WgT8e50FrlkCmr4AdQmaIqrngisZio_YXAmwsDJgs9IIOaU4Tquo&amp;upload_protocol=resumable</t>
  </si>
  <si>
    <t>12/27/2019 08:17:36</t>
  </si>
  <si>
    <t>12/27/2019 08:17:38</t>
  </si>
  <si>
    <t>12/27/2019 08:18:28</t>
  </si>
  <si>
    <t>12/27/2019 08:18:45</t>
  </si>
  <si>
    <t>12/27/2019 08:20:50</t>
  </si>
  <si>
    <t>12/27/2019 08:21:58</t>
  </si>
  <si>
    <t>12/27/2019 08:19:56</t>
  </si>
  <si>
    <t>43e854aa-d030-4262-82d7-4d1482cedc38.tmp</t>
  </si>
  <si>
    <t>\\acsfs\profiles$\laianear\Downloads\43e854aa-d030-4262-82d7-4d1482cedc38.tmp</t>
  </si>
  <si>
    <t>12/27/2019 08:20:05</t>
  </si>
  <si>
    <t>e6117ce4-3529-4f6c-b0db-292ca211efbc.tmp</t>
  </si>
  <si>
    <t>\\acsfs\profiles$\laianear\Downloads\e6117ce4-3529-4f6c-b0db-292ca211efbc.tmp</t>
  </si>
  <si>
    <t>12/27/2019 08:20:45</t>
  </si>
  <si>
    <t>12fe5152-d122-48e2-b082-a2f17eb11dc5.tmp</t>
  </si>
  <si>
    <t>\\acsfs\profiles$\laianear\Downloads\12fe5152-d122-48e2-b082-a2f17eb11dc5.tmp</t>
  </si>
  <si>
    <t>12/27/2019 08:17:42</t>
  </si>
  <si>
    <t>af31452c-bae9-4f11-a036-397952ff2831.tmp</t>
  </si>
  <si>
    <t>\\acsfs\profiles$\deborahsi\Downloads\af31452c-bae9-4f11-a036-397952ff2831.tmp</t>
  </si>
  <si>
    <t>12/27/2019 08:22:57</t>
  </si>
  <si>
    <t>b0255805-5b27-468b-8647-9c0d01d1c553.tmp</t>
  </si>
  <si>
    <t>\\acsfs\profiles$\deboraaa\Downloads\b0255805-5b27-468b-8647-9c0d01d1c553.tmp</t>
  </si>
  <si>
    <t>12/27/2019 08:21:29</t>
  </si>
  <si>
    <t>b1ea98f2-dcf8-4296-b950-2b7d6dee76bd.tmp</t>
  </si>
  <si>
    <t>\\acsfs\profiles$\websondsa\Downloads\b1ea98f2-dcf8-4296-b950-2b7d6dee76bd.tmp</t>
  </si>
  <si>
    <t>12/27/2019 08:19:23</t>
  </si>
  <si>
    <t>12/27/2019 08:23:58</t>
  </si>
  <si>
    <t>12/27/2019 08:23:16</t>
  </si>
  <si>
    <t>12/27/2019 08:18:34</t>
  </si>
  <si>
    <t>12/27/2019 08:22:39</t>
  </si>
  <si>
    <t>12/27/2019 08:22:56</t>
  </si>
  <si>
    <t>12/27/2019 08:21:04</t>
  </si>
  <si>
    <t>12/27/2019 08:22:04</t>
  </si>
  <si>
    <t>12/27/2019 08:24:57</t>
  </si>
  <si>
    <t>7a6c2d4d-93de-44a7-86fd-cb070c3de2d7.tmp</t>
  </si>
  <si>
    <t>\\acsfs\profiles$\nayarasds\Downloads\7a6c2d4d-93de-44a7-86fd-cb070c3de2d7.tmp</t>
  </si>
  <si>
    <t>12/27/2019 08:20:13</t>
  </si>
  <si>
    <t>2a3c54c5-0adb-41be-9b90-7093bb390cbc.tmp</t>
  </si>
  <si>
    <t>\\acsfs\profiles$\nayarasds\Downloads\2a3c54c5-0adb-41be-9b90-7093bb390cbc.tmp</t>
  </si>
  <si>
    <t>12/27/2019 08:20:36</t>
  </si>
  <si>
    <t>8a2ba35a-3ab2-4557-8c42-e504a8fdd790.tmp</t>
  </si>
  <si>
    <t>\\acsfs\profiles$\nayarasds\Downloads\8a2ba35a-3ab2-4557-8c42-e504a8fdd790.tmp</t>
  </si>
  <si>
    <t>42e4cab8-d0a5-4b50-b7da-7603d79d8b35.tmp</t>
  </si>
  <si>
    <t>\\acsfs\profiles$\nayarasds\Downloads\42e4cab8-d0a5-4b50-b7da-7603d79d8b35.tmp</t>
  </si>
  <si>
    <t>12/27/2019 08:21:17</t>
  </si>
  <si>
    <t>fd62ff84-3e13-4cd4-82e6-c2ccc751dee6.tmp</t>
  </si>
  <si>
    <t>\\acsfs\profiles$\nayarasds\Downloads\fd62ff84-3e13-4cd4-82e6-c2ccc751dee6.tmp</t>
  </si>
  <si>
    <t>12/27/2019 08:21:50</t>
  </si>
  <si>
    <t>9ce372b0-8e7f-4514-abf9-3c9d8734be3f.tmp</t>
  </si>
  <si>
    <t>\\acsfs\profiles$\nayarasds\Downloads\9ce372b0-8e7f-4514-abf9-3c9d8734be3f.tmp</t>
  </si>
  <si>
    <t>12/27/2019 08:20:02</t>
  </si>
  <si>
    <t>12/27/2019 08:20:31</t>
  </si>
  <si>
    <t>84e4bd6e-a14a-4296-9c9a-a4ebc9987f64.tmp</t>
  </si>
  <si>
    <t>\\acsfs\profiles$\larissaad\Downloads\84e4bd6e-a14a-4296-9c9a-a4ebc9987f64.tmp</t>
  </si>
  <si>
    <t>12/27/2019 08:20:34</t>
  </si>
  <si>
    <t>d13d844b-211f-4c47-ba81-f039e9e77135.tmp</t>
  </si>
  <si>
    <t>\\acsfs\profiles$\larissaad\Downloads\d13d844b-211f-4c47-ba81-f039e9e77135.tmp</t>
  </si>
  <si>
    <t>310c147a-9543-4071-a361-f633fcc90021.tmp</t>
  </si>
  <si>
    <t>\\acsfs\profiles$\larissaad\Downloads\310c147a-9543-4071-a361-f633fcc90021.tmp</t>
  </si>
  <si>
    <t>12/27/2019 08:21:44</t>
  </si>
  <si>
    <t>12/27/2019 08:25:58</t>
  </si>
  <si>
    <t>12/27/2019 08:23:59</t>
  </si>
  <si>
    <t>deb94f3d-9113-4be5-8898-199d3c67dfc1.tmp</t>
  </si>
  <si>
    <t>\\acsfs\profiles$\jonatanls\Downloads\deb94f3d-9113-4be5-8898-199d3c67dfc1.tmp</t>
  </si>
  <si>
    <t>12/27/2019 08:21:28</t>
  </si>
  <si>
    <t>12/27/2019 08:22:36</t>
  </si>
  <si>
    <t>https://udpmailboxap01.acs.com.br:8443/h/search?si=0&amp;so=0&amp;sc=54292&amp;sfi=6&amp;st=conversation&amp;action=compose</t>
  </si>
  <si>
    <t>12/27/2019 08:23:06</t>
  </si>
  <si>
    <t>12/27/2019 08:23:36</t>
  </si>
  <si>
    <t>12/27/2019 08:21:57</t>
  </si>
  <si>
    <t>d53d2576-086a-4bc5-8ae6-f7cc9920a6c8.tmp</t>
  </si>
  <si>
    <t>\\acsfs\profiles$\ayalabfi\Downloads\d53d2576-086a-4bc5-8ae6-f7cc9920a6c8.tmp</t>
  </si>
  <si>
    <t>12/27/2019 08:21:59</t>
  </si>
  <si>
    <t>2e6886bd-58b8-436c-98d7-9c292c30a9b1.tmp</t>
  </si>
  <si>
    <t>\\acsfs\profiles$\ayalabfi\Downloads\2e6886bd-58b8-436c-98d7-9c292c30a9b1.tmp</t>
  </si>
  <si>
    <t>dc5bf1bb-0ab3-4eb5-b981-b1864237c2fa.tmp</t>
  </si>
  <si>
    <t>\\acsfs\profiles$\ayalabfi\Downloads\dc5bf1bb-0ab3-4eb5-b981-b1864237c2fa.tmp</t>
  </si>
  <si>
    <t>12/27/2019 08:23:02</t>
  </si>
  <si>
    <t>0be33ebb-3ee3-4496-a70b-e644a20dd0b9.tmp</t>
  </si>
  <si>
    <t>\\acsfs\profiles$\ayalabfi\Downloads\0be33ebb-3ee3-4496-a70b-e644a20dd0b9.tmp</t>
  </si>
  <si>
    <t>12/27/2019 08:25:54</t>
  </si>
  <si>
    <t>12/27/2019 08:26:58</t>
  </si>
  <si>
    <t>Laudo 27-12 1.docx</t>
  </si>
  <si>
    <t>\\acsfs\DEPTOS\Operacao\Banco_Votorantim\Qualidade\Anderson\Jose\Atualizado\Laudo 27-12 1.docx</t>
  </si>
  <si>
    <t>12/27/2019 08:25:52</t>
  </si>
  <si>
    <t>be14e7dc-72cb-41a2-8d20-24ba1a89f48f.tmp</t>
  </si>
  <si>
    <t>\\acsfs\profiles$\laianear\Downloads\be14e7dc-72cb-41a2-8d20-24ba1a89f48f.tmp</t>
  </si>
  <si>
    <t>12/27/2019 08:25:55</t>
  </si>
  <si>
    <t>5781b96e-63ca-4ec3-a13b-c7d35b7cd33b.tmp</t>
  </si>
  <si>
    <t>\\acsfs\profiles$\laianear\Downloads\5781b96e-63ca-4ec3-a13b-c7d35b7cd33b.tmp</t>
  </si>
  <si>
    <t>12/27/2019 08:24:23</t>
  </si>
  <si>
    <t>973ca215-2660-4d99-9f4f-9d03d0152908.tmp</t>
  </si>
  <si>
    <t>\\acsfs\profiles$\deborahsi\Downloads\973ca215-2660-4d99-9f4f-9d03d0152908.tmp</t>
  </si>
  <si>
    <t>12/27/2019 08:24:32</t>
  </si>
  <si>
    <t>745d3b05-1be8-47b1-83fb-c24f717b0861.tmp</t>
  </si>
  <si>
    <t>\\acsfs\profiles$\deborahsi\Downloads\745d3b05-1be8-47b1-83fb-c24f717b0861.tmp</t>
  </si>
  <si>
    <t>12/27/2019 08:22:47</t>
  </si>
  <si>
    <t>89fb968a-1cd9-40e2-abc0-a89db5b41d58.tmp</t>
  </si>
  <si>
    <t>\\acsfs\profiles$\geovannasm\Downloads\89fb968a-1cd9-40e2-abc0-a89db5b41d58.tmp</t>
  </si>
  <si>
    <t>12/27/2019 08:23:52</t>
  </si>
  <si>
    <t>25f9e3e6-2664-4fba-a553-17732b6c2766.tmp</t>
  </si>
  <si>
    <t>\\acsfs\profiles$\geovannasm\Downloads\25f9e3e6-2664-4fba-a553-17732b6c2766.tmp</t>
  </si>
  <si>
    <t>12/27/2019 08:25:26</t>
  </si>
  <si>
    <t>2254e6df-7c3a-4e0e-99a1-e1b024ac61b3.tmp</t>
  </si>
  <si>
    <t>\\acsfs\profiles$\geovannasm\Downloads\2254e6df-7c3a-4e0e-99a1-e1b024ac61b3.tmp</t>
  </si>
  <si>
    <t>12/27/2019 08:26:40</t>
  </si>
  <si>
    <t>12/27/2019 08:27:58</t>
  </si>
  <si>
    <t>54371c1b-c234-42fb-8faa-a0a1f10894a2.tmp</t>
  </si>
  <si>
    <t>\\acsfs\profiles$\ERICALSR\Downloads\54371c1b-c234-42fb-8faa-a0a1f10894a2.tmp</t>
  </si>
  <si>
    <t>12/27/2019 08:22:22</t>
  </si>
  <si>
    <t>12/27/2019 08:27:46</t>
  </si>
  <si>
    <t>12/27/2019 08:28:58</t>
  </si>
  <si>
    <t>12/27/2019 08:28:02</t>
  </si>
  <si>
    <t>ddebdfcf-1de6-4f6e-8c08-c25efeb064f0.tmp</t>
  </si>
  <si>
    <t>\\acsfs\profiles$\marcellewdl\Downloads\ddebdfcf-1de6-4f6e-8c08-c25efeb064f0.tmp</t>
  </si>
  <si>
    <t>12/27/2019 08:24:09</t>
  </si>
  <si>
    <t>12/27/2019 08:25:04</t>
  </si>
  <si>
    <t>12/27/2019 08:25:53</t>
  </si>
  <si>
    <t>12/27/2019 08:26:11</t>
  </si>
  <si>
    <t>12/27/2019 08:26:51</t>
  </si>
  <si>
    <t>12/27/2019 08:26:33</t>
  </si>
  <si>
    <t>12/27/2019 08:27:04</t>
  </si>
  <si>
    <t>12/27/2019 08:28:04</t>
  </si>
  <si>
    <t>12/27/2019 08:24:11</t>
  </si>
  <si>
    <t>12/27/2019 08:29:58</t>
  </si>
  <si>
    <t>916ebfda-0f89-4792-aa7f-764c56a47239.tmp</t>
  </si>
  <si>
    <t>\\acsfs\profiles$\nayarasds\Downloads\916ebfda-0f89-4792-aa7f-764c56a47239.tmp</t>
  </si>
  <si>
    <t>12/27/2019 08:29:51</t>
  </si>
  <si>
    <t>12/27/2019 08:30:58</t>
  </si>
  <si>
    <t>12/27/2019 08:27:17</t>
  </si>
  <si>
    <t>78f0ca79-54e1-4bb0-bc2a-8e384412faf5.tmp</t>
  </si>
  <si>
    <t>\\acsfs\profiles$\jonatanls\Downloads\78f0ca79-54e1-4bb0-bc2a-8e384412faf5.tmp</t>
  </si>
  <si>
    <t>12/27/2019 08:28:03</t>
  </si>
  <si>
    <t>fe190868-8057-48aa-81f7-b0d564a418df.tmp</t>
  </si>
  <si>
    <t>\\acsfs\profiles$\jonatanls\Downloads\fe190868-8057-48aa-81f7-b0d564a418df.tmp</t>
  </si>
  <si>
    <t>12/27/2019 08:28:37</t>
  </si>
  <si>
    <t>03439920-9c6b-409f-ab3e-9b8fe4ce6fca.tmp</t>
  </si>
  <si>
    <t>\\acsfs\profiles$\jonatanls\Downloads\03439920-9c6b-409f-ab3e-9b8fe4ce6fca.tmp</t>
  </si>
  <si>
    <t>12/27/2019 08:27:05</t>
  </si>
  <si>
    <t>12/27/2019 08:31:58</t>
  </si>
  <si>
    <t>67505a76-8a42-4958-a738-391151a98e6e.tmp</t>
  </si>
  <si>
    <t>\\acsfs\profiles$\geovannasm\Downloads\67505a76-8a42-4958-a738-391151a98e6e.tmp</t>
  </si>
  <si>
    <t>12/27/2019 08:31:46</t>
  </si>
  <si>
    <t>de61cdeb-cfac-42bb-929e-da5a3d11b9d3.tmp</t>
  </si>
  <si>
    <t>\\acsfs\profiles$\victoriaksr\Downloads\de61cdeb-cfac-42bb-929e-da5a3d11b9d3.tmp</t>
  </si>
  <si>
    <t>12/27/2019 08:27:31</t>
  </si>
  <si>
    <t>12/27/2019 08:32:58</t>
  </si>
  <si>
    <t>12/27/2019 08:27:48</t>
  </si>
  <si>
    <t>309b6b6d-b500-4b69-8171-75e0c0686f40.tmp</t>
  </si>
  <si>
    <t>\\acsfs\profiles$\ERICALSR\Downloads\309b6b6d-b500-4b69-8171-75e0c0686f40.tmp</t>
  </si>
  <si>
    <t>12/27/2019 08:29:23</t>
  </si>
  <si>
    <t>12/27/2019 08:33:58</t>
  </si>
  <si>
    <t>f1792eca-30f5-4ea0-a47f-a27468dcca85.tmp</t>
  </si>
  <si>
    <t>\\acsfs\profiles$\luanaagl\Downloads\f1792eca-30f5-4ea0-a47f-a27468dcca85.tmp</t>
  </si>
  <si>
    <t>12/27/2019 08:28:27</t>
  </si>
  <si>
    <t>91b9ceb5-b3e5-4afc-bc65-8a3ce89328b2.tmp</t>
  </si>
  <si>
    <t>\\acsfs\profiles$\ROZENCAM\Downloads\91b9ceb5-b3e5-4afc-bc65-8a3ce89328b2.tmp</t>
  </si>
  <si>
    <t>12/27/2019 08:29:48</t>
  </si>
  <si>
    <t>12/27/2019 08:29:54</t>
  </si>
  <si>
    <t>12/27/2019 08:30:09</t>
  </si>
  <si>
    <t>12/27/2019 08:29:21</t>
  </si>
  <si>
    <t>12/27/2019 08:33:04</t>
  </si>
  <si>
    <t>12/27/2019 08:33:37</t>
  </si>
  <si>
    <t>12/27/2019 08:34:58</t>
  </si>
  <si>
    <t>210aebc5-bb03-404f-bdc6-002efc53faa7.tmp</t>
  </si>
  <si>
    <t>\\acsfs\profiles$\cintiadcf\Downloads\210aebc5-bb03-404f-bdc6-002efc53faa7.tmp</t>
  </si>
  <si>
    <t>12/27/2019 08:33:25</t>
  </si>
  <si>
    <t>285f3961-efb2-46d8-85c2-057dfc088466.tmp</t>
  </si>
  <si>
    <t>\\acsfs\profiles$\larissaad\Downloads\285f3961-efb2-46d8-85c2-057dfc088466.tmp</t>
  </si>
  <si>
    <t>12/27/2019 08:31:09</t>
  </si>
  <si>
    <t>12/27/2019 08:35:57</t>
  </si>
  <si>
    <t>12/27/2019 08:32:03</t>
  </si>
  <si>
    <t>12/27/2019 08:34:31</t>
  </si>
  <si>
    <t>\\acsfs\profiles$\pamelamcmdsg\Downloads\</t>
  </si>
  <si>
    <t>e6f7ba7b-1c41-4d83-8801-a5e9eb393653.tmp</t>
  </si>
  <si>
    <t>\\acsfs\profiles$\pamelamcmdsg\Downloads\e6f7ba7b-1c41-4d83-8801-a5e9eb393653.tmp</t>
  </si>
  <si>
    <t>12/27/2019 08:34:41</t>
  </si>
  <si>
    <t>Unconfirmed 71818.crdownload</t>
  </si>
  <si>
    <t>\\acsfs\profiles$\pamelamcmdsg\Downloads\Unconfirmed 71818.crdownload</t>
  </si>
  <si>
    <t>12/27/2019 08:31:05</t>
  </si>
  <si>
    <t>12/27/2019 08:34:30</t>
  </si>
  <si>
    <t>89794e90-1c7f-4806-86cd-bdf3a1610a36.tmp</t>
  </si>
  <si>
    <t>\\acsfs\profiles$\ayalabfi\Downloads\89794e90-1c7f-4806-86cd-bdf3a1610a36.tmp</t>
  </si>
  <si>
    <t>12/27/2019 08:32:18</t>
  </si>
  <si>
    <t>12/27/2019 08:36:58</t>
  </si>
  <si>
    <t>http:///batch?%24ct=multipart%2Fmixed%3B%20boundary%3D%22%3D%3D%3D%3D%3Dcv9d7xjwfw5l%3D%3D%3D%3D%3D%22&amp;key=AIzaSyAy9VVXHSpS2IJpptzYtGbLP3-3_l0aBk4</t>
  </si>
  <si>
    <t>http:///batch?%24ct=multipart%2Fmixed%3B%20boundary%3D%22%3D%3D%3D%3D%3Dpbzynlwmo4o%3D%3D%3D%3D%3D%22&amp;key=AIzaSyAy9VVXHSpS2IJpptzYtGbLP3-3_l0aBk4</t>
  </si>
  <si>
    <t>12/27/2019 08:32:19</t>
  </si>
  <si>
    <t>12/27/2019 08:32:32</t>
  </si>
  <si>
    <t>http:///batch?%24ct=multipart%2Fmixed%3B%20boundary%3D%22%3D%3D%3D%3D%3D9az2flxd6oj5%3D%3D%3D%3D%3D%22&amp;key=AIzaSyAy9VVXHSpS2IJpptzYtGbLP3-3_l0aBk4</t>
  </si>
  <si>
    <t>ancestorhasaugmentedpermissions;containsunsubscribedchildren;dis;displayname;domain;emailaddress;filesize;hasthumbnail;hasvisitorpermissions;id);items(kind;ken;lastmodifyi;lastmodifyinguser(kind;lastviewedbymedate;modifiedbymedate;modifieddate;ontainsunsubscribedchildren;owners(kind;permission;permissionid;picture;picture�;rpermissions;thumbnailversion;workspaceids;</t>
  </si>
  <si>
    <t>http://ancestorhasaugmentedpermissions,containsunsubscribedchildren,dis,displayname,domain,emailaddress,filesize,hasthumbnail,hasvisitorpermissions,id),items(kind,ken,lastmodifyi,lastmodifyinguser(kind,lastviewedbymedate,modifiedbymedate,modifieddate,ontainsunsubscribedchildren,owners(kind,permission,permissionid,picture,picture�,rpermissions,thumbnailversion,workspaceids</t>
  </si>
  <si>
    <t>12/27/2019 08:32:33</t>
  </si>
  <si>
    <t>http://browser.pipe.aria.microsoft.com/collector/3.0/?qsp=true&amp;content-type=application/bond-compact-binary&amp;client-id=no_auth&amp;sdk-version=awt-web-js-1.8.5&amp;x-apikey=a387cfcf60114a43a7699f9fbb49289e-9bceb9fe-1c06-460f-96c5-6a0b247358bc-7238&amp;client-time-epoch-millis=1577368601119&amp;time-delta-to-apply-millis=331</t>
  </si>
  <si>
    <t>12/27/2019 08:32:36</t>
  </si>
  <si>
    <t>http:///batch?%24ct=multipart%2Fmixed%3B%20boundary%3D%22%3D%3D%3D%3D%3Dqkfh8ngbm6ma%3D%3D%3D%3D%3D%22&amp;key=AIzaSyAy9VVXHSpS2IJpptzYtGbLP3-3_l0aBk4</t>
  </si>
  <si>
    <t>12/27/2019 08:32:37</t>
  </si>
  <si>
    <t>http:///batch?%24ct=multipart%2Fmixed%3B%20boundary%3D%22%3D%3D%3D%3D%3D81jd6ld76pug%3D%3D%3D%3D%3D%22&amp;key=AIzaSyAy9VVXHSpS2IJpptzYtGbLP3-3_l0aBk4</t>
  </si>
  <si>
    <t>12/27/2019 08:33:09</t>
  </si>
  <si>
    <t>http://portalapps.bancovotorantim.com.br/citrix/xabvweb/resources/list</t>
  </si>
  <si>
    <t>12/27/2019 08:34:46</t>
  </si>
  <si>
    <t>b8be9e7a-618a-4490-92df-9af6ea8d90a4.tmp</t>
  </si>
  <si>
    <t>\\acsfs\profiles$\wenderbnm\Downloads\b8be9e7a-618a-4490-92df-9af6ea8d90a4.tmp</t>
  </si>
  <si>
    <t>12/27/2019 08:35:46</t>
  </si>
  <si>
    <t>4231e1ef-086c-4f57-8b13-fca5784714e1.tmp</t>
  </si>
  <si>
    <t>\\acsfs\profiles$\wenderbnm\Downloads\4231e1ef-086c-4f57-8b13-fca5784714e1.tmp</t>
  </si>
  <si>
    <t>12/27/2019 08:31:55</t>
  </si>
  <si>
    <t>.~lock.1721 1724 ate 26122019.xlsx#</t>
  </si>
  <si>
    <t>\\acsfs\profiles$\victoriaksr\Downloads\.~lock.1721 1724 ate 26122019.xlsx#</t>
  </si>
  <si>
    <t>12/27/2019 08:32:22</t>
  </si>
  <si>
    <t>12/27/2019 08:33:06</t>
  </si>
  <si>
    <t>b48d0b7e-2596-401d-ba73-3b75633adade.tmp</t>
  </si>
  <si>
    <t>\\acsfs\profiles$\victoriaksr\Downloads\b48d0b7e-2596-401d-ba73-3b75633adade.tmp</t>
  </si>
  <si>
    <t>12/27/2019 08:34:40</t>
  </si>
  <si>
    <t>adf4e1dd-4556-4e60-b566-4de20bd16637.tmp</t>
  </si>
  <si>
    <t>\\acsfs\profiles$\victoriaksr\Downloads\adf4e1dd-4556-4e60-b566-4de20bd16637.tmp</t>
  </si>
  <si>
    <t>12/27/2019 08:37:59</t>
  </si>
  <si>
    <t>14f9dade-d6fa-480c-8ea5-d1f75f38799a.tmp</t>
  </si>
  <si>
    <t>\\acsfs\profiles$\vivianealda\Downloads\14f9dade-d6fa-480c-8ea5-d1f75f38799a.tmp</t>
  </si>
  <si>
    <t>12/27/2019 08:35:09</t>
  </si>
  <si>
    <t>12/27/2019 08:36:46</t>
  </si>
  <si>
    <t>85c4173c-fcbb-415f-9bbc-d88f32164e00.tmp</t>
  </si>
  <si>
    <t>\\acsfs\profiles$\nataliacsl\Downloads\85c4173c-fcbb-415f-9bbc-d88f32164e00.tmp</t>
  </si>
  <si>
    <t>12/27/2019 08:36:48</t>
  </si>
  <si>
    <t>6567d6a9-59c2-4538-a65a-98b889cb46b6.tmp</t>
  </si>
  <si>
    <t>\\acsfs\profiles$\nataliacsl\Downloads\6567d6a9-59c2-4538-a65a-98b889cb46b6.tmp</t>
  </si>
  <si>
    <t>12/27/2019 08:36:09</t>
  </si>
  <si>
    <t>12/27/2019 08:38:58</t>
  </si>
  <si>
    <t>12/27/2019 08:37:02</t>
  </si>
  <si>
    <t>12/27/2019 08:37:25</t>
  </si>
  <si>
    <t>12/27/2019 08:34:04</t>
  </si>
  <si>
    <t>12/27/2019 08:37:22</t>
  </si>
  <si>
    <t>10.200.66.181</t>
  </si>
  <si>
    <t>6eddcf1a-569f-4967-850d-f0d3e6d6ff39.tmp</t>
  </si>
  <si>
    <t>\\acsfs\profiles$\eduardofss\Downloads\6eddcf1a-569f-4967-850d-f0d3e6d6ff39.tmp</t>
  </si>
  <si>
    <t>12/27/2019 08:37:41</t>
  </si>
  <si>
    <t>Q29udHJvbGxlci5QYXl3YXJlXzEtMg-- (40).ica</t>
  </si>
  <si>
    <t>\\acsfs\profiles$\eduardofss\Downloads\Q29udHJvbGxlci5QYXl3YXJlXzEtMg-- (40).ica</t>
  </si>
  <si>
    <t>12/27/2019 08:38:26</t>
  </si>
  <si>
    <t>19e8ad7d-1c3b-4c48-8221-66ff567d55cc.tmp</t>
  </si>
  <si>
    <t>\\acsfs\profiles$\adelvinsonle\Downloads\19e8ad7d-1c3b-4c48-8221-66ff567d55cc.tmp</t>
  </si>
  <si>
    <t>12/27/2019 08:38:35</t>
  </si>
  <si>
    <t>\\acsfs\profiles$\adelvinsonle\Downloads\Q29udHJvbGxlci5DYWxjdWxhZG9yYURlVmVuY2lt (8).ica</t>
  </si>
  <si>
    <t>12/27/2019 08:36:08</t>
  </si>
  <si>
    <t>12/27/2019 08:39:59</t>
  </si>
  <si>
    <t>5e893e53-5ff1-4436-8a42-87583e77c2d5.tmp</t>
  </si>
  <si>
    <t>\\acsfs\profiles$\dhiulliananads\Downloads\5e893e53-5ff1-4436-8a42-87583e77c2d5.tmp</t>
  </si>
  <si>
    <t>12/27/2019 08:35:36</t>
  </si>
  <si>
    <t>12/27/2019 08:40:58</t>
  </si>
  <si>
    <t>12/27/2019 08:36:06</t>
  </si>
  <si>
    <t>12/27/2019 08:37:36</t>
  </si>
  <si>
    <t>12/27/2019 08:40:06</t>
  </si>
  <si>
    <t>12/27/2019 08:37:12</t>
  </si>
  <si>
    <t>12/27/2019 08:37:56</t>
  </si>
  <si>
    <t>97ad8ac7-5b1f-406c-b546-78f834924cc3.tmp</t>
  </si>
  <si>
    <t>\\acsfs\profiles$\PEDROHAB\Downloads\97ad8ac7-5b1f-406c-b546-78f834924cc3.tmp</t>
  </si>
  <si>
    <t>ad3c8d1e-baae-477f-a25a-af060b4d8d2e.tmp</t>
  </si>
  <si>
    <t>\\acsfs\profiles$\PEDROHAB\Downloads\ad3c8d1e-baae-477f-a25a-af060b4d8d2e.tmp</t>
  </si>
  <si>
    <t>12/27/2019 08:38:39</t>
  </si>
  <si>
    <t>a985352b-bc39-4a76-942d-2d6d1c2f041d.tmp</t>
  </si>
  <si>
    <t>\\acsfs\profiles$\PEDROHAB\Downloads\a985352b-bc39-4a76-942d-2d6d1c2f041d.tmp</t>
  </si>
  <si>
    <t>12/27/2019 08:38:57</t>
  </si>
  <si>
    <t>12/27/2019 08:37:30</t>
  </si>
  <si>
    <t>12/27/2019 08:41:58</t>
  </si>
  <si>
    <t>12/27/2019 08:40:23</t>
  </si>
  <si>
    <t>12/27/2019 08:42:58</t>
  </si>
  <si>
    <t>12/27/2019 08:42:11</t>
  </si>
  <si>
    <t>12/27/2019 08:43:58</t>
  </si>
  <si>
    <t>lu87561g57lq.tmp</t>
  </si>
  <si>
    <t>\\acsfs\profiles$\BRUNAAR\Numero\lu87561g57lq.tmp</t>
  </si>
  <si>
    <t>12/27/2019 08:43:11</t>
  </si>
  <si>
    <t>12/27/2019 08:42:09</t>
  </si>
  <si>
    <t>12/27/2019 08:43:01</t>
  </si>
  <si>
    <t>12/27/2019 08:39:04</t>
  </si>
  <si>
    <t>12/27/2019 08:40:04</t>
  </si>
  <si>
    <t>12/27/2019 08:40:18</t>
  </si>
  <si>
    <t>34e00469-3715-4930-885e-3a6be6a7dedd.tmp</t>
  </si>
  <si>
    <t>\\acsfs\profiles$\eduardofss\Downloads\34e00469-3715-4930-885e-3a6be6a7dedd.tmp</t>
  </si>
  <si>
    <t>12/27/2019 08:40:49</t>
  </si>
  <si>
    <t>d8496e65-d6f2-460e-8869-5d4b9d66944a.tmp</t>
  </si>
  <si>
    <t>\\acsfs\profiles$\eduardofss\Downloads\d8496e65-d6f2-460e-8869-5d4b9d66944a.tmp</t>
  </si>
  <si>
    <t>12/27/2019 08:39:30</t>
  </si>
  <si>
    <t>281796de-2a0d-4106-91ca-9f857a279855.tmp</t>
  </si>
  <si>
    <t>\\acsfs\profiles$\adelvinsonle\Downloads\281796de-2a0d-4106-91ca-9f857a279855.tmp</t>
  </si>
  <si>
    <t>12/27/2019 08:41:42</t>
  </si>
  <si>
    <t>12/27/2019 08:44:58</t>
  </si>
  <si>
    <t>12/27/2019 08:42:26</t>
  </si>
  <si>
    <t>12/27/2019 08:42:27</t>
  </si>
  <si>
    <t>12/27/2019 08:42:30</t>
  </si>
  <si>
    <t>12/27/2019 08:42:31</t>
  </si>
  <si>
    <t>12/27/2019 08:42:35</t>
  </si>
  <si>
    <t>12/27/2019 08:42:39</t>
  </si>
  <si>
    <t>12/27/2019 08:42:41</t>
  </si>
  <si>
    <t>12/27/2019 08:42:42</t>
  </si>
  <si>
    <t>12/27/2019 08:42:43</t>
  </si>
  <si>
    <t>12/27/2019 08:42:44</t>
  </si>
  <si>
    <t>12/27/2019 08:42:49</t>
  </si>
  <si>
    <t>12/27/2019 08:42:52</t>
  </si>
  <si>
    <t>12/27/2019 08:43:08</t>
  </si>
  <si>
    <t>12/27/2019 08:43:09</t>
  </si>
  <si>
    <t>12/27/2019 08:42:21</t>
  </si>
  <si>
    <t>12/27/2019 08:45:59</t>
  </si>
  <si>
    <t>12/27/2019 08:43:54</t>
  </si>
  <si>
    <t>12/27/2019 08:46:28</t>
  </si>
  <si>
    <t>12/27/2019 08:47:58</t>
  </si>
  <si>
    <t>12/27/2019 08:46:30</t>
  </si>
  <si>
    <t>4b11457b-7218-4739-8e21-5c52123501cc.tmp</t>
  </si>
  <si>
    <t>\\acsfs\profiles$\YASMINSC\Downloads\4b11457b-7218-4739-8e21-5c52123501cc.tmp</t>
  </si>
  <si>
    <t>12/27/2019 08:45:47</t>
  </si>
  <si>
    <t>12/27/2019 08:48:09</t>
  </si>
  <si>
    <t>12/27/2019 08:48:58</t>
  </si>
  <si>
    <t>12/27/2019 08:45:04</t>
  </si>
  <si>
    <t>12/27/2019 08:46:04</t>
  </si>
  <si>
    <t>12/27/2019 08:47:12</t>
  </si>
  <si>
    <t>12/27/2019 08:49:58</t>
  </si>
  <si>
    <t>lu768411w7mi.tmp</t>
  </si>
  <si>
    <t>\\acsfs\profiles$\dhiulliananads\My Documents\lu768411w7mi.tmp</t>
  </si>
  <si>
    <t>\\acsfs\profiles$\dhiulliananads\My Documents\lu768411w7mi.tmp\</t>
  </si>
  <si>
    <t>\\acsfs\profiles$\dhiulliananads\My Documents\lu768411w7mi.tmp\META-INF\</t>
  </si>
  <si>
    <t>\\acsfs\profiles$\dhiulliananads\My Documents\lu768411w7mi.tmp\Thumbnails\</t>
  </si>
  <si>
    <t>12/27/2019 08:49:24</t>
  </si>
  <si>
    <t>5acd0cb1-447f-4e58-8c14-e2ff82579cc5.tmp</t>
  </si>
  <si>
    <t>\\acsfs\profiles$\larissaad\Downloads\5acd0cb1-447f-4e58-8c14-e2ff82579cc5.tmp</t>
  </si>
  <si>
    <t>12/27/2019 08:46:21</t>
  </si>
  <si>
    <t>12/27/2019 08:49:23</t>
  </si>
  <si>
    <t>12/27/2019 08:50:59</t>
  </si>
  <si>
    <t>12/27/2019 08:47:06</t>
  </si>
  <si>
    <t>12/27/2019 08:48:06</t>
  </si>
  <si>
    <t>12/27/2019 08:48:36</t>
  </si>
  <si>
    <t>12/27/2019 08:49:06</t>
  </si>
  <si>
    <t>12/27/2019 08:49:36</t>
  </si>
  <si>
    <t>12/27/2019 08:46:47</t>
  </si>
  <si>
    <t>C:\Users\elianegr\Downloads\</t>
  </si>
  <si>
    <t>Dimensionamento_Dezembro 2 (2).xlsx</t>
  </si>
  <si>
    <t>\\acsfs\DEPTOS\Operacao\Banco_Votorantim\Qualidade\Anderson\Dimensionamento Elii kk\Dimensionamento_Dezembro 2 (2).xlsx</t>
  </si>
  <si>
    <t>12/27/2019 08:46:48</t>
  </si>
  <si>
    <t>\\acsfs\DEPTOS\Operacao\Banco_Votorantim\Qualidade\Anderson\Dimensionamento Elii kk\Dimensionamento_Dezembro 2 (2).xlsx\</t>
  </si>
  <si>
    <t>\\acsfs\DEPTOS\Operacao\Banco_Votorantim\Qualidade\Anderson\Dimensionamento Elii kk\Dimensionamento_Dezembro 2 (2).xlsx\:Zone.Identifier:$DATA</t>
  </si>
  <si>
    <t>12/26/2019 17:37:38</t>
  </si>
  <si>
    <t>0248c094-1e96-4154-bbdc-7bcb1acc3f26.tmp</t>
  </si>
  <si>
    <t>\\acsfs\profiles$\victorgl\Downloads\0248c094-1e96-4154-bbdc-7bcb1acc3f26.tmp</t>
  </si>
  <si>
    <t>12/27/2019 08:49:14</t>
  </si>
  <si>
    <t>12/27/2019 08:51:58</t>
  </si>
  <si>
    <t>9b6c20ae-f0c4-4abb-a79a-9f1a0c67d7dd.tmp</t>
  </si>
  <si>
    <t>\\acsfs\profiles$\rafaelamsv\Downloads\9b6c20ae-f0c4-4abb-a79a-9f1a0c67d7dd.tmp</t>
  </si>
  <si>
    <t>12/27/2019 08:49:45</t>
  </si>
  <si>
    <t>1390189254;1577446938367;3;[];[]]];atendimentocartao@bv.com.br;axglkz3mj7ff2mq7aatiqtsft_cquuq2hykgdi-wt9ieiteelyv1vbe0s90ir_k3zmsjy8ffc-rr1tzjivjatnoozvnypvumlae6lsgjimgookhu6czfpqvf21pchdq7tawcqaqg4nxhseujtfjadmemcafafwjmmxrou_jmi4yorg1wryyidybzmfrlzb3lnl5sr-0w6jpfmxvuaiqvgvo4id6r4xrbimcb6g_xquccazdiyzoy1_k_yydoatozkhtp9dl9kpqqmv7gyzxmh1cbb3jaymwz6tralydu21e0j2cvpa54uv-dhmamya\";azdiyzoy1_k_yydoatozkhtp9dl9kpqqmv7gyzxmh1cbb3jaymwz6tralydu21e0j2cvpa54uv-dhmamya\";backofficebv@dxc.com;bvs-centralcartoes@bv.com.br;fabianacscg@algartech.com;false;fernandorsju@algartech.com;jose.ric.dos-santos@dxc.com;kesiadof@algartech.com;larisacc@algartech.com;larissa.alcantara@bv.com.br;marianeps@algartech.com;marianerdo@algartech.com;mirianppb@algartech.com;null;talmaiardo@algartech.com;thiagordu@algartech.com;true]";</t>
  </si>
  <si>
    <t>1390189254,1577446938367,3,[],[]]],atendimentocartao@bv.com.br,axglkz3mj7ff2mq7aatiqtsft_cquuq2hykgdi-wt9ieiteelyv1vbe0s90ir_k3zmsjy8ffc-rr1tzjivjatnoozvnypvumlae6lsgjimgookhu6czfpqvf21pchdq7tawcqaqg4nxhseujtfjadmemcafafwjmmxrou_jmi4yorg1wryyidybzmfrlzb3lnl5sr-0w6jpfmxvuaiqvgvo4id6r4xrbimcb6g_xquccazdiyzoy1_k_yydoatozkhtp9dl9kpqqmv7gyzxmh1cbb3jaymwz6tralydu21e0j2cvpa54uv-dhmamya\",azdiyzoy1_k_yydoatozkhtp9dl9kpqqmv7gyzxmh1cbb3jaymwz6tralydu21e0j2cvpa54uv-dhmamya\",backofficebv@dxc.com,bvs-centralcartoes@bv.com.br,fabianacscg@algartech.com,false,fernandorsju@algartech.com,jose.ric.dos-santos@dxc.com,kesiadof@algartech.com,larisacc@algartech.com,larissa.alcantara@bv.com.br,marianeps@algartech.com,marianerdo@algartech.com,mirianppb@algartech.com,null,talmaiardo@algartech.com,thiagordu@algartech.com,true]"</t>
  </si>
  <si>
    <t>12/27/2019 08:50:00</t>
  </si>
  <si>
    <t>kesiadof@algartech.com;</t>
  </si>
  <si>
    <t>12/27/2019 08:48:04</t>
  </si>
  <si>
    <t>475624b5-aa4d-46fe-8bc8-90cd5e953dd2.tmp</t>
  </si>
  <si>
    <t>\\acsfs\profiles$\KARENDSR\Downloads\475624b5-aa4d-46fe-8bc8-90cd5e953dd2.tmp</t>
  </si>
  <si>
    <t>12/27/2019 08:49:17</t>
  </si>
  <si>
    <t>f39a81ed-261c-40b1-be35-233b0fef528b.tmp</t>
  </si>
  <si>
    <t>\\acsfs\profiles$\KARENDSR\Downloads\f39a81ed-261c-40b1-be35-233b0fef528b.tmp</t>
  </si>
  <si>
    <t>12/27/2019 08:49:25</t>
  </si>
  <si>
    <t>dd1735d8-38ed-47b2-a2f1-ed2552c3bbfc.tmp</t>
  </si>
  <si>
    <t>\\acsfs\profiles$\KARENDSR\Downloads\dd1735d8-38ed-47b2-a2f1-ed2552c3bbfc.tmp</t>
  </si>
  <si>
    <t>12/27/2019 08:49:42</t>
  </si>
  <si>
    <t>5ba85000-3f2c-4f64-a15d-03f89436f76c.tmp</t>
  </si>
  <si>
    <t>\\acsfs\profiles$\KARENDSR\Downloads\5ba85000-3f2c-4f64-a15d-03f89436f76c.tmp</t>
  </si>
  <si>
    <t>12/27/2019 08:47:27</t>
  </si>
  <si>
    <t>49b5a117-bfd8-4526-9550-2500d623e728.tmp</t>
  </si>
  <si>
    <t>\\acsfs\profiles$\leticiala\Downloads\49b5a117-bfd8-4526-9550-2500d623e728.tmp</t>
  </si>
  <si>
    <t>12/27/2019 08:47:32</t>
  </si>
  <si>
    <t>895996f4-8c4b-485a-a5df-8271112dca6f.tmp</t>
  </si>
  <si>
    <t>\\acsfs\profiles$\leticiala\Downloads\895996f4-8c4b-485a-a5df-8271112dca6f.tmp</t>
  </si>
  <si>
    <t>9158c808-63d0-4d97-9bcf-42603cecff6a.tmp</t>
  </si>
  <si>
    <t>\\acsfs\profiles$\leticiala\Downloads\9158c808-63d0-4d97-9bcf-42603cecff6a.tmp</t>
  </si>
  <si>
    <t>12/27/2019 08:48:25</t>
  </si>
  <si>
    <t>6b7e6d09-59db-4cbd-89a2-049d9b1bb4ac.tmp</t>
  </si>
  <si>
    <t>\\acsfs\profiles$\leticiala\Downloads\6b7e6d09-59db-4cbd-89a2-049d9b1bb4ac.tmp</t>
  </si>
  <si>
    <t>12/27/2019 08:49:27</t>
  </si>
  <si>
    <t>12/27/2019 08:52:59</t>
  </si>
  <si>
    <t>4660ad00-b5e4-4cd2-92b6-dabbf5c03dc7.tmp</t>
  </si>
  <si>
    <t>\\acsfs\profiles$\deboraaa\Downloads\4660ad00-b5e4-4cd2-92b6-dabbf5c03dc7.tmp</t>
  </si>
  <si>
    <t>12/27/2019 08:47:34</t>
  </si>
  <si>
    <t>7585144b-bb02-491a-a096-6eef8a536f01.tmp</t>
  </si>
  <si>
    <t>\\acsfs\profiles$\YASMINSC\Downloads\7585144b-bb02-491a-a096-6eef8a536f01.tmp</t>
  </si>
  <si>
    <t>12/27/2019 08:49:13</t>
  </si>
  <si>
    <t>12/27/2019 08:48:24</t>
  </si>
  <si>
    <t>12/27/2019 08:52:33</t>
  </si>
  <si>
    <t>12/27/2019 08:53:58</t>
  </si>
  <si>
    <t>12/27/2019 08:52:35</t>
  </si>
  <si>
    <t>12/27/2019 08:52:38</t>
  </si>
  <si>
    <t>12/27/2019 08:52:39</t>
  </si>
  <si>
    <t>12/27/2019 08:52:40</t>
  </si>
  <si>
    <t>12/27/2019 08:52:41</t>
  </si>
  <si>
    <t>12/27/2019 08:52:42</t>
  </si>
  <si>
    <t>12/27/2019 08:52:43</t>
  </si>
  <si>
    <t>12/27/2019 08:52:37</t>
  </si>
  <si>
    <t>12/27/2019 08:51:04</t>
  </si>
  <si>
    <t>12/27/2019 08:52:04</t>
  </si>
  <si>
    <t>12/27/2019 08:52:03</t>
  </si>
  <si>
    <t>12/27/2019 08:54:59</t>
  </si>
  <si>
    <t>22cca2ff-804b-4d1e-9e9e-37544321f9cf.tmp</t>
  </si>
  <si>
    <t>\\acsfs\profiles$\nayarasds\Downloads\22cca2ff-804b-4d1e-9e9e-37544321f9cf.tmp</t>
  </si>
  <si>
    <t>12/27/2019 08:52:14</t>
  </si>
  <si>
    <t>12/27/2019 08:52:25</t>
  </si>
  <si>
    <t>56cef78a-bfd5-4541-a694-dd0d16b3e1b6.tmp</t>
  </si>
  <si>
    <t>\\acsfs\profiles$\mariliafplb\Downloads\56cef78a-bfd5-4541-a694-dd0d16b3e1b6.tmp</t>
  </si>
  <si>
    <t>12/27/2019 08:52:26</t>
  </si>
  <si>
    <t>6d9f8678-8fe2-4974-a5f7-960e7d9a0cc5.tmp</t>
  </si>
  <si>
    <t>\\acsfs\profiles$\mariliafplb\Downloads\6d9f8678-8fe2-4974-a5f7-960e7d9a0cc5.tmp</t>
  </si>
  <si>
    <t>12/27/2019 08:53:13</t>
  </si>
  <si>
    <t>7509925f-a6f1-4879-aaf2-78de8664c327.tmp</t>
  </si>
  <si>
    <t>\\acsfs\profiles$\mariliafplb\Downloads\7509925f-a6f1-4879-aaf2-78de8664c327.tmp</t>
  </si>
  <si>
    <t>12/27/2019 08:51:36</t>
  </si>
  <si>
    <t>12/27/2019 08:55:59</t>
  </si>
  <si>
    <t>1cd6cca9-f972-4230-ab65-9e40f5bbc51a.tmp</t>
  </si>
  <si>
    <t>\\acsfs\profiles$\sarahbal\Downloads\1cd6cca9-f972-4230-ab65-9e40f5bbc51a.tmp</t>
  </si>
  <si>
    <t>12/27/2019 08:50:42</t>
  </si>
  <si>
    <t>59a86c8c-dcdd-4c93-adc9-416e749f0b7f.tmp</t>
  </si>
  <si>
    <t>\\acsfs\profiles$\lucasqdss\Downloads\59a86c8c-dcdd-4c93-adc9-416e749f0b7f.tmp</t>
  </si>
  <si>
    <t>12/27/2019 08:52:20</t>
  </si>
  <si>
    <t>12/27/2019 08:55:04</t>
  </si>
  <si>
    <t>12/27/2019 08:52:06</t>
  </si>
  <si>
    <t>12/27/2019 08:51:45</t>
  </si>
  <si>
    <t>12/27/2019 08:51:47</t>
  </si>
  <si>
    <t>12/27/2019 08:52:01</t>
  </si>
  <si>
    <t>12/27/2019 08:55:01</t>
  </si>
  <si>
    <t>thallitaqna</t>
  </si>
  <si>
    <t>\\acsfs\profiles$\thallitaqna\Downloads\</t>
  </si>
  <si>
    <t>c2c07c52-9c70-47ed-9187-34cc1c0acbd3.tmp</t>
  </si>
  <si>
    <t>\\acsfs\profiles$\thallitaqna\Downloads\c2c07c52-9c70-47ed-9187-34cc1c0acbd3.tmp</t>
  </si>
  <si>
    <t>14d0e749-c1b9-48a6-ad6d-3e126a91b6cc.tmp</t>
  </si>
  <si>
    <t>\\acsfs\profiles$\thallitaqna\Downloads\14d0e749-c1b9-48a6-ad6d-3e126a91b6cc.tmp</t>
  </si>
  <si>
    <t>12/27/2019 08:51:31</t>
  </si>
  <si>
    <t>12/27/2019 08:56:58</t>
  </si>
  <si>
    <t>12/27/2019 08:52:05</t>
  </si>
  <si>
    <t>12/27/2019 08:54:48</t>
  </si>
  <si>
    <t>12/27/2019 08:55:36</t>
  </si>
  <si>
    <t>e7f27ed6-5a54-4948-8d6f-9e632a97c023.tmp</t>
  </si>
  <si>
    <t>\\acsfs\profiles$\claudiajca\Downloads\e7f27ed6-5a54-4948-8d6f-9e632a97c023.tmp</t>
  </si>
  <si>
    <t>12/27/2019 08:52:17</t>
  </si>
  <si>
    <t>b697d2dd-dfe8-4fcf-90e7-c35d44b30fd5.tmp</t>
  </si>
  <si>
    <t>\\acsfs\profiles$\gabrielhca\Downloads\b697d2dd-dfe8-4fcf-90e7-c35d44b30fd5.tmp</t>
  </si>
  <si>
    <t>12/27/2019 08:52:49</t>
  </si>
  <si>
    <t>36ea529d-3dd9-4ea1-8107-eab376e368e6.tmp</t>
  </si>
  <si>
    <t>\\acsfs\profiles$\gabrielhca\Downloads\36ea529d-3dd9-4ea1-8107-eab376e368e6.tmp</t>
  </si>
  <si>
    <t>12/27/2019 08:52:50</t>
  </si>
  <si>
    <t>59de2832-2e3a-41da-9eff-e1cec286eace.tmp</t>
  </si>
  <si>
    <t>\\acsfs\profiles$\gabrielhca\Downloads\59de2832-2e3a-41da-9eff-e1cec286eace.tmp</t>
  </si>
  <si>
    <t>12/27/2019 08:53:31</t>
  </si>
  <si>
    <t>12/27/2019 08:57:58</t>
  </si>
  <si>
    <t>12/27/2019 08:54:14</t>
  </si>
  <si>
    <t>5b958de0-494f-4cbe-b6a7-166df1509c6e.tmp</t>
  </si>
  <si>
    <t>\\acsfs\profiles$\vivianealda\Downloads\5b958de0-494f-4cbe-b6a7-166df1509c6e.tmp</t>
  </si>
  <si>
    <t>12/27/2019 08:53:51</t>
  </si>
  <si>
    <t>12/27/2019 08:58:58</t>
  </si>
  <si>
    <t>12/27/2019 08:52:44</t>
  </si>
  <si>
    <t>12/27/2019 08:52:45</t>
  </si>
  <si>
    <t>12/27/2019 08:52:46</t>
  </si>
  <si>
    <t>12/27/2019 08:52:47</t>
  </si>
  <si>
    <t>12/27/2019 08:52:48</t>
  </si>
  <si>
    <t>12/27/2019 08:52:51</t>
  </si>
  <si>
    <t>12/27/2019 08:52:52</t>
  </si>
  <si>
    <t>12/27/2019 08:52:53</t>
  </si>
  <si>
    <t>12/27/2019 08:52:54</t>
  </si>
  <si>
    <t>12/27/2019 08:52:55</t>
  </si>
  <si>
    <t>12/27/2019 08:52:56</t>
  </si>
  <si>
    <t>12/27/2019 08:52:57</t>
  </si>
  <si>
    <t>12/27/2019 08:52:58</t>
  </si>
  <si>
    <t>12/27/2019 08:54:09</t>
  </si>
  <si>
    <t>12/27/2019 08:54:04</t>
  </si>
  <si>
    <t>12/27/2019 08:56:05</t>
  </si>
  <si>
    <t>12/27/2019 08:57:04</t>
  </si>
  <si>
    <t>12/27/2019 08:58:04</t>
  </si>
  <si>
    <t>12/27/2019 08:58:36</t>
  </si>
  <si>
    <t>12/27/2019 09:00:58</t>
  </si>
  <si>
    <t>12/27/2019 08:58:39</t>
  </si>
  <si>
    <t>12/27/2019 08:58:54</t>
  </si>
  <si>
    <t>12/27/2019 08:59:04</t>
  </si>
  <si>
    <t>12/27/2019 08:59:23</t>
  </si>
  <si>
    <t>12/27/2019 08:59:29</t>
  </si>
  <si>
    <t>12/27/2019 08:59:32</t>
  </si>
  <si>
    <t>12/27/2019 08:59:42</t>
  </si>
  <si>
    <t>12/27/2019 08:59:53</t>
  </si>
  <si>
    <t>12/27/2019 08:59:56</t>
  </si>
  <si>
    <t>12/27/2019 09:00:02</t>
  </si>
  <si>
    <t>12/27/2019 09:00:11</t>
  </si>
  <si>
    <t>12/27/2019 08:56:08</t>
  </si>
  <si>
    <t>73382565-56ac-4f6e-927d-70290b3b698d.tmp</t>
  </si>
  <si>
    <t>\\acsfs\profiles$\thallitaqna\Downloads\73382565-56ac-4f6e-927d-70290b3b698d.tmp</t>
  </si>
  <si>
    <t>12/27/2019 09:00:42</t>
  </si>
  <si>
    <t>299cc2e2-0bc0-49a1-800c-07755653884f.tmp</t>
  </si>
  <si>
    <t>\\acsfs\profiles$\wedersonbadr\My Documents\My Music\299cc2e2-0bc0-49a1-800c-07755653884f.tmp</t>
  </si>
  <si>
    <t>12/27/2019 08:57:57</t>
  </si>
  <si>
    <t>12/27/2019 09:01:58</t>
  </si>
  <si>
    <t>af9c448d-60c5-498b-b15f-17f65a358be7.tmp</t>
  </si>
  <si>
    <t>\\acsfs\profiles$\laianear\Downloads\af9c448d-60c5-498b-b15f-17f65a358be7.tmp</t>
  </si>
  <si>
    <t>12/27/2019 08:57:50</t>
  </si>
  <si>
    <t>12/27/2019 08:57:56</t>
  </si>
  <si>
    <t>12/27/2019 08:58:00</t>
  </si>
  <si>
    <t>12/27/2019 08:58:07</t>
  </si>
  <si>
    <t>mail.google.com/sync/u/0/i/s?hl=pt-BR&amp;c=108</t>
  </si>
  <si>
    <t>12/27/2019 08:58:09</t>
  </si>
  <si>
    <t>12/27/2019 08:58:05</t>
  </si>
  <si>
    <t>12/27/2019 09:02:59</t>
  </si>
  <si>
    <t>12/27/2019 08:59:18</t>
  </si>
  <si>
    <t>12/27/2019 09:00:52</t>
  </si>
  <si>
    <t>12/27/2019 09:03:58</t>
  </si>
  <si>
    <t>lu87561g57lt.tmp</t>
  </si>
  <si>
    <t>\\acsfs\profiles$\BRUNAAR\Numero\lu87561g57lt.tmp</t>
  </si>
  <si>
    <t>12/27/2019 09:00:10</t>
  </si>
  <si>
    <t>12/27/2019 09:02:05</t>
  </si>
  <si>
    <t>12/27/2019 09:02:11</t>
  </si>
  <si>
    <t>12/27/2019 09:02:28</t>
  </si>
  <si>
    <t>12/27/2019 09:03:04</t>
  </si>
  <si>
    <t>12/27/2019 09:01:46</t>
  </si>
  <si>
    <t>12/27/2019 09:04:58</t>
  </si>
  <si>
    <t>3b0cf395-c168-4162-85ca-5267ca9657d5.tmp</t>
  </si>
  <si>
    <t>\\acsfs\profiles$\paulovadc\Downloads\3b0cf395-c168-4162-85ca-5267ca9657d5.tmp</t>
  </si>
  <si>
    <t>12/27/2019 09:02:47</t>
  </si>
  <si>
    <t>12/27/2019 09:03:36</t>
  </si>
  <si>
    <t>12/27/2019 09:05:58</t>
  </si>
  <si>
    <t>12/27/2019 09:04:06</t>
  </si>
  <si>
    <t>12/27/2019 09:04:36</t>
  </si>
  <si>
    <t>12/27/2019 09:05:06</t>
  </si>
  <si>
    <t>12/27/2019 09:02:58</t>
  </si>
  <si>
    <t>12/27/2019 09:03:08</t>
  </si>
  <si>
    <t>12/27/2019 09:03:18</t>
  </si>
  <si>
    <t>12/27/2019 09:03:19</t>
  </si>
  <si>
    <t>12/27/2019 09:03:26</t>
  </si>
  <si>
    <t>12/27/2019 09:03:40</t>
  </si>
  <si>
    <t>12/27/2019 09:03:48</t>
  </si>
  <si>
    <t>12/27/2019 09:03:51</t>
  </si>
  <si>
    <t>12/27/2019 09:04:17</t>
  </si>
  <si>
    <t>12/27/2019 09:04:21</t>
  </si>
  <si>
    <t>12/27/2019 09:04:26</t>
  </si>
  <si>
    <t>12/27/2019 09:04:54</t>
  </si>
  <si>
    <t>12/27/2019 09:04:57</t>
  </si>
  <si>
    <t>842febca-f845-47c8-83f6-674d4be25a1f.tmp</t>
  </si>
  <si>
    <t>\\acsfs\profiles$\thallitaqna\Downloads\842febca-f845-47c8-83f6-674d4be25a1f.tmp</t>
  </si>
  <si>
    <t>12/27/2019 09:03:07</t>
  </si>
  <si>
    <t>5e306fe9-998c-41ce-a42e-ab82696521f3.tmp</t>
  </si>
  <si>
    <t>\\acsfs\profiles$\ayalabfi\Downloads\5e306fe9-998c-41ce-a42e-ab82696521f3.tmp</t>
  </si>
  <si>
    <t>12/27/2019 09:01:40</t>
  </si>
  <si>
    <t>12/27/2019 09:06:58</t>
  </si>
  <si>
    <t>12/27/2019 09:02:54</t>
  </si>
  <si>
    <t>12/27/2019 09:07:58</t>
  </si>
  <si>
    <t>12/27/2019 09:04:37</t>
  </si>
  <si>
    <t>12/27/2019 09:08:58</t>
  </si>
  <si>
    <t>10.200.66.61</t>
  </si>
  <si>
    <t>74-86-7A-FD-D4-6C</t>
  </si>
  <si>
    <t>VOTORANT-OB015</t>
  </si>
  <si>
    <t>antoniosva</t>
  </si>
  <si>
    <t>\\acsfs\profiles$\antoniosva\Downloads\</t>
  </si>
  <si>
    <t>12876c53-bf27-4a2c-b1ff-9ab2c1e856d2.tmp</t>
  </si>
  <si>
    <t>\\acsfs\profiles$\antoniosva\Downloads\12876c53-bf27-4a2c-b1ff-9ab2c1e856d2.tmp</t>
  </si>
  <si>
    <t>12/27/2019 09:05:17</t>
  </si>
  <si>
    <t>89de6ce1-c62b-4003-a706-c4251267822f.tmp</t>
  </si>
  <si>
    <t>\\acsfs\profiles$\antoniosva\Downloads\89de6ce1-c62b-4003-a706-c4251267822f.tmp</t>
  </si>
  <si>
    <t>12/27/2019 09:05:21</t>
  </si>
  <si>
    <t>830a6165-602e-441d-83c3-228f5a203b0c.tmp</t>
  </si>
  <si>
    <t>\\acsfs\profiles$\antoniosva\Downloads\830a6165-602e-441d-83c3-228f5a203b0c.tmp</t>
  </si>
  <si>
    <t>12/27/2019 09:06:19</t>
  </si>
  <si>
    <t>caa8bf46-a784-421a-8750-668e29180bcc.tmp</t>
  </si>
  <si>
    <t>\\acsfs\profiles$\antoniosva\Downloads\caa8bf46-a784-421a-8750-668e29180bcc.tmp</t>
  </si>
  <si>
    <t>12/27/2019 09:08:10</t>
  </si>
  <si>
    <t>63d79bf0-3e01-408d-bef7-c0559d708961.tmp</t>
  </si>
  <si>
    <t>\\acsfs\profiles$\antoniosva\Downloads\63d79bf0-3e01-408d-bef7-c0559d708961.tmp</t>
  </si>
  <si>
    <t>12/27/2019 09:06:53</t>
  </si>
  <si>
    <t>12/27/2019 09:07:24</t>
  </si>
  <si>
    <t>12/27/2019 09:07:27</t>
  </si>
  <si>
    <t>12/27/2019 09:06:09</t>
  </si>
  <si>
    <t>12/27/2019 09:04:09</t>
  </si>
  <si>
    <t>12/27/2019 09:04:12</t>
  </si>
  <si>
    <t>12/27/2019 09:06:26</t>
  </si>
  <si>
    <t>12/27/2019 09:04:16</t>
  </si>
  <si>
    <t>12/27/2019 09:06:48</t>
  </si>
  <si>
    <t>12/27/2019 09:04:29</t>
  </si>
  <si>
    <t>12/27/2019 09:04:51</t>
  </si>
  <si>
    <t>12/27/2019 09:05:18</t>
  </si>
  <si>
    <t>12/27/2019 09:06:59</t>
  </si>
  <si>
    <t>12/27/2019 09:07:00</t>
  </si>
  <si>
    <t>12/27/2019 09:05:41</t>
  </si>
  <si>
    <t>12/27/2019 09:05:44</t>
  </si>
  <si>
    <t>12/27/2019 09:05:45</t>
  </si>
  <si>
    <t>12/27/2019 09:08:14</t>
  </si>
  <si>
    <t>12/27/2019 09:06:45</t>
  </si>
  <si>
    <t>12/27/2019 09:06:46</t>
  </si>
  <si>
    <t>12/27/2019 09:04:04</t>
  </si>
  <si>
    <t>12/27/2019 09:09:59</t>
  </si>
  <si>
    <t>lu768411w7mo.tmp</t>
  </si>
  <si>
    <t>\\acsfs\profiles$\dhiulliananads\My Documents\lu768411w7mo.tmp</t>
  </si>
  <si>
    <t>\\acsfs\profiles$\dhiulliananads\My Documents\lu768411w7mo.tmp\</t>
  </si>
  <si>
    <t>\\acsfs\profiles$\dhiulliananads\My Documents\lu768411w7mo.tmp\META-INF\</t>
  </si>
  <si>
    <t>\\acsfs\profiles$\dhiulliananads\My Documents\lu768411w7mo.tmp\Thumbnails\</t>
  </si>
  <si>
    <t>12/27/2019 09:05:09</t>
  </si>
  <si>
    <t>98efd229-7863-4ebb-97c6-e29746360778.tmp</t>
  </si>
  <si>
    <t>\\acsfs\profiles$\larissaad\Downloads\98efd229-7863-4ebb-97c6-e29746360778.tmp</t>
  </si>
  <si>
    <t>12/27/2019 09:05:59</t>
  </si>
  <si>
    <t>12/27/2019 09:10:58</t>
  </si>
  <si>
    <t>\\acsfs\DEPTOS\Operacao\PCP\5 - Comum\PLANEJAMENTO BV\14 - ACOMPANHAMENTO\1 - REPORT ACOMPANHAMENTO\2019\12 - Dezembro\CARTÕES\Pausas CARTÕES\</t>
  </si>
  <si>
    <t>\\acsfs\DEPTOS\Operacao\PCP\5 - Comum\PLANEJAMENTO BV\14 - ACOMPANHAMENTO\1 - REPORT ACOMPANHAMENTO\2019\12 - Dezembro\CARTÕES\Pausas CARTÕES\Pausas.xlsx</t>
  </si>
  <si>
    <t>12/27/2019 09:07:59</t>
  </si>
  <si>
    <t>mail.google.com/sync/u/0/i/s?hl=pt-BR&amp;c=224</t>
  </si>
  <si>
    <t>12/27/2019 09:08:08</t>
  </si>
  <si>
    <t>12/27/2019 09:08:12</t>
  </si>
  <si>
    <t>100014123564284;bvcartes-supervisores@algarnet.onmicrosoft.com;</t>
  </si>
  <si>
    <t>100014123564284,bvcartes-supervisores@algarnet.onmicrosoft.com</t>
  </si>
  <si>
    <t>12/27/2019 09:08:16</t>
  </si>
  <si>
    <t>12/27/2019 09:08:22</t>
  </si>
  <si>
    <t>100014123564284;bvcartes-supervisores@algarnet.onmicrosoft.com;joaogvc@algartech.com;leonardoao@algartech.com;marianadjc@algartech.com;paulacn@algartech.com;rafaelggs@algartech.com;taysdss@algartech.com;thiagordu@algartech.com;viniciussg@algartech.com;</t>
  </si>
  <si>
    <t>100014123564284,bvcartes-supervisores@algarnet.onmicrosoft.com,joaogvc@algartech.com,leonardoao@algartech.com,marianadjc@algartech.com,paulacn@algartech.com,rafaelggs@algartech.com,taysdss@algartech.com,thiagordu@algartech.com,viniciussg@algartech.com</t>
  </si>
  <si>
    <t>12/27/2019 09:08:35</t>
  </si>
  <si>
    <t>12/27/2019 09:08:43</t>
  </si>
  <si>
    <t>12/27/2019 09:09:02</t>
  </si>
  <si>
    <t>12/27/2019 09:09:10</t>
  </si>
  <si>
    <t>12/27/2019 09:09:34</t>
  </si>
  <si>
    <t>12/27/2019 09:09:40</t>
  </si>
  <si>
    <t>12/27/2019 09:09:46</t>
  </si>
  <si>
    <t>12/27/2019 09:05:36</t>
  </si>
  <si>
    <t>12/27/2019 09:06:06</t>
  </si>
  <si>
    <t>12/27/2019 09:06:36</t>
  </si>
  <si>
    <t>12/27/2019 09:07:06</t>
  </si>
  <si>
    <t>12/27/2019 09:07:25</t>
  </si>
  <si>
    <t>12/27/2019 09:07:45</t>
  </si>
  <si>
    <t>12/27/2019 09:07:54</t>
  </si>
  <si>
    <t>12/27/2019 09:08:15</t>
  </si>
  <si>
    <t>mail.google.com/sync/u/0/i/s?hl=pt-BR&amp;c=84</t>
  </si>
  <si>
    <t>12/27/2019 09:09:09</t>
  </si>
  <si>
    <t>12/27/2019 09:09:22</t>
  </si>
  <si>
    <t>12/27/2019 09:09:42</t>
  </si>
  <si>
    <t>12/27/2019 09:10:09</t>
  </si>
  <si>
    <t>12/27/2019 09:10:15</t>
  </si>
  <si>
    <t>12/27/2019 09:10:25</t>
  </si>
  <si>
    <t>12/27/2019 09:07:50</t>
  </si>
  <si>
    <t>17a5b6f3-a1ce-47c8-9e90-8acf1dde2234.tmp</t>
  </si>
  <si>
    <t>\\acsfs\profiles$\PEDROHAB\Downloads\17a5b6f3-a1ce-47c8-9e90-8acf1dde2234.tmp</t>
  </si>
  <si>
    <t>12/27/2019 09:06:12</t>
  </si>
  <si>
    <t>b00a8eff-189e-45ef-ba91-57d97480143e.tmp</t>
  </si>
  <si>
    <t>\\acsfs\profiles$\wedersonbadr\My Documents\My Music\b00a8eff-189e-45ef-ba91-57d97480143e.tmp</t>
  </si>
  <si>
    <t>12/27/2019 09:07:57</t>
  </si>
  <si>
    <t>12/27/2019 09:11:58</t>
  </si>
  <si>
    <t>12/27/2019 09:07:42</t>
  </si>
  <si>
    <t>Dimensionamento_Dezembro_Cartões (1) 27-12-19.xlsx</t>
  </si>
  <si>
    <t>\\acsfs\Deptos\EDUCACAO EMPRESARIAL\FERNANDA MONIT\Dimensionamento_Dezembro_Cartões (1) 27-12-19.xlsx</t>
  </si>
  <si>
    <t>12/27/2019 09:11:15</t>
  </si>
  <si>
    <t>12/27/2019 09:13:59</t>
  </si>
  <si>
    <t>12/27/2019 09:11:20</t>
  </si>
  <si>
    <t>12/27/2019 09:10:41</t>
  </si>
  <si>
    <t>12/27/2019 09:10:43</t>
  </si>
  <si>
    <t>12/27/2019 09:12:12</t>
  </si>
  <si>
    <t>12/27/2019 09:09:27</t>
  </si>
  <si>
    <t>12/27/2019 09:09:50</t>
  </si>
  <si>
    <t>12/27/2019 09:09:54</t>
  </si>
  <si>
    <t>12/27/2019 09:10:10</t>
  </si>
  <si>
    <t>12/27/2019 09:10:23</t>
  </si>
  <si>
    <t>12/27/2019 09:12:23</t>
  </si>
  <si>
    <t>12/27/2019 09:12:44</t>
  </si>
  <si>
    <t>12/27/2019 09:12:53</t>
  </si>
  <si>
    <t>12/27/2019 09:12:57</t>
  </si>
  <si>
    <t>12/27/2019 09:12:07</t>
  </si>
  <si>
    <t>12/27/2019 09:09:04</t>
  </si>
  <si>
    <t>12/27/2019 09:10:04</t>
  </si>
  <si>
    <t>12/27/2019 09:10:48</t>
  </si>
  <si>
    <t>12/27/2019 09:10:49</t>
  </si>
  <si>
    <t>12/27/2019 09:13:37</t>
  </si>
  <si>
    <t>12/27/2019 09:13:38</t>
  </si>
  <si>
    <t>12/27/2019 09:13:40</t>
  </si>
  <si>
    <t>12/27/2019 09:12:16</t>
  </si>
  <si>
    <t>12/27/2019 09:14:58</t>
  </si>
  <si>
    <t>lu768411w7mv.tmp</t>
  </si>
  <si>
    <t>\\acsfs\profiles$\dhiulliananads\My Documents\lu768411w7mv.tmp</t>
  </si>
  <si>
    <t>\\acsfs\profiles$\dhiulliananads\My Documents\lu768411w7mv.tmp\</t>
  </si>
  <si>
    <t>\\acsfs\profiles$\dhiulliananads\My Documents\lu768411w7mv.tmp\META-INF\</t>
  </si>
  <si>
    <t>\\acsfs\profiles$\dhiulliananads\My Documents\lu768411w7mv.tmp\Thumbnails\</t>
  </si>
  <si>
    <t>12/27/2019 09:12:35</t>
  </si>
  <si>
    <t>12/27/2019 09:12:36</t>
  </si>
  <si>
    <t>lu768411w7mz.tmp</t>
  </si>
  <si>
    <t>\\acsfs\profiles$\dhiulliananads\My Documents\lu768411w7mz.tmp</t>
  </si>
  <si>
    <t>\\acsfs\profiles$\dhiulliananads\My Documents\lu768411w7mz.tmp\</t>
  </si>
  <si>
    <t>\\acsfs\profiles$\dhiulliananads\My Documents\lu768411w7mz.tmp\META-INF\</t>
  </si>
  <si>
    <t>\\acsfs\profiles$\dhiulliananads\My Documents\lu768411w7mz.tmp\Thumbnails\</t>
  </si>
  <si>
    <t>12/27/2019 09:10:13</t>
  </si>
  <si>
    <t>12/27/2019 09:10:18</t>
  </si>
  <si>
    <t>12/27/2019 09:15:59</t>
  </si>
  <si>
    <t>12/27/2019 09:10:36</t>
  </si>
  <si>
    <t>12/27/2019 09:11:29</t>
  </si>
  <si>
    <t>12/27/2019 09:11:53</t>
  </si>
  <si>
    <t>12/27/2019 09:12:32</t>
  </si>
  <si>
    <t>mail.google.com/sync/u/0/i/s?hl=pt-BR&amp;c=268</t>
  </si>
  <si>
    <t>12/27/2019 09:12:43</t>
  </si>
  <si>
    <t>12/27/2019 09:12:58</t>
  </si>
  <si>
    <t>mail.google.com/_/upload?authuser=0&amp;dcp=asu-n&amp;upload_id=AEnB2Ur823Y3iGLgyXHcfW5M_yib64sjn1okUl_qMUtHGFBeeawHjMhsx3bTs0EucYP-kxd2-h72zrEOqqmgwoy9aZHuT6xgT6NNRz2Bl7rMfezR6SNTro8&amp;upload_protocol=resumable</t>
  </si>
  <si>
    <t>12/27/2019 09:11:06</t>
  </si>
  <si>
    <t>12/27/2019 09:11:36</t>
  </si>
  <si>
    <t>12/27/2019 09:12:06</t>
  </si>
  <si>
    <t>12/27/2019 09:11:50</t>
  </si>
  <si>
    <t>12/27/2019 09:12:05</t>
  </si>
  <si>
    <t>12/27/2019 09:12:10</t>
  </si>
  <si>
    <t>12/27/2019 09:12:31</t>
  </si>
  <si>
    <t>12/27/2019 09:13:26</t>
  </si>
  <si>
    <t>12/27/2019 09:14:03</t>
  </si>
  <si>
    <t>12/27/2019 09:14:06</t>
  </si>
  <si>
    <t>12/27/2019 09:14:16</t>
  </si>
  <si>
    <t>12/27/2019 09:14:27</t>
  </si>
  <si>
    <t>12/27/2019 09:14:36</t>
  </si>
  <si>
    <t>12/27/2019 09:16:46</t>
  </si>
  <si>
    <t>12/27/2019 09:18:58</t>
  </si>
  <si>
    <t>12/27/2019 09:18:09</t>
  </si>
  <si>
    <t>mail.google.com/sync/u/0/i/s?hl=pt-BR&amp;c=220</t>
  </si>
  <si>
    <t>12/27/2019 09:15:27</t>
  </si>
  <si>
    <t>12/27/2019 09:15:32</t>
  </si>
  <si>
    <t>12/27/2019 09:15:56</t>
  </si>
  <si>
    <t>12/27/2019 09:16:24</t>
  </si>
  <si>
    <t>12/27/2019 09:16:41</t>
  </si>
  <si>
    <t>12/27/2019 09:17:03</t>
  </si>
  <si>
    <t>12/27/2019 09:17:08</t>
  </si>
  <si>
    <t>mail.google.com/sync/u/0/i/s?hl=pt-BR&amp;c=242</t>
  </si>
  <si>
    <t>12/27/2019 09:18:19</t>
  </si>
  <si>
    <t>12/27/2019 09:18:23</t>
  </si>
  <si>
    <t>mail.google.com/sync/u/0/i/s?hl=pt-BR&amp;c=287</t>
  </si>
  <si>
    <t>12/27/2019 09:13:52</t>
  </si>
  <si>
    <t>12/27/2019 09:13:53</t>
  </si>
  <si>
    <t>12/27/2019 09:16:04</t>
  </si>
  <si>
    <t>12/27/2019 09:18:32</t>
  </si>
  <si>
    <t>12/27/2019 09:19:58</t>
  </si>
  <si>
    <t>cda1b9b5-0e52-4a8d-98f3-6503dba6e7a3.tmp</t>
  </si>
  <si>
    <t>\\acsfs\profiles$\nayarasds\Downloads\cda1b9b5-0e52-4a8d-98f3-6503dba6e7a3.tmp</t>
  </si>
  <si>
    <t>12/27/2019 09:15:36</t>
  </si>
  <si>
    <t>12/27/2019 09:20:58</t>
  </si>
  <si>
    <t>12/27/2019 09:16:06</t>
  </si>
  <si>
    <t>12/27/2019 09:16:48</t>
  </si>
  <si>
    <t>12/27/2019 09:17:02</t>
  </si>
  <si>
    <t>12/27/2019 09:17:13</t>
  </si>
  <si>
    <t>12/27/2019 09:17:18</t>
  </si>
  <si>
    <t>12/27/2019 09:17:21</t>
  </si>
  <si>
    <t>12/27/2019 09:17:38</t>
  </si>
  <si>
    <t>12/27/2019 09:17:53</t>
  </si>
  <si>
    <t>12/27/2019 09:18:25</t>
  </si>
  <si>
    <t>12/27/2019 09:18:37</t>
  </si>
  <si>
    <t>12/27/2019 09:18:42</t>
  </si>
  <si>
    <t>12/27/2019 09:18:52</t>
  </si>
  <si>
    <t>12/27/2019 09:19:13</t>
  </si>
  <si>
    <t>12/27/2019 09:19:16</t>
  </si>
  <si>
    <t>12/27/2019 09:19:24</t>
  </si>
  <si>
    <t>12/27/2019 09:19:31</t>
  </si>
  <si>
    <t>12/27/2019 09:19:29</t>
  </si>
  <si>
    <t>12/27/2019 09:21:58</t>
  </si>
  <si>
    <t>9c1de299-2851-43fc-8551-8f6b4b29eb6b.tmp</t>
  </si>
  <si>
    <t>\\acsfs\profiles$\rafaelamsv\Downloads\9c1de299-2851-43fc-8551-8f6b4b29eb6b.tmp</t>
  </si>
  <si>
    <t>12/27/2019 09:17:12</t>
  </si>
  <si>
    <t>12/27/2019 09:22:58</t>
  </si>
  <si>
    <t>c1ec70f9-4b18-42ca-9eba-ba91dae7cc60.tmp</t>
  </si>
  <si>
    <t>\\acsfs\profiles$\quindaizaagds\Downloads\c1ec70f9-4b18-42ca-9eba-ba91dae7cc60.tmp</t>
  </si>
  <si>
    <t>12/27/2019 09:18:26</t>
  </si>
  <si>
    <t>e4c168cd-f442-4b27-8e14-478362345113.tmp</t>
  </si>
  <si>
    <t>\\acsfs\profiles$\quindaizaagds\Downloads\e4c168cd-f442-4b27-8e14-478362345113.tmp</t>
  </si>
  <si>
    <t>12/27/2019 09:18:27</t>
  </si>
  <si>
    <t>2c479766-048b-4a39-8fc9-c5e25d5c153e.tmp</t>
  </si>
  <si>
    <t>\\acsfs\profiles$\quindaizaagds\Downloads\2c479766-048b-4a39-8fc9-c5e25d5c153e.tmp</t>
  </si>
  <si>
    <t>12/27/2019 09:18:17</t>
  </si>
  <si>
    <t>b74034e2-8d07-480b-859d-b8fee744fb48.tmp</t>
  </si>
  <si>
    <t>\\acsfs\profiles$\luanarda\Downloads\b74034e2-8d07-480b-859d-b8fee744fb48.tmp</t>
  </si>
  <si>
    <t>12/27/2019 09:20:25</t>
  </si>
  <si>
    <t>12/27/2019 09:23:58</t>
  </si>
  <si>
    <t>12/27/2019 09:18:49</t>
  </si>
  <si>
    <t>mail.google.com/sync/u/0/i/s?hl=pt-BR&amp;c=289</t>
  </si>
  <si>
    <t>mail.google.com/sync/u/0/i/s?hl=pt-BR&amp;c=291</t>
  </si>
  <si>
    <t>12/27/2019 09:18:56</t>
  </si>
  <si>
    <t>mail.google.com/sync/u/0/i/s?hl=pt-BR&amp;c=293</t>
  </si>
  <si>
    <t>mail.google.com/sync/u/0/i/s?hl=pt-BR&amp;c=296</t>
  </si>
  <si>
    <t>12/27/2019 09:20:03</t>
  </si>
  <si>
    <t>mail.google.com/sync/u/0/i/s?hl=pt-BR&amp;c=299</t>
  </si>
  <si>
    <t>12/27/2019 09:20:07</t>
  </si>
  <si>
    <t>fernandaab@algartech.com;lilianls@algartech.com;mirianppb@algartech.com;</t>
  </si>
  <si>
    <t>fernandaab@algartech.com,lilianls@algartech.com,mirianppb@algartech.com</t>
  </si>
  <si>
    <t>12/27/2019 09:23:15</t>
  </si>
  <si>
    <t>mail.google.com/sync/u/0/i/s?hl=pt-BR&amp;c=305</t>
  </si>
  <si>
    <t>12/27/2019 09:19:37</t>
  </si>
  <si>
    <t>12/27/2019 09:19:04</t>
  </si>
  <si>
    <t>12/27/2019 09:22:05</t>
  </si>
  <si>
    <t>12/27/2019 09:19:32</t>
  </si>
  <si>
    <t>12/27/2019 09:24:58</t>
  </si>
  <si>
    <t>lu768411w7n3.tmp</t>
  </si>
  <si>
    <t>\\acsfs\profiles$\dhiulliananads\My Documents\lu768411w7n3.tmp</t>
  </si>
  <si>
    <t>\\acsfs\profiles$\dhiulliananads\My Documents\lu768411w7n3.tmp\</t>
  </si>
  <si>
    <t>\\acsfs\profiles$\dhiulliananads\My Documents\lu768411w7n3.tmp\META-INF\</t>
  </si>
  <si>
    <t>\\acsfs\profiles$\dhiulliananads\My Documents\lu768411w7n3.tmp\Thumbnails\</t>
  </si>
  <si>
    <t>12/27/2019 09:20:37</t>
  </si>
  <si>
    <t>12/27/2019 09:25:58</t>
  </si>
  <si>
    <t>12/27/2019 09:22:37</t>
  </si>
  <si>
    <t>12/27/2019 09:23:36</t>
  </si>
  <si>
    <t>12/27/2019 09:25:07</t>
  </si>
  <si>
    <t>12/27/2019 09:21:34</t>
  </si>
  <si>
    <t>51a1ef63-daef-4f47-9928-96e2d06d84f3.tmp</t>
  </si>
  <si>
    <t>\\acsfs\profiles$\wedersonbadr\My Documents\My Music\51a1ef63-daef-4f47-9928-96e2d06d84f3.tmp</t>
  </si>
  <si>
    <t>12/27/2019 09:21:06</t>
  </si>
  <si>
    <t>12/27/2019 09:21:24</t>
  </si>
  <si>
    <t>12/27/2019 09:21:30</t>
  </si>
  <si>
    <t>12/27/2019 09:21:35</t>
  </si>
  <si>
    <t>12/27/2019 09:21:56</t>
  </si>
  <si>
    <t>12/27/2019 09:22:51</t>
  </si>
  <si>
    <t>12/27/2019 09:23:02</t>
  </si>
  <si>
    <t>12/27/2019 09:23:17</t>
  </si>
  <si>
    <t>12/27/2019 09:23:34</t>
  </si>
  <si>
    <t>12/27/2019 09:24:45</t>
  </si>
  <si>
    <t>12/27/2019 09:25:11</t>
  </si>
  <si>
    <t>12/27/2019 09:25:21</t>
  </si>
  <si>
    <t>12/27/2019 09:25:26</t>
  </si>
  <si>
    <t>12/27/2019 09:25:37</t>
  </si>
  <si>
    <t>12/27/2019 09:24:17</t>
  </si>
  <si>
    <t>12/27/2019 09:26:59</t>
  </si>
  <si>
    <t>Laudo 27-12 2.docx</t>
  </si>
  <si>
    <t>\\acsfs\DEPTOS\Operacao\Banco_Votorantim\Qualidade\Anderson\Jose\Atualizado\Laudo 27-12 2.docx</t>
  </si>
  <si>
    <t>12/27/2019 09:26:00</t>
  </si>
  <si>
    <t>12/27/2019 09:28:59</t>
  </si>
  <si>
    <t>12/27/2019 09:26:49</t>
  </si>
  <si>
    <t>12/27/2019 09:24:01</t>
  </si>
  <si>
    <t>12/27/2019 09:24:09</t>
  </si>
  <si>
    <t>12/27/2019 09:25:05</t>
  </si>
  <si>
    <t>12/27/2019 09:28:04</t>
  </si>
  <si>
    <t>12/27/2019 09:25:59</t>
  </si>
  <si>
    <t>12/27/2019 09:30:58</t>
  </si>
  <si>
    <t>100014123564284;bvcartes-supervisores@algarnet.onmicrosoft.com;joaogvc@algartech.com;leonardoao@algartech.com;marianadjc@algartech.com;mirianppb@algartech.com;paulacn@algartech.com;rafaelggs@algartech.com;taysdss@algartech.com;viniciussg@algartech.com;</t>
  </si>
  <si>
    <t>https://100014123564284,bvcartes-supervisores@algarnet.onmicrosoft.com,joaogvc@algartech.com,leonardoao@algartech.com,marianadjc@algartech.com,mirianppb@algartech.com,paulacn@algartech.com,rafaelggs@algartech.com,taysdss@algartech.com,viniciussg@algartech.com</t>
  </si>
  <si>
    <t>12/27/2019 09:27:38</t>
  </si>
  <si>
    <t>12/27/2019 09:29:47</t>
  </si>
  <si>
    <t>d1800bcc-67f5-4aaa-8007-87dbf7fcdc91.tmp</t>
  </si>
  <si>
    <t>\\acsfs\profiles$\alessandraan\Downloads\d1800bcc-67f5-4aaa-8007-87dbf7fcdc91.tmp</t>
  </si>
  <si>
    <t>12/27/2019 09:29:49</t>
  </si>
  <si>
    <t>a56e8425-0b8c-4824-bc40-88a294f35568.tmp</t>
  </si>
  <si>
    <t>\\acsfs\profiles$\alessandraan\Downloads\a56e8425-0b8c-4824-bc40-88a294f35568.tmp</t>
  </si>
  <si>
    <t>7b32abed-628d-4f97-937d-4058e7855692.tmp</t>
  </si>
  <si>
    <t>\\acsfs\profiles$\alessandraan\Downloads\7b32abed-628d-4f97-937d-4058e7855692.tmp</t>
  </si>
  <si>
    <t>12/27/2019 09:29:52</t>
  </si>
  <si>
    <t>865d6572-1eee-45b8-888a-1d5653696950.tmp</t>
  </si>
  <si>
    <t>\\acsfs\profiles$\alessandraan\Downloads\865d6572-1eee-45b8-888a-1d5653696950.tmp</t>
  </si>
  <si>
    <t>12/27/2019 09:26:06</t>
  </si>
  <si>
    <t>12/27/2019 09:26:37</t>
  </si>
  <si>
    <t>12/27/2019 09:25:57</t>
  </si>
  <si>
    <t>12/27/2019 09:26:09</t>
  </si>
  <si>
    <t>12/27/2019 09:26:38</t>
  </si>
  <si>
    <t>12/27/2019 09:26:50</t>
  </si>
  <si>
    <t>12/27/2019 09:27:06</t>
  </si>
  <si>
    <t>12/27/2019 09:27:22</t>
  </si>
  <si>
    <t>12/27/2019 09:28:36</t>
  </si>
  <si>
    <t>\\acsfs\DEPTOS\Operacao\Banco_Votorantim\Qualidade\Eliane\</t>
  </si>
  <si>
    <t>MODELO DE MONITORIA - BV - CRBV.pptx</t>
  </si>
  <si>
    <t>\\acsfs\DEPTOS\Operacao\Banco_Votorantim\Qualidade\Eliane\MODELO DE MONITORIA - BV - CRBV.pptx</t>
  </si>
  <si>
    <t>12/27/2019 09:29:04</t>
  </si>
  <si>
    <t>12/27/2019 09:29:57</t>
  </si>
  <si>
    <t>12/27/2019 09:30:06</t>
  </si>
  <si>
    <t>12/27/2019 09:30:42</t>
  </si>
  <si>
    <t>12/27/2019 09:31:59</t>
  </si>
  <si>
    <t>12/27/2019 09:29:51</t>
  </si>
  <si>
    <t>f1155d2e-5e16-4099-aa0f-70d71be64683.tmp</t>
  </si>
  <si>
    <t>\\acsfs\profiles$\nathaliadf\Downloads\f1155d2e-5e16-4099-aa0f-70d71be64683.tmp</t>
  </si>
  <si>
    <t>12/27/2019 09:26:25</t>
  </si>
  <si>
    <t>12/27/2019 09:30:23</t>
  </si>
  <si>
    <t>e4b2748c-72d6-42e5-a90f-4549d5f3ced6.tmp</t>
  </si>
  <si>
    <t>\\acsfs\profiles$\leticiala\Downloads\e4b2748c-72d6-42e5-a90f-4549d5f3ced6.tmp</t>
  </si>
  <si>
    <t>12/27/2019 09:28:46</t>
  </si>
  <si>
    <t>12/27/2019 09:32:58</t>
  </si>
  <si>
    <t>12/27/2019 09:31:24</t>
  </si>
  <si>
    <t>12/27/2019 09:33:59</t>
  </si>
  <si>
    <t>fc01af0e-2eda-46d0-abd5-5038ae9cb1ae.tmp</t>
  </si>
  <si>
    <t>\\acsfs\profiles$\anafsb\Downloads\fc01af0e-2eda-46d0-abd5-5038ae9cb1ae.tmp</t>
  </si>
  <si>
    <t>12/27/2019 09:30:36</t>
  </si>
  <si>
    <t>10d5f8c4-692c-4dc6-92c6-b862d961fa3b.tmp</t>
  </si>
  <si>
    <t>\\acsfs\profiles$\isabellegtds\Downloads\10d5f8c4-692c-4dc6-92c6-b862d961fa3b.tmp</t>
  </si>
  <si>
    <t>12/27/2019 09:31:39</t>
  </si>
  <si>
    <t>f1a6ad5b-6023-4637-bc6b-9d039e3b3c78.tmp</t>
  </si>
  <si>
    <t>\\acsfs\profiles$\isabellegtds\Downloads\f1a6ad5b-6023-4637-bc6b-9d039e3b3c78.tmp</t>
  </si>
  <si>
    <t>12/27/2019 09:30:09</t>
  </si>
  <si>
    <t>12/27/2019 09:31:04</t>
  </si>
  <si>
    <t>12/27/2019 09:34:58</t>
  </si>
  <si>
    <t>12/27/2019 09:30:10</t>
  </si>
  <si>
    <t>lu768411w7n9.tmp</t>
  </si>
  <si>
    <t>\\acsfs\profiles$\dhiulliananads\My Documents\lu768411w7n9.tmp</t>
  </si>
  <si>
    <t>\\acsfs\profiles$\dhiulliananads\My Documents\lu768411w7n9.tmp\</t>
  </si>
  <si>
    <t>\\acsfs\profiles$\dhiulliananads\My Documents\lu768411w7n9.tmp\META-INF\</t>
  </si>
  <si>
    <t>\\acsfs\profiles$\dhiulliananads\My Documents\lu768411w7n9.tmp\Thumbnails\</t>
  </si>
  <si>
    <t>12/27/2019 09:32:59</t>
  </si>
  <si>
    <t>lu768411w7nf.tmp</t>
  </si>
  <si>
    <t>\\acsfs\profiles$\dhiulliananads\My Documents\lu768411w7nf.tmp</t>
  </si>
  <si>
    <t>\\acsfs\profiles$\dhiulliananads\My Documents\lu768411w7nf.tmp\</t>
  </si>
  <si>
    <t>12/27/2019 09:33:00</t>
  </si>
  <si>
    <t>\\acsfs\profiles$\dhiulliananads\My Documents\lu768411w7nf.tmp\META-INF\</t>
  </si>
  <si>
    <t>\\acsfs\profiles$\dhiulliananads\My Documents\lu768411w7nf.tmp\Thumbnails\</t>
  </si>
  <si>
    <t>12/27/2019 09:31:02</t>
  </si>
  <si>
    <t>c3315096-101d-4e06-8962-b4561f285b62.tmp</t>
  </si>
  <si>
    <t>\\acsfs\profiles$\geovanaasa\Downloads\c3315096-101d-4e06-8962-b4561f285b62.tmp</t>
  </si>
  <si>
    <t>12/27/2019 09:35:58</t>
  </si>
  <si>
    <t>\\acsfs\DEPTOS\Operacao\PCP\5 - Comum\PLANEJAMENTO BV\14 - ACOMPANHAMENTO\1 - REPORT ACOMPANHAMENTO\2019\12 - Dezembro\FINANCEIRA\Login Logout Financeira\</t>
  </si>
  <si>
    <t>RELATORIO DE LOGIN - FINANCEIRA - 24-12 - Cópia.xlsm</t>
  </si>
  <si>
    <t>\\acsfs\DEPTOS\Operacao\PCP\5 - Comum\PLANEJAMENTO BV\14 - ACOMPANHAMENTO\1 - REPORT ACOMPANHAMENTO\2019\12 - Dezembro\FINANCEIRA\Login Logout Financeira\RELATORIO DE LOGIN - FINANCEIRA - 24-12 - Cópia.xlsm</t>
  </si>
  <si>
    <t>12/27/2019 09:32:10</t>
  </si>
  <si>
    <t>12/27/2019 09:34:18</t>
  </si>
  <si>
    <t>12/27/2019 09:32:37</t>
  </si>
  <si>
    <t>12/27/2019 09:32:38</t>
  </si>
  <si>
    <t>12/27/2019 09:36:59</t>
  </si>
  <si>
    <t>551befb7-3b2b-42de-99d7-e5dffa368f25.tmp</t>
  </si>
  <si>
    <t>\\acsfs\profiles$\leticiala\Downloads\551befb7-3b2b-42de-99d7-e5dffa368f25.tmp</t>
  </si>
  <si>
    <t>12/27/2019 09:32:40</t>
  </si>
  <si>
    <t>7bf84e3f-a2b9-44c7-9cd2-e87c790850d1.tmp</t>
  </si>
  <si>
    <t>\\acsfs\profiles$\leticiala\Downloads\7bf84e3f-a2b9-44c7-9cd2-e87c790850d1.tmp</t>
  </si>
  <si>
    <t>12/27/2019 09:33:08</t>
  </si>
  <si>
    <t>fca9808f-501d-494e-958b-cf54b415a4da.tmp</t>
  </si>
  <si>
    <t>\\acsfs\profiles$\gabrielhca\Downloads\fca9808f-501d-494e-958b-cf54b415a4da.tmp</t>
  </si>
  <si>
    <t>12/27/2019 09:33:41</t>
  </si>
  <si>
    <t>c6ceddfa-ff3d-4426-b3e1-8d79e56376a5.tmp</t>
  </si>
  <si>
    <t>\\acsfs\profiles$\lucasgpe\Downloads\c6ceddfa-ff3d-4426-b3e1-8d79e56376a5.tmp</t>
  </si>
  <si>
    <t>12/27/2019 09:34:40</t>
  </si>
  <si>
    <t>e7a1d392-4aea-4955-a900-b9fe549de52e.tmp</t>
  </si>
  <si>
    <t>\\acsfs\profiles$\lucasgpe\Downloads\e7a1d392-4aea-4955-a900-b9fe549de52e.tmp</t>
  </si>
  <si>
    <t>12/27/2019 09:37:10</t>
  </si>
  <si>
    <t>12/27/2019 09:37:58</t>
  </si>
  <si>
    <t>6f055260-f335-409f-8b26-c1ca4f8eb965.tmp</t>
  </si>
  <si>
    <t>\\acsfs\profiles$\vivianealda\Downloads\6f055260-f335-409f-8b26-c1ca4f8eb965.tmp</t>
  </si>
  <si>
    <t>12/27/2019 09:36:15</t>
  </si>
  <si>
    <t>12/27/2019 09:36:09</t>
  </si>
  <si>
    <t>12/27/2019 09:38:59</t>
  </si>
  <si>
    <t>12/27/2019 09:35:13</t>
  </si>
  <si>
    <t>12/27/2019 09:35:14</t>
  </si>
  <si>
    <t>lu234802fhqmc.tmp</t>
  </si>
  <si>
    <t>\\acsfs\profiles$\VIVIANALDS\My Documents\lu234802fhqmc.tmp</t>
  </si>
  <si>
    <t>\\acsfs\profiles$\VIVIANALDS\My Documents\lu234802fhqmc.tmp\</t>
  </si>
  <si>
    <t>\\acsfs\profiles$\VIVIANALDS\My Documents\lu234802fhqmc.tmp\META-INF\</t>
  </si>
  <si>
    <t>\\acsfs\profiles$\VIVIANALDS\My Documents\lu234802fhqmc.tmp\Thumbnails\</t>
  </si>
  <si>
    <t>12/27/2019 09:37:27</t>
  </si>
  <si>
    <t>12/27/2019 09:38:14</t>
  </si>
  <si>
    <t>12/27/2019 09:34:05</t>
  </si>
  <si>
    <t>12/27/2019 09:37:04</t>
  </si>
  <si>
    <t>12/27/2019 09:36:56</t>
  </si>
  <si>
    <t>12/27/2019 09:39:58</t>
  </si>
  <si>
    <t>lu768411w7nl.tmp</t>
  </si>
  <si>
    <t>\\acsfs\profiles$\dhiulliananads\My Documents\lu768411w7nl.tmp</t>
  </si>
  <si>
    <t>\\acsfs\profiles$\dhiulliananads\My Documents\lu768411w7nl.tmp\</t>
  </si>
  <si>
    <t>\\acsfs\profiles$\dhiulliananads\My Documents\lu768411w7nl.tmp\META-INF\</t>
  </si>
  <si>
    <t>\\acsfs\profiles$\dhiulliananads\My Documents\lu768411w7nl.tmp\Thumbnails\</t>
  </si>
  <si>
    <t>12/27/2019 09:38:42</t>
  </si>
  <si>
    <t>eee68173-4bcf-4a38-ab90-ca73dea690cd.tmp</t>
  </si>
  <si>
    <t>\\acsfs\profiles$\geovanaasa\Downloads\eee68173-4bcf-4a38-ab90-ca73dea690cd.tmp</t>
  </si>
  <si>
    <t>12/27/2019 09:38:21</t>
  </si>
  <si>
    <t>12/27/2019 09:37:38</t>
  </si>
  <si>
    <t>12/27/2019 09:40:59</t>
  </si>
  <si>
    <t>fc56314a-1844-41eb-8f75-c3f850283824.tmp</t>
  </si>
  <si>
    <t>\\acsfs\profiles$\Flaviojmm\Downloads\fc56314a-1844-41eb-8f75-c3f850283824.tmp</t>
  </si>
  <si>
    <t>12/27/2019 09:38:45</t>
  </si>
  <si>
    <t>21b418d9-3bba-49ce-9aff-091c13bae5d6.tmp</t>
  </si>
  <si>
    <t>\\acsfs\profiles$\Flaviojmm\Downloads\21b418d9-3bba-49ce-9aff-091c13bae5d6.tmp</t>
  </si>
  <si>
    <t>12/27/2019 09:38:07</t>
  </si>
  <si>
    <t>12/27/2019 09:38:37</t>
  </si>
  <si>
    <t>12/27/2019 09:40:07</t>
  </si>
  <si>
    <t>12/27/2019 09:38:58</t>
  </si>
  <si>
    <t>12/27/2019 09:41:58</t>
  </si>
  <si>
    <t>ee062043-f12d-41c9-b968-e28ae2978819.tmp</t>
  </si>
  <si>
    <t>\\acsfs\profiles$\gabrielarb\Downloads\ee062043-f12d-41c9-b968-e28ae2978819.tmp</t>
  </si>
  <si>
    <t>12/27/2019 09:41:00</t>
  </si>
  <si>
    <t>05030d7f-9275-415f-86d7-4a3f363965fc.tmp</t>
  </si>
  <si>
    <t>\\acsfs\profiles$\gabrielarb\Downloads\05030d7f-9275-415f-86d7-4a3f363965fc.tmp</t>
  </si>
  <si>
    <t>12/27/2019 09:39:25</t>
  </si>
  <si>
    <t>12/27/2019 09:41:43</t>
  </si>
  <si>
    <t>12/27/2019 09:40:25</t>
  </si>
  <si>
    <t>12/27/2019 09:42:59</t>
  </si>
  <si>
    <t>1d26d544-5ef6-42ed-9b8e-09b632a0c8fa.tmp</t>
  </si>
  <si>
    <t>\\acsfs\profiles$\maxmillianosv\Downloads\1d26d544-5ef6-42ed-9b8e-09b632a0c8fa.tmp</t>
  </si>
  <si>
    <t>12/27/2019 09:41:55</t>
  </si>
  <si>
    <t>9f03951c-1816-4e14-9e1b-4d089b85f3c4.tmp</t>
  </si>
  <si>
    <t>\\acsfs\profiles$\maxmillianosv\Downloads\9f03951c-1816-4e14-9e1b-4d089b85f3c4.tmp</t>
  </si>
  <si>
    <t>12/27/2019 09:42:01</t>
  </si>
  <si>
    <t>1d2dc133-908b-436c-8a22-c620eee48d12.tmp</t>
  </si>
  <si>
    <t>\\acsfs\profiles$\maxmillianosv\Downloads\1d2dc133-908b-436c-8a22-c620eee48d12.tmp</t>
  </si>
  <si>
    <t>12/27/2019 09:42:14</t>
  </si>
  <si>
    <t>0635832f-e98e-4b39-b187-76c1dc171a26.tmp</t>
  </si>
  <si>
    <t>\\acsfs\profiles$\YASMINSC\Downloads\0635832f-e98e-4b39-b187-76c1dc171a26.tmp</t>
  </si>
  <si>
    <t>12/27/2019 09:42:21</t>
  </si>
  <si>
    <t>12/27/2019 09:42:19</t>
  </si>
  <si>
    <t>12/27/2019 09:43:58</t>
  </si>
  <si>
    <t>12/27/2019 09:42:20</t>
  </si>
  <si>
    <t>12/27/2019 09:42:22</t>
  </si>
  <si>
    <t>12/27/2019 09:42:23</t>
  </si>
  <si>
    <t>12/27/2019 09:42:24</t>
  </si>
  <si>
    <t>12/27/2019 09:42:25</t>
  </si>
  <si>
    <t>12/27/2019 09:42:26</t>
  </si>
  <si>
    <t>12/27/2019 09:42:27</t>
  </si>
  <si>
    <t>12/27/2019 09:42:28</t>
  </si>
  <si>
    <t>12/27/2019 09:42:29</t>
  </si>
  <si>
    <t>12/27/2019 09:42:30</t>
  </si>
  <si>
    <t>12/27/2019 09:42:31</t>
  </si>
  <si>
    <t>12/27/2019 09:42:32</t>
  </si>
  <si>
    <t>12/27/2019 09:42:33</t>
  </si>
  <si>
    <t>12/27/2019 09:42:34</t>
  </si>
  <si>
    <t>12/27/2019 09:42:35</t>
  </si>
  <si>
    <t>12/27/2019 09:42:36</t>
  </si>
  <si>
    <t>12/27/2019 09:42:37</t>
  </si>
  <si>
    <t>12/27/2019 09:42:38</t>
  </si>
  <si>
    <t>12/27/2019 09:42:39</t>
  </si>
  <si>
    <t>12/27/2019 09:42:09</t>
  </si>
  <si>
    <t>12/27/2019 09:40:04</t>
  </si>
  <si>
    <t>12/27/2019 09:43:04</t>
  </si>
  <si>
    <t>12/27/2019 09:42:08</t>
  </si>
  <si>
    <t>12/27/2019 09:44:58</t>
  </si>
  <si>
    <t>lu768411w7nr.tmp</t>
  </si>
  <si>
    <t>\\acsfs\profiles$\dhiulliananads\My Documents\lu768411w7nr.tmp</t>
  </si>
  <si>
    <t>\\acsfs\profiles$\dhiulliananads\My Documents\lu768411w7nr.tmp\</t>
  </si>
  <si>
    <t>\\acsfs\profiles$\dhiulliananads\My Documents\lu768411w7nr.tmp\META-INF\</t>
  </si>
  <si>
    <t>\\acsfs\profiles$\dhiulliananads\My Documents\lu768411w7nr.tmp\Thumbnails\</t>
  </si>
  <si>
    <t>12/27/2019 09:39:41</t>
  </si>
  <si>
    <t>511d06f5-1c94-4b3b-a25c-806193fba50e.tmp</t>
  </si>
  <si>
    <t>\\acsfs\profiles$\geovanaasa\Downloads\511d06f5-1c94-4b3b-a25c-806193fba50e.tmp</t>
  </si>
  <si>
    <t>12/27/2019 09:40:37</t>
  </si>
  <si>
    <t>12/27/2019 09:45:59</t>
  </si>
  <si>
    <t>12/27/2019 09:41:07</t>
  </si>
  <si>
    <t>12/27/2019 09:41:57</t>
  </si>
  <si>
    <t>https://udpmailboxap01.acs.com.br:8443/h/search;jsessionid=10rxt2qfmgkkw1exrrq4r8c76m?si=0&amp;so=0&amp;sc=54357&amp;st=conversation&amp;action=compose</t>
  </si>
  <si>
    <t>12/27/2019 09:43:27</t>
  </si>
  <si>
    <t>12/27/2019 09:43:34</t>
  </si>
  <si>
    <t>12/27/2019 09:44:07</t>
  </si>
  <si>
    <t>12/27/2019 09:44:37</t>
  </si>
  <si>
    <t>12/27/2019 09:45:07</t>
  </si>
  <si>
    <t>12/27/2019 09:46:58</t>
  </si>
  <si>
    <t>12/27/2019 09:41:42</t>
  </si>
  <si>
    <t>12/27/2019 09:43:21</t>
  </si>
  <si>
    <t>12/27/2019 09:45:47</t>
  </si>
  <si>
    <t>12/27/2019 09:45:17</t>
  </si>
  <si>
    <t>3ebf5365-b869-43f4-a6d5-4c2adbca97e6.tmp</t>
  </si>
  <si>
    <t>\\acsfs\profiles$\geovannasm\Downloads\3ebf5365-b869-43f4-a6d5-4c2adbca97e6.tmp</t>
  </si>
  <si>
    <t>12/27/2019 09:42:06</t>
  </si>
  <si>
    <t>12/27/2019 09:47:59</t>
  </si>
  <si>
    <t>0377a9bc-4e57-48be-922d-e87a6bea0e72.tmp</t>
  </si>
  <si>
    <t>\\acsfs\profiles$\maxmillianosv\Downloads\0377a9bc-4e57-48be-922d-e87a6bea0e72.tmp</t>
  </si>
  <si>
    <t>12/27/2019 09:44:41</t>
  </si>
  <si>
    <t>12/27/2019 09:48:58</t>
  </si>
  <si>
    <t>12/27/2019 09:44:42</t>
  </si>
  <si>
    <t>lu87561g57lw.tmp</t>
  </si>
  <si>
    <t>\\acsfs\profiles$\BRUNAAR\Numero\lu87561g57lw.tmp</t>
  </si>
  <si>
    <t>12/27/2019 09:44:48</t>
  </si>
  <si>
    <t>lu87561g57lz.tmp</t>
  </si>
  <si>
    <t>\\acsfs\profiles$\BRUNAAR\Numero\lu87561g57lz.tmp</t>
  </si>
  <si>
    <t>12/27/2019 09:48:09</t>
  </si>
  <si>
    <t>12/27/2019 09:45:32</t>
  </si>
  <si>
    <t>d4e79ec9-ad12-457c-9831-edf6d3ecc47d.tmp</t>
  </si>
  <si>
    <t>\\acsfs\profiles$\vivianalds\Downloads\d4e79ec9-ad12-457c-9831-edf6d3ecc47d.tmp</t>
  </si>
  <si>
    <t>12/27/2019 09:46:04</t>
  </si>
  <si>
    <t>12/27/2019 09:44:26</t>
  </si>
  <si>
    <t>12/27/2019 09:49:59</t>
  </si>
  <si>
    <t>12/27/2019 09:44:27</t>
  </si>
  <si>
    <t>lu768411w7nx.tmp</t>
  </si>
  <si>
    <t>\\acsfs\profiles$\dhiulliananads\My Documents\lu768411w7nx.tmp</t>
  </si>
  <si>
    <t>\\acsfs\profiles$\dhiulliananads\My Documents\lu768411w7nx.tmp\</t>
  </si>
  <si>
    <t>\\acsfs\profiles$\dhiulliananads\My Documents\lu768411w7nx.tmp\META-INF\</t>
  </si>
  <si>
    <t>\\acsfs\profiles$\dhiulliananads\My Documents\lu768411w7nx.tmp\Thumbnails\</t>
  </si>
  <si>
    <t>12/26/2019 16:24:01</t>
  </si>
  <si>
    <t>10.200.67.57</t>
  </si>
  <si>
    <t>thaianaads</t>
  </si>
  <si>
    <t>\\acsfs\profiles$\thaianaads\My Documents\</t>
  </si>
  <si>
    <t>bloco anotações.txt</t>
  </si>
  <si>
    <t>\\acsfs\profiles$\thaianaads\My Documents\bloco anotações.txt</t>
  </si>
  <si>
    <t>12/27/2019 09:48:10</t>
  </si>
  <si>
    <t>12/27/2019 09:50:58</t>
  </si>
  <si>
    <t>3093451d-44be-4510-af1a-09c0765e2557.tmp</t>
  </si>
  <si>
    <t>\\acsfs\profiles$\lucasqdss\Downloads\3093451d-44be-4510-af1a-09c0765e2557.tmp</t>
  </si>
  <si>
    <t>12/27/2019 09:48:05</t>
  </si>
  <si>
    <t>12/27/2019 09:49:12</t>
  </si>
  <si>
    <t>\\acsfs\Deptos\Operacao\Banco_Votorantim\Supervisao\Maristela\</t>
  </si>
  <si>
    <t>importante.txt</t>
  </si>
  <si>
    <t>\\acsfs\Deptos\Operacao\Banco_Votorantim\Supervisao\Maristela\importante.txt</t>
  </si>
  <si>
    <t>12/27/2019 09:49:07</t>
  </si>
  <si>
    <t>12/27/2019 09:46:46</t>
  </si>
  <si>
    <t>12/27/2019 09:51:59</t>
  </si>
  <si>
    <t>12/27/2019 09:46:44</t>
  </si>
  <si>
    <t>709f07aa-7215-4e42-a56d-0dc725905ec0.tmp</t>
  </si>
  <si>
    <t>\\acsfs\profiles$\gabrielarb\Downloads\709f07aa-7215-4e42-a56d-0dc725905ec0.tmp</t>
  </si>
  <si>
    <t>12/27/2019 09:49:36</t>
  </si>
  <si>
    <t>042bcb7f-30ea-433f-8722-99143043b0d8.tmp</t>
  </si>
  <si>
    <t>\\acsfs\profiles$\gabrielarb\Downloads\042bcb7f-30ea-433f-8722-99143043b0d8.tmp</t>
  </si>
  <si>
    <t>12/27/2019 09:50:42</t>
  </si>
  <si>
    <t>479d775d-87ec-4b25-b6e7-139cf11b9568.tmp</t>
  </si>
  <si>
    <t>\\acsfs\profiles$\geovannasm\Downloads\479d775d-87ec-4b25-b6e7-139cf11b9568.tmp</t>
  </si>
  <si>
    <t>12/27/2019 09:51:03</t>
  </si>
  <si>
    <t>12/27/2019 09:52:59</t>
  </si>
  <si>
    <t>12/27/2019 09:50:01</t>
  </si>
  <si>
    <t>f89292eb-ee8f-4360-b909-9c42b9e325a4.tmp</t>
  </si>
  <si>
    <t>\\acsfs\profiles$\gabrielafs\Downloads\f89292eb-ee8f-4360-b909-9c42b9e325a4.tmp</t>
  </si>
  <si>
    <t>dfd9baa9-0a3b-4fe5-b6ad-38339b0b72e7.tmp</t>
  </si>
  <si>
    <t>\\acsfs\profiles$\gabrielafs\Downloads\dfd9baa9-0a3b-4fe5-b6ad-38339b0b72e7.tmp</t>
  </si>
  <si>
    <t>12/27/2019 09:50:03</t>
  </si>
  <si>
    <t>8047b1a3-084b-4dfc-8f79-76dc0eadb8b4.tmp</t>
  </si>
  <si>
    <t>\\acsfs\profiles$\gabrielafs\Downloads\8047b1a3-084b-4dfc-8f79-76dc0eadb8b4.tmp</t>
  </si>
  <si>
    <t>12/27/2019 09:50:32</t>
  </si>
  <si>
    <t>bc0e1a4e-a58b-489f-b11a-320114f51cf0.tmp</t>
  </si>
  <si>
    <t>\\acsfs\profiles$\gabrielafs\Downloads\bc0e1a4e-a58b-489f-b11a-320114f51cf0.tmp</t>
  </si>
  <si>
    <t>12/27/2019 09:50:33</t>
  </si>
  <si>
    <t>bc06a984-8856-4413-a8c7-831f6d134ab3.tmp</t>
  </si>
  <si>
    <t>\\acsfs\profiles$\gabrielafs\Downloads\bc06a984-8856-4413-a8c7-831f6d134ab3.tmp</t>
  </si>
  <si>
    <t>12/27/2019 09:51:20</t>
  </si>
  <si>
    <t>844b04ad-541f-415a-9696-5fdabae73d08.tmp</t>
  </si>
  <si>
    <t>\\acsfs\profiles$\gabrielafs\Downloads\844b04ad-541f-415a-9696-5fdabae73d08.tmp</t>
  </si>
  <si>
    <t>12/27/2019 09:53:59</t>
  </si>
  <si>
    <t>12/27/2019 09:49:23</t>
  </si>
  <si>
    <t>JULIANE ARAUJO SILVA_1_6771553560463217276_1_32.wav</t>
  </si>
  <si>
    <t>\\acsfs\Deptos\EDUCACAO EMPRESARIAL\KÉSIA\Ligações 3º ciclo - Késia\JULIANE ARAUJO SILVA_1_6771553560463217276_1_32.wav</t>
  </si>
  <si>
    <t>12/27/2019 09:50:57</t>
  </si>
  <si>
    <t>e4cd20f0-c6c0-418f-9ba2-12c1124613df.tmp</t>
  </si>
  <si>
    <t>\\acsfs\profiles$\LUCASBS\Downloads\e4cd20f0-c6c0-418f-9ba2-12c1124613df.tmp</t>
  </si>
  <si>
    <t>12/27/2019 09:52:04</t>
  </si>
  <si>
    <t>c6b49eee-52ec-4dd6-83ed-353b1f0bcad3.tmp</t>
  </si>
  <si>
    <t>\\acsfs\profiles$\LUCASBS\Downloads\c6b49eee-52ec-4dd6-83ed-353b1f0bcad3.tmp</t>
  </si>
  <si>
    <t>12/27/2019 09:49:04</t>
  </si>
  <si>
    <t>12/27/2019 09:52:05</t>
  </si>
  <si>
    <t>12/27/2019 09:52:53</t>
  </si>
  <si>
    <t>12/27/2019 09:54:59</t>
  </si>
  <si>
    <t>lu768411w7o3.tmp</t>
  </si>
  <si>
    <t>\\acsfs\profiles$\dhiulliananads\My Documents\lu768411w7o3.tmp</t>
  </si>
  <si>
    <t>\\acsfs\profiles$\dhiulliananads\My Documents\lu768411w7o3.tmp\</t>
  </si>
  <si>
    <t>\\acsfs\profiles$\dhiulliananads\My Documents\lu768411w7o3.tmp\META-INF\</t>
  </si>
  <si>
    <t>\\acsfs\profiles$\dhiulliananads\My Documents\lu768411w7o3.tmp\Thumbnails\</t>
  </si>
  <si>
    <t>12/27/2019 09:52:21</t>
  </si>
  <si>
    <t>12/27/2019 09:52:58</t>
  </si>
  <si>
    <t>12/27/2019 09:55:58</t>
  </si>
  <si>
    <t>12/27/2019 09:53:17</t>
  </si>
  <si>
    <t>12/27/2019 09:53:19</t>
  </si>
  <si>
    <t>12/27/2019 09:53:21</t>
  </si>
  <si>
    <t>12/27/2019 09:52:37</t>
  </si>
  <si>
    <t>12/27/2019 09:53:07</t>
  </si>
  <si>
    <t>12/27/2019 09:53:37</t>
  </si>
  <si>
    <t>12/27/2019 09:54:07</t>
  </si>
  <si>
    <t>12/27/2019 09:52:02</t>
  </si>
  <si>
    <t>12/27/2019 09:56:59</t>
  </si>
  <si>
    <t>5c53caf1-8fac-4b1c-baf5-be8142afce94.tmp</t>
  </si>
  <si>
    <t>\\acsfs\profiles$\matheushds\Downloads\5c53caf1-8fac-4b1c-baf5-be8142afce94.tmp</t>
  </si>
  <si>
    <t>12/27/2019 09:53:02</t>
  </si>
  <si>
    <t>90ce2438-37b1-4f0d-907b-8412fad9b6e6.tmp</t>
  </si>
  <si>
    <t>\\acsfs\profiles$\matheushds\Downloads\90ce2438-37b1-4f0d-907b-8412fad9b6e6.tmp</t>
  </si>
  <si>
    <t>12/27/2019 09:54:04</t>
  </si>
  <si>
    <t>53b4f61a-38b5-47be-9a44-d1168b24cf30.tmp</t>
  </si>
  <si>
    <t>\\acsfs\profiles$\matheushds\Downloads\53b4f61a-38b5-47be-9a44-d1168b24cf30.tmp</t>
  </si>
  <si>
    <t>12/27/2019 09:55:16</t>
  </si>
  <si>
    <t>35969b36-b3c3-4180-8d9b-8806428bb62f.tmp</t>
  </si>
  <si>
    <t>\\acsfs\profiles$\matheushds\Downloads\35969b36-b3c3-4180-8d9b-8806428bb62f.tmp</t>
  </si>
  <si>
    <t>12/27/2019 09:56:34</t>
  </si>
  <si>
    <t>Gustavo Moura Rodrigues_1_6770390315815735672_1_32.wav</t>
  </si>
  <si>
    <t>\\acsfs\Deptos\EDUCACAO EMPRESARIAL\FERNANDA MONIT\Ligação para Mutant terceiro Ciclo\Gustavo Moura Rodrigues_1_6770390315815735672_1_32.wav</t>
  </si>
  <si>
    <t>12/27/2019 09:52:56</t>
  </si>
  <si>
    <t>12/27/2019 09:57:58</t>
  </si>
  <si>
    <t>4efd4ac5-14b3-4ac7-9525-7d6b9f9a9e51.tmp</t>
  </si>
  <si>
    <t>\\acsfs\profiles$\gabrielafs\Downloads\4efd4ac5-14b3-4ac7-9525-7d6b9f9a9e51.tmp</t>
  </si>
  <si>
    <t>12/27/2019 09:53:31</t>
  </si>
  <si>
    <t>12/27/2019 09:58:59</t>
  </si>
  <si>
    <t>12/27/2019 09:55:14</t>
  </si>
  <si>
    <t>12/27/2019 09:57:21</t>
  </si>
  <si>
    <t>12/27/2019 09:54:09</t>
  </si>
  <si>
    <t>12/27/2019 09:55:05</t>
  </si>
  <si>
    <t>12/27/2019 09:58:05</t>
  </si>
  <si>
    <t>12/27/2019 09:56:51</t>
  </si>
  <si>
    <t>12/27/2019 09:59:59</t>
  </si>
  <si>
    <t>12/27/2019 09:56:52</t>
  </si>
  <si>
    <t>lu768411w7o9.tmp</t>
  </si>
  <si>
    <t>\\acsfs\profiles$\dhiulliananads\My Documents\lu768411w7o9.tmp</t>
  </si>
  <si>
    <t>\\acsfs\profiles$\dhiulliananads\My Documents\lu768411w7o9.tmp\</t>
  </si>
  <si>
    <t>\\acsfs\profiles$\dhiulliananads\My Documents\lu768411w7o9.tmp\META-INF\</t>
  </si>
  <si>
    <t>\\acsfs\profiles$\dhiulliananads\My Documents\lu768411w7o9.tmp\Thumbnails\</t>
  </si>
  <si>
    <t>12/27/2019 09:57:11</t>
  </si>
  <si>
    <t>12/27/2019 09:57:12</t>
  </si>
  <si>
    <t>lu768411w7of.tmp</t>
  </si>
  <si>
    <t>\\acsfs\profiles$\dhiulliananads\My Documents\lu768411w7of.tmp</t>
  </si>
  <si>
    <t>\\acsfs\profiles$\dhiulliananads\My Documents\lu768411w7of.tmp\</t>
  </si>
  <si>
    <t>\\acsfs\profiles$\dhiulliananads\My Documents\lu768411w7of.tmp\META-INF\</t>
  </si>
  <si>
    <t>\\acsfs\profiles$\dhiulliananads\My Documents\lu768411w7of.tmp\Thumbnails\</t>
  </si>
  <si>
    <t>12/27/2019 09:59:08</t>
  </si>
  <si>
    <t>12/27/2019 09:56:19</t>
  </si>
  <si>
    <t>77c10c46-8cbf-4487-920c-aae9554048f5.tmp</t>
  </si>
  <si>
    <t>\\acsfs\profiles$\larissaad\Downloads\77c10c46-8cbf-4487-920c-aae9554048f5.tmp</t>
  </si>
  <si>
    <t>12/27/2019 09:57:55</t>
  </si>
  <si>
    <t>\\acsfs\profiles$\thaianaads\My Documents\$RECYCLE.BIN\</t>
  </si>
  <si>
    <t>$IS38JYU.txt</t>
  </si>
  <si>
    <t>\\acsfs\profiles$\thaianaads\My Documents\$RECYCLE.BIN\$IS38JYU.txt</t>
  </si>
  <si>
    <t>12/27/2019 09:57:34</t>
  </si>
  <si>
    <t>12/27/2019 10:00:58</t>
  </si>
  <si>
    <t>12/27/2019 09:57:07</t>
  </si>
  <si>
    <t>12/27/2019 09:57:37</t>
  </si>
  <si>
    <t>12/27/2019 09:56:49</t>
  </si>
  <si>
    <t>12/27/2019 10:01:59</t>
  </si>
  <si>
    <t>bf3e7196-5409-472b-9655-f14bc931524a.tmp</t>
  </si>
  <si>
    <t>\\acsfs\profiles$\deborahsi\Downloads\bf3e7196-5409-472b-9655-f14bc931524a.tmp</t>
  </si>
  <si>
    <t>12/27/2019 10:00:50</t>
  </si>
  <si>
    <t>12/27/2019 10:03:58</t>
  </si>
  <si>
    <t>12/27/2019 10:02:13</t>
  </si>
  <si>
    <t>12/27/2019 10:02:39</t>
  </si>
  <si>
    <t>12/27/2019 10:03:19</t>
  </si>
  <si>
    <t>12/27/2019 10:00:11</t>
  </si>
  <si>
    <t>12/27/2019 10:00:32</t>
  </si>
  <si>
    <t>mail.google.com/sync/u/0/i/s?hl=pt-BR&amp;c=318</t>
  </si>
  <si>
    <t>12/27/2019 10:00:41</t>
  </si>
  <si>
    <t>mail.google.com/sync/u/0/i/s?hl=pt-BR&amp;c=321</t>
  </si>
  <si>
    <t>12/27/2019 10:00:57</t>
  </si>
  <si>
    <t>mail.google.com/sync/u/0/i/s?hl=pt-BR&amp;c=323</t>
  </si>
  <si>
    <t>12/27/2019 10:01:21</t>
  </si>
  <si>
    <t>mail.google.com/sync/u/0/i/s?hl=pt-BR&amp;c=325</t>
  </si>
  <si>
    <t>12/27/2019 10:01:41</t>
  </si>
  <si>
    <t>12/27/2019 10:02:00</t>
  </si>
  <si>
    <t>12/27/2019 10:02:06</t>
  </si>
  <si>
    <t>12/27/2019 10:02:15</t>
  </si>
  <si>
    <t>12/27/2019 10:02:21</t>
  </si>
  <si>
    <t>mail.google.com/sync/u/0/i/s?hl=pt-BR&amp;c=336</t>
  </si>
  <si>
    <t>12/27/2019 10:01:04</t>
  </si>
  <si>
    <t>12/27/2019 10:03:43</t>
  </si>
  <si>
    <t>12/27/2019 10:04:58</t>
  </si>
  <si>
    <t>12/27/2019 10:00:17</t>
  </si>
  <si>
    <t>lu768411w7ol.tmp</t>
  </si>
  <si>
    <t>\\acsfs\profiles$\dhiulliananads\My Documents\lu768411w7ol.tmp</t>
  </si>
  <si>
    <t>\\acsfs\profiles$\dhiulliananads\My Documents\lu768411w7ol.tmp\</t>
  </si>
  <si>
    <t>\\acsfs\profiles$\dhiulliananads\My Documents\lu768411w7ol.tmp\META-INF\</t>
  </si>
  <si>
    <t>\\acsfs\profiles$\dhiulliananads\My Documents\lu768411w7ol.tmp\Thumbnails\</t>
  </si>
  <si>
    <t>12/27/2019 10:03:47</t>
  </si>
  <si>
    <t>a7963947-af99-4b35-8dee-5dd7c83e8dcf.tmp</t>
  </si>
  <si>
    <t>\\acsfs\profiles$\cintiadcf\Downloads\a7963947-af99-4b35-8dee-5dd7c83e8dcf.tmp</t>
  </si>
  <si>
    <t>12/27/2019 10:00:25</t>
  </si>
  <si>
    <t>12/27/2019 10:05:58</t>
  </si>
  <si>
    <t>.~lock.Reneg Vcto 28.ods#</t>
  </si>
  <si>
    <t>\\acsfs\profiles$\Flaviojmm\My Documents\.~lock.Reneg Vcto 28.ods#</t>
  </si>
  <si>
    <t>12/27/2019 10:00:26</t>
  </si>
  <si>
    <t>lu1886413bv9u.tmp</t>
  </si>
  <si>
    <t>\\acsfs\profiles$\Flaviojmm\My Documents\lu1886413bv9u.tmp</t>
  </si>
  <si>
    <t>\\acsfs\profiles$\Flaviojmm\My Documents\lu1886413bv9u.tmp\</t>
  </si>
  <si>
    <t>\\acsfs\profiles$\Flaviojmm\My Documents\lu1886413bv9u.tmp\META-INF\</t>
  </si>
  <si>
    <t>12/27/2019 10:05:08</t>
  </si>
  <si>
    <t>\\acsfs\profiles$\Flaviojmm\My Documents\lu1886413bv9u.tmp\Thumbnails\</t>
  </si>
  <si>
    <t>12/27/2019 10:04:07</t>
  </si>
  <si>
    <t>12/27/2019 10:01:20</t>
  </si>
  <si>
    <t>12/27/2019 10:01:18</t>
  </si>
  <si>
    <t>12/27/2019 10:06:59</t>
  </si>
  <si>
    <t>12/27/2019 10:04:21</t>
  </si>
  <si>
    <t>12/27/2019 10:04:06</t>
  </si>
  <si>
    <t>12/27/2019 10:07:58</t>
  </si>
  <si>
    <t>12/27/2019 10:06:13</t>
  </si>
  <si>
    <t>12/27/2019 10:06:15</t>
  </si>
  <si>
    <t>12/27/2019 10:07:54</t>
  </si>
  <si>
    <t>12/27/2019 10:04:01</t>
  </si>
  <si>
    <t>12/27/2019 10:08:58</t>
  </si>
  <si>
    <t>lu87561g57m2.tmp</t>
  </si>
  <si>
    <t>\\acsfs\profiles$\BRUNAAR\Numero\lu87561g57m2.tmp</t>
  </si>
  <si>
    <t>12/27/2019 10:06:10</t>
  </si>
  <si>
    <t>12/27/2019 10:06:48</t>
  </si>
  <si>
    <t>mail.google.com/sync/u/0/i/s?hl=pt-BR&amp;c=340</t>
  </si>
  <si>
    <t>12/27/2019 10:06:52</t>
  </si>
  <si>
    <t>mail.google.com/sync/u/0/i/s?hl=pt-BR&amp;c=342</t>
  </si>
  <si>
    <t>12/27/2019 10:07:02</t>
  </si>
  <si>
    <t>mail.google.com/sync/u/0/i/s?hl=pt-BR&amp;c=344</t>
  </si>
  <si>
    <t>12/27/2019 10:07:05</t>
  </si>
  <si>
    <t>mail.google.com/sync/u/0/i/s?hl=pt-BR&amp;c=346</t>
  </si>
  <si>
    <t>12/27/2019 10:07:13</t>
  </si>
  <si>
    <t>mail.google.com/sync/u/0/i/s?hl=pt-BR&amp;c=348</t>
  </si>
  <si>
    <t>12/27/2019 10:07:39</t>
  </si>
  <si>
    <t>mail.google.com/sync/u/0/i/s?hl=pt-BR&amp;c=350</t>
  </si>
  <si>
    <t>12/27/2019 10:08:01</t>
  </si>
  <si>
    <t>mail.google.com/sync/u/0/i/s?hl=pt-BR&amp;c=353</t>
  </si>
  <si>
    <t>12/27/2019 10:08:23</t>
  </si>
  <si>
    <t>mail.google.com/sync/u/0/i/s?hl=pt-BR&amp;c=355</t>
  </si>
  <si>
    <t>12/27/2019 10:04:05</t>
  </si>
  <si>
    <t>12/27/2019 10:07:04</t>
  </si>
  <si>
    <t>12/27/2019 10:08:28</t>
  </si>
  <si>
    <t>12/27/2019 10:09:58</t>
  </si>
  <si>
    <t>12/27/2019 10:10:58</t>
  </si>
  <si>
    <t>12/27/2019 10:06:16</t>
  </si>
  <si>
    <t>12/27/2019 10:10:47</t>
  </si>
  <si>
    <t>12/27/2019 10:12:58</t>
  </si>
  <si>
    <t>12/27/2019 10:08:33</t>
  </si>
  <si>
    <t>44a6ac79-64ae-4c8c-89af-42976b82ff3c.tmp</t>
  </si>
  <si>
    <t>\\acsfs\profiles$\maxmillianosv\Downloads\44a6ac79-64ae-4c8c-89af-42976b82ff3c.tmp</t>
  </si>
  <si>
    <t>12/27/2019 10:08:40</t>
  </si>
  <si>
    <t>f9d36269-82bb-4058-8d5f-6975e4ec931b.tmp</t>
  </si>
  <si>
    <t>\\acsfs\profiles$\maxmillianosv\Downloads\f9d36269-82bb-4058-8d5f-6975e4ec931b.tmp</t>
  </si>
  <si>
    <t>12/27/2019 10:08:45</t>
  </si>
  <si>
    <t>a57b8798-aaed-4112-8df4-cf9a5e9d3772.tmp</t>
  </si>
  <si>
    <t>\\acsfs\profiles$\maxmillianosv\Downloads\a57b8798-aaed-4112-8df4-cf9a5e9d3772.tmp</t>
  </si>
  <si>
    <t>12/27/2019 10:08:47</t>
  </si>
  <si>
    <t>7dc3abf7-6a3a-4434-a8e3-161421c6a613.tmp</t>
  </si>
  <si>
    <t>\\acsfs\profiles$\maxmillianosv\Downloads\7dc3abf7-6a3a-4434-a8e3-161421c6a613.tmp</t>
  </si>
  <si>
    <t>12/27/2019 10:09:35</t>
  </si>
  <si>
    <t>580aca19-9448-4a94-901e-e3529204fcb8.tmp</t>
  </si>
  <si>
    <t>\\acsfs\profiles$\maxmillianosv\Downloads\580aca19-9448-4a94-901e-e3529204fcb8.tmp</t>
  </si>
  <si>
    <t>12/27/2019 10:09:51</t>
  </si>
  <si>
    <t>2dedf673-bd57-4805-b193-fd8a60cdfc0f.tmp</t>
  </si>
  <si>
    <t>\\acsfs\profiles$\maxmillianosv\Downloads\2dedf673-bd57-4805-b193-fd8a60cdfc0f.tmp</t>
  </si>
  <si>
    <t>12/27/2019 10:11:00</t>
  </si>
  <si>
    <t>12/27/2019 10:13:58</t>
  </si>
  <si>
    <t>12/27/2019 10:12:10</t>
  </si>
  <si>
    <t>12/27/2019 10:10:17</t>
  </si>
  <si>
    <t>mail.google.com/sync/u/0/i/s?hl=pt-BR&amp;c=362</t>
  </si>
  <si>
    <t>12/27/2019 10:10:25</t>
  </si>
  <si>
    <t>12/27/2019 10:10:55</t>
  </si>
  <si>
    <t>12/27/2019 10:11:21</t>
  </si>
  <si>
    <t>12/27/2019 10:11:26</t>
  </si>
  <si>
    <t>12/27/2019 10:11:31</t>
  </si>
  <si>
    <t>mail.google.com/sync/u/0/i/s?hl=pt-BR&amp;c=373</t>
  </si>
  <si>
    <t>12/27/2019 10:11:45</t>
  </si>
  <si>
    <t>mail.google.com/sync/u/0/i/s?hl=pt-BR&amp;c=376</t>
  </si>
  <si>
    <t>12/27/2019 10:11:54</t>
  </si>
  <si>
    <t>mail.google.com/sync/u/0/i/s?hl=pt-BR&amp;c=378</t>
  </si>
  <si>
    <t>12/27/2019 10:10:04</t>
  </si>
  <si>
    <t>12/27/2019 10:13:04</t>
  </si>
  <si>
    <t>12/27/2019 10:12:31</t>
  </si>
  <si>
    <t>12/27/2019 10:15:58</t>
  </si>
  <si>
    <t>12/27/2019 10:12:32</t>
  </si>
  <si>
    <t>lu1886413bva3.tmp</t>
  </si>
  <si>
    <t>\\acsfs\profiles$\Flaviojmm\My Documents\lu1886413bva3.tmp</t>
  </si>
  <si>
    <t>\\acsfs\profiles$\Flaviojmm\My Documents\lu1886413bva3.tmp\</t>
  </si>
  <si>
    <t>\\acsfs\profiles$\Flaviojmm\My Documents\lu1886413bva3.tmp\META-INF\</t>
  </si>
  <si>
    <t>\\acsfs\profiles$\Flaviojmm\My Documents\lu1886413bva3.tmp\Thumbnails\</t>
  </si>
  <si>
    <t>12/27/2019 10:10:35</t>
  </si>
  <si>
    <t>12/27/2019 10:10:48</t>
  </si>
  <si>
    <t>12/27/2019 10:18:10</t>
  </si>
  <si>
    <t>12/27/2019 10:18:57</t>
  </si>
  <si>
    <t>12/27/2019 10:16:07</t>
  </si>
  <si>
    <t>d3e93464-101a-4caa-823d-c6c1e642b6ce.tmp</t>
  </si>
  <si>
    <t>\\acsfs\profiles$\JOAOVAL\Downloads\d3e93464-101a-4caa-823d-c6c1e642b6ce.tmp</t>
  </si>
  <si>
    <t>12/27/2019 10:16:04</t>
  </si>
  <si>
    <t>03793cd1-11bb-4b9d-b0e2-b48be3f17f6b.tmp</t>
  </si>
  <si>
    <t>\\acsfs\profiles$\eduardofss\Downloads\03793cd1-11bb-4b9d-b0e2-b48be3f17f6b.tmp</t>
  </si>
  <si>
    <t>12/27/2019 10:19:27</t>
  </si>
  <si>
    <t>12/27/2019 10:19:58</t>
  </si>
  <si>
    <t>ae88d921-b145-4891-9d15-9a8b506dcc8b.tmp</t>
  </si>
  <si>
    <t>\\acsfs\profiles$\kellzylenneasr\Downloads\ae88d921-b145-4891-9d15-9a8b506dcc8b.tmp</t>
  </si>
  <si>
    <t>12/27/2019 10:19:15</t>
  </si>
  <si>
    <t>12/27/2019 10:20:58</t>
  </si>
  <si>
    <t>76ad849a-2c98-4636-b48c-4a79d8424800.tmp</t>
  </si>
  <si>
    <t>\\acsfs\profiles$\valeriasda\Downloads\76ad849a-2c98-4636-b48c-4a79d8424800.tmp</t>
  </si>
  <si>
    <t>12/27/2019 10:16:03</t>
  </si>
  <si>
    <t>12/27/2019 10:16:20</t>
  </si>
  <si>
    <t>12/27/2019 10:16:23</t>
  </si>
  <si>
    <t>12/27/2019 10:15:38</t>
  </si>
  <si>
    <t>12/27/2019 10:17:08</t>
  </si>
  <si>
    <t>12/27/2019 10:17:38</t>
  </si>
  <si>
    <t>12/27/2019 10:18:48</t>
  </si>
  <si>
    <t>12/27/2019 10:21:58</t>
  </si>
  <si>
    <t>12/27/2019 10:20:55</t>
  </si>
  <si>
    <t>Geovana Aline Santos E Silva_1_6769583403129972527_1_32.wav</t>
  </si>
  <si>
    <t>\\acsfs\Deptos\EDUCACAO EMPRESARIAL\FERNANDA MONIT\Ligação para Mutant terceiro Ciclo\Geovana Aline Santos E Silva_1_6769583403129972527_1_32.wav</t>
  </si>
  <si>
    <t>12/27/2019 10:21:34</t>
  </si>
  <si>
    <t>\\acsfs\profiles$\joaopnbg\Downloads\</t>
  </si>
  <si>
    <t>498c3384-3582-42e6-b1ba-5d988917764f.tmp</t>
  </si>
  <si>
    <t>\\acsfs\profiles$\joaopnbg\Downloads\498c3384-3582-42e6-b1ba-5d988917764f.tmp</t>
  </si>
  <si>
    <t>12/27/2019 10:18:40</t>
  </si>
  <si>
    <t>0342efd2-a3c5-481a-8736-db5602edcabe.tmp</t>
  </si>
  <si>
    <t>\\acsfs\profiles$\deborahsi\Downloads\0342efd2-a3c5-481a-8736-db5602edcabe.tmp</t>
  </si>
  <si>
    <t>12/27/2019 10:21:15</t>
  </si>
  <si>
    <t>12/27/2019 10:22:58</t>
  </si>
  <si>
    <t>12/27/2019 10:17:59</t>
  </si>
  <si>
    <t>440334ce-14c7-42e9-b200-8d1c526d22fc.tmp</t>
  </si>
  <si>
    <t>\\acsfs\profiles$\gabrielafs\Downloads\440334ce-14c7-42e9-b200-8d1c526d22fc.tmp</t>
  </si>
  <si>
    <t>12/27/2019 10:22:14</t>
  </si>
  <si>
    <t>unknown.pwqixsu.partial</t>
  </si>
  <si>
    <t>\\acsfs\profiles$\gabrielafs\Downloads\unknown.pwqixsu.partial</t>
  </si>
  <si>
    <t>12/27/2019 10:23:58</t>
  </si>
  <si>
    <t>12/27/2019 10:20:02</t>
  </si>
  <si>
    <t>NAYARA NERY ARAUJO OLIVEIRA_1_6771484729317333196_1_32.wav</t>
  </si>
  <si>
    <t>\\acsfs\Deptos\EDUCACAO EMPRESARIAL\KÉSIA\Ligações 3º ciclo - Késia\NAYARA NERY ARAUJO OLIVEIRA_1_6771484729317333196_1_32.wav</t>
  </si>
  <si>
    <t>12/27/2019 10:19:49</t>
  </si>
  <si>
    <t>ccb00fc6-b8bb-4f2d-9492-9c348066446f.tmp</t>
  </si>
  <si>
    <t>\\acsfs\profiles$\JOAOVAL\Downloads\ccb00fc6-b8bb-4f2d-9492-9c348066446f.tmp</t>
  </si>
  <si>
    <t>12/27/2019 10:20:51</t>
  </si>
  <si>
    <t>bca77805-3874-45f7-9518-8c72ab52ddea.tmp</t>
  </si>
  <si>
    <t>\\acsfs\profiles$\JOAOVAL\Downloads\bca77805-3874-45f7-9518-8c72ab52ddea.tmp</t>
  </si>
  <si>
    <t>12/27/2019 10:19:33</t>
  </si>
  <si>
    <t>53f74a00-ce0b-451f-b9cf-bf2b685039ea.tmp</t>
  </si>
  <si>
    <t>\\acsfs\profiles$\eduardofss\Downloads\53f74a00-ce0b-451f-b9cf-bf2b685039ea.tmp</t>
  </si>
  <si>
    <t>12/27/2019 10:24:58</t>
  </si>
  <si>
    <t>12/27/2019 10:23:50</t>
  </si>
  <si>
    <t>12/27/2019 10:20:30</t>
  </si>
  <si>
    <t>cd577adf-95d6-4811-a4de-03d369f11609.tmp</t>
  </si>
  <si>
    <t>\\acsfs\profiles$\kellzylenneasr\Downloads\cd577adf-95d6-4811-a4de-03d369f11609.tmp</t>
  </si>
  <si>
    <t>12/27/2019 10:21:31</t>
  </si>
  <si>
    <t>baeec9a6-ac40-4700-b021-c16846393717.tmp</t>
  </si>
  <si>
    <t>\\acsfs\profiles$\kellzylenneasr\Downloads\baeec9a6-ac40-4700-b021-c16846393717.tmp</t>
  </si>
  <si>
    <t>12/27/2019 10:24:08</t>
  </si>
  <si>
    <t>12/27/2019 10:25:57</t>
  </si>
  <si>
    <t>12/27/2019 10:24:38</t>
  </si>
  <si>
    <t>12/27/2019 10:25:08</t>
  </si>
  <si>
    <t>12/27/2019 10:23:01</t>
  </si>
  <si>
    <t>12/27/2019 10:21:50</t>
  </si>
  <si>
    <t>12/27/2019 10:26:58</t>
  </si>
  <si>
    <t>12/27/2019 10:24:15</t>
  </si>
  <si>
    <t>12/27/2019 10:21:44</t>
  </si>
  <si>
    <t>6f420bc3-b37a-43af-9191-727a19ca1f38.tmp</t>
  </si>
  <si>
    <t>\\acsfs\profiles$\wenderbnm\Downloads\6f420bc3-b37a-43af-9191-727a19ca1f38.tmp</t>
  </si>
  <si>
    <t>12/27/2019 10:22:01</t>
  </si>
  <si>
    <t>Não confirmado 663033.crdownload</t>
  </si>
  <si>
    <t>\\acsfs\profiles$\joaopnbg\Downloads\Não confirmado 663033.crdownload</t>
  </si>
  <si>
    <t>12/27/2019 10:24:27</t>
  </si>
  <si>
    <t>be2d30f9-d138-452f-b9a8-06636ec9e0bc.tmp</t>
  </si>
  <si>
    <t>\\acsfs\profiles$\victoriaksr\Downloads\be2d30f9-d138-452f-b9a8-06636ec9e0bc.tmp</t>
  </si>
  <si>
    <t>12/27/2019 10:24:56</t>
  </si>
  <si>
    <t>12/27/2019 10:27:57</t>
  </si>
  <si>
    <t>b0ff8046-16e7-4775-9ce3-ad3ead24c44a.tmp</t>
  </si>
  <si>
    <t>\\acsfs\profiles$\vivianealda\Downloads\b0ff8046-16e7-4775-9ce3-ad3ead24c44a.tmp</t>
  </si>
  <si>
    <t>12/27/2019 10:26:56</t>
  </si>
  <si>
    <t>7ca9f997-7c3c-44cc-a1f7-2403cad20519.tmp</t>
  </si>
  <si>
    <t>\\acsfs\profiles$\MATEUSJM\Downloads\7ca9f997-7c3c-44cc-a1f7-2403cad20519.tmp</t>
  </si>
  <si>
    <t>12/27/2019 10:26:59</t>
  </si>
  <si>
    <t>12/27/2019 10:24:10</t>
  </si>
  <si>
    <t>12/27/2019 10:28:58</t>
  </si>
  <si>
    <t>12/27/2019 10:25:21</t>
  </si>
  <si>
    <t>12/27/2019 10:25:22</t>
  </si>
  <si>
    <t>lu234802fhqmg.tmp</t>
  </si>
  <si>
    <t>\\acsfs\profiles$\VIVIANALDS\My Documents\lu234802fhqmg.tmp</t>
  </si>
  <si>
    <t>\\acsfs\profiles$\VIVIANALDS\My Documents\lu234802fhqmg.tmp\</t>
  </si>
  <si>
    <t>\\acsfs\profiles$\VIVIANALDS\My Documents\lu234802fhqmg.tmp\META-INF\</t>
  </si>
  <si>
    <t>\\acsfs\profiles$\VIVIANALDS\My Documents\lu234802fhqmg.tmp\Thumbnails\</t>
  </si>
  <si>
    <t>12/27/2019 10:26:11</t>
  </si>
  <si>
    <t>12/27/2019 10:26:12</t>
  </si>
  <si>
    <t>lu234802fhqmk.tmp</t>
  </si>
  <si>
    <t>\\acsfs\profiles$\VIVIANALDS\My Documents\lu234802fhqmk.tmp</t>
  </si>
  <si>
    <t>\\acsfs\profiles$\VIVIANALDS\My Documents\lu234802fhqmk.tmp\</t>
  </si>
  <si>
    <t>\\acsfs\profiles$\VIVIANALDS\My Documents\lu234802fhqmk.tmp\META-INF\</t>
  </si>
  <si>
    <t>\\acsfs\profiles$\VIVIANALDS\My Documents\lu234802fhqmk.tmp\Thumbnails\</t>
  </si>
  <si>
    <t>12/27/2019 10:25:25</t>
  </si>
  <si>
    <t>12/27/2019 10:25:26</t>
  </si>
  <si>
    <t>12/27/2019 10:25:27</t>
  </si>
  <si>
    <t>12/27/2019 10:25:28</t>
  </si>
  <si>
    <t>12/27/2019 10:25:33</t>
  </si>
  <si>
    <t>12/27/2019 10:25:34</t>
  </si>
  <si>
    <t>12/27/2019 10:25:35</t>
  </si>
  <si>
    <t>12/27/2019 10:25:43</t>
  </si>
  <si>
    <t>12/27/2019 10:25:44</t>
  </si>
  <si>
    <t>12/27/2019 10:25:47</t>
  </si>
  <si>
    <t>12/27/2019 10:25:48</t>
  </si>
  <si>
    <t>12/27/2019 10:27:38</t>
  </si>
  <si>
    <t>12/27/2019 10:29:57</t>
  </si>
  <si>
    <t>9343eef9-d1ae-44c3-86f8-f0ee2fe3f2b9.tmp</t>
  </si>
  <si>
    <t>\\acsfs\profiles$\ANAPDSB\Downloads\9343eef9-d1ae-44c3-86f8-f0ee2fe3f2b9.tmp</t>
  </si>
  <si>
    <t>12/27/2019 10:27:50</t>
  </si>
  <si>
    <t>12/27/2019 10:29:22</t>
  </si>
  <si>
    <t>12/27/2019 10:29:27</t>
  </si>
  <si>
    <t>32b61c44-7aaa-4bff-bc69-be99734c5f3f.tmp</t>
  </si>
  <si>
    <t>\\acsfs\profiles$\mariliafplb\Downloads\32b61c44-7aaa-4bff-bc69-be99734c5f3f.tmp</t>
  </si>
  <si>
    <t>12/27/2019 10:28:14</t>
  </si>
  <si>
    <t>12/27/2019 10:29:07</t>
  </si>
  <si>
    <t>12/27/2019 10:30:58</t>
  </si>
  <si>
    <t>12/27/2019 10:26:19</t>
  </si>
  <si>
    <t>12/27/2019 10:28:30</t>
  </si>
  <si>
    <t>12/27/2019 10:28:43</t>
  </si>
  <si>
    <t>12/27/2019 10:28:38</t>
  </si>
  <si>
    <t>12/27/2019 10:28:09</t>
  </si>
  <si>
    <t>12/27/2019 10:29:23</t>
  </si>
  <si>
    <t>12/27/2019 10:31:57</t>
  </si>
  <si>
    <t>Relatorio de Vendas - Auditoria BV Cartoes (Dezembro)_NOVO (2).xlsx</t>
  </si>
  <si>
    <t>\\acsfs\DEPTOS\Operacao\Banco_Votorantim\Qualidade\Anderson\Jose\Atualizado\Relatorio de Vendas - Auditoria BV Cartoes (Dezembro)_NOVO (2).xlsx</t>
  </si>
  <si>
    <t>12/27/2019 10:29:25</t>
  </si>
  <si>
    <t>cc77d0c3-6edf-4399-8604-dd5a5b726822.tmp</t>
  </si>
  <si>
    <t>\\acsfs\profiles$\felipetds\Downloads\cc77d0c3-6edf-4399-8604-dd5a5b726822.tmp</t>
  </si>
  <si>
    <t>12/27/2019 10:28:29</t>
  </si>
  <si>
    <t>fb3bb1c7-4f66-4ebd-999a-53744c8fc780.tmp</t>
  </si>
  <si>
    <t>\\acsfs\profiles$\leticiala\Downloads\fb3bb1c7-4f66-4ebd-999a-53744c8fc780.tmp</t>
  </si>
  <si>
    <t>12/27/2019 10:29:31</t>
  </si>
  <si>
    <t>12/27/2019 10:32:58</t>
  </si>
  <si>
    <t>f7d9ae07-5424-4cb4-9fd8-e2e0849eece7.tmp</t>
  </si>
  <si>
    <t>\\acsfs\profiles$\ERICALSR\Downloads\f7d9ae07-5424-4cb4-9fd8-e2e0849eece7.tmp</t>
  </si>
  <si>
    <t>12/27/2019 10:30:46</t>
  </si>
  <si>
    <t>b2507b3b-9f0f-463c-88c8-015a20af7704.tmp</t>
  </si>
  <si>
    <t>\\acsfs\profiles$\quindaizaagds\Downloads\b2507b3b-9f0f-463c-88c8-015a20af7704.tmp</t>
  </si>
  <si>
    <t>12/27/2019 10:28:16</t>
  </si>
  <si>
    <t>d7b65302-5044-41e9-b4c5-560b98c5051c.tmp</t>
  </si>
  <si>
    <t>\\acsfs\profiles$\MATEUSJM\Downloads\d7b65302-5044-41e9-b4c5-560b98c5051c.tmp</t>
  </si>
  <si>
    <t>12/27/2019 10:31:29</t>
  </si>
  <si>
    <t>12/27/2019 10:33:57</t>
  </si>
  <si>
    <t>https://www.zimbra.com/e/</t>
  </si>
  <si>
    <t>12/27/2019 10:31:10</t>
  </si>
  <si>
    <t>12/27/2019 10:30:10</t>
  </si>
  <si>
    <t>12/27/2019 10:31:05</t>
  </si>
  <si>
    <t>12/27/2019 10:34:34</t>
  </si>
  <si>
    <t>12/27/2019 10:35:58</t>
  </si>
  <si>
    <t>12/27/2019 10:34:46</t>
  </si>
  <si>
    <t>12/27/2019 10:34:53</t>
  </si>
  <si>
    <t>12/27/2019 10:35:03</t>
  </si>
  <si>
    <t>12/27/2019 10:30:52</t>
  </si>
  <si>
    <t>12/27/2019 10:30:53</t>
  </si>
  <si>
    <t>lu1886413bvac.tmp</t>
  </si>
  <si>
    <t>\\acsfs\profiles$\Flaviojmm\My Documents\lu1886413bvac.tmp</t>
  </si>
  <si>
    <t>\\acsfs\profiles$\Flaviojmm\My Documents\lu1886413bvac.tmp\</t>
  </si>
  <si>
    <t>\\acsfs\profiles$\Flaviojmm\My Documents\lu1886413bvac.tmp\META-INF\</t>
  </si>
  <si>
    <t>\\acsfs\profiles$\Flaviojmm\My Documents\lu1886413bvac.tmp\Thumbnails\</t>
  </si>
  <si>
    <t>12/27/2019 10:33:08</t>
  </si>
  <si>
    <t>12/27/2019 10:35:14</t>
  </si>
  <si>
    <t>12/27/2019 10:35:20</t>
  </si>
  <si>
    <t>12/27/2019 10:32:54</t>
  </si>
  <si>
    <t>12/27/2019 10:36:57</t>
  </si>
  <si>
    <t>Henrique Humberto Marcelino de Oliveira_1_6769152424636650027_1_32.wav</t>
  </si>
  <si>
    <t>\\acsfs\Deptos\EDUCACAO EMPRESARIAL\FERNANDA MONIT\Ligação para Mutant terceiro Ciclo\Henrique Humberto Marcelino de Oliveira_1_6769152424636650027_1_32.wav</t>
  </si>
  <si>
    <t>12/27/2019 10:36:54</t>
  </si>
  <si>
    <t>12/27/2019 10:38:57</t>
  </si>
  <si>
    <t>12/27/2019 10:37:43</t>
  </si>
  <si>
    <t>69e75303-bc21-4121-9890-075090f11588.tmp</t>
  </si>
  <si>
    <t>\\acsfs\profiles$\luanaagl\Downloads\69e75303-bc21-4121-9890-075090f11588.tmp</t>
  </si>
  <si>
    <t>12/27/2019 10:34:00</t>
  </si>
  <si>
    <t>12/27/2019 10:34:03</t>
  </si>
  <si>
    <t>67dcc011-2a22-47cd-b3c2-7a33c49aa9fd.tmp</t>
  </si>
  <si>
    <t>\\acsfs\profiles$\anafsb\Downloads\67dcc011-2a22-47cd-b3c2-7a33c49aa9fd.tmp</t>
  </si>
  <si>
    <t>12/27/2019 10:34:33</t>
  </si>
  <si>
    <t>752090ce-0413-4836-b9a8-ebbe9e2e8f96.tmp</t>
  </si>
  <si>
    <t>\\acsfs\profiles$\anafsb\Downloads\752090ce-0413-4836-b9a8-ebbe9e2e8f96.tmp</t>
  </si>
  <si>
    <t>12/27/2019 10:36:10</t>
  </si>
  <si>
    <t>12/27/2019 10:37:05</t>
  </si>
  <si>
    <t>12/27/2019 10:39:58</t>
  </si>
  <si>
    <t>12/27/2019 10:34:49</t>
  </si>
  <si>
    <t>e52c3f2e-2b38-4436-b3a8-64d390624b9a.tmp</t>
  </si>
  <si>
    <t>\\acsfs\profiles$\ANAPDSB\Downloads\e52c3f2e-2b38-4436-b3a8-64d390624b9a.tmp</t>
  </si>
  <si>
    <t>12/27/2019 10:39:49</t>
  </si>
  <si>
    <t>12/27/2019 10:40:58</t>
  </si>
  <si>
    <t>12/27/2019 10:35:26</t>
  </si>
  <si>
    <t>mail.google.com/sync/u/0/i/s?hl=pt-BR&amp;c=396</t>
  </si>
  <si>
    <t>12/27/2019 10:35:31</t>
  </si>
  <si>
    <t>12/27/2019 10:35:43</t>
  </si>
  <si>
    <t>12/27/2019 10:35:53</t>
  </si>
  <si>
    <t>joaogvc@algartech.com;leonardoao@algartech.com;marianadjc@algartech.com;paulacn@algartech.com;rafaelggs@algartech.com;taysdss@algartech.com;viniciussg@algartech.com;</t>
  </si>
  <si>
    <t>joaogvc@algartech.com,leonardoao@algartech.com,marianadjc@algartech.com,paulacn@algartech.com,rafaelggs@algartech.com,taysdss@algartech.com,viniciussg@algartech.com</t>
  </si>
  <si>
    <t>12/27/2019 10:36:04</t>
  </si>
  <si>
    <t>12/27/2019 10:36:07</t>
  </si>
  <si>
    <t>12/27/2019 10:36:17</t>
  </si>
  <si>
    <t>12/27/2019 10:36:18</t>
  </si>
  <si>
    <t>12/27/2019 10:36:22</t>
  </si>
  <si>
    <t>mail.google.com/sync/u/0/i/s?hl=pt-BR&amp;c=411</t>
  </si>
  <si>
    <t>12/27/2019 10:36:26</t>
  </si>
  <si>
    <t>100014123564284,bvcartes-supervisores@algarnet.onmicrosoft.com,joaogvc@algartech.com,leonardoao@algartech.com,marianadjc@algartech.com,mirianppb@algartech.com,paulacn@algartech.com,rafaelggs@algartech.com,taysdss@algartech.com,viniciussg@algartech.com</t>
  </si>
  <si>
    <t>12/27/2019 10:36:45</t>
  </si>
  <si>
    <t>12/27/2019 10:36:53</t>
  </si>
  <si>
    <t>12/27/2019 10:37:20</t>
  </si>
  <si>
    <t>RELATORIO DE LOGIN - FINANCEIRA - 26-12.xlsm</t>
  </si>
  <si>
    <t>\\acsfs\DEPTOS\Operacao\PCP\5 - Comum\PLANEJAMENTO BV\14 - ACOMPANHAMENTO\1 - REPORT ACOMPANHAMENTO\2019\12 - Dezembro\FINANCEIRA\Login Logout Financeira\RELATORIO DE LOGIN - FINANCEIRA - 26-12.xlsm</t>
  </si>
  <si>
    <t>12/27/2019 10:36:41</t>
  </si>
  <si>
    <t>12/27/2019 10:36:55</t>
  </si>
  <si>
    <t>12/27/2019 10:41:58</t>
  </si>
  <si>
    <t>3b981f0c-e2f2-4aa2-bf90-f64ab73a21cd.tmp</t>
  </si>
  <si>
    <t>\\acsfs\profiles$\geovannasm\Downloads\3b981f0c-e2f2-4aa2-bf90-f64ab73a21cd.tmp</t>
  </si>
  <si>
    <t>12/27/2019 10:39:38</t>
  </si>
  <si>
    <t>12/27/2019 10:42:58</t>
  </si>
  <si>
    <t>12/27/2019 10:42:25</t>
  </si>
  <si>
    <t>12/27/2019 10:43:58</t>
  </si>
  <si>
    <t>12/27/2019 10:42:26</t>
  </si>
  <si>
    <t>lu87561g57m5.tmp</t>
  </si>
  <si>
    <t>\\acsfs\profiles$\BRUNAAR\Numero\lu87561g57m5.tmp</t>
  </si>
  <si>
    <t>12/27/2019 10:40:08</t>
  </si>
  <si>
    <t>12/27/2019 10:40:54</t>
  </si>
  <si>
    <t>12/27/2019 10:42:10</t>
  </si>
  <si>
    <t>12/27/2019 10:41:08</t>
  </si>
  <si>
    <t>12/27/2019 10:43:05</t>
  </si>
  <si>
    <t>12/27/2019 10:43:35</t>
  </si>
  <si>
    <t>12/27/2019 10:45:58</t>
  </si>
  <si>
    <t>12/27/2019 10:43:39</t>
  </si>
  <si>
    <t>12/27/2019 10:44:34</t>
  </si>
  <si>
    <t>12/27/2019 10:47:57</t>
  </si>
  <si>
    <t>12/27/2019 10:48:10</t>
  </si>
  <si>
    <t>12/27/2019 10:48:58</t>
  </si>
  <si>
    <t>12/27/2019 10:46:44</t>
  </si>
  <si>
    <t>12/27/2019 10:49:25</t>
  </si>
  <si>
    <t>12/27/2019 10:49:58</t>
  </si>
  <si>
    <t>12/27/2019 10:48:45</t>
  </si>
  <si>
    <t>12/27/2019 10:50:58</t>
  </si>
  <si>
    <t>12/27/2019 10:48:46</t>
  </si>
  <si>
    <t>lu1886413bvap.tmp</t>
  </si>
  <si>
    <t>\\acsfs\profiles$\Flaviojmm\My Documents\lu1886413bvap.tmp</t>
  </si>
  <si>
    <t>12/27/2019 10:45:40</t>
  </si>
  <si>
    <t>\\acsfs\profiles$\Flaviojmm\My Documents\lu1886413bvap.tmp\</t>
  </si>
  <si>
    <t>12/27/2019 10:50:01</t>
  </si>
  <si>
    <t>RELATORIO DE LOGIN - BV CARTÕES 25-12 - Cópia.xlsm</t>
  </si>
  <si>
    <t>\\acsfs\DEPTOS\Operacao\PCP\5 - Comum\PLANEJAMENTO BV\14 - ACOMPANHAMENTO\1 - REPORT ACOMPANHAMENTO\2019\12 - Dezembro\CARTÕES\Login Logout Cartões\RELATORIO DE LOGIN - BV CARTÕES 25-12 - Cópia.xlsm</t>
  </si>
  <si>
    <t>\\acsfs\profiles$\Flaviojmm\My Documents\lu1886413bvap.tmp\META-INF\</t>
  </si>
  <si>
    <t>\\acsfs\profiles$\Flaviojmm\My Documents\lu1886413bvap.tmp\Thumbnails\</t>
  </si>
  <si>
    <t>12/27/2019 10:46:39</t>
  </si>
  <si>
    <t>12/27/2019 10:47:09</t>
  </si>
  <si>
    <t>12/27/2019 10:47:39</t>
  </si>
  <si>
    <t>12/27/2019 10:48:09</t>
  </si>
  <si>
    <t>12/27/2019 10:48:39</t>
  </si>
  <si>
    <t>12/27/2019 10:49:09</t>
  </si>
  <si>
    <t>12/27/2019 10:49:39</t>
  </si>
  <si>
    <t>12/27/2019 10:51:01</t>
  </si>
  <si>
    <t>12/27/2019 10:51:58</t>
  </si>
  <si>
    <t>Isabel Dias Soares Teles_1_6769577050873332951_1_32.wav</t>
  </si>
  <si>
    <t>\\acsfs\Deptos\EDUCACAO EMPRESARIAL\FERNANDA MONIT\Ligação para Mutant terceiro Ciclo\Isabel Dias Soares Teles_1_6769577050873332951_1_32.wav</t>
  </si>
  <si>
    <t>12/27/2019 10:49:54</t>
  </si>
  <si>
    <t>12/27/2019 10:53:58</t>
  </si>
  <si>
    <t>8b706dd1-6d13-41dd-b0a5-c5d2254ffc7a.tmp</t>
  </si>
  <si>
    <t>\\acsfs\profiles$\anafsb\Downloads\8b706dd1-6d13-41dd-b0a5-c5d2254ffc7a.tmp</t>
  </si>
  <si>
    <t>12/27/2019 10:49:05</t>
  </si>
  <si>
    <t>12/27/2019 10:49:10</t>
  </si>
  <si>
    <t>12/27/2019 10:49:11</t>
  </si>
  <si>
    <t>12/27/2019 10:53:41</t>
  </si>
  <si>
    <t>12/27/2019 10:55:58</t>
  </si>
  <si>
    <t>2fead2a2-bd24-4a67-946e-a58c495dcb80.tmp</t>
  </si>
  <si>
    <t>\\acsfs\profiles$\sarahbal\Downloads\2fead2a2-bd24-4a67-946e-a58c495dcb80.tmp</t>
  </si>
  <si>
    <t>12/27/2019 10:52:48</t>
  </si>
  <si>
    <t>12/27/2019 10:52:39</t>
  </si>
  <si>
    <t>12/27/2019 10:53:09</t>
  </si>
  <si>
    <t>12/27/2019 10:53:39</t>
  </si>
  <si>
    <t>12/27/2019 10:54:09</t>
  </si>
  <si>
    <t>12/27/2019 10:52:38</t>
  </si>
  <si>
    <t>12/27/2019 10:56:58</t>
  </si>
  <si>
    <t>12/27/2019 10:52:09</t>
  </si>
  <si>
    <t>e019042a-be75-4e39-95c3-49e2a64696e5.tmp</t>
  </si>
  <si>
    <t>\\acsfs\profiles$\wenderbnm\Downloads\e019042a-be75-4e39-95c3-49e2a64696e5.tmp</t>
  </si>
  <si>
    <t>12/27/2019 10:55:03</t>
  </si>
  <si>
    <t>12/27/2019 10:57:58</t>
  </si>
  <si>
    <t>be3301ab-10cf-4440-8c21-38a618b22d4b.tmp</t>
  </si>
  <si>
    <t>\\acsfs\profiles$\deboraaa\Downloads\be3301ab-10cf-4440-8c21-38a618b22d4b.tmp</t>
  </si>
  <si>
    <t>12/27/2019 10:55:20</t>
  </si>
  <si>
    <t>4a4bb1a1-f7dd-4620-92b5-6170da4204bd.tmp</t>
  </si>
  <si>
    <t>\\acsfs\profiles$\deboraaa\Downloads\4a4bb1a1-f7dd-4620-92b5-6170da4204bd.tmp</t>
  </si>
  <si>
    <t>12/27/2019 10:56:12</t>
  </si>
  <si>
    <t>549895fb-6177-4458-accf-a3893d0e09b8.tmp</t>
  </si>
  <si>
    <t>\\acsfs\profiles$\deboraaa\Downloads\549895fb-6177-4458-accf-a3893d0e09b8.tmp</t>
  </si>
  <si>
    <t>12/27/2019 10:54:10</t>
  </si>
  <si>
    <t>12/27/2019 10:58:58</t>
  </si>
  <si>
    <t>12/27/2019 10:55:16</t>
  </si>
  <si>
    <t>REGIS EZAIAS DA SILVA JUNIOR_1_6770047409921799068_1_32.wav</t>
  </si>
  <si>
    <t>\\acsfs\Deptos\EDUCACAO EMPRESARIAL\KÉSIA\Ligações 3º ciclo - Késia\REGIS EZAIAS DA SILVA JUNIOR_1_6770047409921799068_1_32.wav</t>
  </si>
  <si>
    <t>12/27/2019 10:55:05</t>
  </si>
  <si>
    <t>12/27/2019 10:57:15</t>
  </si>
  <si>
    <t>12/27/2019 10:59:58</t>
  </si>
  <si>
    <t>269224d9-e151-4804-8c64-1b4994775947.tmp</t>
  </si>
  <si>
    <t>\\acsfs\profiles$\cintiadcf\Downloads\269224d9-e151-4804-8c64-1b4994775947.tmp</t>
  </si>
  <si>
    <t>12/27/2019 10:59:29</t>
  </si>
  <si>
    <t>12/27/2019 11:00:58</t>
  </si>
  <si>
    <t>12/27/2019 10:59:30</t>
  </si>
  <si>
    <t>lu1886413bvay.tmp</t>
  </si>
  <si>
    <t>\\acsfs\profiles$\Flaviojmm\My Documents\lu1886413bvay.tmp</t>
  </si>
  <si>
    <t>\\acsfs\profiles$\Flaviojmm\My Documents\lu1886413bvay.tmp\</t>
  </si>
  <si>
    <t>\\acsfs\profiles$\Flaviojmm\My Documents\lu1886413bvay.tmp\META-INF\</t>
  </si>
  <si>
    <t>\\acsfs\profiles$\Flaviojmm\My Documents\lu1886413bvay.tmp\Thumbnails\</t>
  </si>
  <si>
    <t>12/27/2019 10:58:39</t>
  </si>
  <si>
    <t>12/27/2019 10:59:09</t>
  </si>
  <si>
    <t>12/27/2019 11:01:58</t>
  </si>
  <si>
    <t>12/26/2019 22:07:04</t>
  </si>
  <si>
    <t>XLOG_marcosvnds_26122019_170404.log</t>
  </si>
  <si>
    <t>\\acsfs\profiles$\marcosvnds\My Documents\xworkcenter\logs\XLOG_marcosvnds_26122019_170404.log</t>
  </si>
  <si>
    <t>12/27/2019 10:58:20</t>
  </si>
  <si>
    <t>12/27/2019 11:02:58</t>
  </si>
  <si>
    <t>\\acsfs\profiles$\ERICALSR\My Documents\$RECYCLE.BIN\</t>
  </si>
  <si>
    <t>$IG29G5T.txt</t>
  </si>
  <si>
    <t>\\acsfs\profiles$\ERICALSR\My Documents\$RECYCLE.BIN\$IG29G5T.txt</t>
  </si>
  <si>
    <t>a7c9cb2a-6d66-48da-9f7b-b8dea8b48517.tmp</t>
  </si>
  <si>
    <t>\\acsfs\profiles$\deboraaa\Downloads\a7c9cb2a-6d66-48da-9f7b-b8dea8b48517.tmp</t>
  </si>
  <si>
    <t>12/27/2019 11:01:49</t>
  </si>
  <si>
    <t>12/27/2019 11:03:58</t>
  </si>
  <si>
    <t>ae305430-607f-47a4-b5df-02c097afd44d.tmp</t>
  </si>
  <si>
    <t>\\acsfs\profiles$\antoniosva\Downloads\ae305430-607f-47a4-b5df-02c097afd44d.tmp</t>
  </si>
  <si>
    <t>12/27/2019 11:01:56</t>
  </si>
  <si>
    <t>.~lock.isabelle 27.12.19.ods#</t>
  </si>
  <si>
    <t>\\acsfs\profiles$\ISABELLEGTDS\Nova pasta\.~lock.isabelle 27.12.19.ods#</t>
  </si>
  <si>
    <t>lu187082hnz4c.tmp</t>
  </si>
  <si>
    <t>\\acsfs\profiles$\ISABELLEGTDS\Nova pasta\lu187082hnz4c.tmp</t>
  </si>
  <si>
    <t>\\acsfs\profiles$\ISABELLEGTDS\Nova pasta\lu187082hnz4c.tmp\</t>
  </si>
  <si>
    <t>\\acsfs\profiles$\ISABELLEGTDS\Nova pasta\lu187082hnz4c.tmp\META-INF\</t>
  </si>
  <si>
    <t>\\acsfs\profiles$\ISABELLEGTDS\Nova pasta\lu187082hnz4c.tmp\Thumbnails\</t>
  </si>
  <si>
    <t>12/27/2019 10:59:54</t>
  </si>
  <si>
    <t>12/27/2019 11:01:22</t>
  </si>
  <si>
    <t>12/27/2019 11:00:11</t>
  </si>
  <si>
    <t>12/27/2019 11:01:40</t>
  </si>
  <si>
    <t>.~lock.RENEG BV - 27.12 - Venc 28.12.2019.ods#</t>
  </si>
  <si>
    <t>\\acsfs\profiles$\LUCASBS\.~lock.RENEG BV - 27.12 - Venc 28.12.2019.ods#</t>
  </si>
  <si>
    <t>12/27/2019 11:01:41</t>
  </si>
  <si>
    <t>lu14144uy5vs.tmp</t>
  </si>
  <si>
    <t>\\acsfs\profiles$\LUCASBS\lu14144uy5vs.tmp</t>
  </si>
  <si>
    <t>\\acsfs\profiles$\LUCASBS\lu14144uy5vs.tmp\</t>
  </si>
  <si>
    <t>\\acsfs\profiles$\LUCASBS\lu14144uy5vs.tmp\META-INF\</t>
  </si>
  <si>
    <t>\\acsfs\profiles$\LUCASBS\lu14144uy5vs.tmp\Thumbnails\</t>
  </si>
  <si>
    <t>12/27/2019 11:01:05</t>
  </si>
  <si>
    <t>12/27/2019 11:03:55</t>
  </si>
  <si>
    <t>12/27/2019 11:04:58</t>
  </si>
  <si>
    <t>12/27/2019 11:02:04</t>
  </si>
  <si>
    <t>12/27/2019 11:05:58</t>
  </si>
  <si>
    <t>12/27/2019 11:04:45</t>
  </si>
  <si>
    <t>RELATORIO DE LOGIN - BV CARTÕES 26-12.xlsm</t>
  </si>
  <si>
    <t>\\acsfs\DEPTOS\Operacao\PCP\5 - Comum\PLANEJAMENTO BV\14 - ACOMPANHAMENTO\1 - REPORT ACOMPANHAMENTO\2019\12 - Dezembro\CARTÕES\Login Logout Cartões\RELATORIO DE LOGIN - BV CARTÕES 26-12.xlsm</t>
  </si>
  <si>
    <t>12/27/2019 11:05:02</t>
  </si>
  <si>
    <t>mail.google.com/sync/u/0/i/s?hl=pt-BR&amp;c=455</t>
  </si>
  <si>
    <t>12/27/2019 11:05:07</t>
  </si>
  <si>
    <t>mail.google.com/sync/u/0/i/s?hl=pt-BR&amp;c=457</t>
  </si>
  <si>
    <t>12/27/2019 11:05:11</t>
  </si>
  <si>
    <t>12/27/2019 11:01:11</t>
  </si>
  <si>
    <t>12/27/2019 11:01:39</t>
  </si>
  <si>
    <t>12/27/2019 11:02:09</t>
  </si>
  <si>
    <t>12/27/2019 11:02:39</t>
  </si>
  <si>
    <t>12/27/2019 11:03:39</t>
  </si>
  <si>
    <t>12/27/2019 11:04:09</t>
  </si>
  <si>
    <t>12/27/2019 11:05:10</t>
  </si>
  <si>
    <t>12/27/2019 11:08:59</t>
  </si>
  <si>
    <t>Pasta2.xlsx</t>
  </si>
  <si>
    <t>12/27/2019 11:06:10</t>
  </si>
  <si>
    <t>12/27/2019 11:07:05</t>
  </si>
  <si>
    <t>12/27/2019 11:05:41</t>
  </si>
  <si>
    <t>12/27/2019 11:09:58</t>
  </si>
  <si>
    <t>12/27/2019 11:07:29</t>
  </si>
  <si>
    <t>lucasns</t>
  </si>
  <si>
    <t>\\acsfs\profiles$\lucasns\My Documents\My Pictures\</t>
  </si>
  <si>
    <t>\\acsfs\profiles$\LUCASNS\My Documents\My Videos\desktop.ini</t>
  </si>
  <si>
    <t>12/27/2019 11:07:31</t>
  </si>
  <si>
    <t>\\acsfs\profiles$\LUCASNS\My Documents\My Videos\</t>
  </si>
  <si>
    <t>12/27/2019 11:07:32</t>
  </si>
  <si>
    <t>12/27/2019 11:07:33</t>
  </si>
  <si>
    <t>12/27/2019 11:07:35</t>
  </si>
  <si>
    <t>12/27/2019 11:07:42</t>
  </si>
  <si>
    <t>\\acsfs\profiles$\lucasns\My Documents\My Music\</t>
  </si>
  <si>
    <t>\\acsfs\profiles$\LUCASNS\My Documents\My Pictures\desktop.ini</t>
  </si>
  <si>
    <t>12/27/2019 11:07:43</t>
  </si>
  <si>
    <t>\\acsfs\profiles$\lucasns\My Documents\My Videos\</t>
  </si>
  <si>
    <t>12/27/2019 11:07:56</t>
  </si>
  <si>
    <t>12/27/2019 11:08:05</t>
  </si>
  <si>
    <t>12/27/2019 11:08:08</t>
  </si>
  <si>
    <t>12/27/2019 11:08:19</t>
  </si>
  <si>
    <t>12/27/2019 11:08:32</t>
  </si>
  <si>
    <t>\\acsfs\profiles$\LUCASNS\Contacts\</t>
  </si>
  <si>
    <t>\\acsfs\profiles$\LUCASNS\Contacts\desktop.ini</t>
  </si>
  <si>
    <t>12/27/2019 11:08:33</t>
  </si>
  <si>
    <t>12/27/2019 11:08:34</t>
  </si>
  <si>
    <t>12/27/2019 11:08:37</t>
  </si>
  <si>
    <t>12/27/2019 11:08:39</t>
  </si>
  <si>
    <t>12/27/2019 11:08:41</t>
  </si>
  <si>
    <t>12/27/2019 11:08:42</t>
  </si>
  <si>
    <t>\\acsfs\profiles$\lucasns\My Documents\</t>
  </si>
  <si>
    <t>\\acsfs\profiles$\LUCASNS\Favorites\desktop.ini</t>
  </si>
  <si>
    <t>12/27/2019 11:08:44</t>
  </si>
  <si>
    <t>12/27/2019 11:08:48</t>
  </si>
  <si>
    <t>12/27/2019 11:08:50</t>
  </si>
  <si>
    <t>12/27/2019 11:08:54</t>
  </si>
  <si>
    <t>12/27/2019 11:08:55</t>
  </si>
  <si>
    <t>12/27/2019 11:08:57</t>
  </si>
  <si>
    <t>12/27/2019 11:08:58</t>
  </si>
  <si>
    <t>\\acsfs\profiles$\LUCASNS\My Documents\My Music\desktop.ini</t>
  </si>
  <si>
    <t>\\acsfs\profiles$\LUCASNS\My Documents\My Music\</t>
  </si>
  <si>
    <t>12/27/2019 11:09:01</t>
  </si>
  <si>
    <t>12/27/2019 11:09:02</t>
  </si>
  <si>
    <t>12/27/2019 11:09:03</t>
  </si>
  <si>
    <t>12/27/2019 11:09:04</t>
  </si>
  <si>
    <t>\\acsfs\profiles$\LUCASNS\Searches\</t>
  </si>
  <si>
    <t>\\acsfs\profiles$\LUCASNS\Searches\desktop.ini</t>
  </si>
  <si>
    <t>12/27/2019 11:09:06</t>
  </si>
  <si>
    <t>12/27/2019 11:09:07</t>
  </si>
  <si>
    <t>12/27/2019 11:09:08</t>
  </si>
  <si>
    <t>12/27/2019 11:09:10</t>
  </si>
  <si>
    <t>12/27/2019 11:09:11</t>
  </si>
  <si>
    <t>\\acsfs\profiles$\LUCASNS\Downloads\</t>
  </si>
  <si>
    <t>\\acsfs\profiles$\LUCASNS\Downloads\desktop.ini</t>
  </si>
  <si>
    <t>12/27/2019 11:09:12</t>
  </si>
  <si>
    <t>12/27/2019 11:09:14</t>
  </si>
  <si>
    <t>\\acsfs\profiles$\LUCASNS\My Documents\desktop.ini</t>
  </si>
  <si>
    <t>12/27/2019 11:09:16</t>
  </si>
  <si>
    <t>\\acsfs\profiles$\LUCASNS\My Documents\</t>
  </si>
  <si>
    <t>12/27/2019 11:09:17</t>
  </si>
  <si>
    <t>12/27/2019 11:05:21</t>
  </si>
  <si>
    <t>12/27/2019 11:10:59</t>
  </si>
  <si>
    <t>12/27/2019 11:08:04</t>
  </si>
  <si>
    <t>bd46840f-3496-44ad-8b8f-5260ed2950a6.tmp</t>
  </si>
  <si>
    <t>\\acsfs\profiles$\valeriasda\Downloads\bd46840f-3496-44ad-8b8f-5260ed2950a6.tmp</t>
  </si>
  <si>
    <t>12/27/2019 11:05:24</t>
  </si>
  <si>
    <t>12/27/2019 11:05:40</t>
  </si>
  <si>
    <t>12/27/2019 11:05:45</t>
  </si>
  <si>
    <t>12/27/2019 11:06:05</t>
  </si>
  <si>
    <t>12/27/2019 11:06:24</t>
  </si>
  <si>
    <t>bvcartes-supervisores@algarnet.onmicrosoft.com;joaogvc@algartech.com;katia.cardoso@bv.com.br;leonardoao@algartech.com;marianacds@algartech.com;marianadjc@algartech.com;paulacn@algartech.com;planejamentodeoperacoesetrafego@bv.com.br;rafaelggs@algartech.com;taysdss@algartech.com;thiagordu@algartech.com;viniciussg@algartech.com;</t>
  </si>
  <si>
    <t>bvcartes-supervisores@algarnet.onmicrosoft.com,joaogvc@algartech.com,katia.cardoso@bv.com.br,leonardoao@algartech.com,marianacds@algartech.com,marianadjc@algartech.com,paulacn@algartech.com,planejamentodeoperacoesetrafego@bv.com.br,rafaelggs@algartech.com,taysdss@algartech.com,thiagordu@algartech.com,viniciussg@algartech.com</t>
  </si>
  <si>
    <t>12/27/2019 11:06:31</t>
  </si>
  <si>
    <t>12/27/2019 11:06:40</t>
  </si>
  <si>
    <t>12/27/2019 11:06:55</t>
  </si>
  <si>
    <t>12/27/2019 11:07:06</t>
  </si>
  <si>
    <t>12/27/2019 11:07:08</t>
  </si>
  <si>
    <t>mail.google.com/sync/u/0/i/s?hl=pt-BR&amp;c=481</t>
  </si>
  <si>
    <t>12/27/2019 11:07:09</t>
  </si>
  <si>
    <t>12/27/2019 11:07:20</t>
  </si>
  <si>
    <t>mail.google.com/sync/u/0/i/s?hl=pt-BR&amp;c=483</t>
  </si>
  <si>
    <t>12/27/2019 11:07:25</t>
  </si>
  <si>
    <t>mail.google.com/sync/u/0/i/s?hl=pt-BR&amp;c=485</t>
  </si>
  <si>
    <t>mail.google.com/sync/u/0/i/s?hl=pt-BR&amp;c=487</t>
  </si>
  <si>
    <t>100014123564284;bvcartes-supervisores@algarnet.onmicrosoft.com;joaogvc@algartech.com;leonardoao@algartech.com;marianacds@algartech.com;marianadjc@algartech.com;paulacn@algartech.com;taysdss@algartech.com;thiagordu@algartech.com;viniciussg@algartech.com;</t>
  </si>
  <si>
    <t>100014123564284,bvcartes-supervisores@algarnet.onmicrosoft.com,joaogvc@algartech.com,leonardoao@algartech.com,marianacds@algartech.com,marianadjc@algartech.com,paulacn@algartech.com,taysdss@algartech.com,thiagordu@algartech.com,viniciussg@algartech.com</t>
  </si>
  <si>
    <t>12/27/2019 11:07:52</t>
  </si>
  <si>
    <t>12/27/2019 11:07:58</t>
  </si>
  <si>
    <t>mail.google.com/_/upload?authuser=0&amp;dcp=asu-n&amp;upload_id=AEnB2Ur6ItiA2_dgJqdaFLnQ12UKwIT9jRA8YJKx4F9IQ355PIDpyYjrg1nK8PO4WAMPMevyRBtI-L-uMN7hOL_qYoneWWFo44T1lIDwB9oU15qzfBwVwwY&amp;upload_protocol=resumable</t>
  </si>
  <si>
    <t>12/27/2019 11:08:03</t>
  </si>
  <si>
    <t>mail.google.com/sync/u/0/i/s?hl=pt-BR&amp;c=492</t>
  </si>
  <si>
    <t>12/27/2019 11:08:15</t>
  </si>
  <si>
    <t>12/27/2019 11:07:19</t>
  </si>
  <si>
    <t>lu1886413bvb3.tmp</t>
  </si>
  <si>
    <t>\\acsfs\profiles$\Flaviojmm\My Documents\lu1886413bvb3.tmp</t>
  </si>
  <si>
    <t>\\acsfs\profiles$\Flaviojmm\My Documents\lu1886413bvb3.tmp\</t>
  </si>
  <si>
    <t>\\acsfs\profiles$\Flaviojmm\My Documents\lu1886413bvb3.tmp\META-INF\</t>
  </si>
  <si>
    <t>\\acsfs\profiles$\Flaviojmm\My Documents\lu1886413bvb3.tmp\Thumbnails\</t>
  </si>
  <si>
    <t>12/27/2019 11:09:40</t>
  </si>
  <si>
    <t>12/27/2019 11:07:10</t>
  </si>
  <si>
    <t>12/27/2019 11:11:58</t>
  </si>
  <si>
    <t>af7a7f86-a265-4a15-8837-1e2b3a10509a.tmp</t>
  </si>
  <si>
    <t>\\acsfs\profiles$\KARENDSR\Downloads\af7a7f86-a265-4a15-8837-1e2b3a10509a.tmp</t>
  </si>
  <si>
    <t>12/27/2019 11:13:58</t>
  </si>
  <si>
    <t>12/27/2019 11:09:29</t>
  </si>
  <si>
    <t>12/27/2019 11:12:10</t>
  </si>
  <si>
    <t>12/27/2019 11:09:24</t>
  </si>
  <si>
    <t>lu234802fhqmo.tmp</t>
  </si>
  <si>
    <t>\\acsfs\profiles$\VIVIANALDS\My Documents\lu234802fhqmo.tmp</t>
  </si>
  <si>
    <t>\\acsfs\profiles$\VIVIANALDS\My Documents\lu234802fhqmo.tmp\</t>
  </si>
  <si>
    <t>\\acsfs\profiles$\VIVIANALDS\My Documents\lu234802fhqmo.tmp\META-INF\</t>
  </si>
  <si>
    <t>\\acsfs\profiles$\VIVIANALDS\My Documents\lu234802fhqmo.tmp\Thumbnails\</t>
  </si>
  <si>
    <t>12/27/2019 11:13:05</t>
  </si>
  <si>
    <t>12/27/2019 11:09:18</t>
  </si>
  <si>
    <t>12/27/2019 11:14:58</t>
  </si>
  <si>
    <t>12/27/2019 11:09:19</t>
  </si>
  <si>
    <t>12/27/2019 11:09:20</t>
  </si>
  <si>
    <t>\\acsfs\profiles$\lucasns\Favorites\</t>
  </si>
  <si>
    <t>12/27/2019 11:09:23</t>
  </si>
  <si>
    <t>\\acsfs\profiles$\lucasns\Downloads\</t>
  </si>
  <si>
    <t>\\acsfs\profiles$\LUCASNS\Saved Games\desktop.ini</t>
  </si>
  <si>
    <t>12/27/2019 11:09:25</t>
  </si>
  <si>
    <t>12/27/2019 11:09:50</t>
  </si>
  <si>
    <t>winrt--{S-1-5-21-602162358-764733703-839522115-340716}-.searchconnector-ms</t>
  </si>
  <si>
    <t>\\acsfs\profiles$\LUCASNS\Searches\winrt--{S-1-5-21-602162358-764733703-839522115-340716}-.searchconnector-ms</t>
  </si>
  <si>
    <t>12/27/2019 11:10:39</t>
  </si>
  <si>
    <t>12/27/2019 11:14:34</t>
  </si>
  <si>
    <t>12/27/2019 11:15:58</t>
  </si>
  <si>
    <t>12/27/2019 11:15:00</t>
  </si>
  <si>
    <t>12/27/2019 11:15:08</t>
  </si>
  <si>
    <t>mail.google.com/sync/u/0/i/s?hl=pt-BR&amp;c=516</t>
  </si>
  <si>
    <t>12/27/2019 11:14:56</t>
  </si>
  <si>
    <t>lu1886413bvb8.tmp</t>
  </si>
  <si>
    <t>\\acsfs\profiles$\Flaviojmm\My Documents\lu1886413bvb8.tmp</t>
  </si>
  <si>
    <t>\\acsfs\profiles$\Flaviojmm\My Documents\lu1886413bvb8.tmp\</t>
  </si>
  <si>
    <t>\\acsfs\profiles$\Flaviojmm\My Documents\lu1886413bvb8.tmp\META-INF\</t>
  </si>
  <si>
    <t>\\acsfs\profiles$\Flaviojmm\My Documents\lu1886413bvb8.tmp\Thumbnails\</t>
  </si>
  <si>
    <t>12/27/2019 11:11:18</t>
  </si>
  <si>
    <t>12/27/2019 11:10:40</t>
  </si>
  <si>
    <t>12/27/2019 11:11:10</t>
  </si>
  <si>
    <t>12/27/2019 11:11:40</t>
  </si>
  <si>
    <t>12/27/2019 11:15:14</t>
  </si>
  <si>
    <t>12/27/2019 11:16:39</t>
  </si>
  <si>
    <t>12/27/2019 11:16:58</t>
  </si>
  <si>
    <t>12/27/2019 11:14:39</t>
  </si>
  <si>
    <t>12/27/2019 11:17:58</t>
  </si>
  <si>
    <t>4f678ff6-e8cd-4a41-a133-f1e6cc2e8c4a.tmp</t>
  </si>
  <si>
    <t>\\acsfs\profiles$\ERICALSR\Downloads\4f678ff6-e8cd-4a41-a133-f1e6cc2e8c4a.tmp</t>
  </si>
  <si>
    <t>12/27/2019 11:13:54</t>
  </si>
  <si>
    <t>12/27/2019 11:18:59</t>
  </si>
  <si>
    <t>12/27/2019 11:14:51</t>
  </si>
  <si>
    <t>12/27/2019 11:15:04</t>
  </si>
  <si>
    <t>12/27/2019 11:15:55</t>
  </si>
  <si>
    <t>12/27/2019 11:16:20</t>
  </si>
  <si>
    <t>12/27/2019 11:16:28</t>
  </si>
  <si>
    <t>12/27/2019 11:16:31</t>
  </si>
  <si>
    <t>12/27/2019 11:16:44</t>
  </si>
  <si>
    <t>12/27/2019 11:16:48</t>
  </si>
  <si>
    <t>12/27/2019 11:16:54</t>
  </si>
  <si>
    <t>12/27/2019 11:16:57</t>
  </si>
  <si>
    <t>12/27/2019 11:17:03</t>
  </si>
  <si>
    <t>12/27/2019 11:17:09</t>
  </si>
  <si>
    <t>12/27/2019 11:17:52</t>
  </si>
  <si>
    <t>12/27/2019 11:18:03</t>
  </si>
  <si>
    <t>12/27/2019 11:18:10</t>
  </si>
  <si>
    <t>12/27/2019 11:15:38</t>
  </si>
  <si>
    <t>10.200.66.49</t>
  </si>
  <si>
    <t>D0-94-66-B5-52-D3</t>
  </si>
  <si>
    <t>VOTORANT-AFB016</t>
  </si>
  <si>
    <t>12/27/2019 11:15:20</t>
  </si>
  <si>
    <t>12/27/2019 11:20:58</t>
  </si>
  <si>
    <t>andrelpsa@algartech.com;bvcartes-supervisores@algarnet.onmicrosoft.com;joaogvc@algartech.com;josiascdsj@algartech.com;leonardoao@algartech.com;marianacds@algartech.com;marianadjc@algartech.com;paulacn@algartech.com;rafaelggs@algartech.com;taysdss@algartech.com;thiagordu@algartech.com;viniciussg@algartech.com;</t>
  </si>
  <si>
    <t>andrelpsa@algartech.com,bvcartes-supervisores@algarnet.onmicrosoft.com,joaogvc@algartech.com,josiascdsj@algartech.com,leonardoao@algartech.com,marianacds@algartech.com,marianadjc@algartech.com,paulacn@algartech.com,rafaelggs@algartech.com,taysdss@algartech.com,thiagordu@algartech.com,viniciussg@algartech.com</t>
  </si>
  <si>
    <t>12/27/2019 11:15:23</t>
  </si>
  <si>
    <t>12/27/2019 11:16:12</t>
  </si>
  <si>
    <t>mail.google.com/sync/u/0/i/s?hl=pt-BR&amp;c=523</t>
  </si>
  <si>
    <t>12/27/2019 11:16:15</t>
  </si>
  <si>
    <t>12/27/2019 11:16:23</t>
  </si>
  <si>
    <t>mail.google.com/sync/u/0/i/s?hl=pt-BR&amp;c=529</t>
  </si>
  <si>
    <t>12/27/2019 11:16:35</t>
  </si>
  <si>
    <t>mail.google.com/sync/u/0/i/s?hl=pt-BR&amp;c=531</t>
  </si>
  <si>
    <t>12/27/2019 11:16:40</t>
  </si>
  <si>
    <t>mail.google.com/sync/u/0/i/s?hl=pt-BR&amp;c=533</t>
  </si>
  <si>
    <t>12/27/2019 11:17:12</t>
  </si>
  <si>
    <t>12/27/2019 11:17:16</t>
  </si>
  <si>
    <t>12/27/2019 11:17:19</t>
  </si>
  <si>
    <t>mail.google.com/sync/u/0/i/s?hl=pt-BR&amp;c=540</t>
  </si>
  <si>
    <t>12/27/2019 11:17:49</t>
  </si>
  <si>
    <t>mail.google.com/sync/u/0/i/s?hl=pt-BR&amp;c=542</t>
  </si>
  <si>
    <t>12/27/2019 11:18:05</t>
  </si>
  <si>
    <t>mail.google.com/sync/u/0/i/s?hl=pt-BR&amp;c=544</t>
  </si>
  <si>
    <t>12/27/2019 11:18:08</t>
  </si>
  <si>
    <t>12/27/2019 11:18:09</t>
  </si>
  <si>
    <t>12/27/2019 11:18:50</t>
  </si>
  <si>
    <t>mail.google.com/sync/u/0/i/s?hl=pt-BR&amp;c=550</t>
  </si>
  <si>
    <t>12/27/2019 11:19:34</t>
  </si>
  <si>
    <t>lu1886413bvbe.tmp</t>
  </si>
  <si>
    <t>\\acsfs\profiles$\Flaviojmm\My Documents\lu1886413bvbe.tmp</t>
  </si>
  <si>
    <t>\\acsfs\profiles$\Flaviojmm\My Documents\lu1886413bvbe.tmp\</t>
  </si>
  <si>
    <t>\\acsfs\profiles$\Flaviojmm\My Documents\lu1886413bvbe.tmp\META-INF\</t>
  </si>
  <si>
    <t>\\acsfs\profiles$\Flaviojmm\My Documents\lu1886413bvbe.tmp\Thumbnails\</t>
  </si>
  <si>
    <t>12/27/2019 11:16:10</t>
  </si>
  <si>
    <t>12/27/2019 11:16:41</t>
  </si>
  <si>
    <t>12/27/2019 11:17:40</t>
  </si>
  <si>
    <t>12/27/2019 11:16:11</t>
  </si>
  <si>
    <t>db67451a-bf97-40fb-8460-79e076e5b103.tmp</t>
  </si>
  <si>
    <t>\\acsfs\profiles$\ayalabfi\Downloads\db67451a-bf97-40fb-8460-79e076e5b103.tmp</t>
  </si>
  <si>
    <t>12/27/2019 11:20:37</t>
  </si>
  <si>
    <t>12/27/2019 11:21:58</t>
  </si>
  <si>
    <t>12/27/2019 11:19:36</t>
  </si>
  <si>
    <t>Relatorio de Vendas - Auditoria BV Cartoes (Dezembro)_NOVO 2.xlsx</t>
  </si>
  <si>
    <t>\\acsfs\DEPTOS\Operacao\Banco_Votorantim\Qualidade\Anderson\Jose\Atualizado\Relatorio de Vendas - Auditoria BV Cartoes (Dezembro)_NOVO 2.xlsx</t>
  </si>
  <si>
    <t>12/27/2019 11:18:30</t>
  </si>
  <si>
    <t>80064458-a4e5-4385-b215-25ea80c561f8.tmp</t>
  </si>
  <si>
    <t>\\acsfs\profiles$\deboraaa\Downloads\80064458-a4e5-4385-b215-25ea80c561f8.tmp</t>
  </si>
  <si>
    <t>12/27/2019 11:19:45</t>
  </si>
  <si>
    <t>4b3af20f-78d8-4f55-a6d0-10454163ed30.tmp</t>
  </si>
  <si>
    <t>\\acsfs\profiles$\deboraaa\Downloads\4b3af20f-78d8-4f55-a6d0-10454163ed30.tmp</t>
  </si>
  <si>
    <t>12/27/2019 11:20:01</t>
  </si>
  <si>
    <t>aa0497c4-f5fd-4ae4-ba1e-b6dfded57486.tmp</t>
  </si>
  <si>
    <t>\\acsfs\profiles$\deboraaa\Downloads\aa0497c4-f5fd-4ae4-ba1e-b6dfded57486.tmp</t>
  </si>
  <si>
    <t>12/27/2019 11:20:59</t>
  </si>
  <si>
    <t>12/27/2019 11:22:58</t>
  </si>
  <si>
    <t>b53a1a20-e35e-4fe5-89dc-7f0477082c22.tmp</t>
  </si>
  <si>
    <t>\\acsfs\profiles$\quindaizaagds\Downloads\b53a1a20-e35e-4fe5-89dc-7f0477082c22.tmp</t>
  </si>
  <si>
    <t>12/27/2019 11:21:08</t>
  </si>
  <si>
    <t>12/27/2019 11:23:57</t>
  </si>
  <si>
    <t>lu14144uy5vy.tmp</t>
  </si>
  <si>
    <t>\\acsfs\profiles$\LUCASBS\lu14144uy5vy.tmp</t>
  </si>
  <si>
    <t>\\acsfs\profiles$\LUCASBS\lu14144uy5vy.tmp\</t>
  </si>
  <si>
    <t>\\acsfs\profiles$\LUCASBS\lu14144uy5vy.tmp\META-INF\</t>
  </si>
  <si>
    <t>\\acsfs\profiles$\LUCASBS\lu14144uy5vy.tmp\Thumbnails\</t>
  </si>
  <si>
    <t>12/27/2019 11:18:46</t>
  </si>
  <si>
    <t>amanda.poucheira@bv.com.br;andrelps@algartech.com;jose.gomes@bv.com.br;supervisaobancovotorantim@algartech.com;</t>
  </si>
  <si>
    <t>amanda.poucheira@bv.com.br,andrelps@algartech.com,jose.gomes@bv.com.br,supervisaobancovotorantim@algartech.com</t>
  </si>
  <si>
    <t>12/27/2019 11:18:51</t>
  </si>
  <si>
    <t>12/27/2019 11:19:05</t>
  </si>
  <si>
    <t>12/27/2019 11:19:08</t>
  </si>
  <si>
    <t>12/27/2019 11:20:00</t>
  </si>
  <si>
    <t>12/27/2019 11:22:41</t>
  </si>
  <si>
    <t>12/27/2019 11:25:58</t>
  </si>
  <si>
    <t>lu1886413bvbm.tmp</t>
  </si>
  <si>
    <t>\\acsfs\profiles$\Flaviojmm\My Documents\lu1886413bvbm.tmp</t>
  </si>
  <si>
    <t>\\acsfs\profiles$\Flaviojmm\My Documents\lu1886413bvbm.tmp\</t>
  </si>
  <si>
    <t>\\acsfs\profiles$\Flaviojmm\My Documents\lu1886413bvbm.tmp\META-INF\</t>
  </si>
  <si>
    <t>\\acsfs\profiles$\Flaviojmm\My Documents\lu1886413bvbm.tmp\Thumbnails\</t>
  </si>
  <si>
    <t>12/27/2019 11:23:10</t>
  </si>
  <si>
    <t>lu1886413bvbr.tmp</t>
  </si>
  <si>
    <t>\\acsfs\profiles$\Flaviojmm\My Documents\lu1886413bvbr.tmp</t>
  </si>
  <si>
    <t>\\acsfs\profiles$\Flaviojmm\My Documents\lu1886413bvbr.tmp\</t>
  </si>
  <si>
    <t>\\acsfs\profiles$\Flaviojmm\My Documents\lu1886413bvbr.tmp\META-INF\</t>
  </si>
  <si>
    <t>\\acsfs\profiles$\Flaviojmm\My Documents\lu1886413bvbr.tmp\Thumbnails\</t>
  </si>
  <si>
    <t>12/27/2019 11:20:41</t>
  </si>
  <si>
    <t>12/27/2019 11:21:11</t>
  </si>
  <si>
    <t>12/27/2019 11:21:41</t>
  </si>
  <si>
    <t>12/27/2019 11:23:11</t>
  </si>
  <si>
    <t>12/27/2019 11:24:11</t>
  </si>
  <si>
    <t>12/27/2019 11:24:41</t>
  </si>
  <si>
    <t>12/27/2019 11:25:48</t>
  </si>
  <si>
    <t>12/27/2019 11:26:58</t>
  </si>
  <si>
    <t>Isabelle Gomes Teixeira dos Santos_1_6769588823378690768_1_32.wav</t>
  </si>
  <si>
    <t>\\acsfs\Deptos\EDUCACAO EMPRESARIAL\FERNANDA MONIT\Ligação para Mutant terceiro Ciclo\Isabelle Gomes Teixeira dos Santos_1_6769588823378690768_1_32.wav</t>
  </si>
  <si>
    <t>12/27/2019 11:26:17</t>
  </si>
  <si>
    <t>12/27/2019 11:27:58</t>
  </si>
  <si>
    <t>12/27/2019 11:28:23</t>
  </si>
  <si>
    <t>12/27/2019 11:28:58</t>
  </si>
  <si>
    <t>THAYNARA CAMILA SANTOS LOPES_1_6771185417341446982_1_32.wav</t>
  </si>
  <si>
    <t>\\acsfs\Deptos\EDUCACAO EMPRESARIAL\KÉSIA\Ligações 3º ciclo - Késia\THAYNARA CAMILA SANTOS LOPES_1_6771185417341446982_1_32.wav</t>
  </si>
  <si>
    <t>12/27/2019 11:25:05</t>
  </si>
  <si>
    <t>12/27/2019 11:25:06</t>
  </si>
  <si>
    <t>12/27/2019 11:27:28</t>
  </si>
  <si>
    <t>12/27/2019 11:29:58</t>
  </si>
  <si>
    <t>12/27/2019 11:29:15</t>
  </si>
  <si>
    <t>lu768411w7p6.tmp</t>
  </si>
  <si>
    <t>\\acsfs\profiles$\dhiulliananads\My Documents\lu768411w7p6.tmp</t>
  </si>
  <si>
    <t>\\acsfs\profiles$\dhiulliananads\My Documents\lu768411w7p6.tmp\</t>
  </si>
  <si>
    <t>\\acsfs\profiles$\dhiulliananads\My Documents\lu768411w7p6.tmp\META-INF\</t>
  </si>
  <si>
    <t>\\acsfs\profiles$\dhiulliananads\My Documents\lu768411w7p6.tmp\Thumbnails\</t>
  </si>
  <si>
    <t>12/27/2019 11:27:35</t>
  </si>
  <si>
    <t>10.200.66.8</t>
  </si>
  <si>
    <t>34-E6-D7-FC-BF-6E</t>
  </si>
  <si>
    <t>VOTORANT-OB014</t>
  </si>
  <si>
    <t>mariajra</t>
  </si>
  <si>
    <t>\\acsfs\profiles$\mariajra\Downloads\</t>
  </si>
  <si>
    <t>847a6fd1-ab46-4df6-b248-1d5e6875f59c.tmp</t>
  </si>
  <si>
    <t>\\acsfs\profiles$\mariajra\Downloads\847a6fd1-ab46-4df6-b248-1d5e6875f59c.tmp</t>
  </si>
  <si>
    <t>12/27/2019 11:28:54</t>
  </si>
  <si>
    <t>67819b52-e4ff-4351-9027-f95759e23c09.tmp</t>
  </si>
  <si>
    <t>\\acsfs\profiles$\mariajra\Downloads\67819b52-e4ff-4351-9027-f95759e23c09.tmp</t>
  </si>
  <si>
    <t>12/27/2019 11:27:50</t>
  </si>
  <si>
    <t>12/27/2019 11:30:59</t>
  </si>
  <si>
    <t>c100814c-05c2-4c9f-9081-15f99c97d0cb.tmp</t>
  </si>
  <si>
    <t>\\acsfs\profiles$\valeriasda\Downloads\c100814c-05c2-4c9f-9081-15f99c97d0cb.tmp</t>
  </si>
  <si>
    <t>12/27/2019 11:28:48</t>
  </si>
  <si>
    <t>d407c374-7b98-409e-8d35-ac6ed0a011cf.tmp</t>
  </si>
  <si>
    <t>\\acsfs\profiles$\valeriasda\Downloads\d407c374-7b98-409e-8d35-ac6ed0a011cf.tmp</t>
  </si>
  <si>
    <t>12/27/2019 11:29:55</t>
  </si>
  <si>
    <t>8d300d90-be1a-4479-a55a-bf43dadc87ed.tmp</t>
  </si>
  <si>
    <t>\\acsfs\profiles$\valeriasda\Downloads\8d300d90-be1a-4479-a55a-bf43dadc87ed.tmp</t>
  </si>
  <si>
    <t>12/27/2019 11:27:32</t>
  </si>
  <si>
    <t>12/27/2019 11:29:10</t>
  </si>
  <si>
    <t>12/27/2019 11:25:57</t>
  </si>
  <si>
    <t>lu1886413bvbw.tmp</t>
  </si>
  <si>
    <t>\\acsfs\profiles$\Flaviojmm\My Documents\lu1886413bvbw.tmp</t>
  </si>
  <si>
    <t>\\acsfs\profiles$\Flaviojmm\My Documents\lu1886413bvbw.tmp\</t>
  </si>
  <si>
    <t>\\acsfs\profiles$\Flaviojmm\My Documents\lu1886413bvbw.tmp\META-INF\</t>
  </si>
  <si>
    <t>\\acsfs\profiles$\Flaviojmm\My Documents\lu1886413bvbw.tmp\Thumbnails\</t>
  </si>
  <si>
    <t>12/27/2019 11:26:11</t>
  </si>
  <si>
    <t>12/27/2019 11:26:41</t>
  </si>
  <si>
    <t>12/27/2019 11:27:11</t>
  </si>
  <si>
    <t>12/27/2019 11:28:11</t>
  </si>
  <si>
    <t>12/27/2019 11:28:42</t>
  </si>
  <si>
    <t>12/27/2019 11:29:42</t>
  </si>
  <si>
    <t>12/27/2019 11:30:12</t>
  </si>
  <si>
    <t>12/27/2019 11:29:47</t>
  </si>
  <si>
    <t>12/27/2019 11:31:58</t>
  </si>
  <si>
    <t>42de2dda-b817-4c74-9cac-ba7e5c0f3577.tmp</t>
  </si>
  <si>
    <t>\\acsfs\profiles$\victoriaksr\Downloads\42de2dda-b817-4c74-9cac-ba7e5c0f3577.tmp</t>
  </si>
  <si>
    <t>12/27/2019 11:27:37</t>
  </si>
  <si>
    <t>12/27/2019 11:32:58</t>
  </si>
  <si>
    <t>12/27/2019 11:28:51</t>
  </si>
  <si>
    <t>d0c7006c-31a4-4a70-8e21-2d410b5d59d0.tmp</t>
  </si>
  <si>
    <t>\\acsfs\profiles$\ANAPDSB\Downloads\d0c7006c-31a4-4a70-8e21-2d410b5d59d0.tmp</t>
  </si>
  <si>
    <t>12/27/2019 11:29:45</t>
  </si>
  <si>
    <t>e14f39d2-b95f-4df9-b7ed-9722a13bda6c.tmp</t>
  </si>
  <si>
    <t>\\acsfs\profiles$\luanaagl\Downloads\e14f39d2-b95f-4df9-b7ed-9722a13bda6c.tmp</t>
  </si>
  <si>
    <t>12/27/2019 11:30:41</t>
  </si>
  <si>
    <t>12/27/2019 11:27:03</t>
  </si>
  <si>
    <t>12/27/2019 11:33:58</t>
  </si>
  <si>
    <t>9dc04d44-da8c-45e6-a95a-d1c1eb54cdab.tmp</t>
  </si>
  <si>
    <t>\\acsfs\profiles$\KARENDSR\Downloads\9dc04d44-da8c-45e6-a95a-d1c1eb54cdab.tmp</t>
  </si>
  <si>
    <t>12/27/2019 11:30:11</t>
  </si>
  <si>
    <t>12/27/2019 11:31:41</t>
  </si>
  <si>
    <t>12/27/2019 11:31:42</t>
  </si>
  <si>
    <t>lu14144uy5w9.tmp</t>
  </si>
  <si>
    <t>\\acsfs\profiles$\LUCASBS\lu14144uy5w9.tmp</t>
  </si>
  <si>
    <t>\\acsfs\profiles$\LUCASBS\lu14144uy5w9.tmp\</t>
  </si>
  <si>
    <t>\\acsfs\profiles$\LUCASBS\lu14144uy5w9.tmp\META-INF\</t>
  </si>
  <si>
    <t>\\acsfs\profiles$\LUCASBS\lu14144uy5w9.tmp\Thumbnails\</t>
  </si>
  <si>
    <t>12/27/2019 11:31:05</t>
  </si>
  <si>
    <t>12/27/2019 11:33:40</t>
  </si>
  <si>
    <t>12/27/2019 11:31:54</t>
  </si>
  <si>
    <t>12/27/2019 11:34:58</t>
  </si>
  <si>
    <t>c0ed5b4e-4bf9-4f97-95ad-399284874c7a.tmp</t>
  </si>
  <si>
    <t>\\acsfs\profiles$\LUCASNS\Downloads\c0ed5b4e-4bf9-4f97-95ad-399284874c7a.tmp</t>
  </si>
  <si>
    <t>12/27/2019 11:32:04</t>
  </si>
  <si>
    <t>Não confirmado 199065.crdownload</t>
  </si>
  <si>
    <t>\\acsfs\profiles$\LUCASNS\Downloads\Não confirmado 199065.crdownload</t>
  </si>
  <si>
    <t>12/27/2019 11:32:18</t>
  </si>
  <si>
    <t>556586f4-80f8-4ab9-9eea-5b6ada963373.tmp</t>
  </si>
  <si>
    <t>\\acsfs\profiles$\LUCASNS\Downloads\556586f4-80f8-4ab9-9eea-5b6ada963373.tmp</t>
  </si>
  <si>
    <t>12/27/2019 11:34:06</t>
  </si>
  <si>
    <t>7eb1dd9e-6787-4287-ac39-b260fa00d6c1.tmp</t>
  </si>
  <si>
    <t>\\acsfs\profiles$\LUCASNS\Downloads\7eb1dd9e-6787-4287-ac39-b260fa00d6c1.tmp</t>
  </si>
  <si>
    <t>12/27/2019 11:30:18</t>
  </si>
  <si>
    <t>.~lock.geovana 3.ods#</t>
  </si>
  <si>
    <t>\\acsfs\profiles$\geovanaasa\My Documents\.~lock.geovana 3.ods#</t>
  </si>
  <si>
    <t>lu8720889qmd9.tmp</t>
  </si>
  <si>
    <t>\\acsfs\profiles$\geovanaasa\My Documents\lu8720889qmd9.tmp</t>
  </si>
  <si>
    <t>\\acsfs\profiles$\geovanaasa\My Documents\lu8720889qmd9.tmp\</t>
  </si>
  <si>
    <t>\\acsfs\profiles$\geovanaasa\My Documents\lu8720889qmd9.tmp\META-INF\</t>
  </si>
  <si>
    <t>\\acsfs\profiles$\geovanaasa\My Documents\lu8720889qmd9.tmp\Thumbnails\</t>
  </si>
  <si>
    <t>12/27/2019 11:32:09</t>
  </si>
  <si>
    <t>12/27/2019 11:32:10</t>
  </si>
  <si>
    <t>lu8720889qmde.tmp</t>
  </si>
  <si>
    <t>\\acsfs\profiles$\geovanaasa\My Documents\lu8720889qmde.tmp</t>
  </si>
  <si>
    <t>\\acsfs\profiles$\geovanaasa\My Documents\lu8720889qmde.tmp\</t>
  </si>
  <si>
    <t>\\acsfs\profiles$\geovanaasa\My Documents\lu8720889qmde.tmp\META-INF\</t>
  </si>
  <si>
    <t>\\acsfs\profiles$\geovanaasa\My Documents\lu8720889qmde.tmp\Thumbnails\</t>
  </si>
  <si>
    <t>12/27/2019 11:31:31</t>
  </si>
  <si>
    <t>de0838ed-3ab2-4023-9ffd-d17771c4087c.tmp</t>
  </si>
  <si>
    <t>\\acsfs\profiles$\mariajra\Downloads\de0838ed-3ab2-4023-9ffd-d17771c4087c.tmp</t>
  </si>
  <si>
    <t>12/27/2019 11:32:42</t>
  </si>
  <si>
    <t>f6f85fbf-5262-438d-b891-c711797dcd1d.tmp</t>
  </si>
  <si>
    <t>\\acsfs\profiles$\mariajra\Downloads\f6f85fbf-5262-438d-b891-c711797dcd1d.tmp</t>
  </si>
  <si>
    <t>12/27/2019 11:33:31</t>
  </si>
  <si>
    <t>b049aef3-54de-44aa-a9f3-82255a119ad5.tmp</t>
  </si>
  <si>
    <t>\\acsfs\profiles$\mariajra\Downloads\b049aef3-54de-44aa-a9f3-82255a119ad5.tmp</t>
  </si>
  <si>
    <t>12/27/2019 11:32:23</t>
  </si>
  <si>
    <t>12/27/2019 11:35:58</t>
  </si>
  <si>
    <t>12/27/2019 11:32:12</t>
  </si>
  <si>
    <t>12/27/2019 11:31:33</t>
  </si>
  <si>
    <t>78290caa-307c-4130-bd3a-1000c989bb77.tmp</t>
  </si>
  <si>
    <t>\\acsfs\profiles$\ayalabfi\Downloads\78290caa-307c-4130-bd3a-1000c989bb77.tmp</t>
  </si>
  <si>
    <t>12/27/2019 11:32:38</t>
  </si>
  <si>
    <t>12/27/2019 11:36:58</t>
  </si>
  <si>
    <t>9f3b5449-75e1-485b-aaa0-1ca503bc16b7.tmp</t>
  </si>
  <si>
    <t>\\acsfs\profiles$\matheushds\Downloads\9f3b5449-75e1-485b-aaa0-1ca503bc16b7.tmp</t>
  </si>
  <si>
    <t>12/27/2019 11:31:50</t>
  </si>
  <si>
    <t>12/27/2019 11:35:10</t>
  </si>
  <si>
    <t>12/27/2019 11:33:02</t>
  </si>
  <si>
    <t>12/27/2019 11:37:58</t>
  </si>
  <si>
    <t>3df09eeb-ed5e-4b57-b089-be4d3426ce5b.tmp</t>
  </si>
  <si>
    <t>\\acsfs\profiles$\YASMINSC\Downloads\3df09eeb-ed5e-4b57-b089-be4d3426ce5b.tmp</t>
  </si>
  <si>
    <t>12/27/2019 11:37:26</t>
  </si>
  <si>
    <t>12/27/2019 11:38:59</t>
  </si>
  <si>
    <t>6d0638b0-8369-4bb9-a999-a6d63169d67d.tmp</t>
  </si>
  <si>
    <t>\\acsfs\profiles$\KARENDSR\Downloads\6d0638b0-8369-4bb9-a999-a6d63169d67d.tmp</t>
  </si>
  <si>
    <t>12/27/2019 11:38:09</t>
  </si>
  <si>
    <t>f1b71957-011c-4a4e-bc1d-639db02a86a5.tmp</t>
  </si>
  <si>
    <t>\\acsfs\profiles$\KARENDSR\Downloads\f1b71957-011c-4a4e-bc1d-639db02a86a5.tmp</t>
  </si>
  <si>
    <t>12/27/2019 11:36:11</t>
  </si>
  <si>
    <t>12/27/2019 11:33:54</t>
  </si>
  <si>
    <t>12/27/2019 11:33:57</t>
  </si>
  <si>
    <t>12/27/2019 11:34:08</t>
  </si>
  <si>
    <t>12/27/2019 11:34:28</t>
  </si>
  <si>
    <t>12/27/2019 11:37:06</t>
  </si>
  <si>
    <t>12/27/2019 11:37:20</t>
  </si>
  <si>
    <t>12/27/2019 11:39:58</t>
  </si>
  <si>
    <t>f2b316d1-3a4b-4ba2-8c21-1bf53ce206a8.tmp</t>
  </si>
  <si>
    <t>\\acsfs\profiles$\LUCASNS\Downloads\f2b316d1-3a4b-4ba2-8c21-1bf53ce206a8.tmp</t>
  </si>
  <si>
    <t>12/27/2019 11:35:07</t>
  </si>
  <si>
    <t>343e1e7a-fd0c-46e5-8700-2185d677a9c0.tmp</t>
  </si>
  <si>
    <t>\\acsfs\profiles$\mariajra\Downloads\343e1e7a-fd0c-46e5-8700-2185d677a9c0.tmp</t>
  </si>
  <si>
    <t>12/27/2019 11:39:04</t>
  </si>
  <si>
    <t>12/27/2019 11:40:58</t>
  </si>
  <si>
    <t>12/27/2019 11:39:15</t>
  </si>
  <si>
    <t>12/27/2019 11:39:17</t>
  </si>
  <si>
    <t>12/27/2019 11:40:46</t>
  </si>
  <si>
    <t>12/27/2019 11:41:58</t>
  </si>
  <si>
    <t>14181672-056e-47e8-a188-e885110ec838.tmp</t>
  </si>
  <si>
    <t>\\acsfs\profiles$\gabrielarb\Downloads\14181672-056e-47e8-a188-e885110ec838.tmp</t>
  </si>
  <si>
    <t>12/27/2019 11:42:10</t>
  </si>
  <si>
    <t>12/27/2019 11:43:58</t>
  </si>
  <si>
    <t>12/27/2019 11:39:48</t>
  </si>
  <si>
    <t>c:\users\robsonams\appdata\local\temp\</t>
  </si>
  <si>
    <t>12/27/2019 11:40:41</t>
  </si>
  <si>
    <t>12/27/2019 11:43:05</t>
  </si>
  <si>
    <t>12/27/2019 11:43:37</t>
  </si>
  <si>
    <t>12/27/2019 11:44:58</t>
  </si>
  <si>
    <t>12/27/2019 11:42:06</t>
  </si>
  <si>
    <t>12/27/2019 11:42:01</t>
  </si>
  <si>
    <t>12/27/2019 11:46:58</t>
  </si>
  <si>
    <t>mail.google.com/sync/u/0/i/s?hl=pt-BR&amp;c=645</t>
  </si>
  <si>
    <t>"languagecode":"pt-br";"requesttype":"live_request";"scenariotype":"dr;"timezone":"-03:00";anavbg@algartech.com;bianca.boari@dxc.com;bvs-centralcartoes@bv.com.br;cintia.souza-domingues@dxc.com;eduardo.santana@bv.com.br;fernandorsju@algartech.com;kesiadof@algartech.com;marianeps@algartech.com;mirianppb@algartech.com;p";talmaiardo@algartech.com;thiagordu@algartech.com;</t>
  </si>
  <si>
    <t>"languagecode":"pt-br","requesttype":"live_request","scenariotype":"dr,"timezone":"-03:00",anavbg@algartech.com,bianca.boari@dxc.com,bvs-centralcartoes@bv.com.br,cintia.souza-domingues@dxc.com,eduardo.santana@bv.com.br,fernandorsju@algartech.com,kesiadof@algartech.com,marianeps@algartech.com,mirianppb@algartech.com,p",talmaiardo@algartech.com,thiagordu@algartech.com</t>
  </si>
  <si>
    <t>mail.google.com/sync/u/0/i/s?hl=pt-BR&amp;c=647</t>
  </si>
  <si>
    <t>anavbg@algartech.com;bianca.boari@dxc.com;bvs-centralcartoes@bv.com.br;cintia.souza-domingues@dxc.com;eduardo.santana@bv.com.br;fernandorsju@algartech.com;kesiadof@algartech.com;marianeps@algartech.com;talmaiardo@algartech.com;thiagordu@algartech.com;</t>
  </si>
  <si>
    <t>anavbg@algartech.com,bianca.boari@dxc.com,bvs-centralcartoes@bv.com.br,cintia.souza-domingues@dxc.com,eduardo.santana@bv.com.br,fernandorsju@algartech.com,kesiadof@algartech.com,marianeps@algartech.com,talmaiardo@algartech.com,thiagordu@algartech.com</t>
  </si>
  <si>
    <t>12/27/2019 11:44:57</t>
  </si>
  <si>
    <t>12/27/2019 11:47:58</t>
  </si>
  <si>
    <t>12/27/2019 11:45:11</t>
  </si>
  <si>
    <t>12/27/2019 11:48:58</t>
  </si>
  <si>
    <t>THAIS MACHADO BEZERRA_1_6769491559549308085_1_32.wav</t>
  </si>
  <si>
    <t>\\acsfs\Deptos\EDUCACAO EMPRESARIAL\KÉSIA\Ligações 3º ciclo - Késia\THAIS MACHADO BEZERRA_1_6769491559549308085_1_32.wav</t>
  </si>
  <si>
    <t>12/27/2019 11:48:11</t>
  </si>
  <si>
    <t>12/27/2019 11:46:09</t>
  </si>
  <si>
    <t>https://sentry.io/api/1297650/store/?sentry_key=6f5f8e1cecfa40fb850f578b69fc1705&amp;sentry_version=7</t>
  </si>
  <si>
    <t>12/27/2019 11:48:04</t>
  </si>
  <si>
    <t>12/27/2019 11:48:48</t>
  </si>
  <si>
    <t>c5e9b9a8-5779-432e-b7b4-55e6805f05c7.tmp</t>
  </si>
  <si>
    <t>\\acsfs\profiles$\adelvinsonle\Downloads\c5e9b9a8-5779-432e-b7b4-55e6805f05c7.tmp</t>
  </si>
  <si>
    <t>12/27/2019 11:49:04</t>
  </si>
  <si>
    <t>12/27/2019 11:49:58</t>
  </si>
  <si>
    <t>12/27/2019 11:49:42</t>
  </si>
  <si>
    <t>12/27/2019 11:50:57</t>
  </si>
  <si>
    <t>\\acsfs\profiles$\FLAVIOJMM\My Documents\.~lock.Reneg Vcto 28.ods#</t>
  </si>
  <si>
    <t>12/27/2019 11:48:30</t>
  </si>
  <si>
    <t>12/27/2019 11:51:58</t>
  </si>
  <si>
    <t>ea90cd5a-8275-43c7-9c0d-4385d02bafb5.tmp</t>
  </si>
  <si>
    <t>\\acsfs\profiles$\wenderbnm\Downloads\ea90cd5a-8275-43c7-9c0d-4385d02bafb5.tmp</t>
  </si>
  <si>
    <t>12/27/2019 11:48:50</t>
  </si>
  <si>
    <t>12/27/2019 11:52:57</t>
  </si>
  <si>
    <t>12/27/2019 11:49:09</t>
  </si>
  <si>
    <t>0c8826bc-fa61-445f-9524-24521b2ebc8b.tmp</t>
  </si>
  <si>
    <t>\\acsfs\profiles$\quindaizaagds\Downloads\0c8826bc-fa61-445f-9524-24521b2ebc8b.tmp</t>
  </si>
  <si>
    <t>12/27/2019 11:49:10</t>
  </si>
  <si>
    <t>657f14ad-2fc4-4ecb-8382-dfb4a73e7424.tmp</t>
  </si>
  <si>
    <t>\\acsfs\profiles$\quindaizaagds\Downloads\657f14ad-2fc4-4ecb-8382-dfb4a73e7424.tmp</t>
  </si>
  <si>
    <t>12/27/2019 11:49:27</t>
  </si>
  <si>
    <t>2d69775b-c592-431d-a2f9-84f771372ee2.tmp</t>
  </si>
  <si>
    <t>\\acsfs\profiles$\quindaizaagds\Downloads\2d69775b-c592-431d-a2f9-84f771372ee2.tmp</t>
  </si>
  <si>
    <t>12/27/2019 11:52:25</t>
  </si>
  <si>
    <t>12/27/2019 11:53:58</t>
  </si>
  <si>
    <t>lu87561g57m8.tmp</t>
  </si>
  <si>
    <t>\\acsfs\profiles$\BRUNAAR\Numero\lu87561g57m8.tmp</t>
  </si>
  <si>
    <t>12/27/2019 11:49:05</t>
  </si>
  <si>
    <t>12/27/2019 11:49:08</t>
  </si>
  <si>
    <t>12/27/2019 11:54:58</t>
  </si>
  <si>
    <t>12/27/2019 11:53:23</t>
  </si>
  <si>
    <t>12/27/2019 11:49:55</t>
  </si>
  <si>
    <t>lu768411w7ph.tmp</t>
  </si>
  <si>
    <t>\\acsfs\profiles$\dhiulliananads\My Documents\lu768411w7ph.tmp</t>
  </si>
  <si>
    <t>\\acsfs\profiles$\dhiulliananads\My Documents\lu768411w7ph.tmp\</t>
  </si>
  <si>
    <t>\\acsfs\profiles$\dhiulliananads\My Documents\lu768411w7ph.tmp\META-INF\</t>
  </si>
  <si>
    <t>\\acsfs\profiles$\dhiulliananads\My Documents\lu768411w7ph.tmp\Thumbnails\</t>
  </si>
  <si>
    <t>12/27/2019 11:50:13</t>
  </si>
  <si>
    <t>12/27/2019 11:53:43</t>
  </si>
  <si>
    <t>12/27/2019 11:53:44</t>
  </si>
  <si>
    <t>lu8720889qmdj.tmp</t>
  </si>
  <si>
    <t>\\acsfs\profiles$\geovanaasa\My Documents\lu8720889qmdj.tmp</t>
  </si>
  <si>
    <t>\\acsfs\profiles$\geovanaasa\My Documents\lu8720889qmdj.tmp\</t>
  </si>
  <si>
    <t>\\acsfs\profiles$\geovanaasa\My Documents\lu8720889qmdj.tmp\META-INF\</t>
  </si>
  <si>
    <t>\\acsfs\profiles$\geovanaasa\My Documents\lu8720889qmdj.tmp\Thumbnails\</t>
  </si>
  <si>
    <t>12/27/2019 11:55:57</t>
  </si>
  <si>
    <t>12/27/2019 11:52:24</t>
  </si>
  <si>
    <t>12/27/2019 11:56:58</t>
  </si>
  <si>
    <t>12/27/2019 11:55:20</t>
  </si>
  <si>
    <t>12/27/2019 11:53:17</t>
  </si>
  <si>
    <t>12/27/2019 11:57:57</t>
  </si>
  <si>
    <t>3832c4ae-f10d-4a38-ba94-b13434ab276c.tmp</t>
  </si>
  <si>
    <t>\\acsfs\profiles$\luanaagl\Downloads\3832c4ae-f10d-4a38-ba94-b13434ab276c.tmp</t>
  </si>
  <si>
    <t>12/27/2019 11:54:41</t>
  </si>
  <si>
    <t>66d11429-7a3d-4472-9240-5f2393e932d2.tmp</t>
  </si>
  <si>
    <t>\\acsfs\profiles$\luanaagl\Downloads\66d11429-7a3d-4472-9240-5f2393e932d2.tmp</t>
  </si>
  <si>
    <t>12/27/2019 11:56:06</t>
  </si>
  <si>
    <t>8311d640-14b6-4f0a-b90e-50db3d8cb26f.tmp</t>
  </si>
  <si>
    <t>\\acsfs\profiles$\luanarda\Downloads\8311d640-14b6-4f0a-b90e-50db3d8cb26f.tmp</t>
  </si>
  <si>
    <t>12/27/2019 11:54:11</t>
  </si>
  <si>
    <t>12/27/2019 11:58:58</t>
  </si>
  <si>
    <t>12/27/2019 11:58:35</t>
  </si>
  <si>
    <t>12/27/2019 11:56:23</t>
  </si>
  <si>
    <t>12/27/2019 11:56:31</t>
  </si>
  <si>
    <t>.~lock.RENEG BV - 27.12 - Venc 01.01.2019.ods#</t>
  </si>
  <si>
    <t>\\acsfs\profiles$\LUCASBS\.~lock.RENEG BV - 27.12 - Venc 01.01.2019.ods#</t>
  </si>
  <si>
    <t>lu14144uy5wt.tmp</t>
  </si>
  <si>
    <t>\\acsfs\profiles$\LUCASBS\lu14144uy5wt.tmp</t>
  </si>
  <si>
    <t>\\acsfs\profiles$\LUCASBS\lu14144uy5wt.tmp\</t>
  </si>
  <si>
    <t>\\acsfs\profiles$\LUCASBS\lu14144uy5wt.tmp\META-INF\</t>
  </si>
  <si>
    <t>\\acsfs\profiles$\LUCASBS\lu14144uy5wt.tmp\Thumbnails\</t>
  </si>
  <si>
    <t>12/27/2019 11:55:05</t>
  </si>
  <si>
    <t>12/27/2019 11:56:15</t>
  </si>
  <si>
    <t>12/27/2019 12:00:58</t>
  </si>
  <si>
    <t>.~lock.Reneg Vcto 01.ods#</t>
  </si>
  <si>
    <t>\\acsfs\profiles$\Flaviojmm\My Documents\.~lock.Reneg Vcto 01.ods#</t>
  </si>
  <si>
    <t>12/27/2019 11:56:16</t>
  </si>
  <si>
    <t>lu1886413bvcb.tmp</t>
  </si>
  <si>
    <t>\\acsfs\profiles$\Flaviojmm\My Documents\lu1886413bvcb.tmp</t>
  </si>
  <si>
    <t>\\acsfs\profiles$\Flaviojmm\My Documents\lu1886413bvcb.tmp\</t>
  </si>
  <si>
    <t>\\acsfs\profiles$\Flaviojmm\My Documents\lu1886413bvcb.tmp\META-INF\</t>
  </si>
  <si>
    <t>\\acsfs\profiles$\Flaviojmm\My Documents\lu1886413bvcb.tmp\Thumbnails\</t>
  </si>
  <si>
    <t>12/27/2019 11:56:17</t>
  </si>
  <si>
    <t>12/27/2019 11:56:18</t>
  </si>
  <si>
    <t>lu1886413bvcg.tmp</t>
  </si>
  <si>
    <t>\\acsfs\profiles$\Flaviojmm\My Documents\lu1886413bvcg.tmp</t>
  </si>
  <si>
    <t>\\acsfs\profiles$\Flaviojmm\My Documents\lu1886413bvcg.tmp\</t>
  </si>
  <si>
    <t>\\acsfs\profiles$\Flaviojmm\My Documents\lu1886413bvcg.tmp\META-INF\</t>
  </si>
  <si>
    <t>\\acsfs\profiles$\Flaviojmm\My Documents\lu1886413bvcg.tmp\Thumbnails\</t>
  </si>
  <si>
    <t>12/27/2019 12:01:58</t>
  </si>
  <si>
    <t>12/27/2019 11:58:22</t>
  </si>
  <si>
    <t>ca2eb6e7-cb01-409a-acf2-8db4c72da709.tmp</t>
  </si>
  <si>
    <t>\\acsfs\profiles$\claudiajca\Downloads\ca2eb6e7-cb01-409a-acf2-8db4c72da709.tmp</t>
  </si>
  <si>
    <t>12/27/2019 11:59:03</t>
  </si>
  <si>
    <t>f310991c-4b7f-479d-8b52-0f4dfc529288.tmp</t>
  </si>
  <si>
    <t>\\acsfs\profiles$\leticiala\Downloads\f310991c-4b7f-479d-8b52-0f4dfc529288.tmp</t>
  </si>
  <si>
    <t>12/27/2019 12:01:56</t>
  </si>
  <si>
    <t>12/27/2019 12:03:58</t>
  </si>
  <si>
    <t>JESSICA DE ALMEIDA GOMES_1_6771016461917960382_1_32.wav</t>
  </si>
  <si>
    <t>\\acsfs\Deptos\EDUCACAO EMPRESARIAL\KÉSIA\Ligações 3º ciclo - Késia\JESSICA DE ALMEIDA GOMES_1_6771016461917960382_1_32.wav</t>
  </si>
  <si>
    <t>12/27/2019 12:00:12</t>
  </si>
  <si>
    <t>12/27/2019 12:01:05</t>
  </si>
  <si>
    <t>12/27/2019 12:04:58</t>
  </si>
  <si>
    <t>12/27/2019 12:04:42</t>
  </si>
  <si>
    <t>12/27/2019 12:06:09</t>
  </si>
  <si>
    <t>12/27/2019 12:06:58</t>
  </si>
  <si>
    <t>0e1c3dd3-3052-459d-9c71-e4ddc6e46b49.tmp</t>
  </si>
  <si>
    <t>\\acsfs\profiles$\gabrielarb\Downloads\0e1c3dd3-3052-459d-9c71-e4ddc6e46b49.tmp</t>
  </si>
  <si>
    <t>12/27/2019 12:03:15</t>
  </si>
  <si>
    <t>12/27/2019 12:07:58</t>
  </si>
  <si>
    <t>12/27/2019 12:07:02</t>
  </si>
  <si>
    <t>8cdb1cdb-4ee7-40b0-bd6b-380824acf4b9.tmp</t>
  </si>
  <si>
    <t>\\acsfs\profiles$\luanaagl\Downloads\8cdb1cdb-4ee7-40b0-bd6b-380824acf4b9.tmp</t>
  </si>
  <si>
    <t>12/27/2019 12:06:59</t>
  </si>
  <si>
    <t>e1bb9e8b-b1e4-4ad1-b400-66f6ada1eb69.tmp</t>
  </si>
  <si>
    <t>\\acsfs\profiles$\nataliacsl\Downloads\e1bb9e8b-b1e4-4ad1-b400-66f6ada1eb69.tmp</t>
  </si>
  <si>
    <t>12/27/2019 12:05:03</t>
  </si>
  <si>
    <t>12/27/2019 12:08:58</t>
  </si>
  <si>
    <t>lu87561g57mc.tmp</t>
  </si>
  <si>
    <t>\\acsfs\profiles$\BRUNAAR\Numero\lu87561g57mc.tmp</t>
  </si>
  <si>
    <t>12/27/2019 12:04:16</t>
  </si>
  <si>
    <t>12/27/2019 12:04:40</t>
  </si>
  <si>
    <t>mail.google.com/sync/u/0/i/s?hl=pt-BR&amp;c=310</t>
  </si>
  <si>
    <t>12/27/2019 12:06:11</t>
  </si>
  <si>
    <t>12/27/2019 12:06:49</t>
  </si>
  <si>
    <t>12/27/2019 12:06:50</t>
  </si>
  <si>
    <t>lu14144uy5wy.tmp</t>
  </si>
  <si>
    <t>\\acsfs\profiles$\LUCASBS\lu14144uy5wy.tmp</t>
  </si>
  <si>
    <t>\\acsfs\profiles$\LUCASBS\lu14144uy5wy.tmp\</t>
  </si>
  <si>
    <t>\\acsfs\profiles$\LUCASBS\lu14144uy5wy.tmp\META-INF\</t>
  </si>
  <si>
    <t>\\acsfs\profiles$\LUCASBS\lu14144uy5wy.tmp\Thumbnails\</t>
  </si>
  <si>
    <t>12/27/2019 12:07:05</t>
  </si>
  <si>
    <t>12/27/2019 12:06:12</t>
  </si>
  <si>
    <t>12/27/2019 12:09:58</t>
  </si>
  <si>
    <t>12/27/2019 12:10:58</t>
  </si>
  <si>
    <t>12/27/2019 12:08:14</t>
  </si>
  <si>
    <t>12/27/2019 12:09:51</t>
  </si>
  <si>
    <t>12/27/2019 12:11:58</t>
  </si>
  <si>
    <t>12/27/2019 12:10:09</t>
  </si>
  <si>
    <t>293bc490-6a9e-400b-bb78-c2acd3da4e56.tmp</t>
  </si>
  <si>
    <t>\\acsfs\profiles$\rafaelamsv\Downloads\293bc490-6a9e-400b-bb78-c2acd3da4e56.tmp</t>
  </si>
  <si>
    <t>12/27/2019 12:08:24</t>
  </si>
  <si>
    <t>12/27/2019 12:10:35</t>
  </si>
  <si>
    <t>12/27/2019 12:12:58</t>
  </si>
  <si>
    <t>12/27/2019 12:11:09</t>
  </si>
  <si>
    <t>12/27/2019 12:13:58</t>
  </si>
  <si>
    <t>12/27/2019 12:12:11</t>
  </si>
  <si>
    <t>12/27/2019 12:10:40</t>
  </si>
  <si>
    <t>12/27/2019 12:10:41</t>
  </si>
  <si>
    <t>lu14144uy5x4.tmp</t>
  </si>
  <si>
    <t>\\acsfs\profiles$\LUCASBS\lu14144uy5x4.tmp</t>
  </si>
  <si>
    <t>\\acsfs\profiles$\LUCASBS\lu14144uy5x4.tmp\</t>
  </si>
  <si>
    <t>\\acsfs\profiles$\LUCASBS\lu14144uy5x4.tmp\META-INF\</t>
  </si>
  <si>
    <t>\\acsfs\profiles$\LUCASBS\lu14144uy5x4.tmp\Thumbnails\</t>
  </si>
  <si>
    <t>12/27/2019 12:10:57</t>
  </si>
  <si>
    <t>12/27/2019 12:13:06</t>
  </si>
  <si>
    <t>12/27/2019 12:14:44</t>
  </si>
  <si>
    <t>12/27/2019 12:15:58</t>
  </si>
  <si>
    <t>12/27/2019 12:15:01</t>
  </si>
  <si>
    <t>12/27/2019 12:13:42</t>
  </si>
  <si>
    <t>12/27/2019 12:16:58</t>
  </si>
  <si>
    <t>8e967dd3-e76c-4821-a42d-f8a241098be9.tmp</t>
  </si>
  <si>
    <t>\\acsfs\profiles$\victoriaksr\Downloads\8e967dd3-e76c-4821-a42d-f8a241098be9.tmp</t>
  </si>
  <si>
    <t>12/27/2019 12:13:26</t>
  </si>
  <si>
    <t>12/27/2019 12:18:58</t>
  </si>
  <si>
    <t>12/27/2019 12:13:27</t>
  </si>
  <si>
    <t>lu87561g57mf.tmp</t>
  </si>
  <si>
    <t>\\acsfs\profiles$\BRUNAAR\Numero\lu87561g57mf.tmp</t>
  </si>
  <si>
    <t>12/27/2019 12:18:11</t>
  </si>
  <si>
    <t>12/27/2019 12:14:23</t>
  </si>
  <si>
    <t>12/27/2019 12:19:57</t>
  </si>
  <si>
    <t>12/27/2019 12:16:13</t>
  </si>
  <si>
    <t>12/27/2019 12:20:58</t>
  </si>
  <si>
    <t>12/27/2019 12:19:06</t>
  </si>
  <si>
    <t>12/27/2019 12:23:57</t>
  </si>
  <si>
    <t>12/27/2019 12:20:24</t>
  </si>
  <si>
    <t>12/27/2019 12:24:58</t>
  </si>
  <si>
    <t>12/27/2019 12:20:00</t>
  </si>
  <si>
    <t>12/27/2019 12:25:43</t>
  </si>
  <si>
    <t>12/27/2019 12:27:57</t>
  </si>
  <si>
    <t>e3095229-0570-4a5d-97d5-43aa8c77302e.tmp</t>
  </si>
  <si>
    <t>\\acsfs\profiles$\YASMINSC\Downloads\e3095229-0570-4a5d-97d5-43aa8c77302e.tmp</t>
  </si>
  <si>
    <t>12/27/2019 12:25:04</t>
  </si>
  <si>
    <t>12/27/2019 12:25:49</t>
  </si>
  <si>
    <t>12/27/2019 12:28:58</t>
  </si>
  <si>
    <t>12/27/2019 12:24:11</t>
  </si>
  <si>
    <t>12/27/2019 12:25:06</t>
  </si>
  <si>
    <t>12/27/2019 12:29:00</t>
  </si>
  <si>
    <t>12/27/2019 12:29:57</t>
  </si>
  <si>
    <t>12/27/2019 12:29:02</t>
  </si>
  <si>
    <t>12/27/2019 12:30:58</t>
  </si>
  <si>
    <t>12/27/2019 12:27:43</t>
  </si>
  <si>
    <t>12/27/2019 12:28:03</t>
  </si>
  <si>
    <t>12/27/2019 12:27:15</t>
  </si>
  <si>
    <t>12/27/2019 12:31:57</t>
  </si>
  <si>
    <t>10.200.67.181</t>
  </si>
  <si>
    <t>D0-94-66-B5-5D-E9</t>
  </si>
  <si>
    <t>VOTORANT-YB013</t>
  </si>
  <si>
    <t>12/27/2019 12:29:11</t>
  </si>
  <si>
    <t>luispls</t>
  </si>
  <si>
    <t>\\acsfs\profiles$\LUISPLS\Downloads\</t>
  </si>
  <si>
    <t>fe53c11c-72d4-4268-9d98-6fa1146e598c.tmp</t>
  </si>
  <si>
    <t>\\acsfs\profiles$\LUISPLS\Downloads\fe53c11c-72d4-4268-9d98-6fa1146e598c.tmp</t>
  </si>
  <si>
    <t>12/27/2019 12:29:58</t>
  </si>
  <si>
    <t>e1fc6c43-5b7e-47db-a408-546b18ed305a.tmp</t>
  </si>
  <si>
    <t>\\acsfs\profiles$\LUISPLS\Downloads\e1fc6c43-5b7e-47db-a408-546b18ed305a.tmp</t>
  </si>
  <si>
    <t>12/27/2019 12:31:13</t>
  </si>
  <si>
    <t>089030e3-95c0-4ded-a722-b6231fa86994.tmp</t>
  </si>
  <si>
    <t>\\acsfs\profiles$\LUISPLS\Downloads\089030e3-95c0-4ded-a722-b6231fa86994.tmp</t>
  </si>
  <si>
    <t>12/27/2019 12:29:17</t>
  </si>
  <si>
    <t>12/27/2019 12:32:58</t>
  </si>
  <si>
    <t>12/27/2019 12:31:36</t>
  </si>
  <si>
    <t>12/27/2019 12:33:58</t>
  </si>
  <si>
    <t>12/27/2019 12:30:11</t>
  </si>
  <si>
    <t>12/27/2019 12:31:06</t>
  </si>
  <si>
    <t>12/27/2019 12:32:08</t>
  </si>
  <si>
    <t>12/27/2019 12:35:58</t>
  </si>
  <si>
    <t>12/27/2019 12:32:14</t>
  </si>
  <si>
    <t>12/27/2019 12:32:35</t>
  </si>
  <si>
    <t>12/27/2019 12:33:23</t>
  </si>
  <si>
    <t>12/27/2019 12:34:26</t>
  </si>
  <si>
    <t>12/27/2019 12:36:57</t>
  </si>
  <si>
    <t>eacc6a71-b158-47f1-bb05-ba06aea4913c.tmp</t>
  </si>
  <si>
    <t>\\acsfs\profiles$\deboraaa\Downloads\eacc6a71-b158-47f1-bb05-ba06aea4913c.tmp</t>
  </si>
  <si>
    <t>12/27/2019 12:34:42</t>
  </si>
  <si>
    <t>aa27b9f8-09a5-4a3f-8406-4236118623c3.tmp</t>
  </si>
  <si>
    <t>\\acsfs\profiles$\deboraaa\Downloads\aa27b9f8-09a5-4a3f-8406-4236118623c3.tmp</t>
  </si>
  <si>
    <t>12/27/2019 12:35:49</t>
  </si>
  <si>
    <t>.~lock.Contato Reneg 27-12.1.ods#</t>
  </si>
  <si>
    <t>\\acsfs\profiles$\CLAUDIAJCA\.~lock.Contato Reneg 27-12.1.ods#</t>
  </si>
  <si>
    <t>12/27/2019 12:35:50</t>
  </si>
  <si>
    <t>lu399765dgqq7.tmp</t>
  </si>
  <si>
    <t>\\acsfs\profiles$\CLAUDIAJCA\lu399765dgqq7.tmp</t>
  </si>
  <si>
    <t>\\acsfs\profiles$\CLAUDIAJCA\lu399765dgqq7.tmp\</t>
  </si>
  <si>
    <t>\\acsfs\profiles$\CLAUDIAJCA\lu399765dgqq7.tmp\META-INF\</t>
  </si>
  <si>
    <t>\\acsfs\profiles$\CLAUDIAJCA\lu399765dgqq7.tmp\Thumbnails\</t>
  </si>
  <si>
    <t>12/27/2019 12:33:21</t>
  </si>
  <si>
    <t>12/27/2019 12:33:33</t>
  </si>
  <si>
    <t>60ee8d29-a69d-43b5-a963-59093d064446.tmp</t>
  </si>
  <si>
    <t>\\acsfs\profiles$\LUISPLS\Downloads\60ee8d29-a69d-43b5-a963-59093d064446.tmp</t>
  </si>
  <si>
    <t>12/27/2019 12:33:40</t>
  </si>
  <si>
    <t>.~lock.Retratações BV cartões Vendas dezembro (5).xlsx#</t>
  </si>
  <si>
    <t>\\acsfs\profiles$\LUISPLS\Downloads\.~lock.Retratações BV cartões Vendas dezembro (5).xlsx#</t>
  </si>
  <si>
    <t>12/27/2019 12:35:10</t>
  </si>
  <si>
    <t>12/27/2019 12:38:58</t>
  </si>
  <si>
    <t>12/27/2019 12:35:11</t>
  </si>
  <si>
    <t>lu1496010ivrd.tmp</t>
  </si>
  <si>
    <t>\\acsfs\profiles$\LUCASBS\lu1496010ivrd.tmp</t>
  </si>
  <si>
    <t>\\acsfs\profiles$\LUCASBS\lu1496010ivrd.tmp\</t>
  </si>
  <si>
    <t>\\acsfs\profiles$\LUCASBS\lu1496010ivrd.tmp\META-INF\</t>
  </si>
  <si>
    <t>\\acsfs\profiles$\LUCASBS\lu1496010ivrd.tmp\Thumbnails\</t>
  </si>
  <si>
    <t>12/27/2019 12:36:11</t>
  </si>
  <si>
    <t>12/27/2019 12:37:07</t>
  </si>
  <si>
    <t>12/27/2019 12:35:25</t>
  </si>
  <si>
    <t>12/27/2019 12:39:58</t>
  </si>
  <si>
    <t>10.200.66.193</t>
  </si>
  <si>
    <t>D0-94-66-B5-4A-FC</t>
  </si>
  <si>
    <t>VOTORANT-YB016</t>
  </si>
  <si>
    <t>12/27/2019 12:38:34</t>
  </si>
  <si>
    <t>laislg</t>
  </si>
  <si>
    <t>\\acsfs\profiles$\LAISLG\Downloads\</t>
  </si>
  <si>
    <t>9a1c158d-87bd-404c-9846-06ae8b4a9c37.tmp</t>
  </si>
  <si>
    <t>\\acsfs\profiles$\LAISLG\Downloads\9a1c158d-87bd-404c-9846-06ae8b4a9c37.tmp</t>
  </si>
  <si>
    <t>12/27/2019 12:37:32</t>
  </si>
  <si>
    <t>12/27/2019 12:37:25</t>
  </si>
  <si>
    <t>5a6dcc63-964f-429a-8a8d-579599c9a9b8.tmp</t>
  </si>
  <si>
    <t>\\acsfs\profiles$\mariliafplb\Downloads\5a6dcc63-964f-429a-8a8d-579599c9a9b8.tmp</t>
  </si>
  <si>
    <t>12/27/2019 12:37:13</t>
  </si>
  <si>
    <t>12/27/2019 12:40:58</t>
  </si>
  <si>
    <t>12/27/2019 12:38:20</t>
  </si>
  <si>
    <t>12/27/2019 12:41:58</t>
  </si>
  <si>
    <t>12/27/2019 12:38:21</t>
  </si>
  <si>
    <t>12/27/2019 12:40:29</t>
  </si>
  <si>
    <t>\\acsfs\profiles$\LUISPLS\My Documents\Nova pasta\</t>
  </si>
  <si>
    <t>.~lock.Casos de reclamação.ods#</t>
  </si>
  <si>
    <t>\\acsfs\profiles$\LUISPLS\My Documents\Nova pasta\.~lock.Casos de reclamação.ods#</t>
  </si>
  <si>
    <t>12/27/2019 12:40:06</t>
  </si>
  <si>
    <t>12/27/2019 12:40:08</t>
  </si>
  <si>
    <t>lu9652ifo3u.tmp</t>
  </si>
  <si>
    <t>\\acsfs\profiles$\victoriaksr\My Documents\lu9652ifo3u.tmp</t>
  </si>
  <si>
    <t>12/27/2019 12:38:40</t>
  </si>
  <si>
    <t>12/27/2019 12:43:58</t>
  </si>
  <si>
    <t>15f5c395-9309-4d89-a875-eb3dcecd14f0.tmp</t>
  </si>
  <si>
    <t>\\acsfs\profiles$\antoniosva\Downloads\15f5c395-9309-4d89-a875-eb3dcecd14f0.tmp</t>
  </si>
  <si>
    <t>12/27/2019 12:38:51</t>
  </si>
  <si>
    <t>12/27/2019 12:40:15</t>
  </si>
  <si>
    <t>12/27/2019 12:42:14</t>
  </si>
  <si>
    <t>12/27/2019 12:43:06</t>
  </si>
  <si>
    <t>12/27/2019 12:39:08</t>
  </si>
  <si>
    <t>12/27/2019 12:44:57</t>
  </si>
  <si>
    <t>3f8988da-86ea-4f22-b832-339ef2807977.tmp</t>
  </si>
  <si>
    <t>\\acsfs\profiles$\LAISLG\Downloads\3f8988da-86ea-4f22-b832-339ef2807977.tmp</t>
  </si>
  <si>
    <t>12/27/2019 12:39:43</t>
  </si>
  <si>
    <t>$IEMH58Q.txt</t>
  </si>
  <si>
    <t>\\acsfs\profiles$\brendavdoa\My Documents\$RECYCLE.BIN\$IEMH58Q.txt</t>
  </si>
  <si>
    <t>12/27/2019 12:39:54</t>
  </si>
  <si>
    <t>$INE1THU.txt</t>
  </si>
  <si>
    <t>\\acsfs\profiles$\brendavdoa\My Documents\$RECYCLE.BIN\$INE1THU.txt</t>
  </si>
  <si>
    <t>12/27/2019 12:42:58</t>
  </si>
  <si>
    <t>12/27/2019 12:46:58</t>
  </si>
  <si>
    <t>7757f78e-9a0c-4ed5-828a-79f7dd5735b7.tmp</t>
  </si>
  <si>
    <t>\\acsfs\profiles$\laianear\Downloads\7757f78e-9a0c-4ed5-828a-79f7dd5735b7.tmp</t>
  </si>
  <si>
    <t>12/27/2019 12:43:10</t>
  </si>
  <si>
    <t>14979fdb-23a8-4940-b161-23abb89d87b1.tmp</t>
  </si>
  <si>
    <t>\\acsfs\profiles$\laianear\Downloads\14979fdb-23a8-4940-b161-23abb89d87b1.tmp</t>
  </si>
  <si>
    <t>12/27/2019 12:43:54</t>
  </si>
  <si>
    <t>12/27/2019 12:43:55</t>
  </si>
  <si>
    <t>lu8272a388.tmp</t>
  </si>
  <si>
    <t>\\acsfs\profiles$\LUISPLS\Downloads\lu8272a388.tmp</t>
  </si>
  <si>
    <t>12/27/2019 12:44:10</t>
  </si>
  <si>
    <t>lu8272a38k.tmp</t>
  </si>
  <si>
    <t>\\acsfs\profiles$\LUISPLS\Downloads\lu8272a38k.tmp</t>
  </si>
  <si>
    <t>12/27/2019 12:46:22</t>
  </si>
  <si>
    <t>72fd1dfd-6c66-4d04-9ec4-a289aabc4d1a.tmp</t>
  </si>
  <si>
    <t>\\acsfs\profiles$\LUISPLS\Downloads\72fd1dfd-6c66-4d04-9ec4-a289aabc4d1a.tmp</t>
  </si>
  <si>
    <t>12/27/2019 12:46:26</t>
  </si>
  <si>
    <t>.~lock.Retratações BV cartões Vendas dezembro (6).xlsx#</t>
  </si>
  <si>
    <t>\\acsfs\profiles$\LUISPLS\Downloads\.~lock.Retratações BV cartões Vendas dezembro (6).xlsx#</t>
  </si>
  <si>
    <t>12/27/2019 12:45:47</t>
  </si>
  <si>
    <t>12/27/2019 12:48:58</t>
  </si>
  <si>
    <t>b33b624f-bea2-471a-b816-e86753d2d6cd.tmp</t>
  </si>
  <si>
    <t>\\acsfs\profiles$\mariagsg\Downloads\b33b624f-bea2-471a-b816-e86753d2d6cd.tmp</t>
  </si>
  <si>
    <t>12/27/2019 12:45:51</t>
  </si>
  <si>
    <t>921c988d-75be-4b1e-9a9b-dcc882553352.tmp</t>
  </si>
  <si>
    <t>\\acsfs\profiles$\mariagsg\Downloads\921c988d-75be-4b1e-9a9b-dcc882553352.tmp</t>
  </si>
  <si>
    <t>12/27/2019 12:45:21</t>
  </si>
  <si>
    <t>10.200.66.154</t>
  </si>
  <si>
    <t>34-E6-D7-FC-BF-9E</t>
  </si>
  <si>
    <t>VOTORANT-WB013</t>
  </si>
  <si>
    <t>regisedsj</t>
  </si>
  <si>
    <t>\\acsfs\profiles$\regisedsj\Contacts\</t>
  </si>
  <si>
    <t>REGIS EZAIAS DA SILVA JUNIOR (18).contact</t>
  </si>
  <si>
    <t>\\acsfs\profiles$\regisedsj\Contacts\REGIS EZAIAS DA SILVA JUNIOR (18).contact</t>
  </si>
  <si>
    <t>12/27/2019 12:45:32</t>
  </si>
  <si>
    <t>\\acsfs\profiles$\regisedsj\My Documents\My Videos\</t>
  </si>
  <si>
    <t>\\acsfs\profiles$\regisedsj\My Documents\My Videos\desktop.ini</t>
  </si>
  <si>
    <t>12/27/2019 12:45:33</t>
  </si>
  <si>
    <t>\\acsfs\profiles$\regisedsj\My Documents\My Pictures\</t>
  </si>
  <si>
    <t>\\acsfs\profiles$\regisedsj\My Documents\My Pictures\desktop.ini</t>
  </si>
  <si>
    <t>12/27/2019 12:45:34</t>
  </si>
  <si>
    <t>\\acsfs\profiles$\regisedsj\Contacts\desktop.ini</t>
  </si>
  <si>
    <t>12/27/2019 12:45:35</t>
  </si>
  <si>
    <t>\\acsfs\profiles$\regisedsj\Favorites\</t>
  </si>
  <si>
    <t>\\acsfs\profiles$\regisedsj\Favorites\desktop.ini</t>
  </si>
  <si>
    <t>12/27/2019 12:45:36</t>
  </si>
  <si>
    <t>\\acsfs\profiles$\regisedsj\My Documents\My Music\</t>
  </si>
  <si>
    <t>\\acsfs\profiles$\regisedsj\My Documents\My Music\desktop.ini</t>
  </si>
  <si>
    <t>12/27/2019 12:45:37</t>
  </si>
  <si>
    <t>12/27/2019 12:45:38</t>
  </si>
  <si>
    <t>\\acsfs\profiles$\regisedsj\Searches\</t>
  </si>
  <si>
    <t>\\acsfs\profiles$\regisedsj\Searches\desktop.ini</t>
  </si>
  <si>
    <t>12/27/2019 12:45:39</t>
  </si>
  <si>
    <t>\\acsfs\profiles$\regisedsj\Downloads\</t>
  </si>
  <si>
    <t>\\acsfs\profiles$\regisedsj\Downloads\desktop.ini</t>
  </si>
  <si>
    <t>12/27/2019 12:45:40</t>
  </si>
  <si>
    <t>\\acsfs\profiles$\regisedsj\My Documents\</t>
  </si>
  <si>
    <t>\\acsfs\profiles$\regisedsj\My Documents\desktop.ini</t>
  </si>
  <si>
    <t>12/27/2019 12:45:41</t>
  </si>
  <si>
    <t>12/27/2019 12:45:42</t>
  </si>
  <si>
    <t>\\acsfs\profiles$\regisedsj\Saved Games\</t>
  </si>
  <si>
    <t>\\acsfs\profiles$\regisedsj\Saved Games\desktop.ini</t>
  </si>
  <si>
    <t>12/27/2019 12:45:26</t>
  </si>
  <si>
    <t>alexandre.junior@call.neobpo.com.br;aline.toledo@call.neobpo.com.br;valquiria.ghirotti@call.neobpo.com.br;</t>
  </si>
  <si>
    <t>alexandre.junior@call.neobpo.com.br,aline.toledo@call.neobpo.com.br,valquiria.ghirotti@call.neobpo.com.br</t>
  </si>
  <si>
    <t>12/27/2019 12:45:29</t>
  </si>
  <si>
    <t>mail.google.com/sync/u/0/i/s?hl=pt-BR&amp;c=380</t>
  </si>
  <si>
    <t>mail.google.com/sync/u/0/i/s?hl=pt-BR&amp;c=383</t>
  </si>
  <si>
    <t>12/27/2019 12:45:53</t>
  </si>
  <si>
    <t>12/27/2019 12:48:11</t>
  </si>
  <si>
    <t>12/27/2019 12:47:48</t>
  </si>
  <si>
    <t>12/27/2019 12:49:58</t>
  </si>
  <si>
    <t>12/27/2019 12:49:16</t>
  </si>
  <si>
    <t>12/27/2019 12:51:58</t>
  </si>
  <si>
    <t>12/27/2019 12:49:14</t>
  </si>
  <si>
    <t>470312f6-c079-4e0d-9085-17f8b1c3f240.tmp</t>
  </si>
  <si>
    <t>\\acsfs\profiles$\deborahsi\Downloads\470312f6-c079-4e0d-9085-17f8b1c3f240.tmp</t>
  </si>
  <si>
    <t>12/27/2019 12:48:44</t>
  </si>
  <si>
    <t>e969e527-d455-41c4-855d-394d7ac09e15.tmp</t>
  </si>
  <si>
    <t>\\acsfs\profiles$\laylaams\Downloads\e969e527-d455-41c4-855d-394d7ac09e15.tmp</t>
  </si>
  <si>
    <t>12/27/2019 12:48:47</t>
  </si>
  <si>
    <t>d51c3edb-1d0b-4131-80b9-f730e27b145f.tmp</t>
  </si>
  <si>
    <t>\\acsfs\profiles$\laylaams\Downloads\d51c3edb-1d0b-4131-80b9-f730e27b145f.tmp</t>
  </si>
  <si>
    <t>12/27/2019 12:48:46</t>
  </si>
  <si>
    <t>12/27/2019 12:53:58</t>
  </si>
  <si>
    <t>12/27/2019 12:51:16</t>
  </si>
  <si>
    <t>12/27/2019 12:52:30</t>
  </si>
  <si>
    <t>12/27/2019 12:52:55</t>
  </si>
  <si>
    <t>94550426-c73e-48cc-b8f0-3fb4131e06c7.tmp</t>
  </si>
  <si>
    <t>\\acsfs\profiles$\eduardofss\Downloads\94550426-c73e-48cc-b8f0-3fb4131e06c7.tmp</t>
  </si>
  <si>
    <t>12/27/2019 12:49:06</t>
  </si>
  <si>
    <t>12/27/2019 12:48:57</t>
  </si>
  <si>
    <t>12/27/2019 12:49:18</t>
  </si>
  <si>
    <t>alexandre.junior@call.neobpo.com.br;aline.toledo@call.neobpo.com.br;andrelpsa@algartech.com;fabianacscg@algartech.com;harunams@algartech.com;luizffn@algartech.com;mirianppb@algartech.com;taysdss@algartech.com;valquiria.ghirotti@call.neobpo.com.br;</t>
  </si>
  <si>
    <t>alexandre.junior@call.neobpo.com.br,aline.toledo@call.neobpo.com.br,andrelpsa@algartech.com,fabianacscg@algartech.com,harunams@algartech.com,luizffn@algartech.com,mirianppb@algartech.com,taysdss@algartech.com,valquiria.ghirotti@call.neobpo.com.br</t>
  </si>
  <si>
    <t>12/27/2019 12:50:15</t>
  </si>
  <si>
    <t>12/27/2019 12:50:21</t>
  </si>
  <si>
    <t>12/27/2019 12:54:58</t>
  </si>
  <si>
    <t>c719ce56-54bf-4ef7-b99b-0a1ed166b82c.tmp</t>
  </si>
  <si>
    <t>\\acsfs\profiles$\cintiadcf\Downloads\c719ce56-54bf-4ef7-b99b-0a1ed166b82c.tmp</t>
  </si>
  <si>
    <t>12/27/2019 12:54:11</t>
  </si>
  <si>
    <t>12/27/2019 12:55:58</t>
  </si>
  <si>
    <t>12/27/2019 12:54:22</t>
  </si>
  <si>
    <t>12/27/2019 12:52:03</t>
  </si>
  <si>
    <t>12/27/2019 12:56:58</t>
  </si>
  <si>
    <t>12/27/2019 12:52:04</t>
  </si>
  <si>
    <t>lu8272a390.tmp</t>
  </si>
  <si>
    <t>\\acsfs\profiles$\LUISPLS\Downloads\lu8272a390.tmp</t>
  </si>
  <si>
    <t>12/27/2019 12:52:17</t>
  </si>
  <si>
    <t>\\acsfs\profiles$\LUISPLS\My Documents\Nova pasta\.~lock.Retratações BV cartões Vendas dezembro (6).xlsx#</t>
  </si>
  <si>
    <t>12/27/2019 12:52:18</t>
  </si>
  <si>
    <t>lu8272a39b.tmp</t>
  </si>
  <si>
    <t>\\acsfs\profiles$\LUISPLS\My Documents\Nova pasta\lu8272a39b.tmp</t>
  </si>
  <si>
    <t>12/27/2019 12:52:46</t>
  </si>
  <si>
    <t>.~lock.reorientação.ods#</t>
  </si>
  <si>
    <t>\\acsfs\profiles$\LUISPLS\My Documents\Nova pasta\.~lock.reorientação.ods#</t>
  </si>
  <si>
    <t>12/27/2019 12:56:53</t>
  </si>
  <si>
    <t>12/27/2019 12:54:47</t>
  </si>
  <si>
    <t>12/27/2019 12:58:58</t>
  </si>
  <si>
    <t>12/27/2019 12:57:16</t>
  </si>
  <si>
    <t>12/27/2019 12:55:41</t>
  </si>
  <si>
    <t>12/27/2019 12:55:45</t>
  </si>
  <si>
    <t>12/27/2019 12:56:01</t>
  </si>
  <si>
    <t>12/27/2019 12:56:10</t>
  </si>
  <si>
    <t>12/27/2019 12:56:14</t>
  </si>
  <si>
    <t>12/27/2019 12:56:18</t>
  </si>
  <si>
    <t>12/27/2019 12:56:31</t>
  </si>
  <si>
    <t>12/27/2019 12:56:41</t>
  </si>
  <si>
    <t>12/27/2019 12:56:45</t>
  </si>
  <si>
    <t>12/27/2019 12:57:04</t>
  </si>
  <si>
    <t>12/27/2019 12:58:00</t>
  </si>
  <si>
    <t>12/27/2019 12:55:06</t>
  </si>
  <si>
    <t>12/27/2019 12:59:57</t>
  </si>
  <si>
    <t>12/27/2019 12:57:35</t>
  </si>
  <si>
    <t>12/27/2019 12:55:04</t>
  </si>
  <si>
    <t>12/27/2019 12:59:23</t>
  </si>
  <si>
    <t>12/27/2019 13:00:58</t>
  </si>
  <si>
    <t>12/27/2019 12:57:12</t>
  </si>
  <si>
    <t>12/27/2019 13:01:58</t>
  </si>
  <si>
    <t>lu8272a39s.tmp</t>
  </si>
  <si>
    <t>\\acsfs\profiles$\LUISPLS\My Documents\Nova pasta\lu8272a39s.tmp</t>
  </si>
  <si>
    <t>12/27/2019 12:57:20</t>
  </si>
  <si>
    <t>12/27/2019 12:57:21</t>
  </si>
  <si>
    <t>lu8272a3a2.tmp</t>
  </si>
  <si>
    <t>\\acsfs\profiles$\LUISPLS\My Documents\Nova pasta\lu8272a3a2.tmp</t>
  </si>
  <si>
    <t>12/27/2019 12:59:21</t>
  </si>
  <si>
    <t>12/27/2019 13:02:58</t>
  </si>
  <si>
    <t>96ff4d4c-8ac7-4e44-afc1-cbecaa02f28f.tmp</t>
  </si>
  <si>
    <t>\\acsfs\profiles$\vivianealda\Downloads\96ff4d4c-8ac7-4e44-afc1-cbecaa02f28f.tmp</t>
  </si>
  <si>
    <t>12/27/2019 13:00:10</t>
  </si>
  <si>
    <t>12/27/2019 13:03:58</t>
  </si>
  <si>
    <t>12/27/2019 12:58:32</t>
  </si>
  <si>
    <t>12/27/2019 13:00:14</t>
  </si>
  <si>
    <t>12/27/2019 13:00:21</t>
  </si>
  <si>
    <t>12/27/2019 13:03:15</t>
  </si>
  <si>
    <t>12/27/2019 13:01:06</t>
  </si>
  <si>
    <t>12/27/2019 13:00:12</t>
  </si>
  <si>
    <t>12/27/2019 13:04:58</t>
  </si>
  <si>
    <t>12/27/2019 13:01:38</t>
  </si>
  <si>
    <t>12/27/2019 13:01:39</t>
  </si>
  <si>
    <t>lu768411w7pn.tmp</t>
  </si>
  <si>
    <t>\\acsfs\profiles$\dhiulliananads\My Documents\lu768411w7pn.tmp</t>
  </si>
  <si>
    <t>\\acsfs\profiles$\dhiulliananads\My Documents\lu768411w7pn.tmp\</t>
  </si>
  <si>
    <t>\\acsfs\profiles$\dhiulliananads\My Documents\lu768411w7pn.tmp\META-INF\</t>
  </si>
  <si>
    <t>\\acsfs\profiles$\dhiulliananads\My Documents\lu768411w7pn.tmp\Thumbnails\</t>
  </si>
  <si>
    <t>12/27/2019 13:00:43</t>
  </si>
  <si>
    <t>12/27/2019 13:05:58</t>
  </si>
  <si>
    <t>\\acsfs\profiles$\FLAVIOJMM\My Documents\.~lock.Reneg Vcto 01.ods#</t>
  </si>
  <si>
    <t>12/27/2019 13:04:50</t>
  </si>
  <si>
    <t>12/27/2019 13:04:52</t>
  </si>
  <si>
    <t>12/27/2019 13:00:54</t>
  </si>
  <si>
    <t>12/27/2019 13:01:24</t>
  </si>
  <si>
    <t>12/27/2019 13:01:54</t>
  </si>
  <si>
    <t>12/27/2019 13:02:24</t>
  </si>
  <si>
    <t>12/27/2019 13:03:54</t>
  </si>
  <si>
    <t>12/27/2019 13:03:44</t>
  </si>
  <si>
    <t>12/27/2019 13:06:58</t>
  </si>
  <si>
    <t>85a02051-c816-476c-89a9-663524456b05.tmp</t>
  </si>
  <si>
    <t>\\acsfs\profiles$\deborahsi\Downloads\85a02051-c816-476c-89a9-663524456b05.tmp</t>
  </si>
  <si>
    <t>12/27/2019 13:03:33</t>
  </si>
  <si>
    <t>12/27/2019 13:07:58</t>
  </si>
  <si>
    <t>12/27/2019 13:02:53</t>
  </si>
  <si>
    <t>12/27/2019 13:02:54</t>
  </si>
  <si>
    <t>12/27/2019 13:02:55</t>
  </si>
  <si>
    <t>12/27/2019 13:02:56</t>
  </si>
  <si>
    <t>12/27/2019 13:02:57</t>
  </si>
  <si>
    <t>12/27/2019 13:02:59</t>
  </si>
  <si>
    <t>12/27/2019 13:03:00</t>
  </si>
  <si>
    <t>12/27/2019 13:03:01</t>
  </si>
  <si>
    <t>12/27/2019 13:03:02</t>
  </si>
  <si>
    <t>12/27/2019 13:03:03</t>
  </si>
  <si>
    <t>12/27/2019 13:03:04</t>
  </si>
  <si>
    <t>12/27/2019 13:03:05</t>
  </si>
  <si>
    <t>12/27/2019 13:03:06</t>
  </si>
  <si>
    <t>12/27/2019 13:03:07</t>
  </si>
  <si>
    <t>12/27/2019 13:03:08</t>
  </si>
  <si>
    <t>12/27/2019 13:03:09</t>
  </si>
  <si>
    <t>12/27/2019 13:03:10</t>
  </si>
  <si>
    <t>12/27/2019 13:03:11</t>
  </si>
  <si>
    <t>12/27/2019 13:03:12</t>
  </si>
  <si>
    <t>12/27/2019 13:03:13</t>
  </si>
  <si>
    <t>12/27/2019 13:03:14</t>
  </si>
  <si>
    <t>12/27/2019 13:03:16</t>
  </si>
  <si>
    <t>12/27/2019 13:03:17</t>
  </si>
  <si>
    <t>12/27/2019 13:03:18</t>
  </si>
  <si>
    <t>12/27/2019 13:03:19</t>
  </si>
  <si>
    <t>12/27/2019 13:05:40</t>
  </si>
  <si>
    <t>12/27/2019 13:08:58</t>
  </si>
  <si>
    <t>lu1496010ivrk.tmp</t>
  </si>
  <si>
    <t>\\acsfs\profiles$\LUCASBS\lu1496010ivrk.tmp</t>
  </si>
  <si>
    <t>\\acsfs\profiles$\LUCASBS\lu1496010ivrk.tmp\</t>
  </si>
  <si>
    <t>\\acsfs\profiles$\LUCASBS\lu1496010ivrk.tmp\META-INF\</t>
  </si>
  <si>
    <t>\\acsfs\profiles$\LUCASBS\lu1496010ivrk.tmp\Thumbnails\</t>
  </si>
  <si>
    <t>12/27/2019 13:07:06</t>
  </si>
  <si>
    <t>12/27/2019 13:05:53</t>
  </si>
  <si>
    <t>12/27/2019 13:09:58</t>
  </si>
  <si>
    <t>12/27/2019 13:05:54</t>
  </si>
  <si>
    <t>12/27/2019 13:06:11</t>
  </si>
  <si>
    <t>12/27/2019 13:06:57</t>
  </si>
  <si>
    <t>ce22158f-d4a7-48cd-9cf8-c1f6f7f301a7.tmp</t>
  </si>
  <si>
    <t>\\acsfs\profiles$\LAISLG\Downloads\ce22158f-d4a7-48cd-9cf8-c1f6f7f301a7.tmp</t>
  </si>
  <si>
    <t>12/27/2019 13:08:53</t>
  </si>
  <si>
    <t>12/27/2019 13:05:32</t>
  </si>
  <si>
    <t>12/27/2019 13:07:42</t>
  </si>
  <si>
    <t>12/27/2019 13:10:59</t>
  </si>
  <si>
    <t>4fe0c13c-aa20-4c38-bae5-65a040330cf7.tmp</t>
  </si>
  <si>
    <t>\\acsfs\profiles$\sarahbal\Downloads\4fe0c13c-aa20-4c38-bae5-65a040330cf7.tmp</t>
  </si>
  <si>
    <t>12/27/2019 13:07:24</t>
  </si>
  <si>
    <t>mail.google.com/sync/u/0/i/s?hl=pt-BR&amp;c=635</t>
  </si>
  <si>
    <t>12/27/2019 13:07:27</t>
  </si>
  <si>
    <t>12/27/2019 13:08:23</t>
  </si>
  <si>
    <t>mail.google.com/sync/u/0/i/s?hl=pt-BR&amp;c=640</t>
  </si>
  <si>
    <t>12/27/2019 13:08:27</t>
  </si>
  <si>
    <t>12/27/2019 13:08:31</t>
  </si>
  <si>
    <t>12/27/2019 13:09:55</t>
  </si>
  <si>
    <t>12/27/2019 13:06:55</t>
  </si>
  <si>
    <t>12/27/2019 13:07:25</t>
  </si>
  <si>
    <t>12/27/2019 13:07:55</t>
  </si>
  <si>
    <t>12/27/2019 13:09:24</t>
  </si>
  <si>
    <t>12/27/2019 13:11:58</t>
  </si>
  <si>
    <t>1d0b950b-4111-448b-90d2-4a004e5d924b.tmp</t>
  </si>
  <si>
    <t>\\acsfs\profiles$\felipetds\Downloads\1d0b950b-4111-448b-90d2-4a004e5d924b.tmp</t>
  </si>
  <si>
    <t>12/27/2019 13:13:06</t>
  </si>
  <si>
    <t>12/27/2019 13:13:58</t>
  </si>
  <si>
    <t>12/27/2019 13:12:11</t>
  </si>
  <si>
    <t>12/27/2019 13:14:58</t>
  </si>
  <si>
    <t>12/27/2019 13:11:32</t>
  </si>
  <si>
    <t>12/27/2019 13:13:12</t>
  </si>
  <si>
    <t>12/27/2019 13:12:06</t>
  </si>
  <si>
    <t>12/27/2019 13:15:59</t>
  </si>
  <si>
    <t>12/27/2019 13:14:25</t>
  </si>
  <si>
    <t>12/27/2019 13:11:22</t>
  </si>
  <si>
    <t>12/27/2019 13:11:34</t>
  </si>
  <si>
    <t>mail.google.com/sync/u/0/i/s?hl=pt-BR&amp;c=651</t>
  </si>
  <si>
    <t>12/27/2019 13:12:31</t>
  </si>
  <si>
    <t>mail.google.com/sync/u/0/i/s?hl=pt-BR&amp;c=654</t>
  </si>
  <si>
    <t>12/27/2019 13:13:04</t>
  </si>
  <si>
    <t>12/27/2019 13:13:08</t>
  </si>
  <si>
    <t>mail.google.com/sync/u/0/i/s?hl=pt-BR&amp;c=658</t>
  </si>
  <si>
    <t>12/27/2019 13:13:20</t>
  </si>
  <si>
    <t>mail.google.com/sync/u/0/i/s?hl=pt-BR&amp;c=660</t>
  </si>
  <si>
    <t>12/27/2019 13:13:23</t>
  </si>
  <si>
    <t>mail.google.com/sync/u/0/i/s?hl=pt-BR&amp;c=662</t>
  </si>
  <si>
    <t>12/27/2019 13:14:10</t>
  </si>
  <si>
    <t>mail.google.com/sync/u/0/i/s?hl=pt-BR&amp;c=665</t>
  </si>
  <si>
    <t>12/27/2019 13:14:50</t>
  </si>
  <si>
    <t>12/27/2019 13:15:02</t>
  </si>
  <si>
    <t>12/27/2019 13:15:14</t>
  </si>
  <si>
    <t>12/27/2019 13:15:21</t>
  </si>
  <si>
    <t>bvcartes-supervisores@algarnet.onmicrosoft.com;joaogvc@algartech.com;leonardoao@algartech.com;marianadjc@algartech.com;paulacn@algartech.com;taysdss@algartech.com;thiagordu@algartech.com;viniciussg@algartech.com;</t>
  </si>
  <si>
    <t>bvcartes-supervisores@algarnet.onmicrosoft.com,joaogvc@algartech.com,leonardoao@algartech.com,marianadjc@algartech.com,paulacn@algartech.com,taysdss@algartech.com,thiagordu@algartech.com,viniciussg@algartech.com</t>
  </si>
  <si>
    <t>12/27/2019 13:10:58</t>
  </si>
  <si>
    <t>12/27/2019 13:11:09</t>
  </si>
  <si>
    <t>12/27/2019 13:13:26</t>
  </si>
  <si>
    <t>12/27/2019 13:14:46</t>
  </si>
  <si>
    <t>12/27/2019 13:16:58</t>
  </si>
  <si>
    <t>.~lock.Contato Reneg 27-12.2.ods#</t>
  </si>
  <si>
    <t>\\acsfs\profiles$\CLAUDIAJCA\.~lock.Contato Reneg 27-12.2.ods#</t>
  </si>
  <si>
    <t>12/27/2019 13:14:47</t>
  </si>
  <si>
    <t>lu399765dgqqj.tmp</t>
  </si>
  <si>
    <t>\\acsfs\profiles$\CLAUDIAJCA\lu399765dgqqj.tmp</t>
  </si>
  <si>
    <t>\\acsfs\profiles$\CLAUDIAJCA\lu399765dgqqj.tmp\</t>
  </si>
  <si>
    <t>\\acsfs\profiles$\CLAUDIAJCA\lu399765dgqqj.tmp\META-INF\</t>
  </si>
  <si>
    <t>\\acsfs\profiles$\CLAUDIAJCA\lu399765dgqqj.tmp\Thumbnails\</t>
  </si>
  <si>
    <t>12/27/2019 13:14:51</t>
  </si>
  <si>
    <t>12/27/2019 13:18:58</t>
  </si>
  <si>
    <t>lu87561g57mi.tmp</t>
  </si>
  <si>
    <t>\\acsfs\profiles$\BRUNAAR\Numero\lu87561g57mi.tmp</t>
  </si>
  <si>
    <t>12/27/2019 13:14:55</t>
  </si>
  <si>
    <t>12/27/2019 13:14:56</t>
  </si>
  <si>
    <t>lu87561g57ml.tmp</t>
  </si>
  <si>
    <t>\\acsfs\profiles$\BRUNAAR\Numero\lu87561g57ml.tmp</t>
  </si>
  <si>
    <t>12/27/2019 13:17:40</t>
  </si>
  <si>
    <t>12/27/2019 13:17:41</t>
  </si>
  <si>
    <t>lu87561g57mo.tmp</t>
  </si>
  <si>
    <t>\\acsfs\profiles$\BRUNAAR\Numero\lu87561g57mo.tmp</t>
  </si>
  <si>
    <t>12/27/2019 13:17:48</t>
  </si>
  <si>
    <t>lu87561g57mr.tmp</t>
  </si>
  <si>
    <t>\\acsfs\profiles$\BRUNAAR\Numero\lu87561g57mr.tmp</t>
  </si>
  <si>
    <t>12/27/2019 13:16:20</t>
  </si>
  <si>
    <t>12/27/2019 13:16:25</t>
  </si>
  <si>
    <t>12/27/2019 13:16:28</t>
  </si>
  <si>
    <t>12/27/2019 13:16:37</t>
  </si>
  <si>
    <t>12/27/2019 13:14:07</t>
  </si>
  <si>
    <t>12/27/2019 13:14:33</t>
  </si>
  <si>
    <t>12/27/2019 13:14:34</t>
  </si>
  <si>
    <t>lu1496010ivrp.tmp</t>
  </si>
  <si>
    <t>\\acsfs\profiles$\LUCASBS\lu1496010ivrp.tmp</t>
  </si>
  <si>
    <t>\\acsfs\profiles$\LUCASBS\lu1496010ivrp.tmp\</t>
  </si>
  <si>
    <t>\\acsfs\profiles$\LUCASBS\lu1496010ivrp.tmp\META-INF\</t>
  </si>
  <si>
    <t>\\acsfs\profiles$\LUCASBS\lu1496010ivrp.tmp\Thumbnails\</t>
  </si>
  <si>
    <t>12/27/2019 13:14:49</t>
  </si>
  <si>
    <t>lu1496010ivru.tmp</t>
  </si>
  <si>
    <t>\\acsfs\profiles$\LUCASBS\lu1496010ivru.tmp</t>
  </si>
  <si>
    <t>\\acsfs\profiles$\LUCASBS\lu1496010ivru.tmp\</t>
  </si>
  <si>
    <t>\\acsfs\profiles$\LUCASBS\lu1496010ivru.tmp\META-INF\</t>
  </si>
  <si>
    <t>\\acsfs\profiles$\LUCASBS\lu1496010ivru.tmp\Thumbnails\</t>
  </si>
  <si>
    <t>12/27/2019 13:15:15</t>
  </si>
  <si>
    <t>lu1496010ivrz.tmp</t>
  </si>
  <si>
    <t>\\acsfs\profiles$\LUCASBS\lu1496010ivrz.tmp</t>
  </si>
  <si>
    <t>\\acsfs\profiles$\LUCASBS\lu1496010ivrz.tmp\</t>
  </si>
  <si>
    <t>\\acsfs\profiles$\LUCASBS\lu1496010ivrz.tmp\META-INF\</t>
  </si>
  <si>
    <t>\\acsfs\profiles$\LUCASBS\lu1496010ivrz.tmp\Thumbnails\</t>
  </si>
  <si>
    <t>12/27/2019 13:18:11</t>
  </si>
  <si>
    <t>12/27/2019 13:19:58</t>
  </si>
  <si>
    <t>12/27/2019 13:17:17</t>
  </si>
  <si>
    <t>12/27/2019 13:15:27</t>
  </si>
  <si>
    <t>12/27/2019 13:20:58</t>
  </si>
  <si>
    <t>mail.google.com/sync/u/0/i/s?hl=pt-BR&amp;c=679</t>
  </si>
  <si>
    <t>12/27/2019 13:15:51</t>
  </si>
  <si>
    <t>mail.google.com/sync/u/0/i/s?hl=pt-BR&amp;c=681</t>
  </si>
  <si>
    <t>100014123564284;bvcartes-supervisores@algarnet.onmicrosoft.com;joaogvc@algartech.com;leonardoao@algartech.com;marianadjc@algartech.com;paulacn@algartech.com;taysdss@algartech.com;thiagordu@algartech.com;viniciussg@algartech.com;</t>
  </si>
  <si>
    <t>100014123564284,bvcartes-supervisores@algarnet.onmicrosoft.com,joaogvc@algartech.com,leonardoao@algartech.com,marianadjc@algartech.com,paulacn@algartech.com,taysdss@algartech.com,thiagordu@algartech.com,viniciussg@algartech.com</t>
  </si>
  <si>
    <t>12/27/2019 13:16:06</t>
  </si>
  <si>
    <t>mail.google.com/sync/u/0/i/s?hl=pt-BR&amp;c=683</t>
  </si>
  <si>
    <t>12/27/2019 13:16:13</t>
  </si>
  <si>
    <t>12/27/2019 13:16:31</t>
  </si>
  <si>
    <t>12/27/2019 13:17:25</t>
  </si>
  <si>
    <t>12/27/2019 13:16:54</t>
  </si>
  <si>
    <t>12/27/2019 13:17:00</t>
  </si>
  <si>
    <t>12/27/2019 13:17:02</t>
  </si>
  <si>
    <t>12/27/2019 13:21:58</t>
  </si>
  <si>
    <t>12/27/2019 13:20:06</t>
  </si>
  <si>
    <t>lu8272a3al.tmp</t>
  </si>
  <si>
    <t>\\acsfs\profiles$\LUISPLS\My Documents\Nova pasta\lu8272a3al.tmp</t>
  </si>
  <si>
    <t>\\acsfs\profiles$\LUISPLS\My Documents\Nova pasta\lu8272a3al.tmp\</t>
  </si>
  <si>
    <t>\\acsfs\profiles$\LUISPLS\My Documents\Nova pasta\lu8272a3al.tmp\META-INF\</t>
  </si>
  <si>
    <t>\\acsfs\profiles$\LUISPLS\My Documents\Nova pasta\lu8272a3al.tmp\Thumbnails\</t>
  </si>
  <si>
    <t>12/27/2019 13:20:49</t>
  </si>
  <si>
    <t>lu8272a3aq.tmp</t>
  </si>
  <si>
    <t>\\acsfs\profiles$\LUISPLS\My Documents\Nova pasta\lu8272a3aq.tmp</t>
  </si>
  <si>
    <t>\\acsfs\profiles$\LUISPLS\My Documents\Nova pasta\lu8272a3aq.tmp\</t>
  </si>
  <si>
    <t>\\acsfs\profiles$\LUISPLS\My Documents\Nova pasta\lu8272a3aq.tmp\META-INF\</t>
  </si>
  <si>
    <t>12/27/2019 13:22:58</t>
  </si>
  <si>
    <t>\\acsfs\profiles$\LUISPLS\My Documents\Nova pasta\lu8272a3aq.tmp\Thumbnails\</t>
  </si>
  <si>
    <t>12/27/2019 13:17:39</t>
  </si>
  <si>
    <t>dc8a174a-b05c-4513-8cc6-d5e3baa94883.tmp</t>
  </si>
  <si>
    <t>\\acsfs\profiles$\quindaizaagds\Downloads\dc8a174a-b05c-4513-8cc6-d5e3baa94883.tmp</t>
  </si>
  <si>
    <t>12/27/2019 13:19:06</t>
  </si>
  <si>
    <t>12/27/2019 13:23:58</t>
  </si>
  <si>
    <t>12/27/2019 13:22:55</t>
  </si>
  <si>
    <t>12/27/2019 13:23:00</t>
  </si>
  <si>
    <t>12/27/2019 13:23:05</t>
  </si>
  <si>
    <t>12/27/2019 13:23:08</t>
  </si>
  <si>
    <t>12/27/2019 13:23:15</t>
  </si>
  <si>
    <t>12/27/2019 13:19:07</t>
  </si>
  <si>
    <t>12/27/2019 13:20:09</t>
  </si>
  <si>
    <t>12/27/2019 13:24:57</t>
  </si>
  <si>
    <t>61220432-e40d-4710-a0ba-c9c06c498cf7.tmp</t>
  </si>
  <si>
    <t>\\acsfs\profiles$\mariajra\Downloads\61220432-e40d-4710-a0ba-c9c06c498cf7.tmp</t>
  </si>
  <si>
    <t>12/27/2019 13:23:10</t>
  </si>
  <si>
    <t>12/27/2019 13:25:58</t>
  </si>
  <si>
    <t>c90c4619-8e82-451e-9ce2-c2124fe2046a.tmp</t>
  </si>
  <si>
    <t>\\acsfs\profiles$\sarahbal\Downloads\c90c4619-8e82-451e-9ce2-c2124fe2046a.tmp</t>
  </si>
  <si>
    <t>12/27/2019 13:22:33</t>
  </si>
  <si>
    <t>12/27/2019 13:22:50</t>
  </si>
  <si>
    <t>12/27/2019 13:22:57</t>
  </si>
  <si>
    <t>mail.google.com/sync/u/0/i/s?hl=pt-BR&amp;c=720</t>
  </si>
  <si>
    <t>12/27/2019 13:23:17</t>
  </si>
  <si>
    <t>mail.google.com/sync/u/0/i/s?hl=pt-BR&amp;c=722</t>
  </si>
  <si>
    <t>12/27/2019 13:23:24</t>
  </si>
  <si>
    <t>mail.google.com/sync/u/0/i/s?hl=pt-BR&amp;c=724</t>
  </si>
  <si>
    <t>12/27/2019 13:23:39</t>
  </si>
  <si>
    <t>mail.google.com/sync/u/0/i/s?hl=pt-BR&amp;c=727</t>
  </si>
  <si>
    <t>12/27/2019 13:23:49</t>
  </si>
  <si>
    <t>mail.google.com/sync/u/0/i/s?hl=pt-BR&amp;c=729</t>
  </si>
  <si>
    <t>12/27/2019 13:23:50</t>
  </si>
  <si>
    <t>12/27/2019 13:24:24</t>
  </si>
  <si>
    <t>12/27/2019 13:24:31</t>
  </si>
  <si>
    <t>12/27/2019 13:24:36</t>
  </si>
  <si>
    <t>12/27/2019 13:25:00</t>
  </si>
  <si>
    <t>12/27/2019 13:25:05</t>
  </si>
  <si>
    <t>12/27/2019 13:25:09</t>
  </si>
  <si>
    <t>12/27/2019 13:25:12</t>
  </si>
  <si>
    <t>12/27/2019 13:25:28</t>
  </si>
  <si>
    <t>12/27/2019 13:24:52</t>
  </si>
  <si>
    <t>12/27/2019 13:26:58</t>
  </si>
  <si>
    <t>12/27/2019 13:21:52</t>
  </si>
  <si>
    <t>f51a3b98-5b0a-435a-aa6a-debc930b284c.tmp</t>
  </si>
  <si>
    <t>\\acsfs\profiles$\gabrielafs\Downloads\f51a3b98-5b0a-435a-aa6a-debc930b284c.tmp</t>
  </si>
  <si>
    <t>12/27/2019 13:26:04</t>
  </si>
  <si>
    <t>46678ac3-9768-4409-9456-a9e7070b85f5.tmp</t>
  </si>
  <si>
    <t>\\acsfs\profiles$\gabrielarb\Downloads\46678ac3-9768-4409-9456-a9e7070b85f5.tmp</t>
  </si>
  <si>
    <t>12/27/2019 13:25:10</t>
  </si>
  <si>
    <t>12/27/2019 13:23:41</t>
  </si>
  <si>
    <t>lu8272a3au.tmp</t>
  </si>
  <si>
    <t>\\acsfs\profiles$\LUISPLS\My Documents\Nova pasta\lu8272a3au.tmp</t>
  </si>
  <si>
    <t>\\acsfs\profiles$\LUISPLS\My Documents\Nova pasta\lu8272a3au.tmp\</t>
  </si>
  <si>
    <t>\\acsfs\profiles$\LUISPLS\My Documents\Nova pasta\lu8272a3au.tmp\META-INF\</t>
  </si>
  <si>
    <t>\\acsfs\profiles$\LUISPLS\My Documents\Nova pasta\lu8272a3au.tmp\Thumbnails\</t>
  </si>
  <si>
    <t>12/27/2019 13:23:47</t>
  </si>
  <si>
    <t>lu8272a3ay.tmp</t>
  </si>
  <si>
    <t>\\acsfs\profiles$\LUISPLS\My Documents\Nova pasta\lu8272a3ay.tmp</t>
  </si>
  <si>
    <t>\\acsfs\profiles$\LUISPLS\My Documents\Nova pasta\lu8272a3ay.tmp\</t>
  </si>
  <si>
    <t>\\acsfs\profiles$\LUISPLS\My Documents\Nova pasta\lu8272a3ay.tmp\META-INF\</t>
  </si>
  <si>
    <t>\\acsfs\profiles$\LUISPLS\My Documents\Nova pasta\lu8272a3ay.tmp\Thumbnails\</t>
  </si>
  <si>
    <t>12/27/2019 13:25:50</t>
  </si>
  <si>
    <t>12/27/2019 13:26:23</t>
  </si>
  <si>
    <t>12/27/2019 13:27:57</t>
  </si>
  <si>
    <t>\\acsfs\profiles$\cinthiacsda\Downloads\</t>
  </si>
  <si>
    <t>56624f87-ef40-4a30-811c-dc020be83424.tmp</t>
  </si>
  <si>
    <t>\\acsfs\profiles$\cinthiacsda\Downloads\56624f87-ef40-4a30-811c-dc020be83424.tmp</t>
  </si>
  <si>
    <t>12/27/2019 13:25:07</t>
  </si>
  <si>
    <t>12/27/2019 13:23:20</t>
  </si>
  <si>
    <t>12/27/2019 13:28:58</t>
  </si>
  <si>
    <t>12/27/2019 13:23:32</t>
  </si>
  <si>
    <t>12/27/2019 13:23:35</t>
  </si>
  <si>
    <t>12/27/2019 13:23:53</t>
  </si>
  <si>
    <t>12/27/2019 13:25:15</t>
  </si>
  <si>
    <t>12/27/2019 13:25:23</t>
  </si>
  <si>
    <t>12/27/2019 13:25:27</t>
  </si>
  <si>
    <t>12/27/2019 13:25:34</t>
  </si>
  <si>
    <t>12/27/2019 13:25:40</t>
  </si>
  <si>
    <t>12/27/2019 13:25:44</t>
  </si>
  <si>
    <t>12/27/2019 13:25:49</t>
  </si>
  <si>
    <t>12/27/2019 13:23:51</t>
  </si>
  <si>
    <t>10.200.66.122</t>
  </si>
  <si>
    <t>64-1C-67-9D-1E-2D</t>
  </si>
  <si>
    <t>VOTORANT-JB014</t>
  </si>
  <si>
    <t>nataliafsi</t>
  </si>
  <si>
    <t>\\acsfs\profiles$\nataliafsi\Downloads\</t>
  </si>
  <si>
    <t>faa9bc04-d21d-43e6-97b7-9e3fe4779efe.tmp</t>
  </si>
  <si>
    <t>\\acsfs\profiles$\nataliafsi\Downloads\faa9bc04-d21d-43e6-97b7-9e3fe4779efe.tmp</t>
  </si>
  <si>
    <t>12/27/2019 13:28:07</t>
  </si>
  <si>
    <t>12/27/2019 13:28:08</t>
  </si>
  <si>
    <t>lu1496010ivs9.tmp</t>
  </si>
  <si>
    <t>\\acsfs\profiles$\LUCASBS\lu1496010ivs9.tmp</t>
  </si>
  <si>
    <t>\\acsfs\profiles$\LUCASBS\lu1496010ivs9.tmp\</t>
  </si>
  <si>
    <t>\\acsfs\profiles$\LUCASBS\lu1496010ivs9.tmp\META-INF\</t>
  </si>
  <si>
    <t>\\acsfs\profiles$\LUCASBS\lu1496010ivs9.tmp\Thumbnails\</t>
  </si>
  <si>
    <t>12/27/2019 13:28:18</t>
  </si>
  <si>
    <t>12/27/2019 13:28:28</t>
  </si>
  <si>
    <t>12/27/2019 13:25:08</t>
  </si>
  <si>
    <t>12/27/2019 13:24:12</t>
  </si>
  <si>
    <t>12/27/2019 13:29:58</t>
  </si>
  <si>
    <t>12/27/2019 13:25:54</t>
  </si>
  <si>
    <t>12/27/2019 13:30:57</t>
  </si>
  <si>
    <t>mail.google.com/sync/u/0/i/s?hl=pt-BR&amp;c=747</t>
  </si>
  <si>
    <t>mail.google.com/sync/u/0/i/s?hl=pt-BR&amp;c=749</t>
  </si>
  <si>
    <t>12/27/2019 13:26:09</t>
  </si>
  <si>
    <t>mail.google.com/sync/u/0/i/s?hl=pt-BR&amp;c=751</t>
  </si>
  <si>
    <t>12/27/2019 13:26:32</t>
  </si>
  <si>
    <t>12/27/2019 13:26:40</t>
  </si>
  <si>
    <t>joaogvc@algartech.com;leonardoao@algartech.com;marianadjc@algartech.com;paulacn@algartech.com;rafaelggs@algartech.com;supervisaobancovotorantim@algartech.com;taysdss@algartech.com;thiagordu@algartech.com;viniciussg@algartech.com;</t>
  </si>
  <si>
    <t>joaogvc@algartech.com,leonardoao@algartech.com,marianadjc@algartech.com,paulacn@algartech.com,rafaelggs@algartech.com,supervisaobancovotorantim@algartech.com,taysdss@algartech.com,thiagordu@algartech.com,viniciussg@algartech.com</t>
  </si>
  <si>
    <t>12/27/2019 13:26:59</t>
  </si>
  <si>
    <t>andrelpsa@algartech.com;bvcartes-supervisores@algarnet.onmicrosoft.com;joaogvc@algartech.com;leonardoao@algartech.com;marianacds@algartech.com;marianadjc@algartech.com;paulacn@algartech.com;supervisaobancovotorantim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paulacn@algartech.com,supervisaobancovotorantim@algartech.com,taysdss@algartech.com,thiagordu@algartech.com,viniciussg@algartech.com</t>
  </si>
  <si>
    <t>12/27/2019 13:27:17</t>
  </si>
  <si>
    <t>mail.google.com/sync/u/0/i/s?hl=pt-BR&amp;c=760</t>
  </si>
  <si>
    <t>100014123564284;andrelpsa@algartech.com;bvcartes-supervisores@algarnet.onmicrosoft.com;joaogvc@algartech.com;leonardoao@algartech.com;marianadjc@algartech.com;paulacn@algartech.com;rafaelggs@algartech.com;supervisaobancovotorantim@algartech.com;taysdss@algartech.com;thiagordu@algartech.com;viniciussg@algartech.com;</t>
  </si>
  <si>
    <t>100014123564284,andrelpsa@algartech.com,bvcartes-supervisores@algarnet.onmicrosoft.com,joaogvc@algartech.com,leonardoao@algartech.com,marianadjc@algartech.com,paulacn@algartech.com,rafaelggs@algartech.com,supervisaobancovotorantim@algartech.com,taysdss@algartech.com,thiagordu@algartech.com,viniciussg@algartech.com</t>
  </si>
  <si>
    <t>12/27/2019 13:25:37</t>
  </si>
  <si>
    <t>333123f2-6923-4e7f-a308-3f935e2c9689.tmp</t>
  </si>
  <si>
    <t>Brazil: CNPJ - Cadastro Nacional da Pessoa Jurídica (National Registry of Legal Entities)</t>
  </si>
  <si>
    <t>\\acsfs\profiles$\Flaviojmm\Downloads\333123f2-6923-4e7f-a308-3f935e2c9689.tmp</t>
  </si>
  <si>
    <t>12/27/2019 13:29:41</t>
  </si>
  <si>
    <t>12/27/2019 13:29:42</t>
  </si>
  <si>
    <t>lu1886413bvct.tmp</t>
  </si>
  <si>
    <t>\\acsfs\profiles$\FLAVIOJMM\My Documents\lu1886413bvct.tmp</t>
  </si>
  <si>
    <t>\\acsfs\profiles$\FLAVIOJMM\My Documents\lu1886413bvct.tmp\</t>
  </si>
  <si>
    <t>\\acsfs\profiles$\FLAVIOJMM\My Documents\lu1886413bvct.tmp\META-INF\</t>
  </si>
  <si>
    <t>\\acsfs\profiles$\FLAVIOJMM\My Documents\lu1886413bvct.tmp\Thumbnails\</t>
  </si>
  <si>
    <t>12/27/2019 13:26:28</t>
  </si>
  <si>
    <t>12/27/2019 13:27:28</t>
  </si>
  <si>
    <t>12/27/2019 13:28:10</t>
  </si>
  <si>
    <t>12/27/2019 13:31:58</t>
  </si>
  <si>
    <t>10.200.66.135</t>
  </si>
  <si>
    <t>18-A9-9B-FE-07-B8</t>
  </si>
  <si>
    <t>VOTORANT-WB020</t>
  </si>
  <si>
    <t>REGIS EZAIAS DA SILVA JUNIOR (20).contact</t>
  </si>
  <si>
    <t>\\acsfs\profiles$\regisedsj\Contacts\REGIS EZAIAS DA SILVA JUNIOR (20).contact</t>
  </si>
  <si>
    <t>12/27/2019 13:28:21</t>
  </si>
  <si>
    <t>12/27/2019 13:28:22</t>
  </si>
  <si>
    <t>12/27/2019 13:28:23</t>
  </si>
  <si>
    <t>12/27/2019 13:28:24</t>
  </si>
  <si>
    <t>12/27/2019 13:28:25</t>
  </si>
  <si>
    <t>12/27/2019 13:28:26</t>
  </si>
  <si>
    <t>12/27/2019 13:28:27</t>
  </si>
  <si>
    <t>12/27/2019 13:28:29</t>
  </si>
  <si>
    <t>12/27/2019 13:28:30</t>
  </si>
  <si>
    <t>12/27/2019 13:28:31</t>
  </si>
  <si>
    <t>12/27/2019 13:28:41</t>
  </si>
  <si>
    <t>\\acsfs\profiles$\regisedsj\Favorites\Links for Brasil\</t>
  </si>
  <si>
    <t>\\acsfs\profiles$\regisedsj\Favorites\Links for Brasil\desktop.ini</t>
  </si>
  <si>
    <t>\\acsfs\profiles$\regisedsj\Favorites\Links for Brasil\Microsoft Brasil.url</t>
  </si>
  <si>
    <t>12/27/2019 13:28:42</t>
  </si>
  <si>
    <t>\\acsfs\profiles$\regisedsj\Favorites\Links for Brasil\Windows Brasil.url</t>
  </si>
  <si>
    <t>12/27/2019 13:28:43</t>
  </si>
  <si>
    <t>\\acsfs\profiles$\regisedsj\Favorites\Links for Brasil\MSN Brasil.url</t>
  </si>
  <si>
    <t>12/27/2019 13:30:08</t>
  </si>
  <si>
    <t>5629f80f-7bf2-4d8d-93fc-ad36401aea37.tmp</t>
  </si>
  <si>
    <t>\\acsfs\profiles$\rafaelamsv\Downloads\5629f80f-7bf2-4d8d-93fc-ad36401aea37.tmp</t>
  </si>
  <si>
    <t>12/27/2019 13:30:38</t>
  </si>
  <si>
    <t>12/27/2019 13:32:58</t>
  </si>
  <si>
    <t>e0912319-0f0f-4866-9d56-adaae1d23b6c.tmp</t>
  </si>
  <si>
    <t>\\acsfs\profiles$\luanaagl\Downloads\e0912319-0f0f-4866-9d56-adaae1d23b6c.tmp</t>
  </si>
  <si>
    <t>12/27/2019 13:31:12</t>
  </si>
  <si>
    <t>5dfaaad7-3ff2-4b41-9b57-37ed4986c863.tmp</t>
  </si>
  <si>
    <t>\\acsfs\profiles$\mariliafplb\Downloads\5dfaaad7-3ff2-4b41-9b57-37ed4986c863.tmp</t>
  </si>
  <si>
    <t>12/27/2019 13:31:20</t>
  </si>
  <si>
    <t>bafde653-724e-4c55-818e-d710efeb8cf3.tmp</t>
  </si>
  <si>
    <t>\\acsfs\profiles$\mariliafplb\Downloads\bafde653-724e-4c55-818e-d710efeb8cf3.tmp</t>
  </si>
  <si>
    <t>12/27/2019 13:31:57</t>
  </si>
  <si>
    <t>c32f2fa9-70b2-4c20-a50f-6d53a3c1d13b.tmp</t>
  </si>
  <si>
    <t>\\acsfs\profiles$\mariliafplb\Downloads\c32f2fa9-70b2-4c20-a50f-6d53a3c1d13b.tmp</t>
  </si>
  <si>
    <t>12/27/2019 13:30:51</t>
  </si>
  <si>
    <t>12/27/2019 13:33:58</t>
  </si>
  <si>
    <t>12/27/2019 13:32:33</t>
  </si>
  <si>
    <t>CPF 67636896087 - OPERADORA CINTIA DE JESUS LIMA_1_6763359531661592883_1_32.wav</t>
  </si>
  <si>
    <t>\\acsfs\Deptos\EDUCACAO EMPRESARIAL\KÉSIA\LIGAÇÕES 1220\CPF 67636896087 - OPERADORA CINTIA DE JESUS LIMA_1_6763359531661592883_1_32.wav</t>
  </si>
  <si>
    <t>12/27/2019 13:29:22</t>
  </si>
  <si>
    <t>12/27/2019 13:29:23</t>
  </si>
  <si>
    <t>lu1609613al1h.tmp</t>
  </si>
  <si>
    <t>\\acsfs\profiles$\LUCASBS\lu1609613al1h.tmp</t>
  </si>
  <si>
    <t>\\acsfs\profiles$\LUCASBS\lu1609613al1h.tmp\</t>
  </si>
  <si>
    <t>\\acsfs\profiles$\LUCASBS\lu1609613al1h.tmp\META-INF\</t>
  </si>
  <si>
    <t>\\acsfs\profiles$\LUCASBS\lu1609613al1h.tmp\Thumbnails\</t>
  </si>
  <si>
    <t>12/27/2019 13:31:07</t>
  </si>
  <si>
    <t>12/27/2019 13:32:05</t>
  </si>
  <si>
    <t>12/27/2019 13:34:58</t>
  </si>
  <si>
    <t>be389524-057c-46ba-9230-96961909d380.tmp</t>
  </si>
  <si>
    <t>\\acsfs\profiles$\LAISLG\Downloads\be389524-057c-46ba-9230-96961909d380.tmp</t>
  </si>
  <si>
    <t>12/27/2019 13:30:12</t>
  </si>
  <si>
    <t>12/27/2019 13:31:05</t>
  </si>
  <si>
    <t>6f1b0a63-6c06-48a0-b7e1-4f9ebeea2eda.tmp</t>
  </si>
  <si>
    <t>\\acsfs\profiles$\LUCASNS\Downloads\6f1b0a63-6c06-48a0-b7e1-4f9ebeea2eda.tmp</t>
  </si>
  <si>
    <t>12/27/2019 13:34:11</t>
  </si>
  <si>
    <t>lu768411w7pr.tmp</t>
  </si>
  <si>
    <t>\\acsfs\profiles$\dhiulliananads\My Documents\lu768411w7pr.tmp</t>
  </si>
  <si>
    <t>\\acsfs\profiles$\dhiulliananads\My Documents\lu768411w7pr.tmp\</t>
  </si>
  <si>
    <t>\\acsfs\profiles$\dhiulliananads\My Documents\lu768411w7pr.tmp\META-INF\</t>
  </si>
  <si>
    <t>\\acsfs\profiles$\dhiulliananads\My Documents\lu768411w7pr.tmp\Thumbnails\</t>
  </si>
  <si>
    <t>12/27/2019 13:30:43</t>
  </si>
  <si>
    <t>12/27/2019 13:35:58</t>
  </si>
  <si>
    <t>12/27/2019 13:33:23</t>
  </si>
  <si>
    <t>12/27/2019 13:36:58</t>
  </si>
  <si>
    <t>12/27/2019 13:35:17</t>
  </si>
  <si>
    <t>12/27/2019 13:32:39</t>
  </si>
  <si>
    <t>aa61576d-ee73-4ed4-872c-edfa7db73523.tmp</t>
  </si>
  <si>
    <t>\\acsfs\profiles$\rafaelamsv\Downloads\aa61576d-ee73-4ed4-872c-edfa7db73523.tmp</t>
  </si>
  <si>
    <t>12/27/2019 13:36:38</t>
  </si>
  <si>
    <t>12/27/2019 13:38:58</t>
  </si>
  <si>
    <t>a470e363-4fb2-4e41-a7a6-97777abde34a.tmp</t>
  </si>
  <si>
    <t>\\acsfs\profiles$\antoniosva\Downloads\a470e363-4fb2-4e41-a7a6-97777abde34a.tmp</t>
  </si>
  <si>
    <t>12/27/2019 13:33:37</t>
  </si>
  <si>
    <t>12/27/2019 13:35:55</t>
  </si>
  <si>
    <t>12/27/2019 13:37:08</t>
  </si>
  <si>
    <t>12/27/2019 13:36:12</t>
  </si>
  <si>
    <t>12/27/2019 13:39:58</t>
  </si>
  <si>
    <t>12/27/2019 13:36:15</t>
  </si>
  <si>
    <t>12/27/2019 13:36:29</t>
  </si>
  <si>
    <t>12/27/2019 13:37:18</t>
  </si>
  <si>
    <t>12/27/2019 13:37:25</t>
  </si>
  <si>
    <t>12/27/2019 13:37:30</t>
  </si>
  <si>
    <t>12/27/2019 13:38:32</t>
  </si>
  <si>
    <t>12/27/2019 13:40:58</t>
  </si>
  <si>
    <t>12/27/2019 13:41:22</t>
  </si>
  <si>
    <t>12/27/2019 13:41:58</t>
  </si>
  <si>
    <t>7e045646-cec7-491e-bedf-a482443b46e4.tmp</t>
  </si>
  <si>
    <t>\\acsfs\profiles$\sarahbal\Downloads\7e045646-cec7-491e-bedf-a482443b46e4.tmp</t>
  </si>
  <si>
    <t>12/27/2019 13:38:36</t>
  </si>
  <si>
    <t>a23369af-1fb5-48c1-821e-80167ffa00da.tmp</t>
  </si>
  <si>
    <t>\\acsfs\profiles$\gabrielarb\Downloads\a23369af-1fb5-48c1-821e-80167ffa00da.tmp</t>
  </si>
  <si>
    <t>12/27/2019 13:41:40</t>
  </si>
  <si>
    <t>12/27/2019 13:43:57</t>
  </si>
  <si>
    <t>50e8df47-66ce-454f-ac9d-15b56b459070.tmp</t>
  </si>
  <si>
    <t>\\acsfs\profiles$\georgendsq\Downloads\50e8df47-66ce-454f-ac9d-15b56b459070.tmp</t>
  </si>
  <si>
    <t>12/27/2019 13:39:16</t>
  </si>
  <si>
    <t>12/27/2019 13:40:47</t>
  </si>
  <si>
    <t>0fe101a2-e773-458d-82e5-3edc00e4bc65.tmp</t>
  </si>
  <si>
    <t>\\acsfs\profiles$\victorgl\Downloads\0fe101a2-e773-458d-82e5-3edc00e4bc65.tmp</t>
  </si>
  <si>
    <t>12/27/2019 13:42:58</t>
  </si>
  <si>
    <t>6d48056f-c38b-4085-b949-d62a027eade5.tmp</t>
  </si>
  <si>
    <t>\\acsfs\profiles$\victorgl\Downloads\6d48056f-c38b-4085-b949-d62a027eade5.tmp</t>
  </si>
  <si>
    <t>12/27/2019 13:43:07</t>
  </si>
  <si>
    <t>12/27/2019 13:39:32</t>
  </si>
  <si>
    <t>f2fbc102-60c7-4c55-b901-9f2433fbf33b.tmp</t>
  </si>
  <si>
    <t>\\acsfs\profiles$\bernardopcm\Downloads\f2fbc102-60c7-4c55-b901-9f2433fbf33b.tmp</t>
  </si>
  <si>
    <t>12/27/2019 13:40:06</t>
  </si>
  <si>
    <t>f0c32b2d-ee44-4ac6-a757-c4d8ca52dc50.tmp</t>
  </si>
  <si>
    <t>\\acsfs\profiles$\bernardopcm\Downloads\f0c32b2d-ee44-4ac6-a757-c4d8ca52dc50.tmp</t>
  </si>
  <si>
    <t>12/27/2019 13:42:36</t>
  </si>
  <si>
    <t>d6a0bb15-c473-46bd-9056-ec5a2108d408.tmp</t>
  </si>
  <si>
    <t>\\acsfs\profiles$\bernardopcm\Downloads\d6a0bb15-c473-46bd-9056-ec5a2108d408.tmp</t>
  </si>
  <si>
    <t>12/27/2019 13:39:40</t>
  </si>
  <si>
    <t>12/27/2019 13:44:58</t>
  </si>
  <si>
    <t>12/27/2019 13:39:44</t>
  </si>
  <si>
    <t>12/27/2019 13:39:53</t>
  </si>
  <si>
    <t>12/27/2019 13:40:31</t>
  </si>
  <si>
    <t>12/27/2019 13:40:38</t>
  </si>
  <si>
    <t>12/27/2019 13:40:46</t>
  </si>
  <si>
    <t>12/27/2019 13:41:03</t>
  </si>
  <si>
    <t>12/27/2019 13:43:46</t>
  </si>
  <si>
    <t>12/27/2019 13:45:58</t>
  </si>
  <si>
    <t>lu1572411n1nb.tmp</t>
  </si>
  <si>
    <t>\\acsfs\profiles$\jonathanwap\lu1572411n1nb.tmp</t>
  </si>
  <si>
    <t>\\acsfs\profiles$\jonathanwap\lu1572411n1nb.tmp\</t>
  </si>
  <si>
    <t>\\acsfs\profiles$\jonathanwap\lu1572411n1nb.tmp\META-INF\</t>
  </si>
  <si>
    <t>\\acsfs\profiles$\jonathanwap\lu1572411n1nb.tmp\Thumbnails\</t>
  </si>
  <si>
    <t>12/27/2019 13:44:28</t>
  </si>
  <si>
    <t>https://support.office.com/auth/signin</t>
  </si>
  <si>
    <t>12/27/2019 13:42:01</t>
  </si>
  <si>
    <t>12/27/2019 13:46:58</t>
  </si>
  <si>
    <t>12/27/2019 13:42:10</t>
  </si>
  <si>
    <t>bd38e879-c6fc-453e-b9b9-fc7033524f51.tmp</t>
  </si>
  <si>
    <t>\\acsfs\profiles$\sarahbal\Downloads\bd38e879-c6fc-453e-b9b9-fc7033524f51.tmp</t>
  </si>
  <si>
    <t>12/27/2019 13:43:05</t>
  </si>
  <si>
    <t>4f0d6878-d49a-447b-a88f-ab31c00b8dd3.tmp</t>
  </si>
  <si>
    <t>\\acsfs\profiles$\sarahbal\Downloads\4f0d6878-d49a-447b-a88f-ab31c00b8dd3.tmp</t>
  </si>
  <si>
    <t>12/27/2019 13:43:56</t>
  </si>
  <si>
    <t>f4f9cfb5-1911-461a-ab44-8714e0300484.tmp</t>
  </si>
  <si>
    <t>\\acsfs\profiles$\sarahbal\Downloads\f4f9cfb5-1911-461a-ab44-8714e0300484.tmp</t>
  </si>
  <si>
    <t>12/27/2019 13:44:04</t>
  </si>
  <si>
    <t>78920d91-8673-46a0-b026-deb495890097.tmp</t>
  </si>
  <si>
    <t>\\acsfs\profiles$\sarahbal\Downloads\78920d91-8673-46a0-b026-deb495890097.tmp</t>
  </si>
  <si>
    <t>12/27/2019 13:45:53</t>
  </si>
  <si>
    <t>14ff416f-608c-4703-a280-1cf8a66a4879.tmp</t>
  </si>
  <si>
    <t>\\acsfs\profiles$\sarahbal\Downloads\14ff416f-608c-4703-a280-1cf8a66a4879.tmp</t>
  </si>
  <si>
    <t>12/27/2019 13:45:38</t>
  </si>
  <si>
    <t>12/27/2019 13:47:58</t>
  </si>
  <si>
    <t>d82dbfbf-484e-475c-a0a4-7fc069668e70.tmp</t>
  </si>
  <si>
    <t>\\acsfs\profiles$\andrezacapf\Downloads\d82dbfbf-484e-475c-a0a4-7fc069668e70.tmp</t>
  </si>
  <si>
    <t>12/27/2019 13:45:40</t>
  </si>
  <si>
    <t>2dc3e3e4-c881-45a7-98fd-92e65876370d.tmp</t>
  </si>
  <si>
    <t>\\acsfs\profiles$\andrezacapf\Downloads\2dc3e3e4-c881-45a7-98fd-92e65876370d.tmp</t>
  </si>
  <si>
    <t>12/27/2019 13:45:42</t>
  </si>
  <si>
    <t>7dc64776-ad66-4713-8003-b2dbf13a2f49.tmp</t>
  </si>
  <si>
    <t>\\acsfs\profiles$\andrezacapf\Downloads\7dc64776-ad66-4713-8003-b2dbf13a2f49.tmp</t>
  </si>
  <si>
    <t>12/27/2019 13:45:46</t>
  </si>
  <si>
    <t>ef3025e1-be95-4e64-9bad-dc0f8def2495.tmp</t>
  </si>
  <si>
    <t>\\acsfs\profiles$\andrezacapf\Downloads\ef3025e1-be95-4e64-9bad-dc0f8def2495.tmp</t>
  </si>
  <si>
    <t>12/27/2019 13:45:49</t>
  </si>
  <si>
    <t>ddef84a5-5a8a-4dd9-93b5-bf17db63bc61.tmp</t>
  </si>
  <si>
    <t>\\acsfs\profiles$\andrezacapf\Downloads\ddef84a5-5a8a-4dd9-93b5-bf17db63bc61.tmp</t>
  </si>
  <si>
    <t>12/27/2019 13:46:23</t>
  </si>
  <si>
    <t>7c04f85e-485a-4b0c-972c-45f882222905.tmp</t>
  </si>
  <si>
    <t>\\acsfs\profiles$\andrezacapf\Downloads\7c04f85e-485a-4b0c-972c-45f882222905.tmp</t>
  </si>
  <si>
    <t>12/27/2019 13:46:24</t>
  </si>
  <si>
    <t>7b4a3af3-aba2-46a7-8c0e-ea02fa6c9d61.tmp</t>
  </si>
  <si>
    <t>\\acsfs\profiles$\andrezacapf\Downloads\7b4a3af3-aba2-46a7-8c0e-ea02fa6c9d61.tmp</t>
  </si>
  <si>
    <t>12/27/2019 13:46:33</t>
  </si>
  <si>
    <t>d8748058-5618-4f79-8fcd-78cf2f79fa14.tmp</t>
  </si>
  <si>
    <t>\\acsfs\profiles$\andrezacapf\Downloads\d8748058-5618-4f79-8fcd-78cf2f79fa14.tmp</t>
  </si>
  <si>
    <t>12/27/2019 13:43:38</t>
  </si>
  <si>
    <t>12/27/2019 13:48:58</t>
  </si>
  <si>
    <t>4ae85fb6-5377-498f-b277-f2758702eb9e.tmp</t>
  </si>
  <si>
    <t>\\acsfs\profiles$\georgendsq\Downloads\4ae85fb6-5377-498f-b277-f2758702eb9e.tmp</t>
  </si>
  <si>
    <t>12/27/2019 13:44:36</t>
  </si>
  <si>
    <t>d729acb0-b2a8-4c65-ae21-5254da964dc3.tmp</t>
  </si>
  <si>
    <t>\\acsfs\profiles$\georgendsq\Downloads\d729acb0-b2a8-4c65-ae21-5254da964dc3.tmp</t>
  </si>
  <si>
    <t>12/27/2019 13:45:03</t>
  </si>
  <si>
    <t>17aee015-8d2a-49a5-98e0-ba592f5c2b39.tmp</t>
  </si>
  <si>
    <t>\\acsfs\profiles$\georgendsq\Downloads\17aee015-8d2a-49a5-98e0-ba592f5c2b39.tmp</t>
  </si>
  <si>
    <t>84b5d932-2a47-4533-b434-9f2e79e68323.tmp</t>
  </si>
  <si>
    <t>\\acsfs\profiles$\georgendsq\Downloads\84b5d932-2a47-4533-b434-9f2e79e68323.tmp</t>
  </si>
  <si>
    <t>4231aa2a-93c8-4588-8ca5-49c2fe034c7c.tmp</t>
  </si>
  <si>
    <t>\\acsfs\profiles$\georgendsq\Downloads\4231aa2a-93c8-4588-8ca5-49c2fe034c7c.tmp</t>
  </si>
  <si>
    <t>12/27/2019 13:46:25</t>
  </si>
  <si>
    <t>dc884486-b300-48f9-8e97-3136d2bd0296.tmp</t>
  </si>
  <si>
    <t>\\acsfs\profiles$\georgendsq\Downloads\dc884486-b300-48f9-8e97-3136d2bd0296.tmp</t>
  </si>
  <si>
    <t>12/27/2019 13:48:45</t>
  </si>
  <si>
    <t>12/27/2019 13:49:58</t>
  </si>
  <si>
    <t>9fb4bea1-6dd6-4032-afca-4c33d442f691.tmp</t>
  </si>
  <si>
    <t>\\acsfs\profiles$\regisadsa\Downloads\9fb4bea1-6dd6-4032-afca-4c33d442f691.tmp</t>
  </si>
  <si>
    <t>12/27/2019 13:45:44</t>
  </si>
  <si>
    <t>12/27/2019 13:45:45</t>
  </si>
  <si>
    <t>lu8720889qmef.tmp</t>
  </si>
  <si>
    <t>\\acsfs\profiles$\geovanaasa\My Documents\lu8720889qmef.tmp</t>
  </si>
  <si>
    <t>\\acsfs\profiles$\geovanaasa\My Documents\lu8720889qmef.tmp\</t>
  </si>
  <si>
    <t>\\acsfs\profiles$\geovanaasa\My Documents\lu8720889qmef.tmp\META-INF\</t>
  </si>
  <si>
    <t>\\acsfs\profiles$\geovanaasa\My Documents\lu8720889qmef.tmp\Thumbnails\</t>
  </si>
  <si>
    <t>12/27/2019 13:47:04</t>
  </si>
  <si>
    <t>12/27/2019 13:50:58</t>
  </si>
  <si>
    <t>lu1572411n1ng.tmp</t>
  </si>
  <si>
    <t>\\acsfs\profiles$\jonathanwap\lu1572411n1ng.tmp</t>
  </si>
  <si>
    <t>\\acsfs\profiles$\jonathanwap\lu1572411n1ng.tmp\</t>
  </si>
  <si>
    <t>\\acsfs\profiles$\jonathanwap\lu1572411n1ng.tmp\META-INF\</t>
  </si>
  <si>
    <t>\\acsfs\profiles$\jonathanwap\lu1572411n1ng.tmp\Thumbnails\</t>
  </si>
  <si>
    <t>12/27/2019 13:46:32</t>
  </si>
  <si>
    <t>12/27/2019 13:48:32</t>
  </si>
  <si>
    <t>12/27/2019 13:50:03</t>
  </si>
  <si>
    <t>12/27/2019 13:46:36</t>
  </si>
  <si>
    <t>b9f7c50a-5dcc-4375-91e1-9090acb56996.tmp</t>
  </si>
  <si>
    <t>\\acsfs\profiles$\gabriellalpr\Downloads\b9f7c50a-5dcc-4375-91e1-9090acb56996.tmp</t>
  </si>
  <si>
    <t>12/27/2019 13:47:41</t>
  </si>
  <si>
    <t>adefb3b9-78ac-4121-9220-a5736731a58f.tmp</t>
  </si>
  <si>
    <t>\\acsfs\profiles$\gabriellalpr\Downloads\adefb3b9-78ac-4121-9220-a5736731a58f.tmp</t>
  </si>
  <si>
    <t>12/27/2019 13:47:59</t>
  </si>
  <si>
    <t>9d296c78-a31e-482d-a02c-196ff64ea224.tmp</t>
  </si>
  <si>
    <t>\\acsfs\profiles$\gabriellalpr\Downloads\9d296c78-a31e-482d-a02c-196ff64ea224.tmp</t>
  </si>
  <si>
    <t>12/27/2019 13:49:37</t>
  </si>
  <si>
    <t>cb01b0a2-f32c-4ae9-80b3-88d113db3e30.tmp</t>
  </si>
  <si>
    <t>\\acsfs\profiles$\gabriellalpr\Downloads\cb01b0a2-f32c-4ae9-80b3-88d113db3e30.tmp</t>
  </si>
  <si>
    <t>12/27/2019 13:49:27</t>
  </si>
  <si>
    <t>12/27/2019 13:51:58</t>
  </si>
  <si>
    <t>12/27/2019 13:46:43</t>
  </si>
  <si>
    <t>d80ae54f-09c8-4c2e-9c2b-2b6856c1c07b.tmp</t>
  </si>
  <si>
    <t>\\acsfs\profiles$\sarahbal\Downloads\d80ae54f-09c8-4c2e-9c2b-2b6856c1c07b.tmp</t>
  </si>
  <si>
    <t>12/27/2019 13:48:14</t>
  </si>
  <si>
    <t>24aa0555-68d0-4e17-8c4d-e998100acafb.tmp</t>
  </si>
  <si>
    <t>\\acsfs\profiles$\sarahbal\Downloads\24aa0555-68d0-4e17-8c4d-e998100acafb.tmp</t>
  </si>
  <si>
    <t>12/27/2019 13:50:06</t>
  </si>
  <si>
    <t>c00b6811-77b5-49bc-a918-e60cf9a13154.tmp</t>
  </si>
  <si>
    <t>\\acsfs\profiles$\sarahbal\Downloads\c00b6811-77b5-49bc-a918-e60cf9a13154.tmp</t>
  </si>
  <si>
    <t>12/27/2019 13:46:44</t>
  </si>
  <si>
    <t>12/27/2019 13:48:52</t>
  </si>
  <si>
    <t>12/27/2019 13:48:53</t>
  </si>
  <si>
    <t>.~lock.1725- Analizar.ods#</t>
  </si>
  <si>
    <t>\\acsfs\profiles$\LUISPLS\My Documents\Nova pasta\.~lock.1725- Analizar.ods#</t>
  </si>
  <si>
    <t>12/27/2019 13:47:20</t>
  </si>
  <si>
    <t>12/27/2019 13:52:59</t>
  </si>
  <si>
    <t>afdee746-d0ef-4a22-8709-c8217b38c720.tmp</t>
  </si>
  <si>
    <t>\\acsfs\profiles$\andrezacapf\Downloads\afdee746-d0ef-4a22-8709-c8217b38c720.tmp</t>
  </si>
  <si>
    <t>12/27/2019 13:48:12</t>
  </si>
  <si>
    <t>9f642b75-6210-4422-aefc-7a5adbf78403.tmp</t>
  </si>
  <si>
    <t>\\acsfs\profiles$\andrezacapf\Downloads\9f642b75-6210-4422-aefc-7a5adbf78403.tmp</t>
  </si>
  <si>
    <t>12/27/2019 13:48:34</t>
  </si>
  <si>
    <t>da8d67d7-d2ea-41c4-bebe-7152bf2f29f6.tmp</t>
  </si>
  <si>
    <t>\\acsfs\profiles$\andrezacapf\Downloads\da8d67d7-d2ea-41c4-bebe-7152bf2f29f6.tmp</t>
  </si>
  <si>
    <t>12/27/2019 13:49:16</t>
  </si>
  <si>
    <t>90f54a66-102d-448e-8b94-7a6dfe4ff9e2.tmp</t>
  </si>
  <si>
    <t>\\acsfs\profiles$\andrezacapf\Downloads\90f54a66-102d-448e-8b94-7a6dfe4ff9e2.tmp</t>
  </si>
  <si>
    <t>12/27/2019 13:49:20</t>
  </si>
  <si>
    <t>9196aea4-4b3e-4db7-9a6f-aeb146dd29cb.tmp</t>
  </si>
  <si>
    <t>\\acsfs\profiles$\andrezacapf\Downloads\9196aea4-4b3e-4db7-9a6f-aeb146dd29cb.tmp</t>
  </si>
  <si>
    <t>12/27/2019 13:49:41</t>
  </si>
  <si>
    <t>c54e4ccb-6a86-4c32-9ead-6471a331fec1.tmp</t>
  </si>
  <si>
    <t>\\acsfs\profiles$\andrezacapf\Downloads\c54e4ccb-6a86-4c32-9ead-6471a331fec1.tmp</t>
  </si>
  <si>
    <t>12/27/2019 13:51:00</t>
  </si>
  <si>
    <t>12/27/2019 13:51:40</t>
  </si>
  <si>
    <t>2cac0a6f-95ad-44d5-8137-7dc86b548a70.tmp</t>
  </si>
  <si>
    <t>\\acsfs\profiles$\mariliafplb\Downloads\2cac0a6f-95ad-44d5-8137-7dc86b548a70.tmp</t>
  </si>
  <si>
    <t>12/27/2019 13:51:43</t>
  </si>
  <si>
    <t>2811a827-a890-48aa-bd99-fd8332ec21fe.tmp</t>
  </si>
  <si>
    <t>\\acsfs\profiles$\mariliafplb\Downloads\2811a827-a890-48aa-bd99-fd8332ec21fe.tmp</t>
  </si>
  <si>
    <t>12/27/2019 13:52:21</t>
  </si>
  <si>
    <t>436feadc-fd31-470a-a25c-50faf39d5d11.tmp</t>
  </si>
  <si>
    <t>\\acsfs\profiles$\mariliafplb\Downloads\436feadc-fd31-470a-a25c-50faf39d5d11.tmp</t>
  </si>
  <si>
    <t>12/27/2019 13:49:08</t>
  </si>
  <si>
    <t>12/27/2019 13:53:58</t>
  </si>
  <si>
    <t>10.200.66.47</t>
  </si>
  <si>
    <t>74-86-7A-FB-17-7A</t>
  </si>
  <si>
    <t>VOTORANT-SB011</t>
  </si>
  <si>
    <t>\\acsfs\profiles$\joaopnbg\Contacts\</t>
  </si>
  <si>
    <t>JOAO PEDRO NICOMEDES BERTOLDO GOMES (36).contact</t>
  </si>
  <si>
    <t>\\acsfs\profiles$\joaopnbg\Contacts\JOAO PEDRO NICOMEDES BERTOLDO GOMES (36).contact</t>
  </si>
  <si>
    <t>12/27/2019 13:49:22</t>
  </si>
  <si>
    <t>\\acsfs\profiles$\joaopnbg\My Documents\My Videos\</t>
  </si>
  <si>
    <t>\\acsfs\profiles$\joaopnbg\My Documents\My Videos\desktop.ini</t>
  </si>
  <si>
    <t>12/27/2019 13:49:23</t>
  </si>
  <si>
    <t>\\acsfs\profiles$\joaopnbg\My Documents\My Pictures\</t>
  </si>
  <si>
    <t>\\acsfs\profiles$\joaopnbg\My Documents\My Pictures\desktop.ini</t>
  </si>
  <si>
    <t>12/27/2019 13:49:24</t>
  </si>
  <si>
    <t>\\acsfs\profiles$\joaopnbg\Contacts\desktop.ini</t>
  </si>
  <si>
    <t>12/27/2019 13:49:25</t>
  </si>
  <si>
    <t>\\acsfs\profiles$\joaopnbg\Favorites\</t>
  </si>
  <si>
    <t>\\acsfs\profiles$\joaopnbg\Favorites\desktop.ini</t>
  </si>
  <si>
    <t>12/27/2019 13:49:26</t>
  </si>
  <si>
    <t>\\acsfs\profiles$\joaopnbg\My Documents\My Music\</t>
  </si>
  <si>
    <t>\\acsfs\profiles$\joaopnbg\My Documents\My Music\desktop.ini</t>
  </si>
  <si>
    <t>\\acsfs\profiles$\joaopnbg\Searches\</t>
  </si>
  <si>
    <t>\\acsfs\profiles$\joaopnbg\Searches\desktop.ini</t>
  </si>
  <si>
    <t>\\acsfs\profiles$\joaopnbg\Downloads\desktop.ini</t>
  </si>
  <si>
    <t>12/27/2019 13:49:28</t>
  </si>
  <si>
    <t>\\acsfs\profiles$\joaopnbg\My Documents\</t>
  </si>
  <si>
    <t>\\acsfs\profiles$\joaopnbg\My Documents\desktop.ini</t>
  </si>
  <si>
    <t>\\acsfs\profiles$\joaopnbg\Saved Games\</t>
  </si>
  <si>
    <t>\\acsfs\profiles$\joaopnbg\Saved Games\desktop.ini</t>
  </si>
  <si>
    <t>12/27/2019 13:49:29</t>
  </si>
  <si>
    <t>12/27/2019 13:49:44</t>
  </si>
  <si>
    <t>\\acsfs\profiles$\joaopnbg\Favorites\Links for Brasil\</t>
  </si>
  <si>
    <t>\\acsfs\profiles$\joaopnbg\Favorites\Links for Brasil\desktop.ini</t>
  </si>
  <si>
    <t>\\acsfs\profiles$\joaopnbg\Favorites\Links for Brasil\Microsoft Brasil.url</t>
  </si>
  <si>
    <t>12/27/2019 13:49:45</t>
  </si>
  <si>
    <t>\\acsfs\profiles$\joaopnbg\Favorites\Links for Brasil\Windows Brasil.url</t>
  </si>
  <si>
    <t>\\acsfs\profiles$\joaopnbg\Favorites\Links for Brasil\MSN Brasil.url</t>
  </si>
  <si>
    <t>12/27/2019 13:52:44</t>
  </si>
  <si>
    <t>12/27/2019 13:52:45</t>
  </si>
  <si>
    <t>lu1609613al1q.tmp</t>
  </si>
  <si>
    <t>\\acsfs\profiles$\LUCASBS\lu1609613al1q.tmp</t>
  </si>
  <si>
    <t>\\acsfs\profiles$\LUCASBS\lu1609613al1q.tmp\</t>
  </si>
  <si>
    <t>\\acsfs\profiles$\LUCASBS\lu1609613al1q.tmp\META-INF\</t>
  </si>
  <si>
    <t>\\acsfs\profiles$\LUCASBS\lu1609613al1q.tmp\Thumbnails\</t>
  </si>
  <si>
    <t>12/27/2019 13:49:07</t>
  </si>
  <si>
    <t>12/27/2019 13:52:29</t>
  </si>
  <si>
    <t>09a54655-6cc6-492c-8bce-23b7dfe57a75.tmp</t>
  </si>
  <si>
    <t>\\acsfs\profiles$\bernardopcm\Downloads\09a54655-6cc6-492c-8bce-23b7dfe57a75.tmp</t>
  </si>
  <si>
    <t>12/27/2019 13:53:02</t>
  </si>
  <si>
    <t>d81a2d44-b5ef-4654-8b59-c5d58eb8466d.tmp</t>
  </si>
  <si>
    <t>\\acsfs\profiles$\bernardopcm\Downloads\d81a2d44-b5ef-4654-8b59-c5d58eb8466d.tmp</t>
  </si>
  <si>
    <t>12/27/2019 13:52:16</t>
  </si>
  <si>
    <t>12/27/2019 13:54:58</t>
  </si>
  <si>
    <t>12/27/2019 13:50:45</t>
  </si>
  <si>
    <t>f244c12c-f5e9-45a8-b160-e0f1a128d36f.tmp</t>
  </si>
  <si>
    <t>\\acsfs\profiles$\regisadsa\Downloads\f244c12c-f5e9-45a8-b160-e0f1a128d36f.tmp</t>
  </si>
  <si>
    <t>12/27/2019 13:51:23</t>
  </si>
  <si>
    <t>3c44e5d6-375f-44da-93ae-598d6be256cf.tmp</t>
  </si>
  <si>
    <t>\\acsfs\profiles$\regisadsa\Downloads\3c44e5d6-375f-44da-93ae-598d6be256cf.tmp</t>
  </si>
  <si>
    <t>12/27/2019 13:51:32</t>
  </si>
  <si>
    <t>6141b161-7901-4f43-bd2d-26e06114580f.tmp</t>
  </si>
  <si>
    <t>\\acsfs\profiles$\regisadsa\Downloads\6141b161-7901-4f43-bd2d-26e06114580f.tmp</t>
  </si>
  <si>
    <t>12/27/2019 13:52:19</t>
  </si>
  <si>
    <t>c1b942ca-6b3c-4f70-b5aa-95395a319fe7.tmp</t>
  </si>
  <si>
    <t>\\acsfs\profiles$\regisadsa\Downloads\c1b942ca-6b3c-4f70-b5aa-95395a319fe7.tmp</t>
  </si>
  <si>
    <t>12/27/2019 13:54:20</t>
  </si>
  <si>
    <t>12/27/2019 13:54:37</t>
  </si>
  <si>
    <t>12/27/2019 13:51:26</t>
  </si>
  <si>
    <t>12/27/2019 13:52:02</t>
  </si>
  <si>
    <t>12/27/2019 13:56:58</t>
  </si>
  <si>
    <t>5078ef79-0c91-490e-8804-2d49eff106fe.tmp</t>
  </si>
  <si>
    <t>\\acsfs\profiles$\sarahbal\Downloads\5078ef79-0c91-490e-8804-2d49eff106fe.tmp</t>
  </si>
  <si>
    <t>12/27/2019 13:53:31</t>
  </si>
  <si>
    <t>10.200.67.169</t>
  </si>
  <si>
    <t>69425045-aa25-4e68-b778-95794ecb2852.tmp</t>
  </si>
  <si>
    <t>\\acsfs\profiles$\marcosvnds\Downloads\69425045-aa25-4e68-b778-95794ecb2852.tmp</t>
  </si>
  <si>
    <t>12/27/2019 13:54:00</t>
  </si>
  <si>
    <t>42a19479-1932-46b4-8fe5-d7c8e6b4714e.tmp</t>
  </si>
  <si>
    <t>\\acsfs\profiles$\marcosvnds\Downloads\42a19479-1932-46b4-8fe5-d7c8e6b4714e.tmp</t>
  </si>
  <si>
    <t>12/27/2019 13:55:19</t>
  </si>
  <si>
    <t>9c5e8743-0599-4eac-863e-da52cc146fbf.tmp</t>
  </si>
  <si>
    <t>\\acsfs\profiles$\marcosvnds\Downloads\9c5e8743-0599-4eac-863e-da52cc146fbf.tmp</t>
  </si>
  <si>
    <t>12/27/2019 13:55:45</t>
  </si>
  <si>
    <t>91610a1e-b2c4-4e29-939a-51170eca8285.tmp</t>
  </si>
  <si>
    <t>\\acsfs\profiles$\marcosvnds\Downloads\91610a1e-b2c4-4e29-939a-51170eca8285.tmp</t>
  </si>
  <si>
    <t>12/27/2019 13:56:22</t>
  </si>
  <si>
    <t>1a1094eb-4bff-4719-a36a-9178499aa1ab.tmp</t>
  </si>
  <si>
    <t>\\acsfs\profiles$\marcosvnds\Downloads\1a1094eb-4bff-4719-a36a-9178499aa1ab.tmp</t>
  </si>
  <si>
    <t>12/27/2019 13:56:26</t>
  </si>
  <si>
    <t>2c9c482c-4bb2-4648-a82d-fbdcd67f18dd.tmp</t>
  </si>
  <si>
    <t>\\acsfs\profiles$\marcosvnds\Downloads\2c9c482c-4bb2-4648-a82d-fbdcd67f18dd.tmp</t>
  </si>
  <si>
    <t>12/27/2019 13:54:50</t>
  </si>
  <si>
    <t>12/27/2019 13:57:58</t>
  </si>
  <si>
    <t>12/27/2019 13:53:26</t>
  </si>
  <si>
    <t>12/27/2019 13:58:58</t>
  </si>
  <si>
    <t>f7dbef44-d6a1-498a-953a-e6885a7d46fe.tmp</t>
  </si>
  <si>
    <t>\\acsfs\profiles$\mariagsg\Downloads\f7dbef44-d6a1-498a-953a-e6885a7d46fe.tmp</t>
  </si>
  <si>
    <t>12/27/2019 13:57:16</t>
  </si>
  <si>
    <t>b5977eaa-95c6-4dfe-9cd5-ba3546f43e24.tmp</t>
  </si>
  <si>
    <t>\\acsfs\profiles$\anafsb\Downloads\b5977eaa-95c6-4dfe-9cd5-ba3546f43e24.tmp</t>
  </si>
  <si>
    <t>12/27/2019 13:57:35</t>
  </si>
  <si>
    <t>12/27/2019 13:55:07</t>
  </si>
  <si>
    <t>12/27/2019 13:54:32</t>
  </si>
  <si>
    <t>12/27/2019 13:59:59</t>
  </si>
  <si>
    <t>12/27/2019 13:55:36</t>
  </si>
  <si>
    <t>12/27/2019 13:54:38</t>
  </si>
  <si>
    <t>10.200.67.24</t>
  </si>
  <si>
    <t>74-86-7A-FB-1B-6A</t>
  </si>
  <si>
    <t>VOTORANT-PB004</t>
  </si>
  <si>
    <t>leticiaat</t>
  </si>
  <si>
    <t>\\acsfs\profiles$\leticiaat\Downloads\</t>
  </si>
  <si>
    <t>unknown.en4n7lr.partial</t>
  </si>
  <si>
    <t>\\acsfs\profiles$\leticiaat\Downloads\unknown.en4n7lr.partial</t>
  </si>
  <si>
    <t>12/27/2019 13:56:27</t>
  </si>
  <si>
    <t>12/27/2019 13:57:05</t>
  </si>
  <si>
    <t>12/27/2019 14:00:58</t>
  </si>
  <si>
    <t>b4c8cb50-64e9-4214-9c39-17853286a49c.tmp</t>
  </si>
  <si>
    <t>\\acsfs\profiles$\gabriellalpr\Downloads\b4c8cb50-64e9-4214-9c39-17853286a49c.tmp</t>
  </si>
  <si>
    <t>12/27/2019 14:01:58</t>
  </si>
  <si>
    <t>58f13d71-bc2d-4548-84db-cf936af7f72e.tmp</t>
  </si>
  <si>
    <t>\\acsfs\profiles$\KARENJSS\Downloads\58f13d71-bc2d-4548-84db-cf936af7f72e.tmp</t>
  </si>
  <si>
    <t>12/27/2019 13:57:56</t>
  </si>
  <si>
    <t>b122e1cb-3ba4-442d-9968-7f7c565337aa.tmp</t>
  </si>
  <si>
    <t>\\acsfs\profiles$\KARENJSS\Downloads\b122e1cb-3ba4-442d-9968-7f7c565337aa.tmp</t>
  </si>
  <si>
    <t>12/27/2019 13:57:39</t>
  </si>
  <si>
    <t>12/27/2019 14:00:32</t>
  </si>
  <si>
    <t>337cf4db-d491-414c-9049-953db9589fe4.tmp</t>
  </si>
  <si>
    <t>\\acsfs\profiles$\sarahbal\Downloads\337cf4db-d491-414c-9049-953db9589fe4.tmp</t>
  </si>
  <si>
    <t>12/27/2019 13:58:15</t>
  </si>
  <si>
    <t>12/27/2019 13:58:16</t>
  </si>
  <si>
    <t>12/27/2019 13:58:17</t>
  </si>
  <si>
    <t>12/27/2019 13:58:18</t>
  </si>
  <si>
    <t>12/27/2019 13:58:19</t>
  </si>
  <si>
    <t>12/27/2019 13:58:20</t>
  </si>
  <si>
    <t>12/27/2019 13:58:33</t>
  </si>
  <si>
    <t>12/27/2019 13:58:38</t>
  </si>
  <si>
    <t>12/27/2019 14:01:34</t>
  </si>
  <si>
    <t>12/27/2019 13:59:18</t>
  </si>
  <si>
    <t>12/27/2019 13:59:21</t>
  </si>
  <si>
    <t>12/27/2019 13:59:22</t>
  </si>
  <si>
    <t>12/27/2019 13:59:23</t>
  </si>
  <si>
    <t>12/27/2019 13:59:24</t>
  </si>
  <si>
    <t>12/27/2019 13:59:25</t>
  </si>
  <si>
    <t>12/27/2019 13:59:26</t>
  </si>
  <si>
    <t>12/27/2019 13:59:27</t>
  </si>
  <si>
    <t>12/27/2019 13:59:28</t>
  </si>
  <si>
    <t>12/27/2019 13:59:29</t>
  </si>
  <si>
    <t>12/27/2019 13:59:30</t>
  </si>
  <si>
    <t>12/27/2019 13:59:31</t>
  </si>
  <si>
    <t>12/27/2019 13:59:32</t>
  </si>
  <si>
    <t>12/27/2019 13:59:33</t>
  </si>
  <si>
    <t>12/27/2019 13:59:34</t>
  </si>
  <si>
    <t>12/27/2019 13:59:35</t>
  </si>
  <si>
    <t>12/27/2019 13:59:36</t>
  </si>
  <si>
    <t>12/27/2019 13:59:37</t>
  </si>
  <si>
    <t>12/27/2019 13:59:38</t>
  </si>
  <si>
    <t>12/27/2019 13:59:39</t>
  </si>
  <si>
    <t>12/27/2019 13:59:40</t>
  </si>
  <si>
    <t>12/27/2019 13:59:41</t>
  </si>
  <si>
    <t>12/27/2019 13:59:42</t>
  </si>
  <si>
    <t>12/27/2019 13:59:43</t>
  </si>
  <si>
    <t>12/27/2019 13:59:44</t>
  </si>
  <si>
    <t>12/27/2019 13:59:45</t>
  </si>
  <si>
    <t>12/27/2019 13:57:42</t>
  </si>
  <si>
    <t>12/27/2019 14:02:58</t>
  </si>
  <si>
    <t>12/27/2019 14:00:39</t>
  </si>
  <si>
    <t>6a219ad8-3822-4eaf-a118-cf95b1bc8fc7.tmp</t>
  </si>
  <si>
    <t>\\acsfs\profiles$\MATEUSJM\Downloads\6a219ad8-3822-4eaf-a118-cf95b1bc8fc7.tmp</t>
  </si>
  <si>
    <t>12/27/2019 14:03:58</t>
  </si>
  <si>
    <t>12/27/2019 14:01:37</t>
  </si>
  <si>
    <t>42a5daf4-01e0-4a02-a6c9-843fc249b19b.tmp</t>
  </si>
  <si>
    <t>\\acsfs\profiles$\eduardofss\Downloads\42a5daf4-01e0-4a02-a6c9-843fc249b19b.tmp</t>
  </si>
  <si>
    <t>12/27/2019 14:01:07</t>
  </si>
  <si>
    <t>12/27/2019 14:01:08</t>
  </si>
  <si>
    <t>12/27/2019 14:02:35</t>
  </si>
  <si>
    <t>12/27/2019 14:04:58</t>
  </si>
  <si>
    <t>12/27/2019 14:04:45</t>
  </si>
  <si>
    <t>12/27/2019 14:05:58</t>
  </si>
  <si>
    <t>\\acsfs\DEPTOS\Operacao\Banco_Votorantim\Qualidade\Josias\</t>
  </si>
  <si>
    <t>Pausas Financeira.xlsx</t>
  </si>
  <si>
    <t>\\acsfs\DEPTOS\Operacao\Banco_Votorantim\Qualidade\Josias\Pausas Financeira.xlsx</t>
  </si>
  <si>
    <t>12/27/2019 14:02:09</t>
  </si>
  <si>
    <t>12/27/2019 14:06:59</t>
  </si>
  <si>
    <t>c9970d8e-3d18-4722-a868-a7e7f0429433.tmp</t>
  </si>
  <si>
    <t>\\acsfs\profiles$\sarahbal\Downloads\c9970d8e-3d18-4722-a868-a7e7f0429433.tmp</t>
  </si>
  <si>
    <t>12/27/2019 14:02:24</t>
  </si>
  <si>
    <t>51ca66db-7150-46f7-b60a-588d917eb317.tmp</t>
  </si>
  <si>
    <t>\\acsfs\profiles$\sarahbal\Downloads\51ca66db-7150-46f7-b60a-588d917eb317.tmp</t>
  </si>
  <si>
    <t>12/27/2019 14:02:49</t>
  </si>
  <si>
    <t>9c64ab23-2637-4fa6-9748-8dd5ab6a026f.tmp</t>
  </si>
  <si>
    <t>\\acsfs\profiles$\sarahbal\Downloads\9c64ab23-2637-4fa6-9748-8dd5ab6a026f.tmp</t>
  </si>
  <si>
    <t>12/27/2019 14:04:12</t>
  </si>
  <si>
    <t>12/27/2019 14:02:38</t>
  </si>
  <si>
    <t>d73f5e2d-5a2f-4dd6-b07f-07800bada280.tmp</t>
  </si>
  <si>
    <t>\\acsfs\profiles$\laylaams\Downloads\d73f5e2d-5a2f-4dd6-b07f-07800bada280.tmp</t>
  </si>
  <si>
    <t>12/27/2019 14:02:47</t>
  </si>
  <si>
    <t>ce2ed747-3d62-44a9-ba1c-e91550e3a282.tmp</t>
  </si>
  <si>
    <t>\\acsfs\profiles$\laylaams\Downloads\ce2ed747-3d62-44a9-ba1c-e91550e3a282.tmp</t>
  </si>
  <si>
    <t>12/27/2019 14:08:17</t>
  </si>
  <si>
    <t>12/27/2019 14:08:59</t>
  </si>
  <si>
    <t>lu234802fhqms.tmp</t>
  </si>
  <si>
    <t>\\acsfs\profiles$\VIVIANALDS\My Documents\lu234802fhqms.tmp</t>
  </si>
  <si>
    <t>\\acsfs\profiles$\VIVIANALDS\My Documents\lu234802fhqms.tmp\</t>
  </si>
  <si>
    <t>\\acsfs\profiles$\VIVIANALDS\My Documents\lu234802fhqms.tmp\META-INF\</t>
  </si>
  <si>
    <t>\\acsfs\profiles$\VIVIANALDS\My Documents\lu234802fhqms.tmp\Thumbnails\</t>
  </si>
  <si>
    <t>12/27/2019 14:07:07</t>
  </si>
  <si>
    <t>12/27/2019 14:07:01</t>
  </si>
  <si>
    <t>12/27/2019 14:10:58</t>
  </si>
  <si>
    <t>543ad6d7-08ec-42f0-9f7b-4cf8cfd39961.tmp</t>
  </si>
  <si>
    <t>\\acsfs\profiles$\victorgl\Downloads\543ad6d7-08ec-42f0-9f7b-4cf8cfd39961.tmp</t>
  </si>
  <si>
    <t>12/27/2019 14:07:18</t>
  </si>
  <si>
    <t>7b0a45db-cc7f-4b2c-ae49-c44a7f78f2e5.tmp</t>
  </si>
  <si>
    <t>\\acsfs\profiles$\victorgl\Downloads\7b0a45db-cc7f-4b2c-ae49-c44a7f78f2e5.tmp</t>
  </si>
  <si>
    <t>12/27/2019 14:07:30</t>
  </si>
  <si>
    <t>ef01ab35-1bc1-4a96-8a00-8f9ad1aae716.tmp</t>
  </si>
  <si>
    <t>\\acsfs\profiles$\gabriellalpr\Downloads\ef01ab35-1bc1-4a96-8a00-8f9ad1aae716.tmp</t>
  </si>
  <si>
    <t>12/27/2019 14:06:46</t>
  </si>
  <si>
    <t>12/27/2019 14:11:58</t>
  </si>
  <si>
    <t>4101c170-1e71-46ec-9eb2-1c251d4d46db.tmp</t>
  </si>
  <si>
    <t>\\acsfs\profiles$\sarahbal\Downloads\4101c170-1e71-46ec-9eb2-1c251d4d46db.tmp</t>
  </si>
  <si>
    <t>12/27/2019 14:10:12</t>
  </si>
  <si>
    <t>12/27/2019 14:07:20</t>
  </si>
  <si>
    <t>Call1_1_6769634951327453049_1_32.wav</t>
  </si>
  <si>
    <t>\\acsfs\Deptos\EDUCACAO EMPRESARIAL\FERNANDA MONIT\Ligação para Mutant terceiro Ciclo\Call1_1_6769634951327453049_1_32.wav</t>
  </si>
  <si>
    <t>12/27/2019 14:08:10</t>
  </si>
  <si>
    <t>Layla Aparecida Macedo Silveira_1_6769634951327453049_1_32.wav</t>
  </si>
  <si>
    <t>\\acsfs\Deptos\EDUCACAO EMPRESARIAL\FERNANDA MONIT\Ligação para Mutant terceiro Ciclo\Layla Aparecida Macedo Silveira_1_6769634951327453049_1_32.wav</t>
  </si>
  <si>
    <t>12/27/2019 14:08:23</t>
  </si>
  <si>
    <t>ab0cdb7c-4aaf-44bd-b3d3-4345de3c5eda.tmp</t>
  </si>
  <si>
    <t>\\acsfs\profiles$\laylaams\Downloads\ab0cdb7c-4aaf-44bd-b3d3-4345de3c5eda.tmp</t>
  </si>
  <si>
    <t>12/27/2019 14:10:03</t>
  </si>
  <si>
    <t>4efa10e8-2d19-42cd-abc1-f8c3274f714b.tmp</t>
  </si>
  <si>
    <t>\\acsfs\profiles$\laylaams\Downloads\4efa10e8-2d19-42cd-abc1-f8c3274f714b.tmp</t>
  </si>
  <si>
    <t>12/27/2019 14:12:03</t>
  </si>
  <si>
    <t>12/27/2019 14:12:58</t>
  </si>
  <si>
    <t>86e41dac-43e8-44d4-901c-a56b10c83716.tmp</t>
  </si>
  <si>
    <t>\\acsfs\profiles$\quindaizaagds\Downloads\86e41dac-43e8-44d4-901c-a56b10c83716.tmp</t>
  </si>
  <si>
    <t>12/27/2019 14:11:39</t>
  </si>
  <si>
    <t>12/27/2019 14:09:21</t>
  </si>
  <si>
    <t>12/27/2019 14:13:58</t>
  </si>
  <si>
    <t>12/27/2019 14:09:22</t>
  </si>
  <si>
    <t>lu1609613al1v.tmp</t>
  </si>
  <si>
    <t>\\acsfs\profiles$\LUCASBS\lu1609613al1v.tmp</t>
  </si>
  <si>
    <t>\\acsfs\profiles$\LUCASBS\lu1609613al1v.tmp\</t>
  </si>
  <si>
    <t>\\acsfs\profiles$\LUCASBS\lu1609613al1v.tmp\META-INF\</t>
  </si>
  <si>
    <t>\\acsfs\profiles$\LUCASBS\lu1609613al1v.tmp\Thumbnails\</t>
  </si>
  <si>
    <t>12/27/2019 14:13:07</t>
  </si>
  <si>
    <t>12/27/2019 14:11:38</t>
  </si>
  <si>
    <t>12/27/2019 14:14:59</t>
  </si>
  <si>
    <t>f57cbb77-4276-468f-a46c-a0b1e2ec3559.tmp</t>
  </si>
  <si>
    <t>\\acsfs\profiles$\fabianobmf\Downloads\f57cbb77-4276-468f-a46c-a0b1e2ec3559.tmp</t>
  </si>
  <si>
    <t>12/27/2019 14:13:01</t>
  </si>
  <si>
    <t>7aaad1f4-833a-407d-bb80-00660f6c4a4e.tmp</t>
  </si>
  <si>
    <t>\\acsfs\profiles$\fabianobmf\Downloads\7aaad1f4-833a-407d-bb80-00660f6c4a4e.tmp</t>
  </si>
  <si>
    <t>12/27/2019 14:12:14</t>
  </si>
  <si>
    <t>e1f185a3-8ad7-4b94-b46b-15e9298ed538.tmp</t>
  </si>
  <si>
    <t>\\acsfs\profiles$\joycemmdl\Downloads\e1f185a3-8ad7-4b94-b46b-15e9298ed538.tmp</t>
  </si>
  <si>
    <t>12/27/2019 14:13:52</t>
  </si>
  <si>
    <t>ee26f864-2222-4fab-a9a7-627a1c18e9cf.tmp</t>
  </si>
  <si>
    <t>\\acsfs\profiles$\joycemmdl\Downloads\ee26f864-2222-4fab-a9a7-627a1c18e9cf.tmp</t>
  </si>
  <si>
    <t>12/27/2019 14:14:29</t>
  </si>
  <si>
    <t>12/27/2019 14:15:58</t>
  </si>
  <si>
    <t>12/27/2019 14:14:15</t>
  </si>
  <si>
    <t>d3041b6b-a63a-4c04-8a3e-bb8f5750f95a.tmp</t>
  </si>
  <si>
    <t>\\acsfs\profiles$\alinepp\Downloads\d3041b6b-a63a-4c04-8a3e-bb8f5750f95a.tmp</t>
  </si>
  <si>
    <t>12/27/2019 14:16:58</t>
  </si>
  <si>
    <t>9b4784f0-e501-4c7f-b05d-1bf13f363031.tmp</t>
  </si>
  <si>
    <t>\\acsfs\profiles$\gabrielarb\Downloads\9b4784f0-e501-4c7f-b05d-1bf13f363031.tmp</t>
  </si>
  <si>
    <t>12/27/2019 14:12:48</t>
  </si>
  <si>
    <t>e6f4d4a2-f1ad-4b3c-8898-f2bde74cb068.tmp</t>
  </si>
  <si>
    <t>\\acsfs\profiles$\fernandofs\Downloads\e6f4d4a2-f1ad-4b3c-8898-f2bde74cb068.tmp</t>
  </si>
  <si>
    <t>12/27/2019 14:13:18</t>
  </si>
  <si>
    <t>06b52ceb-a64f-4b93-a086-47b841f166a9.tmp</t>
  </si>
  <si>
    <t>\\acsfs\profiles$\fernandofs\Downloads\06b52ceb-a64f-4b93-a086-47b841f166a9.tmp</t>
  </si>
  <si>
    <t>12/27/2019 14:16:12</t>
  </si>
  <si>
    <t>12/27/2019 14:14:57</t>
  </si>
  <si>
    <t>12/27/2019 14:15:26</t>
  </si>
  <si>
    <t>c31cf51a-5c0b-4c17-aa48-20946dd6c629.tmp</t>
  </si>
  <si>
    <t>\\acsfs\profiles$\deborahsi\Downloads\c31cf51a-5c0b-4c17-aa48-20946dd6c629.tmp</t>
  </si>
  <si>
    <t>12/27/2019 14:15:44</t>
  </si>
  <si>
    <t>12/27/2019 14:17:58</t>
  </si>
  <si>
    <t>12/27/2019 14:15:45</t>
  </si>
  <si>
    <t>lu768411w7px.tmp</t>
  </si>
  <si>
    <t>\\acsfs\profiles$\dhiulliananads\My Documents\lu768411w7px.tmp</t>
  </si>
  <si>
    <t>\\acsfs\profiles$\dhiulliananads\My Documents\lu768411w7px.tmp\</t>
  </si>
  <si>
    <t>\\acsfs\profiles$\dhiulliananads\My Documents\lu768411w7px.tmp\META-INF\</t>
  </si>
  <si>
    <t>12/27/2019 14:12:37</t>
  </si>
  <si>
    <t>12/27/2019 14:12:41</t>
  </si>
  <si>
    <t>12/27/2019 14:13:56</t>
  </si>
  <si>
    <t>12/27/2019 14:15:09</t>
  </si>
  <si>
    <t>12/27/2019 14:16:31</t>
  </si>
  <si>
    <t>\\acsfs\profiles$\dhiulliananads\My Documents\lu768411w7px.tmp\Thumbnails\</t>
  </si>
  <si>
    <t>12/27/2019 14:16:02</t>
  </si>
  <si>
    <t>12/27/2019 14:18:59</t>
  </si>
  <si>
    <t>12/27/2019 14:16:18</t>
  </si>
  <si>
    <t>f92eb009-5e1d-44d7-9473-67de4535da5e.tmp</t>
  </si>
  <si>
    <t>\\acsfs\profiles$\matheusmax\Downloads\f92eb009-5e1d-44d7-9473-67de4535da5e.tmp</t>
  </si>
  <si>
    <t>12/27/2019 14:17:01</t>
  </si>
  <si>
    <t>ee328cb7-61f8-40ff-a250-938356890528.tmp</t>
  </si>
  <si>
    <t>\\acsfs\profiles$\matheusmax\Downloads\ee328cb7-61f8-40ff-a250-938356890528.tmp</t>
  </si>
  <si>
    <t>12/27/2019 14:14:34</t>
  </si>
  <si>
    <t>welidicdj</t>
  </si>
  <si>
    <t>\\acsfs\profiles$\welidicdj\Downloads\</t>
  </si>
  <si>
    <t>3c741b00-3431-4db4-86fe-c7f6e3bbb70f.tmp</t>
  </si>
  <si>
    <t>\\acsfs\profiles$\welidicdj\Downloads\3c741b00-3431-4db4-86fe-c7f6e3bbb70f.tmp</t>
  </si>
  <si>
    <t>12/27/2019 14:14:17</t>
  </si>
  <si>
    <t>12/27/2019 14:16:23</t>
  </si>
  <si>
    <t>12/27/2019 14:15:30</t>
  </si>
  <si>
    <t>12/27/2019 14:19:58</t>
  </si>
  <si>
    <t>f8aa7c4e-d8a5-4b35-97a7-f336c74c7ffb.tmp</t>
  </si>
  <si>
    <t>\\acsfs\profiles$\regisadsa\Downloads\f8aa7c4e-d8a5-4b35-97a7-f336c74c7ffb.tmp</t>
  </si>
  <si>
    <t>12/27/2019 14:18:10</t>
  </si>
  <si>
    <t>12/27/2019 14:20:58</t>
  </si>
  <si>
    <t>12/27/2019 14:18:40</t>
  </si>
  <si>
    <t>CRISTIANO DE ANDRADE BARBOSA (14469).contact</t>
  </si>
  <si>
    <t>\\acsfs\profiles$\cristianodab\Contacts\CRISTIANO DE ANDRADE BARBOSA (14469).contact</t>
  </si>
  <si>
    <t>12/27/2019 14:18:49</t>
  </si>
  <si>
    <t>12/27/2019 14:18:50</t>
  </si>
  <si>
    <t>12/27/2019 14:18:51</t>
  </si>
  <si>
    <t>12/27/2019 14:18:52</t>
  </si>
  <si>
    <t>12/27/2019 14:18:53</t>
  </si>
  <si>
    <t>12/27/2019 14:18:54</t>
  </si>
  <si>
    <t>12/27/2019 14:19:08</t>
  </si>
  <si>
    <t>12/27/2019 14:19:09</t>
  </si>
  <si>
    <t>12/27/2019 14:18:22</t>
  </si>
  <si>
    <t>12/27/2019 14:18:26</t>
  </si>
  <si>
    <t>12/27/2019 14:15:49</t>
  </si>
  <si>
    <t>e6e6f5c3-cb42-4fe8-987e-c4cdfe4c54b4.tmp</t>
  </si>
  <si>
    <t>\\acsfs\profiles$\alinepp\Downloads\e6e6f5c3-cb42-4fe8-987e-c4cdfe4c54b4.tmp</t>
  </si>
  <si>
    <t>12/27/2019 14:16:07</t>
  </si>
  <si>
    <t>516b6d77-8789-4a58-b9cf-25b861236eef.tmp</t>
  </si>
  <si>
    <t>\\acsfs\profiles$\alinepp\Downloads\516b6d77-8789-4a58-b9cf-25b861236eef.tmp</t>
  </si>
  <si>
    <t>12/27/2019 14:16:11</t>
  </si>
  <si>
    <t>3ef07ab0-aaf7-413c-ac8c-24f4843c8c2f.tmp</t>
  </si>
  <si>
    <t>\\acsfs\profiles$\alinepp\Downloads\3ef07ab0-aaf7-413c-ac8c-24f4843c8c2f.tmp</t>
  </si>
  <si>
    <t>12/27/2019 14:19:24</t>
  </si>
  <si>
    <t>12/27/2019 14:21:58</t>
  </si>
  <si>
    <t>ad944948-e575-4fd3-b98c-8827e24b86f5.tmp</t>
  </si>
  <si>
    <t>\\acsfs\profiles$\gabrielarb\Downloads\ad944948-e575-4fd3-b98c-8827e24b86f5.tmp</t>
  </si>
  <si>
    <t>12/27/2019 14:21:12</t>
  </si>
  <si>
    <t>6fbf6db5-f40c-4da3-8f18-3b63a53e31d1.tmp</t>
  </si>
  <si>
    <t>\\acsfs\profiles$\gabrielarb\Downloads\6fbf6db5-f40c-4da3-8f18-3b63a53e31d1.tmp</t>
  </si>
  <si>
    <t>12/27/2019 14:21:20</t>
  </si>
  <si>
    <t>12/27/2019 14:18:33</t>
  </si>
  <si>
    <t>12/27/2019 14:22:58</t>
  </si>
  <si>
    <t>12/27/2019 14:19:19</t>
  </si>
  <si>
    <t>12/27/2019 14:19:04</t>
  </si>
  <si>
    <t>12/27/2019 14:22:02</t>
  </si>
  <si>
    <t>12/27/2019 14:23:58</t>
  </si>
  <si>
    <t>0b590371-c41b-4186-8c4b-75467d6409bf.tmp</t>
  </si>
  <si>
    <t>\\acsfs\profiles$\fabianafv\Downloads\0b590371-c41b-4186-8c4b-75467d6409bf.tmp</t>
  </si>
  <si>
    <t>12/27/2019 14:23:26</t>
  </si>
  <si>
    <t>CPF 67636896087 RODRIGO TAUDELINO RODRIGUES.pdf</t>
  </si>
  <si>
    <t>\\acsfs\Deptos\EDUCACAO EMPRESARIAL\KÉSIA\LIGAÇÕES 1220\CPF 67636896087 RODRIGO TAUDELINO RODRIGUES.pdf</t>
  </si>
  <si>
    <t>\\acsfs\Deptos\EDUCACAO EMPRESARIAL\KÉSIA\LIGAÇÕES 1220\CPF 67636896087 RODRIGO TAUDELINO RODRIGUES.pdf\</t>
  </si>
  <si>
    <t>\\acsfs\Deptos\EDUCACAO EMPRESARIAL\KÉSIA\LIGAÇÕES 1220\CPF 67636896087 RODRIGO TAUDELINO RODRIGUES.pdf\:Zone.Identifier:$DATA</t>
  </si>
  <si>
    <t>12/27/2019 14:22:16</t>
  </si>
  <si>
    <t>12/27/2019 14:23:05</t>
  </si>
  <si>
    <t>12/27/2019 14:24:58</t>
  </si>
  <si>
    <t>\\acsfs\profiles$\LUCASNS\</t>
  </si>
  <si>
    <t>\\acsfs\profiles$\LUCASNS\VENDAS.txt</t>
  </si>
  <si>
    <t>12/27/2019 14:23:22</t>
  </si>
  <si>
    <t>12/27/2019 14:24:32</t>
  </si>
  <si>
    <t>.~lock.geovana 4.ods#</t>
  </si>
  <si>
    <t>\\acsfs\profiles$\geovanaasa\My Documents\.~lock.geovana 4.ods#</t>
  </si>
  <si>
    <t>12/27/2019 14:24:33</t>
  </si>
  <si>
    <t>lu8720889qmew.tmp</t>
  </si>
  <si>
    <t>\\acsfs\profiles$\geovanaasa\My Documents\lu8720889qmew.tmp</t>
  </si>
  <si>
    <t>\\acsfs\profiles$\geovanaasa\My Documents\lu8720889qmew.tmp\</t>
  </si>
  <si>
    <t>\\acsfs\profiles$\geovanaasa\My Documents\lu8720889qmew.tmp\META-INF\</t>
  </si>
  <si>
    <t>\\acsfs\profiles$\geovanaasa\My Documents\lu8720889qmew.tmp\Thumbnails\</t>
  </si>
  <si>
    <t>12/27/2019 14:24:40</t>
  </si>
  <si>
    <t>12/27/2019 14:22:17</t>
  </si>
  <si>
    <t>23749da8-8fee-45b7-a65d-48f836f676d7.tmp</t>
  </si>
  <si>
    <t>\\acsfs\profiles$\geovannasm\Downloads\23749da8-8fee-45b7-a65d-48f836f676d7.tmp</t>
  </si>
  <si>
    <t>12/27/2019 14:24:11</t>
  </si>
  <si>
    <t>60daf858-f335-462f-bd31-370833303261.tmp</t>
  </si>
  <si>
    <t>\\acsfs\profiles$\geovannasm\Downloads\60daf858-f335-462f-bd31-370833303261.tmp</t>
  </si>
  <si>
    <t>12/27/2019 14:23:02</t>
  </si>
  <si>
    <t>12/27/2019 14:25:58</t>
  </si>
  <si>
    <t>12/27/2019 14:20:51</t>
  </si>
  <si>
    <t>12/27/2019 14:20:59</t>
  </si>
  <si>
    <t>12/27/2019 14:21:04</t>
  </si>
  <si>
    <t>12/27/2019 14:25:17</t>
  </si>
  <si>
    <t>daf21150-7a68-48d8-ba5b-0a3fc0c640fe.tmp</t>
  </si>
  <si>
    <t>\\acsfs\profiles$\victorgl\Downloads\daf21150-7a68-48d8-ba5b-0a3fc0c640fe.tmp</t>
  </si>
  <si>
    <t>12/27/2019 14:21:31</t>
  </si>
  <si>
    <t>12/27/2019 14:26:57</t>
  </si>
  <si>
    <t>INFORMAÇÕES DE LAUDO 27-12-2019.txt</t>
  </si>
  <si>
    <t>\\acsfs\DEPTOS\Operacao\Banco_Votorantim\Qualidade\Anderson\Jose\Atualizado\INFORMAÇÕES DE LAUDO 27-12-2019.txt</t>
  </si>
  <si>
    <t>12/27/2019 14:22:42</t>
  </si>
  <si>
    <t>134b6750-26b9-41b6-b952-4d0dbfde10c3.tmp</t>
  </si>
  <si>
    <t>\\acsfs\profiles$\marcosvnds\Downloads\134b6750-26b9-41b6-b952-4d0dbfde10c3.tmp</t>
  </si>
  <si>
    <t>12/27/2019 14:22:12</t>
  </si>
  <si>
    <t>12/27/2019 14:24:03</t>
  </si>
  <si>
    <t>12/27/2019 14:27:58</t>
  </si>
  <si>
    <t>12/27/2019 14:23:59</t>
  </si>
  <si>
    <t>12/27/2019 14:28:57</t>
  </si>
  <si>
    <t>.~lock.fabiana 26122019.ods#</t>
  </si>
  <si>
    <t>\\acsfs\profiles$\FABIANAFV\My Documents\.~lock.fabiana 26122019.ods#</t>
  </si>
  <si>
    <t>12/27/2019 14:26:33</t>
  </si>
  <si>
    <t>12/27/2019 14:26:36</t>
  </si>
  <si>
    <t>lu97408v0m.tmp</t>
  </si>
  <si>
    <t>\\acsfs\profiles$\FABIANAFV\My Documents\lu97408v0m.tmp</t>
  </si>
  <si>
    <t>\\acsfs\profiles$\FABIANAFV\My Documents\lu97408v0m.tmp\</t>
  </si>
  <si>
    <t>\\acsfs\profiles$\FABIANAFV\My Documents\lu97408v0m.tmp\META-INF\</t>
  </si>
  <si>
    <t>\\acsfs\profiles$\FABIANAFV\My Documents\lu97408v0m.tmp\Thumbnails\</t>
  </si>
  <si>
    <t>12/27/2019 14:27:52</t>
  </si>
  <si>
    <t>12/27/2019 14:26:30</t>
  </si>
  <si>
    <t>10.200.66.187</t>
  </si>
  <si>
    <t>530a4afc-40bb-45d4-8ba4-e1292c38f620.tmp</t>
  </si>
  <si>
    <t>\\acsfs\profiles$\henriquehmdo\Downloads\530a4afc-40bb-45d4-8ba4-e1292c38f620.tmp</t>
  </si>
  <si>
    <t>12/27/2019 14:25:08</t>
  </si>
  <si>
    <t>12/27/2019 14:29:58</t>
  </si>
  <si>
    <t>e62ae369-b77c-4629-94c9-59821d64279f.tmp</t>
  </si>
  <si>
    <t>\\acsfs\profiles$\philipegsf\Downloads\e62ae369-b77c-4629-94c9-59821d64279f.tmp</t>
  </si>
  <si>
    <t>12/27/2019 14:29:00</t>
  </si>
  <si>
    <t>12/27/2019 14:29:01</t>
  </si>
  <si>
    <t>lu8720889qmf4.tmp</t>
  </si>
  <si>
    <t>\\acsfs\profiles$\geovanaasa\My Documents\lu8720889qmf4.tmp</t>
  </si>
  <si>
    <t>\\acsfs\profiles$\geovanaasa\My Documents\lu8720889qmf4.tmp\</t>
  </si>
  <si>
    <t>\\acsfs\profiles$\geovanaasa\My Documents\lu8720889qmf4.tmp\META-INF\</t>
  </si>
  <si>
    <t>\\acsfs\profiles$\geovanaasa\My Documents\lu8720889qmf4.tmp\Thumbnails\</t>
  </si>
  <si>
    <t>12/27/2019 14:26:31</t>
  </si>
  <si>
    <t>000c1aea-3520-4cff-bb0f-ec4585b08d53.tmp</t>
  </si>
  <si>
    <t>\\acsfs\profiles$\geovannasm\Downloads\000c1aea-3520-4cff-bb0f-ec4585b08d53.tmp</t>
  </si>
  <si>
    <t>12/27/2019 14:27:32</t>
  </si>
  <si>
    <t>0b436946-9286-4c01-95fb-b864e4d72c16.tmp</t>
  </si>
  <si>
    <t>\\acsfs\profiles$\geovannasm\Downloads\0b436946-9286-4c01-95fb-b864e4d72c16.tmp</t>
  </si>
  <si>
    <t>12/27/2019 14:25:32</t>
  </si>
  <si>
    <t>12/27/2019 14:30:57</t>
  </si>
  <si>
    <t>12/27/2019 14:26:34</t>
  </si>
  <si>
    <t>12/27/2019 14:28:08</t>
  </si>
  <si>
    <t>12/27/2019 14:30:20</t>
  </si>
  <si>
    <t>12/27/2019 14:31:58</t>
  </si>
  <si>
    <t>df3b82cb-12c5-4b67-811c-969bb9809d74.tmp</t>
  </si>
  <si>
    <t>\\acsfs\profiles$\rosileiam\Downloads\df3b82cb-12c5-4b67-811c-969bb9809d74.tmp</t>
  </si>
  <si>
    <t>12/27/2019 14:28:12</t>
  </si>
  <si>
    <t>12/27/2019 14:28:26</t>
  </si>
  <si>
    <t>12/27/2019 14:31:25</t>
  </si>
  <si>
    <t>12/27/2019 14:29:09</t>
  </si>
  <si>
    <t>12/27/2019 14:32:57</t>
  </si>
  <si>
    <t>3ff4d999-1249-4c1d-af68-c36d093c261b.tmp</t>
  </si>
  <si>
    <t>\\acsfs\profiles$\welidicdj\Downloads\3ff4d999-1249-4c1d-af68-c36d093c261b.tmp</t>
  </si>
  <si>
    <t>12/27/2019 14:29:15</t>
  </si>
  <si>
    <t>Q29udHJvbGxlci5QYXl3YXJl (15).ica</t>
  </si>
  <si>
    <t>\\acsfs\profiles$\welidicdj\Downloads\Q29udHJvbGxlci5QYXl3YXJl (15).ica</t>
  </si>
  <si>
    <t>12/27/2019 14:33:58</t>
  </si>
  <si>
    <t>12/27/2019 14:33:17</t>
  </si>
  <si>
    <t>7c1e7688-201b-466e-9204-8c4a615a6d05.tmp</t>
  </si>
  <si>
    <t>\\acsfs\profiles$\anafsb\Downloads\7c1e7688-201b-466e-9204-8c4a615a6d05.tmp</t>
  </si>
  <si>
    <t>12/27/2019 14:29:48</t>
  </si>
  <si>
    <t>\\acsfs\Deptos\EDUCACAO EMPRESARIAL\KÉSIA\OUVIDORIA, PROCON, BACEN E RECLAME AQUI\</t>
  </si>
  <si>
    <t>CPF 14466837880 - OPERADOR LEONARDO COSTA BARROS_1_6761550577335877567_1_32.wav</t>
  </si>
  <si>
    <t>\\acsfs\Deptos\EDUCACAO EMPRESARIAL\KÉSIA\OUVIDORIA, PROCON, BACEN E RECLAME AQUI\CPF 14466837880 - OPERADOR LEONARDO COSTA BARROS_1_6761550577335877567_1_32.wav</t>
  </si>
  <si>
    <t>12/27/2019 14:30:34</t>
  </si>
  <si>
    <t>12/27/2019 14:32:19</t>
  </si>
  <si>
    <t>algartechcpcbv@algartech.com;andrelps@algartech.com;andrelpsa@algartech.com;flora.lira@bv.com.br;gabrielsma@algartech.com;jose.gomes@bv.com.br;rafaelggs@algartech.com;viniciussg@algartech.com;</t>
  </si>
  <si>
    <t>algartechcpcbv@algartech.com,andrelps@algartech.com,andrelpsa@algartech.com,flora.lira@bv.com.br,gabrielsma@algartech.com,jose.gomes@bv.com.br,rafaelggs@algartech.com,viniciussg@algartech.com</t>
  </si>
  <si>
    <t>12/27/2019 14:32:30</t>
  </si>
  <si>
    <t>algartechcpcbv@algartech.com;andrelps@algartech.com;flora.lira@bv.com.br;gabrielsma@algartech.com;jose.gomes@bv.com.br;rafaelggs@algartech.com;viniciussg@algartech.com;</t>
  </si>
  <si>
    <t>algartechcpcbv@algartech.com,andrelps@algartech.com,flora.lira@bv.com.br,gabrielsma@algartech.com,jose.gomes@bv.com.br,rafaelggs@algartech.com,viniciussg@algartech.com</t>
  </si>
  <si>
    <t>12/27/2019 14:32:34</t>
  </si>
  <si>
    <t>algartechcpcbv@algartech.com;andrelps@algartech.com;flora.lira@bv.com.br;gabrielsma@algartech.com;jose.gomes@bv.com.br;rafaelggs@algartech.com;</t>
  </si>
  <si>
    <t>algartechcpcbv@algartech.com,andrelps@algartech.com,flora.lira@bv.com.br,gabrielsma@algartech.com,jose.gomes@bv.com.br,rafaelggs@algartech.com</t>
  </si>
  <si>
    <t>12/27/2019 14:32:40</t>
  </si>
  <si>
    <t>algartechcpcbv@algartech.com;andrelps@algartech.com;flora.lira@bv.com.br;gabrielsma@algartech.com;jose.gomes@bv.com.br;leonardoao@algartech.com;rafaelggs@algartech.com;</t>
  </si>
  <si>
    <t>algartechcpcbv@algartech.com,andrelps@algartech.com,flora.lira@bv.com.br,gabrielsma@algartech.com,jose.gomes@bv.com.br,leonardoao@algartech.com,rafaelggs@algartech.com</t>
  </si>
  <si>
    <t>12/27/2019 14:31:08</t>
  </si>
  <si>
    <t>12/27/2019 14:29:12</t>
  </si>
  <si>
    <t>12/27/2019 14:34:57</t>
  </si>
  <si>
    <t>5ed9b305-0640-4e9a-a36d-ae35014f1f52.tmp</t>
  </si>
  <si>
    <t>\\acsfs\profiles$\philipegsf\Downloads\5ed9b305-0640-4e9a-a36d-ae35014f1f52.tmp</t>
  </si>
  <si>
    <t>12/27/2019 14:33:23</t>
  </si>
  <si>
    <t>12/27/2019 14:29:28</t>
  </si>
  <si>
    <t>12/27/2019 14:32:36</t>
  </si>
  <si>
    <t>12/27/2019 14:35:58</t>
  </si>
  <si>
    <t>http://qlikview.algartecnologia.com.br/qvajaxzfc/accesspoint.aspx?mark=&amp;platform=browser.&amp;dpi=96</t>
  </si>
  <si>
    <t>12/27/2019 14:33:27</t>
  </si>
  <si>
    <t>12/27/2019 14:34:48</t>
  </si>
  <si>
    <t>12/27/2019 14:35:20</t>
  </si>
  <si>
    <t>12/27/2019 14:36:59</t>
  </si>
  <si>
    <t>\\acsfs\profiles$\wenderbnm\Downloads\WavesAudio.MaxxAudioProforDell2019_fh4rh281wavaa!App\</t>
  </si>
  <si>
    <t>\\acsfs\profiles$\wenderbnm\Downloads\WavesAudio.MaxxAudioProforDell2019_fh4rh281wavaa!App\desktop.ini</t>
  </si>
  <si>
    <t>12/27/2019 14:35:21</t>
  </si>
  <si>
    <t>LocalFolder.txt</t>
  </si>
  <si>
    <t>\\acsfs\profiles$\wenderbnm\Downloads\WavesAudio.MaxxAudioProforDell2019_fh4rh281wavaa!App\LocalFolder.txt</t>
  </si>
  <si>
    <t>12/27/2019 14:36:19</t>
  </si>
  <si>
    <t>12/27/2019 14:32:10</t>
  </si>
  <si>
    <t>d6ca710e-41db-4112-b7f0-637c250e55d5.tmp</t>
  </si>
  <si>
    <t>\\acsfs\profiles$\rosileiam\Downloads\d6ca710e-41db-4112-b7f0-637c250e55d5.tmp</t>
  </si>
  <si>
    <t>12/27/2019 14:34:12</t>
  </si>
  <si>
    <t>12/27/2019 14:36:16</t>
  </si>
  <si>
    <t>0b0c77d8-f828-4a48-9d73-a1d7c5343b9a.tmp</t>
  </si>
  <si>
    <t>\\acsfs\profiles$\deborahsi\Downloads\0b0c77d8-f828-4a48-9d73-a1d7c5343b9a.tmp</t>
  </si>
  <si>
    <t>12/27/2019 14:34:06</t>
  </si>
  <si>
    <t>12/27/2019 14:37:59</t>
  </si>
  <si>
    <t>12/27/2019 14:37:55</t>
  </si>
  <si>
    <t>12/27/2019 14:39:00</t>
  </si>
  <si>
    <t>12/27/2019 14:37:09</t>
  </si>
  <si>
    <t>12/27/2019 14:38:36</t>
  </si>
  <si>
    <t>12/27/2019 14:39:59</t>
  </si>
  <si>
    <t>12/27/2019 14:34:13</t>
  </si>
  <si>
    <t>12/27/2019 14:37:58</t>
  </si>
  <si>
    <t>956d2399-e48c-40e3-97c8-43e1fbe24b5f.tmp</t>
  </si>
  <si>
    <t>\\acsfs\profiles$\mariajra\Downloads\956d2399-e48c-40e3-97c8-43e1fbe24b5f.tmp</t>
  </si>
  <si>
    <t>12/27/2019 14:40:59</t>
  </si>
  <si>
    <t>12/27/2019 14:35:34</t>
  </si>
  <si>
    <t>\\acsfs\profiles$\valeriasda\Downloads\WavesAudio.MaxxAudioProforDell2019_fh4rh281wavaa!App\</t>
  </si>
  <si>
    <t>\\acsfs\profiles$\valeriasda\Downloads\WavesAudio.MaxxAudioProforDell2019_fh4rh281wavaa!App\desktop.ini</t>
  </si>
  <si>
    <t>12/27/2019 14:35:35</t>
  </si>
  <si>
    <t>\\acsfs\profiles$\valeriasda\Downloads\WavesAudio.MaxxAudioProforDell2019_fh4rh281wavaa!App\LocalFolder.txt</t>
  </si>
  <si>
    <t>12/27/2019 14:38:11</t>
  </si>
  <si>
    <t>4d87c903-bfd9-4220-9f1d-c5e63349ca99.tmp</t>
  </si>
  <si>
    <t>\\acsfs\profiles$\alinepp\Downloads\4d87c903-bfd9-4220-9f1d-c5e63349ca99.tmp</t>
  </si>
  <si>
    <t>12/27/2019 14:41:59</t>
  </si>
  <si>
    <t>12/27/2019 14:41:05</t>
  </si>
  <si>
    <t>12/27/2019 14:40:12</t>
  </si>
  <si>
    <t>12/27/2019 14:37:41</t>
  </si>
  <si>
    <t>d6b55ac8-1acd-483c-93b7-f20d5a81fece.tmp</t>
  </si>
  <si>
    <t>\\acsfs\profiles$\deborahsi\Downloads\d6b55ac8-1acd-483c-93b7-f20d5a81fece.tmp</t>
  </si>
  <si>
    <t>12/27/2019 14:39:52</t>
  </si>
  <si>
    <t>lu9652ifo4e.tmp</t>
  </si>
  <si>
    <t>\\acsfs\profiles$\victoriaksr\My Documents\lu9652ifo4e.tmp</t>
  </si>
  <si>
    <t>12/27/2019 14:41:08</t>
  </si>
  <si>
    <t>12/27/2019 14:42:59</t>
  </si>
  <si>
    <t>12/27/2019 14:41:15</t>
  </si>
  <si>
    <t>C:\Users\paulacris\Desktop\</t>
  </si>
  <si>
    <t>Rayanne Herculano Pausas.xlsx</t>
  </si>
  <si>
    <t>12/27/2019 14:41:55</t>
  </si>
  <si>
    <t>12/27/2019 14:40:30</t>
  </si>
  <si>
    <t>12/27/2019 14:41:19</t>
  </si>
  <si>
    <t>d89c6e6f-330f-4055-8146-76592b0549be.tmp</t>
  </si>
  <si>
    <t>\\acsfs\profiles$\brunalas\Downloads\d89c6e6f-330f-4055-8146-76592b0549be.tmp</t>
  </si>
  <si>
    <t>12/27/2019 14:42:23</t>
  </si>
  <si>
    <t>5654d9fd-bf36-4a3f-a852-727dcd922479.tmp</t>
  </si>
  <si>
    <t>\\acsfs\profiles$\brunalas\Downloads\5654d9fd-bf36-4a3f-a852-727dcd922479.tmp</t>
  </si>
  <si>
    <t>12/27/2019 14:42:41</t>
  </si>
  <si>
    <t>12/27/2019 14:42:44</t>
  </si>
  <si>
    <t>12/27/2019 14:42:45</t>
  </si>
  <si>
    <t>12/27/2019 14:42:46</t>
  </si>
  <si>
    <t>12/27/2019 14:42:47</t>
  </si>
  <si>
    <t>12/27/2019 14:42:48</t>
  </si>
  <si>
    <t>12/27/2019 14:42:49</t>
  </si>
  <si>
    <t>12/27/2019 14:42:50</t>
  </si>
  <si>
    <t>12/27/2019 14:42:16</t>
  </si>
  <si>
    <t>12/27/2019 14:43:59</t>
  </si>
  <si>
    <t>tainaralg</t>
  </si>
  <si>
    <t>\\acsfs\profiles$\tainaralg\Contacts\</t>
  </si>
  <si>
    <t>TAINARA LUCIANA GUIMARAES (27).contact</t>
  </si>
  <si>
    <t>\\acsfs\profiles$\tainaralg\Contacts\TAINARA LUCIANA GUIMARAES (27).contact</t>
  </si>
  <si>
    <t>12/27/2019 14:42:17</t>
  </si>
  <si>
    <t>12/27/2019 14:42:28</t>
  </si>
  <si>
    <t>\\acsfs\profiles$\tainaralg\My Documents\My Videos\</t>
  </si>
  <si>
    <t>\\acsfs\profiles$\tainaralg\My Documents\My Videos\desktop.ini</t>
  </si>
  <si>
    <t>12/27/2019 14:42:29</t>
  </si>
  <si>
    <t>\\acsfs\profiles$\tainaralg\My Documents\My Pictures\</t>
  </si>
  <si>
    <t>\\acsfs\profiles$\tainaralg\My Documents\My Pictures\desktop.ini</t>
  </si>
  <si>
    <t>12/27/2019 14:42:30</t>
  </si>
  <si>
    <t>12/27/2019 14:42:31</t>
  </si>
  <si>
    <t>\\acsfs\profiles$\tainaralg\Contacts\desktop.ini</t>
  </si>
  <si>
    <t>12/27/2019 14:42:32</t>
  </si>
  <si>
    <t>\\acsfs\profiles$\tainaralg\Favorites\</t>
  </si>
  <si>
    <t>\\acsfs\profiles$\tainaralg\Favorites\desktop.ini</t>
  </si>
  <si>
    <t>12/27/2019 14:42:33</t>
  </si>
  <si>
    <t>12/27/2019 14:42:34</t>
  </si>
  <si>
    <t>\\acsfs\profiles$\tainaralg\My Documents\My Music\</t>
  </si>
  <si>
    <t>\\acsfs\profiles$\tainaralg\My Documents\My Music\desktop.ini</t>
  </si>
  <si>
    <t>12/27/2019 14:42:35</t>
  </si>
  <si>
    <t>12/27/2019 14:42:37</t>
  </si>
  <si>
    <t>\\acsfs\profiles$\tainaralg\Searches\</t>
  </si>
  <si>
    <t>\\acsfs\profiles$\tainaralg\Searches\desktop.ini</t>
  </si>
  <si>
    <t>12/27/2019 14:42:38</t>
  </si>
  <si>
    <t>\\acsfs\profiles$\tainaralg\Downloads\</t>
  </si>
  <si>
    <t>\\acsfs\profiles$\tainaralg\Downloads\desktop.ini</t>
  </si>
  <si>
    <t>12/27/2019 14:42:39</t>
  </si>
  <si>
    <t>12/27/2019 14:42:40</t>
  </si>
  <si>
    <t>\\acsfs\profiles$\tainaralg\My Documents\</t>
  </si>
  <si>
    <t>\\acsfs\profiles$\tainaralg\My Documents\desktop.ini</t>
  </si>
  <si>
    <t>12/27/2019 14:42:42</t>
  </si>
  <si>
    <t>\\acsfs\profiles$\tainaralg\Saved Games\</t>
  </si>
  <si>
    <t>\\acsfs\profiles$\tainaralg\Saved Games\desktop.ini</t>
  </si>
  <si>
    <t>12/27/2019 14:42:58</t>
  </si>
  <si>
    <t>\\acsfs\profiles$\tainaralg\Favorites\Links for Brasil\</t>
  </si>
  <si>
    <t>\\acsfs\profiles$\tainaralg\Favorites\Links for Brasil\desktop.ini</t>
  </si>
  <si>
    <t>12/27/2019 14:43:00</t>
  </si>
  <si>
    <t>\\acsfs\profiles$\tainaralg\Favorites\Links for Brasil\Microsoft Brasil.url</t>
  </si>
  <si>
    <t>12/27/2019 14:38:44</t>
  </si>
  <si>
    <t>41f5a55b-d2b1-4308-b7ec-a61ef75d1b98.tmp</t>
  </si>
  <si>
    <t>\\acsfs\profiles$\henriquehmdo\Downloads\41f5a55b-d2b1-4308-b7ec-a61ef75d1b98.tmp</t>
  </si>
  <si>
    <t>12/27/2019 14:40:50</t>
  </si>
  <si>
    <t>d0007efa-54ac-433b-9bc8-b279566e5fc4.tmp</t>
  </si>
  <si>
    <t>\\acsfs\profiles$\henriquehmdo\Downloads\d0007efa-54ac-433b-9bc8-b279566e5fc4.tmp</t>
  </si>
  <si>
    <t>backofficebv@dxc.com;jean.loiola@bv.com.br;larissa.alcantara@bv.com.br;marianeps@algartech.com;talmaiardo@algartech.com;thiagordu@algartech.com;</t>
  </si>
  <si>
    <t>backofficebv@dxc.com,jean.loiola@bv.com.br,larissa.alcantara@bv.com.br,marianeps@algartech.com,talmaiardo@algartech.com,thiagordu@algartech.com</t>
  </si>
  <si>
    <t>12/27/2019 14:39:07</t>
  </si>
  <si>
    <t>12/27/2019 14:39:21</t>
  </si>
  <si>
    <t>12/27/2019 14:39:45</t>
  </si>
  <si>
    <t>12/27/2019 14:40:02</t>
  </si>
  <si>
    <t>12/27/2019 14:40:10</t>
  </si>
  <si>
    <t>12/27/2019 14:40:24</t>
  </si>
  <si>
    <t>andrelps@algartech.com;ouvidoria@algar.com.br;</t>
  </si>
  <si>
    <t>andrelps@algartech.com,ouvidoria@algar.com.br</t>
  </si>
  <si>
    <t>12/27/2019 14:40:26</t>
  </si>
  <si>
    <t>12/27/2019 14:40:42</t>
  </si>
  <si>
    <t>12/27/2019 14:43:29</t>
  </si>
  <si>
    <t>12/27/2019 14:43:08</t>
  </si>
  <si>
    <t>12/27/2019 14:45:02</t>
  </si>
  <si>
    <t>12/27/2019 14:46:00</t>
  </si>
  <si>
    <t>12/27/2019 14:45:15</t>
  </si>
  <si>
    <t>12/27/2019 14:45:17</t>
  </si>
  <si>
    <t>12/27/2019 14:43:15</t>
  </si>
  <si>
    <t>12/27/2019 14:44:15</t>
  </si>
  <si>
    <t>12/27/2019 14:44:45</t>
  </si>
  <si>
    <t>d35f5a4e-3ba8-4cbd-9010-9846a645cc4e.tmp</t>
  </si>
  <si>
    <t>\\acsfs\profiles$\victorgl\Downloads\d35f5a4e-3ba8-4cbd-9010-9846a645cc4e.tmp</t>
  </si>
  <si>
    <t>12/27/2019 14:45:39</t>
  </si>
  <si>
    <t>12/27/2019 14:44:22</t>
  </si>
  <si>
    <t>12/27/2019 14:46:59</t>
  </si>
  <si>
    <t>88642b71-4cd5-4fb2-a3b9-2f3bbcc0ad7b.tmp</t>
  </si>
  <si>
    <t>\\acsfs\profiles$\vivianibfs\Downloads\88642b71-4cd5-4fb2-a3b9-2f3bbcc0ad7b.tmp</t>
  </si>
  <si>
    <t>12/27/2019 14:45:53</t>
  </si>
  <si>
    <t>7b0931a4-7297-45b7-b9b8-d8073ba44b12.tmp</t>
  </si>
  <si>
    <t>\\acsfs\profiles$\vivianibfs\Downloads\7b0931a4-7297-45b7-b9b8-d8073ba44b12.tmp</t>
  </si>
  <si>
    <t>12/27/2019 14:46:09</t>
  </si>
  <si>
    <t>4b73f860-b911-483f-a90d-31c1c0d9ebc4.tmp</t>
  </si>
  <si>
    <t>\\acsfs\profiles$\vivianibfs\Downloads\4b73f860-b911-483f-a90d-31c1c0d9ebc4.tmp</t>
  </si>
  <si>
    <t>12/27/2019 14:46:12</t>
  </si>
  <si>
    <t>12/27/2019 14:44:16</t>
  </si>
  <si>
    <t>12/27/2019 14:47:58</t>
  </si>
  <si>
    <t>57a02b29-1e10-4dbf-ac51-6795a7e48927.tmp</t>
  </si>
  <si>
    <t>\\acsfs\profiles$\quindaizaagds\Downloads\57a02b29-1e10-4dbf-ac51-6795a7e48927.tmp</t>
  </si>
  <si>
    <t>12/27/2019 14:44:17</t>
  </si>
  <si>
    <t>c153f1c0-942a-4f4b-a587-9330d5968000.tmp</t>
  </si>
  <si>
    <t>\\acsfs\profiles$\quindaizaagds\Downloads\c153f1c0-942a-4f4b-a587-9330d5968000.tmp</t>
  </si>
  <si>
    <t>12/27/2019 14:44:30</t>
  </si>
  <si>
    <t>80d63bc1-192e-4fd2-af4a-43442c5065b1.tmp</t>
  </si>
  <si>
    <t>\\acsfs\profiles$\quindaizaagds\Downloads\80d63bc1-192e-4fd2-af4a-43442c5065b1.tmp</t>
  </si>
  <si>
    <t>12/27/2019 14:42:51</t>
  </si>
  <si>
    <t>12/27/2019 14:42:57</t>
  </si>
  <si>
    <t>12/27/2019 14:43:04</t>
  </si>
  <si>
    <t>12/27/2019 14:43:12</t>
  </si>
  <si>
    <t>12/27/2019 14:43:17</t>
  </si>
  <si>
    <t>12/27/2019 14:43:34</t>
  </si>
  <si>
    <t>cb2adfb8-5b80-4b90-b148-00c8afe8c82c.tmp</t>
  </si>
  <si>
    <t>\\acsfs\profiles$\brunalas\Downloads\cb2adfb8-5b80-4b90-b148-00c8afe8c82c.tmp</t>
  </si>
  <si>
    <t>12/27/2019 14:42:52</t>
  </si>
  <si>
    <t>12/27/2019 14:42:53</t>
  </si>
  <si>
    <t>12/27/2019 14:42:55</t>
  </si>
  <si>
    <t>12/27/2019 14:42:56</t>
  </si>
  <si>
    <t>12/27/2019 14:43:01</t>
  </si>
  <si>
    <t>12/27/2019 14:43:03</t>
  </si>
  <si>
    <t>12/27/2019 14:43:05</t>
  </si>
  <si>
    <t>12/27/2019 14:43:07</t>
  </si>
  <si>
    <t>12/27/2019 14:43:09</t>
  </si>
  <si>
    <t>12/27/2019 14:43:10</t>
  </si>
  <si>
    <t>12/27/2019 14:43:14</t>
  </si>
  <si>
    <t>12/27/2019 14:43:16</t>
  </si>
  <si>
    <t>12/27/2019 14:43:18</t>
  </si>
  <si>
    <t>12/27/2019 14:43:19</t>
  </si>
  <si>
    <t>12/27/2019 14:43:20</t>
  </si>
  <si>
    <t>12/27/2019 14:43:21</t>
  </si>
  <si>
    <t>12/27/2019 14:43:22</t>
  </si>
  <si>
    <t>12/27/2019 14:43:23</t>
  </si>
  <si>
    <t>12/27/2019 14:43:25</t>
  </si>
  <si>
    <t>12/27/2019 14:43:47</t>
  </si>
  <si>
    <t>winrt--{S-1-5-21-602162358-764733703-839522115-358590}-.searchconnector-ms</t>
  </si>
  <si>
    <t>\\acsfs\profiles$\thaynaracsl\Searches\winrt--{S-1-5-21-602162358-764733703-839522115-358590}-.searchconnector-ms</t>
  </si>
  <si>
    <t>12/27/2019 14:45:58</t>
  </si>
  <si>
    <t>12/27/2019 14:48:59</t>
  </si>
  <si>
    <t>12/27/2019 14:43:36</t>
  </si>
  <si>
    <t>3d7e0e55-f76f-43e4-b5b9-eb8ccab8bd12.tmp</t>
  </si>
  <si>
    <t>\\acsfs\profiles$\fabianafv\Downloads\3d7e0e55-f76f-43e4-b5b9-eb8ccab8bd12.tmp</t>
  </si>
  <si>
    <t>\\acsfs\profiles$\tainaralg\Favorites\Links for Brasil\Windows Brasil.url</t>
  </si>
  <si>
    <t>\\acsfs\profiles$\tainaralg\Favorites\Links for Brasil\MSN Brasil.url</t>
  </si>
  <si>
    <t>12/27/2019 14:45:38</t>
  </si>
  <si>
    <t>12/27/2019 14:45:42</t>
  </si>
  <si>
    <t>ee071cdc-6f3d-4506-a524-fb0e4e0b9f1a.tmp</t>
  </si>
  <si>
    <t>\\acsfs\profiles$\edicarlosdl\Downloads\ee071cdc-6f3d-4506-a524-fb0e4e0b9f1a.tmp</t>
  </si>
  <si>
    <t>12/27/2019 14:47:08</t>
  </si>
  <si>
    <t>c46a42e1-65cb-415f-bc1f-7d98fa5aec54.tmp</t>
  </si>
  <si>
    <t>\\acsfs\profiles$\edicarlosdl\Downloads\c46a42e1-65cb-415f-bc1f-7d98fa5aec54.tmp</t>
  </si>
  <si>
    <t>12/27/2019 14:47:10</t>
  </si>
  <si>
    <t>732c61a9-2a81-44ca-bc1c-8066a0e36e19.tmp</t>
  </si>
  <si>
    <t>\\acsfs\profiles$\edicarlosdl\Downloads\732c61a9-2a81-44ca-bc1c-8066a0e36e19.tmp</t>
  </si>
  <si>
    <t>12/27/2019 14:47:56</t>
  </si>
  <si>
    <t>155b27d2-9e6b-4a37-9f3e-e55a8159ea60.tmp</t>
  </si>
  <si>
    <t>\\acsfs\profiles$\brendadsl\Downloads\155b27d2-9e6b-4a37-9f3e-e55a8159ea60.tmp</t>
  </si>
  <si>
    <t>cc2bfa7a-d85a-4ee1-865d-22a35493ccf7.tmp</t>
  </si>
  <si>
    <t>\\acsfs\profiles$\brendadsl\Downloads\cc2bfa7a-d85a-4ee1-865d-22a35493ccf7.tmp</t>
  </si>
  <si>
    <t>12/27/2019 14:45:36</t>
  </si>
  <si>
    <t>12/27/2019 14:50:59</t>
  </si>
  <si>
    <t>12/27/2019 14:45:37</t>
  </si>
  <si>
    <t>lu470765r1fhv.tmp</t>
  </si>
  <si>
    <t>\\acsfs\profiles$\jonatanls\My Documents\lu470765r1fhv.tmp</t>
  </si>
  <si>
    <t>12/27/2019 14:49:58</t>
  </si>
  <si>
    <t>12/27/2019 14:48:04</t>
  </si>
  <si>
    <t>ad919389-9549-4546-8f8c-d4dbab2cb33f.tmp</t>
  </si>
  <si>
    <t>\\acsfs\profiles$\alessandraan\Downloads\ad919389-9549-4546-8f8c-d4dbab2cb33f.tmp</t>
  </si>
  <si>
    <t>12/27/2019 14:49:09</t>
  </si>
  <si>
    <t>148e26de-53dd-42c6-bfd9-980db3ac3668.tmp</t>
  </si>
  <si>
    <t>\\acsfs\profiles$\victorgl\Downloads\148e26de-53dd-42c6-bfd9-980db3ac3668.tmp</t>
  </si>
  <si>
    <t>12/27/2019 14:46:23</t>
  </si>
  <si>
    <t>12/27/2019 14:51:59</t>
  </si>
  <si>
    <t>6392f28c-c240-4794-96de-d3024c11b9da.tmp</t>
  </si>
  <si>
    <t>\\acsfs\profiles$\vivianibfs\Downloads\6392f28c-c240-4794-96de-d3024c11b9da.tmp</t>
  </si>
  <si>
    <t>12/27/2019 14:49:19</t>
  </si>
  <si>
    <t>5113d71a-9261-479e-acfd-199005aee30d.tmp</t>
  </si>
  <si>
    <t>\\acsfs\profiles$\gabrielarb\Downloads\5113d71a-9261-479e-acfd-199005aee30d.tmp</t>
  </si>
  <si>
    <t>12/27/2019 14:50:11</t>
  </si>
  <si>
    <t>2d6ff95b-6036-4448-aaab-cbdd773c4acc.tmp</t>
  </si>
  <si>
    <t>\\acsfs\profiles$\gabrielarb\Downloads\2d6ff95b-6036-4448-aaab-cbdd773c4acc.tmp</t>
  </si>
  <si>
    <t>12/27/2019 14:46:57</t>
  </si>
  <si>
    <t>12/27/2019 14:49:27</t>
  </si>
  <si>
    <t>12/27/2019 14:52:59</t>
  </si>
  <si>
    <t>12/27/2019 14:50:34</t>
  </si>
  <si>
    <t>12/27/2019 14:50:44</t>
  </si>
  <si>
    <t>12/27/2019 14:50:47</t>
  </si>
  <si>
    <t>12/27/2019 14:49:31</t>
  </si>
  <si>
    <t>\\acsfs\profiles$\tainaralg\Desktop\</t>
  </si>
  <si>
    <t>Bloco de notas senhas 2.txt</t>
  </si>
  <si>
    <t>\\acsfs\profiles$\tainaralg\Desktop\Bloco de notas senhas 2.txt</t>
  </si>
  <si>
    <t>12/27/2019 14:52:25</t>
  </si>
  <si>
    <t>\\acsfs\profiles$\cintiadjl\My Documents\My Pictures\</t>
  </si>
  <si>
    <t>\\acsfs\profiles$\cintiadjl\My Documents\My Videos\desktop.ini</t>
  </si>
  <si>
    <t>12/27/2019 14:52:39</t>
  </si>
  <si>
    <t>\\acsfs\profiles$\cintiadjl\My Documents\My Videos\</t>
  </si>
  <si>
    <t>12/27/2019 14:52:40</t>
  </si>
  <si>
    <t>12/27/2019 14:49:38</t>
  </si>
  <si>
    <t>12/27/2019 14:53:59</t>
  </si>
  <si>
    <t>12/27/2019 14:48:27</t>
  </si>
  <si>
    <t>24a8607f-d2ba-4b42-a5c7-b3e0331be6a7.tmp</t>
  </si>
  <si>
    <t>\\acsfs\profiles$\brendadsl\Downloads\24a8607f-d2ba-4b42-a5c7-b3e0331be6a7.tmp</t>
  </si>
  <si>
    <t>12/27/2019 14:48:30</t>
  </si>
  <si>
    <t>8c5dc057-aed6-478b-a5db-10d04cbaa372.tmp</t>
  </si>
  <si>
    <t>\\acsfs\profiles$\brendadsl\Downloads\8c5dc057-aed6-478b-a5db-10d04cbaa372.tmp</t>
  </si>
  <si>
    <t>0700f72d-853c-4b28-b622-1d6f04b2131f.tmp</t>
  </si>
  <si>
    <t>\\acsfs\profiles$\brendadsl\Downloads\0700f72d-853c-4b28-b622-1d6f04b2131f.tmp</t>
  </si>
  <si>
    <t>12/27/2019 14:49:08</t>
  </si>
  <si>
    <t>12/27/2019 14:52:00</t>
  </si>
  <si>
    <t>12/27/2019 14:54:59</t>
  </si>
  <si>
    <t>4ae6ece3-8166-4618-996f-a748aaaf94db.tmp</t>
  </si>
  <si>
    <t>\\acsfs\profiles$\fabianobmf\Downloads\4ae6ece3-8166-4618-996f-a748aaaf94db.tmp</t>
  </si>
  <si>
    <t>12/27/2019 14:53:21</t>
  </si>
  <si>
    <t>12/27/2019 14:55:58</t>
  </si>
  <si>
    <t>12/27/2019 14:53:24</t>
  </si>
  <si>
    <t>12/27/2019 14:51:15</t>
  </si>
  <si>
    <t>12/27/2019 14:56:06</t>
  </si>
  <si>
    <t>12/27/2019 14:56:59</t>
  </si>
  <si>
    <t>841261ae-dd1d-4cc2-b3d3-5eecc88f4aea.tmp</t>
  </si>
  <si>
    <t>\\acsfs\profiles$\rosileiam\Downloads\841261ae-dd1d-4cc2-b3d3-5eecc88f4aea.tmp</t>
  </si>
  <si>
    <t>12/27/2019 14:52:12</t>
  </si>
  <si>
    <t>12/27/2019 14:54:08</t>
  </si>
  <si>
    <t>9215cb4c-6157-4cba-967c-edb969a4a5e7.tmp</t>
  </si>
  <si>
    <t>\\acsfs\profiles$\deborahsi\Downloads\9215cb4c-6157-4cba-967c-edb969a4a5e7.tmp</t>
  </si>
  <si>
    <t>12/27/2019 14:52:57</t>
  </si>
  <si>
    <t>12/27/2019 14:57:59</t>
  </si>
  <si>
    <t>12/27/2019 14:52:58</t>
  </si>
  <si>
    <t>12/27/2019 14:53:00</t>
  </si>
  <si>
    <t>\\acsfs\profiles$\cintiadjl\My Documents\My Music\</t>
  </si>
  <si>
    <t>\\acsfs\profiles$\cintiadjl\My Documents\My Pictures\desktop.ini</t>
  </si>
  <si>
    <t>12/27/2019 14:53:01</t>
  </si>
  <si>
    <t>12/27/2019 14:53:03</t>
  </si>
  <si>
    <t>12/27/2019 14:53:06</t>
  </si>
  <si>
    <t>12/27/2019 14:53:07</t>
  </si>
  <si>
    <t>\\acsfs\profiles$\cintiadjl\Contacts\</t>
  </si>
  <si>
    <t>\\acsfs\profiles$\cintiadjl\Contacts\desktop.ini</t>
  </si>
  <si>
    <t>12/27/2019 14:53:10</t>
  </si>
  <si>
    <t>12/27/2019 14:53:11</t>
  </si>
  <si>
    <t>12/27/2019 14:53:12</t>
  </si>
  <si>
    <t>12/27/2019 14:53:13</t>
  </si>
  <si>
    <t>12/27/2019 14:53:15</t>
  </si>
  <si>
    <t>\\acsfs\profiles$\cintiadjl\My Documents\</t>
  </si>
  <si>
    <t>\\acsfs\profiles$\cintiadjl\Favorites\desktop.ini</t>
  </si>
  <si>
    <t>12/27/2019 14:53:17</t>
  </si>
  <si>
    <t>12/27/2019 14:53:18</t>
  </si>
  <si>
    <t>12/27/2019 14:53:19</t>
  </si>
  <si>
    <t>12/27/2019 14:53:20</t>
  </si>
  <si>
    <t>12/27/2019 14:53:22</t>
  </si>
  <si>
    <t>\\acsfs\profiles$\cintiadjl\My Documents\My Music\desktop.ini</t>
  </si>
  <si>
    <t>12/27/2019 14:55:46</t>
  </si>
  <si>
    <t>12/27/2019 14:53:25</t>
  </si>
  <si>
    <t>12/27/2019 14:55:47</t>
  </si>
  <si>
    <t>lu234802fhqmw.tmp</t>
  </si>
  <si>
    <t>\\acsfs\profiles$\VIVIANALDS\My Documents\lu234802fhqmw.tmp</t>
  </si>
  <si>
    <t>12/27/2019 14:53:26</t>
  </si>
  <si>
    <t>\\acsfs\profiles$\VIVIANALDS\My Documents\lu234802fhqmw.tmp\</t>
  </si>
  <si>
    <t>12/27/2019 14:53:29</t>
  </si>
  <si>
    <t>\\acsfs\profiles$\cintiadjl\Searches\</t>
  </si>
  <si>
    <t>\\acsfs\profiles$\cintiadjl\Searches\desktop.ini</t>
  </si>
  <si>
    <t>\\acsfs\profiles$\VIVIANALDS\My Documents\lu234802fhqmw.tmp\META-INF\</t>
  </si>
  <si>
    <t>12/27/2019 14:53:31</t>
  </si>
  <si>
    <t>12/27/2019 14:53:32</t>
  </si>
  <si>
    <t>12/27/2019 14:53:34</t>
  </si>
  <si>
    <t>\\acsfs\profiles$\cintiadjl\Downloads\desktop.ini</t>
  </si>
  <si>
    <t>12/27/2019 14:53:35</t>
  </si>
  <si>
    <t>12/27/2019 14:53:36</t>
  </si>
  <si>
    <t>\\acsfs\profiles$\cintiadjl\Favorites\</t>
  </si>
  <si>
    <t>\\acsfs\profiles$\cintiadjl\My Documents\desktop.ini</t>
  </si>
  <si>
    <t>12/27/2019 14:53:37</t>
  </si>
  <si>
    <t>12/27/2019 14:53:38</t>
  </si>
  <si>
    <t>12/27/2019 14:53:39</t>
  </si>
  <si>
    <t>\\acsfs\profiles$\VIVIANALDS\My Documents\lu234802fhqmw.tmp\Thumbnails\</t>
  </si>
  <si>
    <t>12/27/2019 14:53:40</t>
  </si>
  <si>
    <t>12/27/2019 14:53:41</t>
  </si>
  <si>
    <t>12/27/2019 14:55:50</t>
  </si>
  <si>
    <t>12/27/2019 14:53:43</t>
  </si>
  <si>
    <t>\\acsfs\profiles$\cintiadjl\Saved Games\desktop.ini</t>
  </si>
  <si>
    <t>12/27/2019 14:53:44</t>
  </si>
  <si>
    <t>12/27/2019 14:54:09</t>
  </si>
  <si>
    <t>winrt--{S-1-5-21-602162358-764733703-839522115-352950}-.searchconnector-ms</t>
  </si>
  <si>
    <t>\\acsfs\profiles$\cintiadjl\Searches\winrt--{S-1-5-21-602162358-764733703-839522115-352950}-.searchconnector-ms</t>
  </si>
  <si>
    <t>12/27/2019 14:55:51</t>
  </si>
  <si>
    <t>lu234802fhqn0.tmp</t>
  </si>
  <si>
    <t>\\acsfs\profiles$\VIVIANALDS\My Documents\lu234802fhqn0.tmp</t>
  </si>
  <si>
    <t>\\acsfs\profiles$\VIVIANALDS\My Documents\lu234802fhqn0.tmp\</t>
  </si>
  <si>
    <t>\\acsfs\profiles$\VIVIANALDS\My Documents\lu234802fhqn0.tmp\META-INF\</t>
  </si>
  <si>
    <t>\\acsfs\profiles$\VIVIANALDS\My Documents\lu234802fhqn0.tmp\Thumbnails\</t>
  </si>
  <si>
    <t>12/27/2019 14:56:57</t>
  </si>
  <si>
    <t>12/27/2019 14:58:59</t>
  </si>
  <si>
    <t>12/27/2019 14:56:58</t>
  </si>
  <si>
    <t>lu1609613al28.tmp</t>
  </si>
  <si>
    <t>\\acsfs\profiles$\LUCASBS\lu1609613al28.tmp</t>
  </si>
  <si>
    <t>\\acsfs\profiles$\LUCASBS\lu1609613al28.tmp\</t>
  </si>
  <si>
    <t>\\acsfs\profiles$\LUCASBS\lu1609613al28.tmp\META-INF\</t>
  </si>
  <si>
    <t>12/27/2019 14:55:08</t>
  </si>
  <si>
    <t>\\acsfs\profiles$\LUCASBS\lu1609613al28.tmp\Thumbnails\</t>
  </si>
  <si>
    <t>12/27/2019 15:00:59</t>
  </si>
  <si>
    <t>12/27/2019 14:56:51</t>
  </si>
  <si>
    <t>12/27/2019 14:59:53</t>
  </si>
  <si>
    <t>12/27/2019 14:58:16</t>
  </si>
  <si>
    <t>12/27/2019 14:58:39</t>
  </si>
  <si>
    <t>12/27/2019 14:58:41</t>
  </si>
  <si>
    <t>12/27/2019 14:56:19</t>
  </si>
  <si>
    <t>12/27/2019 14:56:49</t>
  </si>
  <si>
    <t>12/27/2019 14:57:19</t>
  </si>
  <si>
    <t>12/27/2019 14:58:55</t>
  </si>
  <si>
    <t>12/27/2019 15:01:59</t>
  </si>
  <si>
    <t>12/27/2019 14:59:41</t>
  </si>
  <si>
    <t>Laudo 27-12 3.docx</t>
  </si>
  <si>
    <t>\\acsfs\DEPTOS\Operacao\Banco_Votorantim\Qualidade\Anderson\Jose\Atualizado\Laudo 27-12 3.docx</t>
  </si>
  <si>
    <t>12/27/2019 15:01:06</t>
  </si>
  <si>
    <t>12/27/2019 14:59:15</t>
  </si>
  <si>
    <t>a31bcc2b-9c51-4e9b-875a-e7940455e05e.tmp</t>
  </si>
  <si>
    <t>\\acsfs\profiles$\gabrielafs\Downloads\a31bcc2b-9c51-4e9b-875a-e7940455e05e.tmp</t>
  </si>
  <si>
    <t>12/27/2019 14:58:12</t>
  </si>
  <si>
    <t>12/27/2019 14:57:28</t>
  </si>
  <si>
    <t>12/27/2019 15:00:34</t>
  </si>
  <si>
    <t>cd86a6c5-c474-4213-9501-6d2e415dc6e3.tmp</t>
  </si>
  <si>
    <t>\\acsfs\profiles$\erichds\Downloads\cd86a6c5-c474-4213-9501-6d2e415dc6e3.tmp</t>
  </si>
  <si>
    <t>12/27/2019 14:59:35</t>
  </si>
  <si>
    <t>12/27/2019 15:02:58</t>
  </si>
  <si>
    <t>12/27/2019 14:58:17</t>
  </si>
  <si>
    <t>12/27/2019 15:02:26</t>
  </si>
  <si>
    <t>12/27/2019 15:01:45</t>
  </si>
  <si>
    <t>12/27/2019 15:01:46</t>
  </si>
  <si>
    <t>12/27/2019 14:59:29</t>
  </si>
  <si>
    <t>12/27/2019 15:02:31</t>
  </si>
  <si>
    <t>12/27/2019 14:58:54</t>
  </si>
  <si>
    <t>12/27/2019 15:03:59</t>
  </si>
  <si>
    <t>12/27/2019 15:03:06</t>
  </si>
  <si>
    <t>ecd55d1a-4c50-42fd-a62b-42bdb9ba9f5f.tmp</t>
  </si>
  <si>
    <t>\\acsfs\profiles$\matheusmax\Downloads\ecd55d1a-4c50-42fd-a62b-42bdb9ba9f5f.tmp</t>
  </si>
  <si>
    <t>12/27/2019 15:00:19</t>
  </si>
  <si>
    <t>12/27/2019 15:02:01</t>
  </si>
  <si>
    <t>LORRAYNE VALENTINO AMANCIO - 346195 VISA_1_6756890645193892849_1_32.wav</t>
  </si>
  <si>
    <t>\\acsfs\Deptos\EDUCACAO EMPRESARIAL\KÉSIA\LORRAYNE VALENTINO AMANCIO - 346195 VISA_1_6756890645193892849_1_32.wav</t>
  </si>
  <si>
    <t>12/27/2019 15:02:20</t>
  </si>
  <si>
    <t>mail.google.com/sync/u/0/i/s?hl=pt-BR&amp;c=548</t>
  </si>
  <si>
    <t>12/27/2019 15:02:39</t>
  </si>
  <si>
    <t>12/27/2019 15:02:48</t>
  </si>
  <si>
    <t>12/27/2019 15:02:56</t>
  </si>
  <si>
    <t>12/27/2019 15:01:08</t>
  </si>
  <si>
    <t>12/27/2019 15:03:29</t>
  </si>
  <si>
    <t>12/27/2019 15:04:58</t>
  </si>
  <si>
    <t>2e32894d-0230-4623-b7bd-a482e4e60591.tmp</t>
  </si>
  <si>
    <t>\\acsfs\profiles$\LAISLG\Downloads\2e32894d-0230-4623-b7bd-a482e4e60591.tmp</t>
  </si>
  <si>
    <t>12/27/2019 15:04:04</t>
  </si>
  <si>
    <t>12/27/2019 15:05:59</t>
  </si>
  <si>
    <t>12/27/2019 15:04:05</t>
  </si>
  <si>
    <t>lu1886413bvdv.tmp</t>
  </si>
  <si>
    <t>\\acsfs\profiles$\FLAVIOJMM\My Documents\lu1886413bvdv.tmp</t>
  </si>
  <si>
    <t>\\acsfs\profiles$\FLAVIOJMM\My Documents\lu1886413bvdv.tmp\</t>
  </si>
  <si>
    <t>\\acsfs\profiles$\FLAVIOJMM\My Documents\lu1886413bvdv.tmp\META-INF\</t>
  </si>
  <si>
    <t>\\acsfs\profiles$\FLAVIOJMM\My Documents\lu1886413bvdv.tmp\Thumbnails\</t>
  </si>
  <si>
    <t>12/27/2019 15:02:03</t>
  </si>
  <si>
    <t>12/27/2019 15:02:13</t>
  </si>
  <si>
    <t>12/27/2019 15:03:51</t>
  </si>
  <si>
    <t>12/27/2019 15:04:12</t>
  </si>
  <si>
    <t>12/27/2019 15:06:59</t>
  </si>
  <si>
    <t>dcc9e740-64d3-4693-9613-08f4bb579e7b.tmp</t>
  </si>
  <si>
    <t>\\acsfs\profiles$\erichds\Downloads\dcc9e740-64d3-4693-9613-08f4bb579e7b.tmp</t>
  </si>
  <si>
    <t>12/27/2019 15:05:54</t>
  </si>
  <si>
    <t>12/27/2019 15:07:58</t>
  </si>
  <si>
    <t>6fd4c324-c650-4dfc-87a7-b47a19df7a72.tmp</t>
  </si>
  <si>
    <t>\\acsfs\profiles$\gabrielamdp\Downloads\6fd4c324-c650-4dfc-87a7-b47a19df7a72.tmp</t>
  </si>
  <si>
    <t>6feaf075-628b-45f9-a0d1-6896a0569dab.tmp</t>
  </si>
  <si>
    <t>\\acsfs\profiles$\gabrielamdp\Downloads\6feaf075-628b-45f9-a0d1-6896a0569dab.tmp</t>
  </si>
  <si>
    <t>12/27/2019 15:05:55</t>
  </si>
  <si>
    <t>97c43b83-1921-4689-abfb-6a49719592a7.tmp</t>
  </si>
  <si>
    <t>\\acsfs\profiles$\gabrielamdp\Downloads\97c43b83-1921-4689-abfb-6a49719592a7.tmp</t>
  </si>
  <si>
    <t>c260a1f8-1f5a-4640-8c5e-e4c0ee0938b4.tmp</t>
  </si>
  <si>
    <t>\\acsfs\profiles$\gabrielamdp\Downloads\c260a1f8-1f5a-4640-8c5e-e4c0ee0938b4.tmp</t>
  </si>
  <si>
    <t>12/27/2019 15:05:57</t>
  </si>
  <si>
    <t>621ffdb7-d17f-4e5b-a94c-557939763fd1.tmp</t>
  </si>
  <si>
    <t>\\acsfs\profiles$\gabrielamdp\Downloads\621ffdb7-d17f-4e5b-a94c-557939763fd1.tmp</t>
  </si>
  <si>
    <t>12/27/2019 15:03:55</t>
  </si>
  <si>
    <t>12/27/2019 15:06:35</t>
  </si>
  <si>
    <t>12/27/2019 15:07:10</t>
  </si>
  <si>
    <t>12/27/2019 15:06:04</t>
  </si>
  <si>
    <t>12/27/2019 15:08:58</t>
  </si>
  <si>
    <t>mail.google.com/_/upload?authuser=0&amp;dcp=asu-n&amp;upload_id=AEnB2Upjq0n9-7WxAJt5KthL3vy-wXI4LIAqK80OFvTR47Ee5WkIRTrXS1FNE24i7xv9ODMKYRIC4HqKbDO3nPrZmW3YMDdHOW2vXWFTy9A-kv8u00lExJo&amp;upload_protocol=resumable</t>
  </si>
  <si>
    <t>12/27/2019 15:04:26</t>
  </si>
  <si>
    <t>0fd51885-dac0-41bf-bd53-1b4916c48a67.tmp</t>
  </si>
  <si>
    <t>\\acsfs\profiles$\adelvinsonle\Downloads\0fd51885-dac0-41bf-bd53-1b4916c48a67.tmp</t>
  </si>
  <si>
    <t>12/27/2019 15:06:07</t>
  </si>
  <si>
    <t>12/27/2019 15:08:21</t>
  </si>
  <si>
    <t>12/27/2019 15:07:08</t>
  </si>
  <si>
    <t>lu1609613al2h.tmp</t>
  </si>
  <si>
    <t>\\acsfs\profiles$\LUCASBS\lu1609613al2h.tmp</t>
  </si>
  <si>
    <t>\\acsfs\profiles$\LUCASBS\lu1609613al2h.tmp\</t>
  </si>
  <si>
    <t>\\acsfs\profiles$\LUCASBS\lu1609613al2h.tmp\META-INF\</t>
  </si>
  <si>
    <t>\\acsfs\profiles$\LUCASBS\lu1609613al2h.tmp\Thumbnails\</t>
  </si>
  <si>
    <t>12/27/2019 15:09:59</t>
  </si>
  <si>
    <t>12/27/2019 15:07:59</t>
  </si>
  <si>
    <t>12/27/2019 15:05:35</t>
  </si>
  <si>
    <t>f0e514a8-7db0-4ff1-a198-73536c1f1def.tmp</t>
  </si>
  <si>
    <t>\\acsfs\profiles$\larissaad\Downloads\f0e514a8-7db0-4ff1-a198-73536c1f1def.tmp</t>
  </si>
  <si>
    <t>12/27/2019 15:05:48</t>
  </si>
  <si>
    <t>lu8720889qmfh.tmp</t>
  </si>
  <si>
    <t>\\acsfs\profiles$\geovanaasa\My Documents\lu8720889qmfh.tmp</t>
  </si>
  <si>
    <t>\\acsfs\profiles$\geovanaasa\My Documents\lu8720889qmfh.tmp\</t>
  </si>
  <si>
    <t>\\acsfs\profiles$\geovanaasa\My Documents\lu8720889qmfh.tmp\META-INF\</t>
  </si>
  <si>
    <t>12/27/2019 15:05:49</t>
  </si>
  <si>
    <t>\\acsfs\profiles$\geovanaasa\My Documents\lu8720889qmfh.tmp\Thumbnails\</t>
  </si>
  <si>
    <t>12/27/2019 15:08:29</t>
  </si>
  <si>
    <t>12/27/2019 15:10:58</t>
  </si>
  <si>
    <t>12/27/2019 15:10:00</t>
  </si>
  <si>
    <t>12/27/2019 15:10:01</t>
  </si>
  <si>
    <t>lu1886413bve1.tmp</t>
  </si>
  <si>
    <t>\\acsfs\profiles$\FLAVIOJMM\My Documents\lu1886413bve1.tmp</t>
  </si>
  <si>
    <t>\\acsfs\profiles$\FLAVIOJMM\My Documents\lu1886413bve1.tmp\</t>
  </si>
  <si>
    <t>\\acsfs\profiles$\FLAVIOJMM\My Documents\lu1886413bve1.tmp\META-INF\</t>
  </si>
  <si>
    <t>\\acsfs\profiles$\FLAVIOJMM\My Documents\lu1886413bve1.tmp\Thumbnails\</t>
  </si>
  <si>
    <t>12/27/2019 15:07:26</t>
  </si>
  <si>
    <t>12/27/2019 15:07:42</t>
  </si>
  <si>
    <t>12/27/2019 15:07:47</t>
  </si>
  <si>
    <t>12/27/2019 15:07:48</t>
  </si>
  <si>
    <t>12/27/2019 15:08:52</t>
  </si>
  <si>
    <t>12/27/2019 15:09:52</t>
  </si>
  <si>
    <t>9069d4f1-5fff-4cba-aa3e-dc6b9398eac5.tmp</t>
  </si>
  <si>
    <t>\\acsfs\profiles$\gabriellalpr\Downloads\9069d4f1-5fff-4cba-aa3e-dc6b9398eac5.tmp</t>
  </si>
  <si>
    <t>12/27/2019 15:10:12</t>
  </si>
  <si>
    <t>12/27/2019 15:11:59</t>
  </si>
  <si>
    <t>12/27/2019 15:06:54</t>
  </si>
  <si>
    <t>12/27/2019 15:06:55</t>
  </si>
  <si>
    <t>lu399765dgqrg.tmp</t>
  </si>
  <si>
    <t>\\acsfs\profiles$\CLAUDIAJCA\lu399765dgqrg.tmp</t>
  </si>
  <si>
    <t>\\acsfs\profiles$\CLAUDIAJCA\lu399765dgqrg.tmp\</t>
  </si>
  <si>
    <t>\\acsfs\profiles$\CLAUDIAJCA\lu399765dgqrg.tmp\META-INF\</t>
  </si>
  <si>
    <t>\\acsfs\profiles$\CLAUDIAJCA\lu399765dgqrg.tmp\Thumbnails\</t>
  </si>
  <si>
    <t>12/27/2019 15:07:32</t>
  </si>
  <si>
    <t>12/27/2019 15:07:33</t>
  </si>
  <si>
    <t>lu399765dgqrl.tmp</t>
  </si>
  <si>
    <t>\\acsfs\profiles$\CLAUDIAJCA\lu399765dgqrl.tmp</t>
  </si>
  <si>
    <t>\\acsfs\profiles$\CLAUDIAJCA\lu399765dgqrl.tmp\</t>
  </si>
  <si>
    <t>\\acsfs\profiles$\CLAUDIAJCA\lu399765dgqrl.tmp\META-INF\</t>
  </si>
  <si>
    <t>\\acsfs\profiles$\CLAUDIAJCA\lu399765dgqrl.tmp\Thumbnails\</t>
  </si>
  <si>
    <t>12/27/2019 15:10:43</t>
  </si>
  <si>
    <t>Jessica Ferreira Carvalho_1_6770273239302220415_1_32.wav</t>
  </si>
  <si>
    <t>\\acsfs\Deptos\EDUCACAO EMPRESARIAL\FERNANDA MONIT\Ligação para Mutant terceiro Ciclo\Jessica Ferreira Carvalho_1_6770273239302220415_1_32.wav</t>
  </si>
  <si>
    <t>12/27/2019 15:06:58</t>
  </si>
  <si>
    <t>12/27/2019 15:08:13</t>
  </si>
  <si>
    <t>12/27/2019 15:12:59</t>
  </si>
  <si>
    <t>fe414603-5b29-4003-a1e1-df71832a2981.tmp</t>
  </si>
  <si>
    <t>\\acsfs\profiles$\nayarasds\Downloads\fe414603-5b29-4003-a1e1-df71832a2981.tmp</t>
  </si>
  <si>
    <t>12/27/2019 15:10:10</t>
  </si>
  <si>
    <t>1386111b-1cd4-412e-998e-3af9ed77b2a4.tmp</t>
  </si>
  <si>
    <t>\\acsfs\profiles$\gabrielamdp\Downloads\1386111b-1cd4-412e-998e-3af9ed77b2a4.tmp</t>
  </si>
  <si>
    <t>12/27/2019 15:08:36</t>
  </si>
  <si>
    <t>12/27/2019 15:08:56</t>
  </si>
  <si>
    <t>12/27/2019 15:09:01</t>
  </si>
  <si>
    <t>12/27/2019 15:09:41</t>
  </si>
  <si>
    <t>12/27/2019 15:10:03</t>
  </si>
  <si>
    <t>12/27/2019 15:10:07</t>
  </si>
  <si>
    <t>12/27/2019 15:10:29</t>
  </si>
  <si>
    <t>12/27/2019 15:10:32</t>
  </si>
  <si>
    <t>12/27/2019 15:10:39</t>
  </si>
  <si>
    <t>12/27/2019 15:10:46</t>
  </si>
  <si>
    <t>12/27/2019 15:10:54</t>
  </si>
  <si>
    <t>12/27/2019 15:11:26</t>
  </si>
  <si>
    <t>12/27/2019 15:12:14</t>
  </si>
  <si>
    <t>12/27/2019 15:12:23</t>
  </si>
  <si>
    <t>12/27/2019 15:08:34</t>
  </si>
  <si>
    <t>12/27/2019 15:13:59</t>
  </si>
  <si>
    <t>7d456672-d403-4627-a631-13e8f8017878.tmp</t>
  </si>
  <si>
    <t>\\acsfs\profiles$\fabianafv\Downloads\7d456672-d403-4627-a631-13e8f8017878.tmp</t>
  </si>
  <si>
    <t>12/27/2019 15:13:08</t>
  </si>
  <si>
    <t>12/27/2019 15:12:12</t>
  </si>
  <si>
    <t>12/27/2019 15:15:40</t>
  </si>
  <si>
    <t>12/27/2019 15:15:59</t>
  </si>
  <si>
    <t>5b2da54c-b7fa-4a3a-b188-b2f8372fc381.tmp</t>
  </si>
  <si>
    <t>\\acsfs\profiles$\gabriellalpr\Downloads\5b2da54c-b7fa-4a3a-b188-b2f8372fc381.tmp</t>
  </si>
  <si>
    <t>12/27/2019 15:12:21</t>
  </si>
  <si>
    <t>12/27/2019 15:14:02</t>
  </si>
  <si>
    <t>12/27/2019 15:13:36</t>
  </si>
  <si>
    <t>12/27/2019 15:16:59</t>
  </si>
  <si>
    <t>\\acsfs\profiles$\gabrielafs\</t>
  </si>
  <si>
    <t>Anexo.txt</t>
  </si>
  <si>
    <t>\\acsfs\profiles$\gabrielafs\Anexo.txt</t>
  </si>
  <si>
    <t>12/27/2019 15:13:45</t>
  </si>
  <si>
    <t>Abordagem do cliente + vendas.txt</t>
  </si>
  <si>
    <t>\\acsfs\profiles$\gabrielafs\Abordagem do cliente + vendas.txt</t>
  </si>
  <si>
    <t>12/27/2019 15:14:33</t>
  </si>
  <si>
    <t>12/27/2019 15:13:40</t>
  </si>
  <si>
    <t>d89a1646-7076-4684-8f2a-9cdb10003a91.tmp</t>
  </si>
  <si>
    <t>\\acsfs\profiles$\rosileiam\Downloads\d89a1646-7076-4684-8f2a-9cdb10003a91.tmp</t>
  </si>
  <si>
    <t>12/27/2019 15:16:12</t>
  </si>
  <si>
    <t>12/27/2019 15:14:11</t>
  </si>
  <si>
    <t>12/27/2019 15:17:59</t>
  </si>
  <si>
    <t>de221b4a-b747-41ad-b657-3803e4853675.tmp</t>
  </si>
  <si>
    <t>\\acsfs\profiles$\ERICALSR\Downloads\de221b4a-b747-41ad-b657-3803e4853675.tmp</t>
  </si>
  <si>
    <t>12/27/2019 15:15:29</t>
  </si>
  <si>
    <t>12/27/2019 15:15:35</t>
  </si>
  <si>
    <t>12/27/2019 15:16:01</t>
  </si>
  <si>
    <t>12/27/2019 15:16:05</t>
  </si>
  <si>
    <t>12/27/2019 15:16:22</t>
  </si>
  <si>
    <t>12/27/2019 15:16:46</t>
  </si>
  <si>
    <t>12/27/2019 15:17:33</t>
  </si>
  <si>
    <t>12/27/2019 15:18:58</t>
  </si>
  <si>
    <t>XLOG_vanessacgs_27122019_094213.log</t>
  </si>
  <si>
    <t>\\acsfs\profiles$\vanessacgs\My Documents\xworkcenter\logs\XLOG_vanessacgs_27122019_094213.log</t>
  </si>
  <si>
    <t>12/27/2019 15:15:43</t>
  </si>
  <si>
    <t>\\acsfs\profiles$\vanessacgs\My Documents\xworkcenter\logs\wrapper.log</t>
  </si>
  <si>
    <t>12/27/2019 15:15:31</t>
  </si>
  <si>
    <t>.~lock.isabelle 27.12.19 segunda planilha.ods#</t>
  </si>
  <si>
    <t>\\acsfs\profiles$\ISABELLEGTDS\Nova pasta\.~lock.isabelle 27.12.19 segunda planilha.ods#</t>
  </si>
  <si>
    <t>lu279042mmo5a.tmp</t>
  </si>
  <si>
    <t>\\acsfs\profiles$\ISABELLEGTDS\Nova pasta\lu279042mmo5a.tmp</t>
  </si>
  <si>
    <t>\\acsfs\profiles$\ISABELLEGTDS\Nova pasta\lu279042mmo5a.tmp\</t>
  </si>
  <si>
    <t>\\acsfs\profiles$\ISABELLEGTDS\Nova pasta\lu279042mmo5a.tmp\META-INF\</t>
  </si>
  <si>
    <t>\\acsfs\profiles$\ISABELLEGTDS\Nova pasta\lu279042mmo5a.tmp\Thumbnails\</t>
  </si>
  <si>
    <t>12/27/2019 15:13:57</t>
  </si>
  <si>
    <t>\\acsfs\Deptos\EDUCACAO EMPRESARIAL\2 - Operações\0.01 BV CARTÕES\Mariane\Reneg\</t>
  </si>
  <si>
    <t>\\acsfs\Deptos\EDUCACAO EMPRESARIAL\2 - Operações\0.01 BV CARTÕES\Mariane\Reneg\Thumbs.db</t>
  </si>
  <si>
    <t>12/27/2019 15:13:58</t>
  </si>
  <si>
    <t>\\acsfs\Deptos\EDUCACAO EMPRESARIAL\2 - Operações\0.01 BV CARTÕES\Mariane\</t>
  </si>
  <si>
    <t>\\acsfs\Deptos\EDUCACAO EMPRESARIAL\2 - Operações\0.01 BV CARTÕES\Mariane\Thumbs.db</t>
  </si>
  <si>
    <t>12/27/2019 15:14:15</t>
  </si>
  <si>
    <t>12/27/2019 15:14:16</t>
  </si>
  <si>
    <t>12/27/2019 15:14:17</t>
  </si>
  <si>
    <t>12/27/2019 15:14:18</t>
  </si>
  <si>
    <t>12/27/2019 15:15:37</t>
  </si>
  <si>
    <t>12/27/2019 15:19:59</t>
  </si>
  <si>
    <t>12/27/2019 15:19:43</t>
  </si>
  <si>
    <t>d233cb6c-4c16-4649-8082-7b3be357cab7.tmp</t>
  </si>
  <si>
    <t>\\acsfs\profiles$\joycemmdl\Downloads\d233cb6c-4c16-4649-8082-7b3be357cab7.tmp</t>
  </si>
  <si>
    <t>12/27/2019 15:18:15</t>
  </si>
  <si>
    <t>12/27/2019 15:20:59</t>
  </si>
  <si>
    <t>12/27/2019 15:19:56</t>
  </si>
  <si>
    <t>CIELO ARV</t>
  </si>
  <si>
    <t>karlabds</t>
  </si>
  <si>
    <t>\\acsfs\profiles$\karlabds\My Documents\My Pictures\</t>
  </si>
  <si>
    <t>\\acsfs\profiles$\KARLABDS\My Documents\My Videos\desktop.ini</t>
  </si>
  <si>
    <t>12/27/2019 15:20:00</t>
  </si>
  <si>
    <t>\\acsfs\profiles$\KARLABDS\My Documents\My Videos\</t>
  </si>
  <si>
    <t>12/27/2019 15:20:01</t>
  </si>
  <si>
    <t>12/27/2019 15:20:02</t>
  </si>
  <si>
    <t>12/27/2019 15:20:03</t>
  </si>
  <si>
    <t>12/27/2019 15:20:05</t>
  </si>
  <si>
    <t>\\acsfs\profiles$\karlabds\My Documents\My Music\</t>
  </si>
  <si>
    <t>\\acsfs\profiles$\KARLABDS\My Documents\My Pictures\desktop.ini</t>
  </si>
  <si>
    <t>12/27/2019 15:20:07</t>
  </si>
  <si>
    <t>\\acsfs\profiles$\karlabds\My Documents\My Videos\</t>
  </si>
  <si>
    <t>12/27/2019 15:20:08</t>
  </si>
  <si>
    <t>12/27/2019 15:20:09</t>
  </si>
  <si>
    <t>12/27/2019 15:20:10</t>
  </si>
  <si>
    <t>12/27/2019 15:20:12</t>
  </si>
  <si>
    <t>\\acsfs\profiles$\KARLABDS\Contacts\</t>
  </si>
  <si>
    <t>\\acsfs\profiles$\KARLABDS\Contacts\desktop.ini</t>
  </si>
  <si>
    <t>12/27/2019 15:20:13</t>
  </si>
  <si>
    <t>12/27/2019 15:20:15</t>
  </si>
  <si>
    <t>12/27/2019 15:20:16</t>
  </si>
  <si>
    <t>12/27/2019 15:19:25</t>
  </si>
  <si>
    <t>12/27/2019 15:21:03</t>
  </si>
  <si>
    <t>12/27/2019 15:21:59</t>
  </si>
  <si>
    <t>0ba2b00f-997e-4af9-a9f5-48f186c1e580.tmp</t>
  </si>
  <si>
    <t>\\acsfs\profiles$\vivianibfs\Downloads\0ba2b00f-997e-4af9-a9f5-48f186c1e580.tmp</t>
  </si>
  <si>
    <t>12/27/2019 15:18:03</t>
  </si>
  <si>
    <t>Relatorio de Vendas - Auditoria BV Cartoes (Dezembro)_NOVO terminar.xlsx</t>
  </si>
  <si>
    <t>\\acsfs\DEPTOS\Operacao\Banco_Votorantim\Qualidade\Anderson\Jose\Atualizado\Relatorio de Vendas - Auditoria BV Cartoes (Dezembro)_NOVO terminar.xlsx</t>
  </si>
  <si>
    <t>12/27/2019 15:19:38</t>
  </si>
  <si>
    <t>\\acsfs\DEPTOS\Operacao\Banco_Votorantim\Qualidade\Anderson\</t>
  </si>
  <si>
    <t>\\acsfs\DEPTOS\Operacao\Banco_Votorantim\Qualidade\Anderson\BUGs\Thumbs.db</t>
  </si>
  <si>
    <t>12/27/2019 15:17:46</t>
  </si>
  <si>
    <t>12/27/2019 15:22:59</t>
  </si>
  <si>
    <t>mail.google.com/sync/u/0/i/fd?hl=pt-BR&amp;c=93</t>
  </si>
  <si>
    <t>12/27/2019 15:17:53</t>
  </si>
  <si>
    <t>12/27/2019 15:18:39</t>
  </si>
  <si>
    <t>12/27/2019 15:22:04</t>
  </si>
  <si>
    <t>12/27/2019 15:18:35</t>
  </si>
  <si>
    <t>\\acsfs\ACS\001 - Qualidade Lilian\PAULO\FAROL DE QUALIDADE\DEZEMBRO\6C91FB1.tmp\</t>
  </si>
  <si>
    <t>\\acsfs\ACS\001 - Qualidade Lilian\PAULO\FAROL DE QUALIDADE\DEZEMBRO\6C91FB1.tmp\:Zone.Identifier:$DATA</t>
  </si>
  <si>
    <t>DIMENSIONAMENTO.xlsx</t>
  </si>
  <si>
    <t>\\acsfs\ACS\001 - Qualidade Lilian\PAULO\FAROL DE QUALIDADE\DEZEMBRO\DIMENSIONAMENTO.xlsx</t>
  </si>
  <si>
    <t>Não confirmado 149592.crdownload</t>
  </si>
  <si>
    <t>\\acsfs\ACS\001 - Qualidade Lilian\PAULO\FAROL DE QUALIDADE\DEZEMBRO\Não confirmado 149592.crdownload</t>
  </si>
  <si>
    <t>12/27/2019 15:18:51</t>
  </si>
  <si>
    <t>12/27/2019 15:23:59</t>
  </si>
  <si>
    <t>2149684e-024b-4971-bf64-30a94f579fe5.tmp</t>
  </si>
  <si>
    <t>\\acsfs\profiles$\sarahbal\Downloads\2149684e-024b-4971-bf64-30a94f579fe5.tmp</t>
  </si>
  <si>
    <t>12/27/2019 15:19:23</t>
  </si>
  <si>
    <t>bf192a7a-6a99-4387-aa05-91694b4bf676.tmp</t>
  </si>
  <si>
    <t>\\acsfs\profiles$\sarahbal\Downloads\bf192a7a-6a99-4387-aa05-91694b4bf676.tmp</t>
  </si>
  <si>
    <t>12/27/2019 15:21:02</t>
  </si>
  <si>
    <t>12/27/2019 15:19:08</t>
  </si>
  <si>
    <t>12/27/2019 15:20:21</t>
  </si>
  <si>
    <t>12/27/2019 15:24:58</t>
  </si>
  <si>
    <t>12/27/2019 15:25:59</t>
  </si>
  <si>
    <t>12/27/2019 15:20:18</t>
  </si>
  <si>
    <t>12/27/2019 15:20:20</t>
  </si>
  <si>
    <t>12/27/2019 15:20:23</t>
  </si>
  <si>
    <t>\\acsfs\profiles$\karlabds\My Documents\</t>
  </si>
  <si>
    <t>\\acsfs\profiles$\KARLABDS\Favorites\desktop.ini</t>
  </si>
  <si>
    <t>12/27/2019 15:20:24</t>
  </si>
  <si>
    <t>12/27/2019 15:20:25</t>
  </si>
  <si>
    <t>12/27/2019 15:20:27</t>
  </si>
  <si>
    <t>12/27/2019 15:20:29</t>
  </si>
  <si>
    <t>12/27/2019 15:20:30</t>
  </si>
  <si>
    <t>12/27/2019 15:20:31</t>
  </si>
  <si>
    <t>12/27/2019 15:20:32</t>
  </si>
  <si>
    <t>\\acsfs\profiles$\KARLABDS\My Documents\My Music\desktop.ini</t>
  </si>
  <si>
    <t>12/27/2019 15:20:35</t>
  </si>
  <si>
    <t>\\acsfs\profiles$\KARLABDS\My Documents\My Music\</t>
  </si>
  <si>
    <t>12/27/2019 15:20:36</t>
  </si>
  <si>
    <t>12/27/2019 15:20:37</t>
  </si>
  <si>
    <t>12/27/2019 15:20:38</t>
  </si>
  <si>
    <t>12/27/2019 15:20:40</t>
  </si>
  <si>
    <t>\\acsfs\profiles$\KARLABDS\Searches\</t>
  </si>
  <si>
    <t>\\acsfs\profiles$\KARLABDS\Searches\desktop.ini</t>
  </si>
  <si>
    <t>12/27/2019 15:20:41</t>
  </si>
  <si>
    <t>12/27/2019 15:20:44</t>
  </si>
  <si>
    <t>12/27/2019 15:20:46</t>
  </si>
  <si>
    <t>12/27/2019 15:20:48</t>
  </si>
  <si>
    <t>\\acsfs\profiles$\KARLABDS\Downloads\</t>
  </si>
  <si>
    <t>\\acsfs\profiles$\KARLABDS\Downloads\desktop.ini</t>
  </si>
  <si>
    <t>12/27/2019 15:20:49</t>
  </si>
  <si>
    <t>12/27/2019 15:20:50</t>
  </si>
  <si>
    <t>\\acsfs\profiles$\karlabds\Favorites\</t>
  </si>
  <si>
    <t>\\acsfs\profiles$\KARLABDS\My Documents\desktop.ini</t>
  </si>
  <si>
    <t>12/27/2019 15:20:52</t>
  </si>
  <si>
    <t>\\acsfs\profiles$\KARLABDS\My Documents\</t>
  </si>
  <si>
    <t>12/27/2019 15:20:53</t>
  </si>
  <si>
    <t>12/27/2019 15:20:55</t>
  </si>
  <si>
    <t>12/27/2019 15:20:56</t>
  </si>
  <si>
    <t>12/27/2019 15:20:58</t>
  </si>
  <si>
    <t>12/27/2019 15:21:00</t>
  </si>
  <si>
    <t>\\acsfs\profiles$\karlabds\Downloads\</t>
  </si>
  <si>
    <t>\\acsfs\profiles$\KARLABDS\Saved Games\desktop.ini</t>
  </si>
  <si>
    <t>12/27/2019 15:21:01</t>
  </si>
  <si>
    <t>12/27/2019 15:21:17</t>
  </si>
  <si>
    <t>winrt--{S-1-5-21-602162358-764733703-839522115-330470}-.searchconnector-ms</t>
  </si>
  <si>
    <t>\\acsfs\profiles$\KARLABDS\Searches\winrt--{S-1-5-21-602162358-764733703-839522115-330470}-.searchconnector-ms</t>
  </si>
  <si>
    <t>12/27/2019 15:21:26</t>
  </si>
  <si>
    <t>12/27/2019 15:21:56</t>
  </si>
  <si>
    <t>12/27/2019 15:22:37</t>
  </si>
  <si>
    <t>12/27/2019 15:27:00</t>
  </si>
  <si>
    <t>12/27/2019 15:22:50</t>
  </si>
  <si>
    <t>09d4db56-4ca4-43a3-9d09-ef7e3d347001.tmp</t>
  </si>
  <si>
    <t>\\acsfs\profiles$\andreapdsg\Downloads\09d4db56-4ca4-43a3-9d09-ef7e3d347001.tmp</t>
  </si>
  <si>
    <t>12/27/2019 15:22:51</t>
  </si>
  <si>
    <t>12/27/2019 15:23:16</t>
  </si>
  <si>
    <t>12/27/2019 15:24:22</t>
  </si>
  <si>
    <t>366cacaa-323a-4c3b-abad-2b25797cce4c.tmp</t>
  </si>
  <si>
    <t>\\acsfs\profiles$\andreapdsg\Downloads\366cacaa-323a-4c3b-abad-2b25797cce4c.tmp</t>
  </si>
  <si>
    <t>12/27/2019 15:25:57</t>
  </si>
  <si>
    <t>RELATORIO 27-12-2019.png</t>
  </si>
  <si>
    <t>\\acsfs\DEPTOS\Operacao\Banco_Votorantim\Qualidade\Anderson\Jose\Atualizado\RELATORIO 27-12-2019.png</t>
  </si>
  <si>
    <t>12/27/2019 15:23:02</t>
  </si>
  <si>
    <t>12/27/2019 15:22:12</t>
  </si>
  <si>
    <t>12/27/2019 15:23:23</t>
  </si>
  <si>
    <t>12/27/2019 15:27:59</t>
  </si>
  <si>
    <t>12/27/2019 15:24:47</t>
  </si>
  <si>
    <t>ACOMPANHAMENTO NR 17 - CARTÕES.xlsx</t>
  </si>
  <si>
    <t>\\acsfs\DEPTOS\Operacao\PCP\5 - Comum\PLANEJAMENTO BV\14 - ACOMPANHAMENTO\1 - REPORT ACOMPANHAMENTO\2019\12 - Dezembro\CARTÕES\ACOMPANHAMENTO NR 17 - CARTÕES.xlsx</t>
  </si>
  <si>
    <t>12/27/2019 15:25:34</t>
  </si>
  <si>
    <t>12/27/2019 15:25:52</t>
  </si>
  <si>
    <t>12/27/2019 15:26:13</t>
  </si>
  <si>
    <t>12/27/2019 15:24:17</t>
  </si>
  <si>
    <t>9ea8b38b-8889-4528-a059-01b73a0303b7.tmp</t>
  </si>
  <si>
    <t>\\acsfs\profiles$\cintiadjl\Downloads\9ea8b38b-8889-4528-a059-01b73a0303b7.tmp</t>
  </si>
  <si>
    <t>12/27/2019 15:26:25</t>
  </si>
  <si>
    <t>d6bcacad-d637-4804-8f46-ead207f4badd.tmp</t>
  </si>
  <si>
    <t>\\acsfs\profiles$\cintiadjl\Downloads\d6bcacad-d637-4804-8f46-ead207f4badd.tmp</t>
  </si>
  <si>
    <t>12/27/2019 15:26:17</t>
  </si>
  <si>
    <t>12/27/2019 15:27:58</t>
  </si>
  <si>
    <t>12/27/2019 15:28:59</t>
  </si>
  <si>
    <t>204d8333-9c56-4002-9a81-76603655bc0a.tmp</t>
  </si>
  <si>
    <t>\\acsfs\profiles$\sarahbal\Downloads\204d8333-9c56-4002-9a81-76603655bc0a.tmp</t>
  </si>
  <si>
    <t>12/27/2019 15:25:08</t>
  </si>
  <si>
    <t>12/27/2019 15:28:01</t>
  </si>
  <si>
    <t>12/27/2019 15:28:27</t>
  </si>
  <si>
    <t>12/27/2019 15:30:00</t>
  </si>
  <si>
    <t>12/27/2019 15:30:25</t>
  </si>
  <si>
    <t>12/27/2019 15:30:59</t>
  </si>
  <si>
    <t>12/27/2019 15:29:40</t>
  </si>
  <si>
    <t>12/27/2019 15:32:00</t>
  </si>
  <si>
    <t>12/27/2019 15:27:29</t>
  </si>
  <si>
    <t>Relatorio de Vendas - Auditoria BV Cartoes (Dezembro)_ Cliente 27-12.xlsx</t>
  </si>
  <si>
    <t>\\acsfs\DEPTOS\Operacao\Banco_Votorantim\Qualidade\Anderson\Jose\Atualizado\Relatorio de Vendas - Auditoria BV Cartoes (Dezembro)_ Cliente 27-12.xlsx</t>
  </si>
  <si>
    <t>12/27/2019 15:30:31</t>
  </si>
  <si>
    <t>Relatorio de Vendas - Auditoria BV Cartoes (Dezembro)_ SUPERVISOR 27-12.xlsx</t>
  </si>
  <si>
    <t>\\acsfs\DEPTOS\Operacao\Banco_Votorantim\Qualidade\Anderson\Jose\Atualizado\Relatorio de Vendas - Auditoria BV Cartoes (Dezembro)_ SUPERVISOR 27-12.xlsx</t>
  </si>
  <si>
    <t>12/27/2019 15:30:39</t>
  </si>
  <si>
    <t>12/27/2019 15:28:12</t>
  </si>
  <si>
    <t>12/27/2019 15:30:53</t>
  </si>
  <si>
    <t>12/27/2019 15:32:59</t>
  </si>
  <si>
    <t>943319fe-5d01-401f-91a7-0647e3210e29.tmp</t>
  </si>
  <si>
    <t>\\acsfs\profiles$\gabrielamdp\Downloads\943319fe-5d01-401f-91a7-0647e3210e29.tmp</t>
  </si>
  <si>
    <t>12/27/2019 15:27:32</t>
  </si>
  <si>
    <t>12/27/2019 15:29:15</t>
  </si>
  <si>
    <t>12/27/2019 15:30:46</t>
  </si>
  <si>
    <t>12/27/2019 15:31:32</t>
  </si>
  <si>
    <t>12/27/2019 15:33:05</t>
  </si>
  <si>
    <t>12/27/2019 15:33:59</t>
  </si>
  <si>
    <t>3e9a50cb-3aa1-4ee3-a183-a92a38cafd26.tmp</t>
  </si>
  <si>
    <t>\\acsfs\profiles$\matheusmax\Downloads\3e9a50cb-3aa1-4ee3-a183-a92a38cafd26.tmp</t>
  </si>
  <si>
    <t>12/27/2019 15:28:45</t>
  </si>
  <si>
    <t>044552d9-e3cc-4627-becc-e032c8718c17.tmp</t>
  </si>
  <si>
    <t>\\acsfs\profiles$\sarahbal\Downloads\044552d9-e3cc-4627-becc-e032c8718c17.tmp</t>
  </si>
  <si>
    <t>12/27/2019 15:29:26</t>
  </si>
  <si>
    <t>420a10d9-e07e-4a84-9e5c-90b36424520e.tmp</t>
  </si>
  <si>
    <t>\\acsfs\profiles$\sarahbal\Downloads\420a10d9-e07e-4a84-9e5c-90b36424520e.tmp</t>
  </si>
  <si>
    <t>12/27/2019 15:29:37</t>
  </si>
  <si>
    <t>3a9987d5-408c-44df-ba68-9ce39230b8f1.tmp</t>
  </si>
  <si>
    <t>\\acsfs\profiles$\sarahbal\Downloads\3a9987d5-408c-44df-ba68-9ce39230b8f1.tmp</t>
  </si>
  <si>
    <t>12/27/2019 15:32:53</t>
  </si>
  <si>
    <t>cfa5acbc-f6e0-4046-9a8e-52eec5eb6bdf.tmp</t>
  </si>
  <si>
    <t>\\acsfs\profiles$\sarahbal\Downloads\cfa5acbc-f6e0-4046-9a8e-52eec5eb6bdf.tmp</t>
  </si>
  <si>
    <t>12/27/2019 15:32:50</t>
  </si>
  <si>
    <t>Chave.tlk015w.partial</t>
  </si>
  <si>
    <t>\\acsfs\profiles$\danielta\Downloads\Chave.tlk015w.partial</t>
  </si>
  <si>
    <t>12/27/2019 15:33:18</t>
  </si>
  <si>
    <t>Não%20Me%20Ligue%20Mais%20_%20Versão%20Acústica.q79j8fw.partial</t>
  </si>
  <si>
    <t>\\acsfs\profiles$\danielta\Downloads\Não%20Me%20Ligue%20Mais%20_%20Versão%20Acústica.q79j8fw.partial</t>
  </si>
  <si>
    <t>12/27/2019 15:30:45</t>
  </si>
  <si>
    <t>12/27/2019 15:31:34</t>
  </si>
  <si>
    <t>12/27/2019 15:31:08</t>
  </si>
  <si>
    <t>12/27/2019 15:32:11</t>
  </si>
  <si>
    <t>12/27/2019 15:35:59</t>
  </si>
  <si>
    <t>12/27/2019 15:35:30</t>
  </si>
  <si>
    <t>12/27/2019 15:34:05</t>
  </si>
  <si>
    <t>12/27/2019 15:36:59</t>
  </si>
  <si>
    <t>Inclusão Metlife Dependente.xlsx</t>
  </si>
  <si>
    <t>\\acsfs\DEPTOS\Operacao\Banco_Votorantim\Supervisao\SUPERS BV CARTÕES\ADILSON\Inclusão Metlife Dependente.xlsx</t>
  </si>
  <si>
    <t>12/27/2019 15:32:01</t>
  </si>
  <si>
    <t>12/27/2019 15:36:14</t>
  </si>
  <si>
    <t>12/27/2019 15:33:53</t>
  </si>
  <si>
    <t>12/27/2019 15:33:56</t>
  </si>
  <si>
    <t>12/27/2019 15:34:06</t>
  </si>
  <si>
    <t>12/27/2019 15:34:12</t>
  </si>
  <si>
    <t>12/27/2019 15:35:14</t>
  </si>
  <si>
    <t>12/27/2019 15:35:50</t>
  </si>
  <si>
    <t>12/27/2019 15:35:56</t>
  </si>
  <si>
    <t>12/27/2019 15:36:10</t>
  </si>
  <si>
    <t>12/27/2019 15:36:18</t>
  </si>
  <si>
    <t>12/27/2019 15:33:43</t>
  </si>
  <si>
    <t>12/27/2019 15:37:59</t>
  </si>
  <si>
    <t>12/27/2019 15:35:02</t>
  </si>
  <si>
    <t>12/27/2019 15:38:59</t>
  </si>
  <si>
    <t>4282c10b-5edd-415d-8e3c-566b28bf38c7.tmp</t>
  </si>
  <si>
    <t>\\acsfs\profiles$\fabianafv\Downloads\4282c10b-5edd-415d-8e3c-566b28bf38c7.tmp</t>
  </si>
  <si>
    <t>12/27/2019 15:35:13</t>
  </si>
  <si>
    <t>1fb3190f-6dd9-4a15-aee9-3278c4b8aa6e.tmp</t>
  </si>
  <si>
    <t>\\acsfs\profiles$\fabianafv\Downloads\1fb3190f-6dd9-4a15-aee9-3278c4b8aa6e.tmp</t>
  </si>
  <si>
    <t>12/27/2019 15:38:03</t>
  </si>
  <si>
    <t>f9515105-1722-43cf-a34f-b8f982fd8e54.tmp</t>
  </si>
  <si>
    <t>\\acsfs\profiles$\paulohaf\Downloads\f9515105-1722-43cf-a34f-b8f982fd8e54.tmp</t>
  </si>
  <si>
    <t>12f091c2-3fce-4c10-bb66-cca8fab481cc.tmp</t>
  </si>
  <si>
    <t>\\acsfs\profiles$\paulohaf\Downloads\12f091c2-3fce-4c10-bb66-cca8fab481cc.tmp</t>
  </si>
  <si>
    <t>12/27/2019 15:33:31</t>
  </si>
  <si>
    <t>Chave (1).x36i4m9.partial</t>
  </si>
  <si>
    <t>\\acsfs\profiles$\danielta\Downloads\Chave (1).x36i4m9.partial</t>
  </si>
  <si>
    <t>12/27/2019 15:34:37</t>
  </si>
  <si>
    <t>mail.google.com/sync/u/0/i/s?hl=pt-BR&amp;c=576</t>
  </si>
  <si>
    <t>bvs-centralcartoes@bv.com.br;cintia.souza-domingues@dxc.com;eduardo.santana@bv.com.br;fernandaab@algartech.com;fernandorsju@algartech.com;marianeps@algartech.com;talmaiardo@algartech.com;thiagordu@algartech.com;</t>
  </si>
  <si>
    <t>bvs-centralcartoes@bv.com.br,cintia.souza-domingues@dxc.com,eduardo.santana@bv.com.br,fernandaab@algartech.com,fernandorsju@algartech.com,marianeps@algartech.com,talmaiardo@algartech.com,thiagordu@algartech.com</t>
  </si>
  <si>
    <t>12/27/2019 15:34:48</t>
  </si>
  <si>
    <t>mail.google.com/sync/u/0/i/s?hl=pt-BR&amp;c=578</t>
  </si>
  <si>
    <t>12/27/2019 15:35:00</t>
  </si>
  <si>
    <t>mail.google.com/sync/u/0/i/s?hl=pt-BR&amp;c=581</t>
  </si>
  <si>
    <t>12/27/2019 15:35:24</t>
  </si>
  <si>
    <t>mail.google.com/sync/u/0/i/s?hl=pt-BR&amp;c=588</t>
  </si>
  <si>
    <t>12/27/2019 15:36:12</t>
  </si>
  <si>
    <t>12/27/2019 15:36:34</t>
  </si>
  <si>
    <t>mail.google.com/_/upload?authuser=0&amp;dcp=asu-n&amp;upload_id=AEnB2UruaLw4EHDDEVHZb6Piu_gxsWbNWn9wTX890oFt3Y0aJCnyhQlFueTTXyAtKSLtPVmEZTCVUAT76guMe3EtqH-QCjAi0Ndq-lt97mNkxyzV5auKlNE&amp;upload_protocol=resumable</t>
  </si>
  <si>
    <t>12/27/2019 15:37:12</t>
  </si>
  <si>
    <t>CPF 14466837880 EVANDRO BEDOIA.pdf</t>
  </si>
  <si>
    <t>\\acsfs\Deptos\EDUCACAO EMPRESARIAL\KÉSIA\OUVIDORIA, PROCON, BACEN E RECLAME AQUI\CPF 14466837880 EVANDRO BEDOIA.pdf</t>
  </si>
  <si>
    <t>\\acsfs\Deptos\EDUCACAO EMPRESARIAL\KÉSIA\OUVIDORIA, PROCON, BACEN E RECLAME AQUI\CPF 14466837880 EVANDRO BEDOIA.pdf\</t>
  </si>
  <si>
    <t>\\acsfs\Deptos\EDUCACAO EMPRESARIAL\KÉSIA\OUVIDORIA, PROCON, BACEN E RECLAME AQUI\CPF 14466837880 EVANDRO BEDOIA.pdf\:Zone.Identifier:$DATA</t>
  </si>
  <si>
    <t>12/27/2019 15:35:36</t>
  </si>
  <si>
    <t>4a54cde7-c6f1-4202-bed2-a87acbfc74ba.tmp</t>
  </si>
  <si>
    <t>\\acsfs\profiles$\leticiala\Downloads\4a54cde7-c6f1-4202-bed2-a87acbfc74ba.tmp</t>
  </si>
  <si>
    <t>12/27/2019 15:37:10</t>
  </si>
  <si>
    <t>12/27/2019 15:36:29</t>
  </si>
  <si>
    <t>12/27/2019 15:40:00</t>
  </si>
  <si>
    <t>e4d61d08-a372-405a-8add-16720977dd9e.tmp</t>
  </si>
  <si>
    <t>\\acsfs\profiles$\LAISLG\Downloads\e4d61d08-a372-405a-8add-16720977dd9e.tmp</t>
  </si>
  <si>
    <t>12/27/2019 15:38:51</t>
  </si>
  <si>
    <t>12/27/2019 15:35:05</t>
  </si>
  <si>
    <t>12/27/2019 15:36:51</t>
  </si>
  <si>
    <t>b4494b79-75f4-41b3-90d8-6278d68352e8.tmp</t>
  </si>
  <si>
    <t>\\acsfs\profiles$\mariajra\Downloads\b4494b79-75f4-41b3-90d8-6278d68352e8.tmp</t>
  </si>
  <si>
    <t>12/27/2019 15:37:32</t>
  </si>
  <si>
    <t>12/27/2019 15:40:59</t>
  </si>
  <si>
    <t>10.200.67.27</t>
  </si>
  <si>
    <t>74-86-7A-FD-D8-68</t>
  </si>
  <si>
    <t>VOTORANT-WB016</t>
  </si>
  <si>
    <t>1ff0880f-b54e-49d7-937d-40771b9f97b0.tmp</t>
  </si>
  <si>
    <t>\\acsfs\profiles$\andreapdsg\Downloads\1ff0880f-b54e-49d7-937d-40771b9f97b0.tmp</t>
  </si>
  <si>
    <t>12/27/2019 15:37:39</t>
  </si>
  <si>
    <t>12/27/2019 15:38:37</t>
  </si>
  <si>
    <t>9ca13a01-6eb0-49cf-8792-2e5372919138.tmp</t>
  </si>
  <si>
    <t>\\acsfs\profiles$\andreapdsg\Downloads\9ca13a01-6eb0-49cf-8792-2e5372919138.tmp</t>
  </si>
  <si>
    <t>12/27/2019 15:39:23</t>
  </si>
  <si>
    <t>12/27/2019 15:36:22</t>
  </si>
  <si>
    <t>12/27/2019 15:36:27</t>
  </si>
  <si>
    <t>12/27/2019 15:36:38</t>
  </si>
  <si>
    <t>12/27/2019 15:36:52</t>
  </si>
  <si>
    <t>12/27/2019 15:36:58</t>
  </si>
  <si>
    <t>12/27/2019 15:36:01</t>
  </si>
  <si>
    <t>87320bc5-8d59-455d-94d5-47aba688aad9.tmp</t>
  </si>
  <si>
    <t>\\acsfs\profiles$\victorgl\Downloads\87320bc5-8d59-455d-94d5-47aba688aad9.tmp</t>
  </si>
  <si>
    <t>12/27/2019 15:38:25</t>
  </si>
  <si>
    <t>12/27/2019 15:42:00</t>
  </si>
  <si>
    <t>27ef5e5a-8a19-4932-9b96-f645f83871fb.tmp</t>
  </si>
  <si>
    <t>\\acsfs\profiles$\gabrielarb\Downloads\27ef5e5a-8a19-4932-9b96-f645f83871fb.tmp</t>
  </si>
  <si>
    <t>12/27/2019 15:42:21</t>
  </si>
  <si>
    <t>12/27/2019 15:42:59</t>
  </si>
  <si>
    <t>12/27/2019 15:38:08</t>
  </si>
  <si>
    <t>\\acsfs\ACS\001 - Qualidade Lilian\PAULO\FAROL DE QUALIDADE\DEZEMBRO\RESULTADO.xls</t>
  </si>
  <si>
    <t>12/27/2019 15:38:09</t>
  </si>
  <si>
    <t>12/27/2019 15:38:46</t>
  </si>
  <si>
    <t>12/27/2019 15:44:00</t>
  </si>
  <si>
    <t>12/27/2019 15:38:54</t>
  </si>
  <si>
    <t>b93fbe3f-8954-4f7f-96c4-8d2ec021428a.tmp</t>
  </si>
  <si>
    <t>\\acsfs\profiles$\paulohaf\Downloads\b93fbe3f-8954-4f7f-96c4-8d2ec021428a.tmp</t>
  </si>
  <si>
    <t>12/27/2019 15:39:33</t>
  </si>
  <si>
    <t>6f1dabdd-4bfb-4976-ac01-845607b81987.tmp</t>
  </si>
  <si>
    <t>\\acsfs\profiles$\paulohaf\Downloads\6f1dabdd-4bfb-4976-ac01-845607b81987.tmp</t>
  </si>
  <si>
    <t>12/27/2019 15:40:26</t>
  </si>
  <si>
    <t>1b62adb6-38a3-4cdf-ae80-14ce3e667341.tmp</t>
  </si>
  <si>
    <t>\\acsfs\profiles$\paulohaf\Downloads\1b62adb6-38a3-4cdf-ae80-14ce3e667341.tmp</t>
  </si>
  <si>
    <t>12/27/2019 15:43:09</t>
  </si>
  <si>
    <t>12/27/2019 15:43:11</t>
  </si>
  <si>
    <t>12/27/2019 15:43:06</t>
  </si>
  <si>
    <t>12/27/2019 15:44:59</t>
  </si>
  <si>
    <t>\\acsfs\profiles$\nayaranao\My Documents\My Pictures\</t>
  </si>
  <si>
    <t>\\acsfs\profiles$\nayaranao\My Documents\My Videos\desktop.ini</t>
  </si>
  <si>
    <t>\\acsfs\profiles$\nayaranao\My Documents\My Videos\</t>
  </si>
  <si>
    <t>12/27/2019 15:43:10</t>
  </si>
  <si>
    <t>12/27/2019 15:43:12</t>
  </si>
  <si>
    <t>\\acsfs\profiles$\nayaranao\My Documents\My Music\</t>
  </si>
  <si>
    <t>\\acsfs\profiles$\nayaranao\My Documents\My Pictures\desktop.ini</t>
  </si>
  <si>
    <t>12/27/2019 15:43:13</t>
  </si>
  <si>
    <t>12/27/2019 15:43:14</t>
  </si>
  <si>
    <t>12/27/2019 15:43:15</t>
  </si>
  <si>
    <t>\\acsfs\profiles$\nayaranao\Contacts\</t>
  </si>
  <si>
    <t>\\acsfs\profiles$\nayaranao\Contacts\desktop.ini</t>
  </si>
  <si>
    <t>12/27/2019 15:43:16</t>
  </si>
  <si>
    <t>12/27/2019 15:43:17</t>
  </si>
  <si>
    <t>12/27/2019 15:43:18</t>
  </si>
  <si>
    <t>12/27/2019 15:43:19</t>
  </si>
  <si>
    <t>12/27/2019 15:43:20</t>
  </si>
  <si>
    <t>\\acsfs\profiles$\nayaranao\My Documents\</t>
  </si>
  <si>
    <t>\\acsfs\profiles$\nayaranao\Favorites\desktop.ini</t>
  </si>
  <si>
    <t>12/27/2019 15:43:21</t>
  </si>
  <si>
    <t>12/27/2019 15:43:22</t>
  </si>
  <si>
    <t>12/27/2019 15:43:24</t>
  </si>
  <si>
    <t>12/27/2019 15:43:25</t>
  </si>
  <si>
    <t>12/27/2019 15:43:26</t>
  </si>
  <si>
    <t>12/27/2019 15:43:27</t>
  </si>
  <si>
    <t>12/27/2019 15:43:28</t>
  </si>
  <si>
    <t>\\acsfs\profiles$\nayaranao\My Documents\My Music\desktop.ini</t>
  </si>
  <si>
    <t>12/27/2019 15:43:30</t>
  </si>
  <si>
    <t>12/27/2019 15:43:31</t>
  </si>
  <si>
    <t>12/27/2019 15:43:32</t>
  </si>
  <si>
    <t>12/27/2019 15:43:33</t>
  </si>
  <si>
    <t>\\acsfs\profiles$\nayaranao\Searches\</t>
  </si>
  <si>
    <t>\\acsfs\profiles$\nayaranao\Searches\desktop.ini</t>
  </si>
  <si>
    <t>12/27/2019 15:43:34</t>
  </si>
  <si>
    <t>12/27/2019 15:43:36</t>
  </si>
  <si>
    <t>12/27/2019 15:43:37</t>
  </si>
  <si>
    <t>\\acsfs\profiles$\nayaranao\Downloads\</t>
  </si>
  <si>
    <t>\\acsfs\profiles$\nayaranao\Downloads\desktop.ini</t>
  </si>
  <si>
    <t>12/27/2019 15:43:38</t>
  </si>
  <si>
    <t>12/27/2019 15:43:39</t>
  </si>
  <si>
    <t>\\acsfs\profiles$\nayaranao\Favorites\</t>
  </si>
  <si>
    <t>\\acsfs\profiles$\nayaranao\My Documents\desktop.ini</t>
  </si>
  <si>
    <t>12/27/2019 15:43:41</t>
  </si>
  <si>
    <t>12/27/2019 15:43:42</t>
  </si>
  <si>
    <t>12/27/2019 15:43:43</t>
  </si>
  <si>
    <t>12/27/2019 15:43:44</t>
  </si>
  <si>
    <t>12/27/2019 15:43:45</t>
  </si>
  <si>
    <t>\\acsfs\profiles$\nayaranao\Saved Games\desktop.ini</t>
  </si>
  <si>
    <t>12/27/2019 15:43:46</t>
  </si>
  <si>
    <t>12/27/2019 15:43:47</t>
  </si>
  <si>
    <t>2c9dfcb9-ee38-48dc-a39f-c0c2bc9bd763.tmp</t>
  </si>
  <si>
    <t>\\acsfs\profiles$\LUCASNS\Downloads\2c9dfcb9-ee38-48dc-a39f-c0c2bc9bd763.tmp</t>
  </si>
  <si>
    <t>12/27/2019 15:40:10</t>
  </si>
  <si>
    <t>73a6d39e-3d90-4ca0-aa0b-674ab1a7233d.tmp</t>
  </si>
  <si>
    <t>\\acsfs\profiles$\geovannasm\Downloads\73a6d39e-3d90-4ca0-aa0b-674ab1a7233d.tmp</t>
  </si>
  <si>
    <t>12/27/2019 15:41:02</t>
  </si>
  <si>
    <t>12/27/2019 15:46:00</t>
  </si>
  <si>
    <t>12/27/2019 15:44:03</t>
  </si>
  <si>
    <t>12/27/2019 15:44:33</t>
  </si>
  <si>
    <t>12/27/2019 15:45:04</t>
  </si>
  <si>
    <t>12/27/2019 15:45:34</t>
  </si>
  <si>
    <t>12/27/2019 15:41:56</t>
  </si>
  <si>
    <t>6a87f8e8-db6c-49a7-be90-a1c5cc51ca02.tmp</t>
  </si>
  <si>
    <t>\\acsfs\profiles$\victorgl\Downloads\6a87f8e8-db6c-49a7-be90-a1c5cc51ca02.tmp</t>
  </si>
  <si>
    <t>12/27/2019 15:43:02</t>
  </si>
  <si>
    <t>\\acsfs\profiles$\flaviacdst\My Documents\My Pictures\</t>
  </si>
  <si>
    <t>\\acsfs\profiles$\flaviacdst\My Documents\My Videos\desktop.ini</t>
  </si>
  <si>
    <t>12/27/2019 15:43:03</t>
  </si>
  <si>
    <t>\\acsfs\profiles$\flaviacdst\My Documents\My Videos\</t>
  </si>
  <si>
    <t>12/27/2019 15:43:04</t>
  </si>
  <si>
    <t>12/27/2019 15:43:07</t>
  </si>
  <si>
    <t>12/27/2019 15:43:08</t>
  </si>
  <si>
    <t>\\acsfs\profiles$\flaviacdst\My Documents\My Music\</t>
  </si>
  <si>
    <t>\\acsfs\profiles$\flaviacdst\My Documents\My Pictures\desktop.ini</t>
  </si>
  <si>
    <t>\\acsfs\profiles$\flaviacdst\Contacts\</t>
  </si>
  <si>
    <t>\\acsfs\profiles$\flaviacdst\Contacts\desktop.ini</t>
  </si>
  <si>
    <t>\\acsfs\profiles$\flaviacdst\My Documents\</t>
  </si>
  <si>
    <t>\\acsfs\profiles$\flaviacdst\Favorites\desktop.ini</t>
  </si>
  <si>
    <t>12/27/2019 15:43:23</t>
  </si>
  <si>
    <t>\\acsfs\profiles$\flaviacdst\My Documents\My Music\desktop.ini</t>
  </si>
  <si>
    <t>12/27/2019 15:43:29</t>
  </si>
  <si>
    <t>\\acsfs\profiles$\flaviacdst\Searches\</t>
  </si>
  <si>
    <t>\\acsfs\profiles$\flaviacdst\Searches\desktop.ini</t>
  </si>
  <si>
    <t>12/27/2019 15:43:35</t>
  </si>
  <si>
    <t>\\acsfs\profiles$\flaviacdst\Downloads\</t>
  </si>
  <si>
    <t>\\acsfs\profiles$\flaviacdst\Downloads\desktop.ini</t>
  </si>
  <si>
    <t>\\acsfs\profiles$\flaviacdst\My Documents\desktop.ini</t>
  </si>
  <si>
    <t>12/27/2019 15:43:40</t>
  </si>
  <si>
    <t>\\acsfs\profiles$\flaviacdst\Saved Games\desktop.ini</t>
  </si>
  <si>
    <t>12/27/2019 15:44:04</t>
  </si>
  <si>
    <t>winrt--{S-1-5-21-602162358-764733703-839522115-358545}-.searchconnector-ms</t>
  </si>
  <si>
    <t>\\acsfs\profiles$\flaviacdst\Searches\winrt--{S-1-5-21-602162358-764733703-839522115-358545}-.searchconnector-ms</t>
  </si>
  <si>
    <t>12/27/2019 15:44:28</t>
  </si>
  <si>
    <t>12/27/2019 15:47:00</t>
  </si>
  <si>
    <t>12/27/2019 15:45:41</t>
  </si>
  <si>
    <t>\\acsfs\DEPTOS\EDUCACAO EMPRESARIAL\2 - Operações\0 - BV\5 - QUALIDADE\Nova pasta\jose\Relatorio de Vendas - Auditoria BV Cartoes (Dezembro)_ Cliente 27-12.xlsx</t>
  </si>
  <si>
    <t>12/27/2019 15:45:42</t>
  </si>
  <si>
    <t>\\acsfs\DEPTOS\EDUCACAO EMPRESARIAL\2 - Operações\0 - BV\5 - QUALIDADE\Nova pasta\jose\Relatorio de Vendas - Auditoria BV Cartoes (Dezembro)_ SUPERVISOR 27-12.xlsx</t>
  </si>
  <si>
    <t>\\acsfs\DEPTOS\EDUCACAO EMPRESARIAL\2 - Operações\0 - BV\5 - QUALIDADE\Nova pasta\jose\INFORMAÇÕES DE LAUDO 27-12-2019.txt</t>
  </si>
  <si>
    <t>Laudo 27-12 1 Cartão Protegido Rafaela.docx</t>
  </si>
  <si>
    <t>\\acsfs\DEPTOS\EDUCACAO EMPRESARIAL\2 - Operações\0 - BV\5 - QUALIDADE\Nova pasta\jose\Laudo 27-12 1 Cartão Protegido Rafaela.docx</t>
  </si>
  <si>
    <t>Laudo 27-12 2 Residencial Premium Rafaela.docx</t>
  </si>
  <si>
    <t>\\acsfs\DEPTOS\EDUCACAO EMPRESARIAL\2 - Operações\0 - BV\5 - QUALIDADE\Nova pasta\jose\Laudo 27-12 2 Residencial Premium Rafaela.docx</t>
  </si>
  <si>
    <t>12/27/2019 15:45:43</t>
  </si>
  <si>
    <t>Laudo 27-12 3 Residencial Especial Lucas.docx</t>
  </si>
  <si>
    <t>\\acsfs\DEPTOS\EDUCACAO EMPRESARIAL\2 - Operações\0 - BV\5 - QUALIDADE\Nova pasta\jose\Laudo 27-12 3 Residencial Especial Lucas.docx</t>
  </si>
  <si>
    <t>\\acsfs\DEPTOS\EDUCACAO EMPRESARIAL\2 - Operações\0 - BV\5 - QUALIDADE\Nova pasta\jose\RELATORIO 27-12-2019.png</t>
  </si>
  <si>
    <t>12/27/2019 15:45:44</t>
  </si>
  <si>
    <t>\\acsfs\DEPTOS\EDUCACAO EMPRESARIAL\2 - Operações\0 - BV\5 - QUALIDADE\Nova pasta\jose\Thumbs.db</t>
  </si>
  <si>
    <t>12/27/2019 15:45:55</t>
  </si>
  <si>
    <t>Email.txt</t>
  </si>
  <si>
    <t>\\acsfs\DEPTOS\EDUCACAO EMPRESARIAL\2 - Operações\0 - BV\5 - QUALIDADE\Nova pasta\jose\Email.txt</t>
  </si>
  <si>
    <t>12/27/2019 15:45:14</t>
  </si>
  <si>
    <t>12/27/2019 15:48:00</t>
  </si>
  <si>
    <t>358bbf43-1050-4e52-a5ff-38b50f013064.tmp</t>
  </si>
  <si>
    <t>\\acsfs\profiles$\myllenardl\Downloads\358bbf43-1050-4e52-a5ff-38b50f013064.tmp</t>
  </si>
  <si>
    <t>12/27/2019 15:47:06</t>
  </si>
  <si>
    <t>ea95fe5d-43e3-4b95-a2c3-c961d8e52382.tmp</t>
  </si>
  <si>
    <t>\\acsfs\profiles$\myllenardl\Downloads\ea95fe5d-43e3-4b95-a2c3-c961d8e52382.tmp</t>
  </si>
  <si>
    <t>12/27/2019 15:44:30</t>
  </si>
  <si>
    <t>12/27/2019 15:44:35</t>
  </si>
  <si>
    <t>12/27/2019 15:44:43</t>
  </si>
  <si>
    <t>12/27/2019 15:44:51</t>
  </si>
  <si>
    <t>100014239771614;joaogvc@algartech.com;josiascdsj@algartech.com;marianadjc@algartech.com;rafaelggs@algartech.com;taysdss@algartech.com;viniciussg@algartech.com;</t>
  </si>
  <si>
    <t>100014239771614,joaogvc@algartech.com,josiascdsj@algartech.com,marianadjc@algartech.com,rafaelggs@algartech.com,taysdss@algartech.com,viniciussg@algartech.com</t>
  </si>
  <si>
    <t>12/27/2019 15:47:29</t>
  </si>
  <si>
    <t>12/27/2019 15:44:36</t>
  </si>
  <si>
    <t>12/27/2019 15:45:21</t>
  </si>
  <si>
    <t>12/27/2019 15:44:01</t>
  </si>
  <si>
    <t>12/27/2019 15:49:59</t>
  </si>
  <si>
    <t>winrt--{S-1-5-21-602162358-764733703-839522115-358573}-.searchconnector-ms</t>
  </si>
  <si>
    <t>\\acsfs\profiles$\nayaranao\Searches\winrt--{S-1-5-21-602162358-764733703-839522115-358573}-.searchconnector-ms</t>
  </si>
  <si>
    <t>12/27/2019 15:46:22</t>
  </si>
  <si>
    <t>12/27/2019 15:44:25</t>
  </si>
  <si>
    <t>ad0f3cc6-c0c2-4e2e-91aa-f958fc64729b.tmp</t>
  </si>
  <si>
    <t>\\acsfs\profiles$\LUCASNS\Downloads\ad0f3cc6-c0c2-4e2e-91aa-f958fc64729b.tmp</t>
  </si>
  <si>
    <t>12/27/2019 15:46:37</t>
  </si>
  <si>
    <t>12/26/2019 21:26:43</t>
  </si>
  <si>
    <t>12/27/2019 15:50:59</t>
  </si>
  <si>
    <t>12/26/2019 21:29:18</t>
  </si>
  <si>
    <t>12/27/2019 15:47:34</t>
  </si>
  <si>
    <t>12/27/2019 15:48:05</t>
  </si>
  <si>
    <t>12/27/2019 15:46:32</t>
  </si>
  <si>
    <t>12/27/2019 15:46:33</t>
  </si>
  <si>
    <t>12/27/2019 15:52:00</t>
  </si>
  <si>
    <t>12/27/2019 15:49:58</t>
  </si>
  <si>
    <t>Kamilla Carolina Rodrigues_1_6769547239505339241_1_32.wav</t>
  </si>
  <si>
    <t>\\acsfs\Deptos\EDUCACAO EMPRESARIAL\FERNANDA MONIT\Ligação para Mutant terceiro Ciclo\Kamilla Carolina Rodrigues_1_6769547239505339241_1_32.wav</t>
  </si>
  <si>
    <t>12/27/2019 15:49:08</t>
  </si>
  <si>
    <t>cfa355ee-6017-4991-9497-3bbbb8d688c8.tmp</t>
  </si>
  <si>
    <t>\\acsfs\profiles$\erichds\Downloads\cfa355ee-6017-4991-9497-3bbbb8d688c8.tmp</t>
  </si>
  <si>
    <t>12/27/2019 15:47:54</t>
  </si>
  <si>
    <t>12/27/2019 15:52:59</t>
  </si>
  <si>
    <t>12/27/2019 15:48:55</t>
  </si>
  <si>
    <t>12/27/2019 15:54:00</t>
  </si>
  <si>
    <t>12/27/2019 15:51:19</t>
  </si>
  <si>
    <t>fd6e85c9-96df-476d-8ed0-6b4c1c39b4be.tmp</t>
  </si>
  <si>
    <t>\\acsfs\profiles$\antoniosva\Downloads\fd6e85c9-96df-476d-8ed0-6b4c1c39b4be.tmp</t>
  </si>
  <si>
    <t>12/27/2019 15:49:21</t>
  </si>
  <si>
    <t>0c2f09a9-1bfa-482e-b21c-b31834d96720.tmp</t>
  </si>
  <si>
    <t>\\acsfs\profiles$\mariagsg\Downloads\0c2f09a9-1bfa-482e-b21c-b31834d96720.tmp</t>
  </si>
  <si>
    <t>12/27/2019 15:49:09</t>
  </si>
  <si>
    <t>12/27/2019 15:51:14</t>
  </si>
  <si>
    <t>a0d0d568-772f-4d65-8dab-d3bb674a6afe.tmp</t>
  </si>
  <si>
    <t>\\acsfs\profiles$\bernardopcm\Downloads\a0d0d568-772f-4d65-8dab-d3bb674a6afe.tmp</t>
  </si>
  <si>
    <t>12/27/2019 15:54:29</t>
  </si>
  <si>
    <t>12/27/2019 15:54:59</t>
  </si>
  <si>
    <t>12/27/2019 15:51:54</t>
  </si>
  <si>
    <t>12/27/2019 15:56:00</t>
  </si>
  <si>
    <t>12/27/2019 15:52:37</t>
  </si>
  <si>
    <t>12/27/2019 15:53:28</t>
  </si>
  <si>
    <t>12/27/2019 15:55:26</t>
  </si>
  <si>
    <t>12/27/2019 15:55:27</t>
  </si>
  <si>
    <t>12/27/2019 15:55:41</t>
  </si>
  <si>
    <t>12/27/2019 15:57:00</t>
  </si>
  <si>
    <t>971fb09a-ed12-46d9-aef6-e860a0fe98df.tmp</t>
  </si>
  <si>
    <t>\\acsfs\profiles$\gabrielhca\Downloads\971fb09a-ed12-46d9-aef6-e860a0fe98df.tmp</t>
  </si>
  <si>
    <t>12/27/2019 15:54:34</t>
  </si>
  <si>
    <t>12/27/2019 15:58:00</t>
  </si>
  <si>
    <t>12/27/2019 15:54:53</t>
  </si>
  <si>
    <t>12/27/2019 15:55:14</t>
  </si>
  <si>
    <t>Relatório Isadora 24 e 26-12.xlsx</t>
  </si>
  <si>
    <t>12/27/2019 15:55:43</t>
  </si>
  <si>
    <t>12/27/2019 15:53:22</t>
  </si>
  <si>
    <t>12/27/2019 15:55:53</t>
  </si>
  <si>
    <t>12/27/2019 15:56:23</t>
  </si>
  <si>
    <t>12/27/2019 15:56:53</t>
  </si>
  <si>
    <t>https://outlook.office365.com/owa/qualidadealgarbv@algartech.com/service.svc?action=updateitem&amp;app=mail&amp;n=114</t>
  </si>
  <si>
    <t>12/27/2019 15:57:23</t>
  </si>
  <si>
    <t>https://outlook.office365.com/owa/qualidadealgarbv@algartech.com/service.svc?action=updateitem&amp;app=mail&amp;n=124</t>
  </si>
  <si>
    <t>12/27/2019 15:58:04</t>
  </si>
  <si>
    <t>12/27/2019 15:59:00</t>
  </si>
  <si>
    <t>12/27/2019 15:55:12</t>
  </si>
  <si>
    <t>ac156af8-ed4b-420d-9424-413d1f6603b4.tmp</t>
  </si>
  <si>
    <t>\\acsfs\profiles$\JOAOVAL\Downloads\ac156af8-ed4b-420d-9424-413d1f6603b4.tmp</t>
  </si>
  <si>
    <t>12/27/2019 15:55:09</t>
  </si>
  <si>
    <t>12/27/2019 15:58:36</t>
  </si>
  <si>
    <t>12/27/2019 16:00:00</t>
  </si>
  <si>
    <t>12/27/2019 15:56:41</t>
  </si>
  <si>
    <t>12/27/2019 16:01:00</t>
  </si>
  <si>
    <t>12/27/2019 16:00:22</t>
  </si>
  <si>
    <t>12/27/2019 15:56:38</t>
  </si>
  <si>
    <t>12/27/2019 15:57:38</t>
  </si>
  <si>
    <t>12/27/2019 15:58:08</t>
  </si>
  <si>
    <t>12/27/2019 15:58:38</t>
  </si>
  <si>
    <t>12/27/2019 15:59:09</t>
  </si>
  <si>
    <t>12/27/2019 15:55:28</t>
  </si>
  <si>
    <t>12/27/2019 15:55:29</t>
  </si>
  <si>
    <t>12/27/2019 15:55:31</t>
  </si>
  <si>
    <t>12/27/2019 15:55:32</t>
  </si>
  <si>
    <t>12/27/2019 15:55:33</t>
  </si>
  <si>
    <t>12/27/2019 15:55:34</t>
  </si>
  <si>
    <t>12/27/2019 15:55:51</t>
  </si>
  <si>
    <t>12/27/2019 15:55:56</t>
  </si>
  <si>
    <t>12/27/2019 15:59:10</t>
  </si>
  <si>
    <t>12/27/2019 16:00:26</t>
  </si>
  <si>
    <t>12/27/2019 16:02:00</t>
  </si>
  <si>
    <t>12/27/2019 16:00:12</t>
  </si>
  <si>
    <t>2a83e927-c6a8-4434-b177-34a31e37d3f5.tmp</t>
  </si>
  <si>
    <t>\\acsfs\profiles$\deborahsi\Downloads\2a83e927-c6a8-4434-b177-34a31e37d3f5.tmp</t>
  </si>
  <si>
    <t>12/27/2019 15:57:34</t>
  </si>
  <si>
    <t>Lucas Nascimento Silva_1_6769201228350042569_1_32.wav</t>
  </si>
  <si>
    <t>\\acsfs\Deptos\EDUCACAO EMPRESARIAL\FERNANDA MONIT\Ligação para Mutant terceiro Ciclo\Lucas Nascimento Silva_1_6769201228350042569_1_32.wav</t>
  </si>
  <si>
    <t>12/27/2019 15:59:40</t>
  </si>
  <si>
    <t>b6f646b4-ed76-4f2c-b4ff-0e2b6708a391.tmp</t>
  </si>
  <si>
    <t>\\acsfs\profiles$\victoriaksr\Downloads\b6f646b4-ed76-4f2c-b4ff-0e2b6708a391.tmp</t>
  </si>
  <si>
    <t>12/27/2019 15:57:59</t>
  </si>
  <si>
    <t>12/27/2019 16:03:00</t>
  </si>
  <si>
    <t>12/27/2019 15:59:15</t>
  </si>
  <si>
    <t>12/27/2019 15:58:39</t>
  </si>
  <si>
    <t>https://outlook.office365.com/owa/qualidadealgarbv@algartech.com/service.svc?action=updateitem&amp;app=mail&amp;n=132</t>
  </si>
  <si>
    <t>12/27/2019 16:01:09</t>
  </si>
  <si>
    <t>12/27/2019 16:04:00</t>
  </si>
  <si>
    <t>12/27/2019 16:01:49</t>
  </si>
  <si>
    <t>12/27/2019 16:05:00</t>
  </si>
  <si>
    <t>12/27/2019 16:02:15</t>
  </si>
  <si>
    <t>12/27/2019 16:04:25</t>
  </si>
  <si>
    <t>12/27/2019 16:06:01</t>
  </si>
  <si>
    <t>12/27/2019 16:00:44</t>
  </si>
  <si>
    <t>12/27/2019 16:02:01</t>
  </si>
  <si>
    <t>12/27/2019 16:01:13</t>
  </si>
  <si>
    <t>12/27/2019 16:04:57</t>
  </si>
  <si>
    <t>https://collectit.softwatch.com/collectit/windows/browsing_info3.php</t>
  </si>
  <si>
    <t>browsinginfo.zip</t>
  </si>
  <si>
    <t>C:\temp\CollectIT\browsinginfo.zip\</t>
  </si>
  <si>
    <t>browsing_info.dat</t>
  </si>
  <si>
    <t>12/27/2019 16:01:48</t>
  </si>
  <si>
    <t>12/27/2019 16:02:50</t>
  </si>
  <si>
    <t>12/27/2019 16:07:00</t>
  </si>
  <si>
    <t>3c1dde5c-bd8c-43fe-b6a1-b20d0ad8c173.tmp</t>
  </si>
  <si>
    <t>\\acsfs\profiles$\vivianibfs\Downloads\3c1dde5c-bd8c-43fe-b6a1-b20d0ad8c173.tmp</t>
  </si>
  <si>
    <t>12/27/2019 16:03:14</t>
  </si>
  <si>
    <t>12/27/2019 16:03:36</t>
  </si>
  <si>
    <t>12/27/2019 16:08:00</t>
  </si>
  <si>
    <t>12/27/2019 16:03:43</t>
  </si>
  <si>
    <t>12/27/2019 16:05:15</t>
  </si>
  <si>
    <t>12/27/2019 16:05:01</t>
  </si>
  <si>
    <t>12/27/2019 16:05:22</t>
  </si>
  <si>
    <t>12/27/2019 16:05:29</t>
  </si>
  <si>
    <t>12/27/2019 16:06:29</t>
  </si>
  <si>
    <t>12/27/2019 16:02:55</t>
  </si>
  <si>
    <t>Q29udHJvbGxlci5FeHBsb3Jlcl8x.ica.crdownload</t>
  </si>
  <si>
    <t>\\acsfs\ACS\001 - Qualidade Lilian\PAULO\FAROL DE QUALIDADE\DEZEMBRO\Q29udHJvbGxlci5FeHBsb3Jlcl8x.ica.crdownload</t>
  </si>
  <si>
    <t>12/27/2019 16:02:57</t>
  </si>
  <si>
    <t>Q29udHJvbGxlci5FeHBsb3Jlcl8x.ica:Zone.Identifier</t>
  </si>
  <si>
    <t>\\acsfs\ACS\001 - Qualidade Lilian\PAULO\FAROL DE QUALIDADE\DEZEMBRO\Q29udHJvbGxlci5FeHBsb3Jlcl8x.ica:Zone.Identifier</t>
  </si>
  <si>
    <t>12/27/2019 16:07:35</t>
  </si>
  <si>
    <t>12/27/2019 16:09:00</t>
  </si>
  <si>
    <t>http:///batch?%24ct=multipart%2Fmixed%3B%20boundary%3D%22%3D%3D%3D%3D%3D5edvglyeuac0%3D%3D%3D%3D%3D%22&amp;key=AIzaSyAy9VVXHSpS2IJpptzYtGbLP3-3_l0aBk4</t>
  </si>
  <si>
    <t>12/27/2019 16:07:38</t>
  </si>
  <si>
    <t>http:///batch?%24ct=multipart%2Fmixed%3B%20boundary%3D%22%3D%3D%3D%3D%3D297dutpv4gxt%3D%3D%3D%3D%3D%22&amp;key=AIzaSyAy9VVXHSpS2IJpptzYtGbLP3-3_l0aBk4</t>
  </si>
  <si>
    <t>12/27/2019 16:07:41</t>
  </si>
  <si>
    <t>http:///batch?%24ct=multipart%2Fmixed%3B%20boundary%3D%22%3D%3D%3D%3D%3Dlucct5w0fr0q%3D%3D%3D%3D%3D%22&amp;key=AIzaSyAy9VVXHSpS2IJpptzYtGbLP3-3_l0aBk4</t>
  </si>
  <si>
    <t>ancestorhasaugmentedpermissions;containsunsubscribedchildren;displayname;domain;emailaddress;filesize;hasthumbnail;hasvisitorpermissions;id);items(kind;ken;lastmodifyi;lastmodifyinguser(kind;lastviewedbymedate;modifiedbymedate;modifieddate;ontainsunsubscribedchildren;owners(kind;permission;permissionid;picture;picture�;rpermissions;t5w0fr0q===;thumbnailversion;workspaceids;</t>
  </si>
  <si>
    <t>http://ancestorhasaugmentedpermissions,containsunsubscribedchildren,displayname,domain,emailaddress,filesize,hasthumbnail,hasvisitorpermissions,id),items(kind,ken,lastmodifyi,lastmodifyinguser(kind,lastviewedbymedate,modifiedbymedate,modifieddate,ontainsunsubscribedchildren,owners(kind,permission,permissionid,picture,picture�,rpermissions,t5w0fr0q===,thumbnailversion,workspaceids</t>
  </si>
  <si>
    <t>12/27/2019 16:07:43</t>
  </si>
  <si>
    <t>12/27/2019 16:07:45</t>
  </si>
  <si>
    <t>http:///batch?%24ct=multipart%2Fmixed%3B%20boundary%3D%22%3D%3D%3D%3D%3D2b24a1h1ux4e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;lastmodifyinguser(kind;lastviewedbymedate;modifiedbymedate;modifieddate;ontainsunsubscribedchildren;owners(kind;perm;permission;permissionid;picture;picture�;rpermissions;shared;sharedwithmedate;t5w0fr0q===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,lastmodifyinguser(kind,lastviewedbymedate,modifiedbymedate,modifieddate,ontainsunsubscribedchildren,owners(kind,perm,permission,permissionid,picture,picture�,rpermissions,shared,sharedwithmedate,t5w0fr0q===,thumbnailversion,title,userpermission(role),workspaceids</t>
  </si>
  <si>
    <t>12/27/2019 16:07:50</t>
  </si>
  <si>
    <t>http:///batch?%24ct=multipart%2Fmixed%3B%20boundary%3D%22%3D%3D%3D%3D%3Dx6j9cw9hp9ol%3D%3D%3D%3D%3D%22&amp;key=AIzaSyAy9VVXHSpS2IJpptzYtGbLP3-3_l0aBk4</t>
  </si>
  <si>
    <t>http:///batch?%24ct=multipart%2Fmixed%3B%20boundary%3D%22%3D%3D%3D%3D%3Dotc51kvfkwzi%3D%3D%3D%3D%3D%22&amp;key=AIzaSyAy9VVXHSpS2IJpptzYtGbLP3-3_l0aBk4</t>
  </si>
  <si>
    <t>12/27/2019 16:07:57</t>
  </si>
  <si>
    <t>http:///batch?%24ct=multipart%2Fmixed%3B%20boundary%3D%22%3D%3D%3D%3D%3Drvhdwkc1o61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;lastmodifyinguser(kind;lastviewedbymedate;modifiedbymedate;modifieddate;ontainsunsubscribedchildren;owners(kind;per;perm;permission;permissionid;picture;picture�;rpermissions;shared;sharedwithmedate;t5w0fr0q===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,lastmodifyinguser(kind,lastviewedbymedate,modifiedbymedate,modifieddate,ontainsunsubscribedchildren,owners(kind,per,perm,permission,permissionid,picture,picture�,rpermissions,shared,sharedwithmedate,t5w0fr0q===,thumbnailversion,title,userpermission(role),workspaceids</t>
  </si>
  <si>
    <t>http:///batch?%24ct=multipart%2Fmixed%3B%20boundary%3D%22%3D%3D%3D%3D%3D1wjzezqkm6rc%3D%3D%3D%3D%3D%22&amp;key=AIzaSyAy9VVXHSpS2IJpptzYtGbLP3-3_l0aBk4</t>
  </si>
  <si>
    <t>12/27/2019 16:07:58</t>
  </si>
  <si>
    <t>http:///batch?%24ct=multipart%2Fmixed%3B%20boundary%3D%22%3D%3D%3D%3D%3D4oh05ez3q28q%3D%3D%3D%3D%3D%22&amp;key=AIzaSyAy9VVXHSpS2IJpptzYtGbLP3-3_l0aBk4</t>
  </si>
  <si>
    <t>12/27/2019 16:08:26</t>
  </si>
  <si>
    <t>http:///batch?%24ct=multipart%2Fmixed%3B%20boundary%3D%22%3D%3D%3D%3D%3Df2fnfqmlpz3s%3D%3D%3D%3D%3D%22&amp;key=AIzaSyAy9VVXHSpS2IJpptzYtGbLP3-3_l0aBk4</t>
  </si>
  <si>
    <t>aaab6liaaaaumqf-mxdsnnpnqb57n91iwagfpotm4xzbmw8sfim8x30b9yilmctsaeklqte74ts0t7svf80wwbhwzvn628u3kstxjvcy5vdkwiexxmmaza0yagldsfcai5k6as05uiq14cre5gbtw1fh7mj5mhog0u7noo25gt2324wg7eksor46;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thumbnailversion;workspaceids;</t>
  </si>
  <si>
    <t>http://aaab6liaaaaumqf-mxdsnnpnqb57n91iwagfpotm4xzbmw8sfim8x30b9yilmctsaeklqte74ts0t7svf80wwbhwzvn628u3kstxjvcy5vdkwiexxmmaza0yagldsfcai5k6as05uiq14cre5gbtw1fh7mj5mhog0u7noo25gt2324wg7eksor46,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12/27/2019 16:08:30</t>
  </si>
  <si>
    <t>http:///batch?%24ct=multipart%2Fmixed%3B%20boundary%3D%22%3D%3D%3D%3D%3Dffqoleckmyym%3D%3D%3D%3D%3D%22&amp;key=AIzaSyAy9VVXHSpS2IJpptzYtGbLP3-3_l0aBk4</t>
  </si>
  <si>
    <t>aaab6liaaaaumqf-mxdsnnpnqb57n91iwagfpotm4xzbmw8sfim8x30b9yilmctsaeklqte74ts0t7svf80wwbhwzvn628u3kstxjvcy5vdkwiexxmmaza0yagldsfcai5k6as05uiq14cre5gbtw1fh7mj5mhog0u7noo25gt2324wg7eksor46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m;permission;permissionid;picture;shared;sharedwithmedate;thumbnailversion;title;userpermission(role);workspaceids;</t>
  </si>
  <si>
    <t>http://aaab6liaaaaumqf-mxdsnnpnqb57n91iwagfpotm4xzbmw8sfim8x30b9yilmctsaeklqte74ts0t7svf80wwbhwzvn628u3kstxjvcy5vdkwiexxmmaza0yagldsfcai5k6as05uiq14cre5gbtw1fh7mj5mhog0u7noo25gt2324wg7eksor46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m,permission,permissionid,picture,shared,sharedwithmedate,thumbnailversion,title,userpermission(role),workspaceids</t>
  </si>
  <si>
    <t>http:///batch?%24ct=multipart%2Fmixed%3B%20boundary%3D%22%3D%3D%3D%3D%3Domq286sgla6y%3D%3D%3D%3D%3D%22&amp;key=AIzaSyAy9VVXHSpS2IJpptzYtGbLP3-3_l0aBk4</t>
  </si>
  <si>
    <t>aaab6liaaaaumqf-mxdsnnpnqb57n91iwagfpotm4xzbmw8sfim8x30b9yilmctsaeklqte74ts0t7svf80wwbhwzvn628u3kstxjvcy5vdkwiexxmmaza0yagldsfcai5k6as05uiq14cre5gbtw1fh7mj5mhog0u7noo25gt2324wg7eksor46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m;permission;permissioni;permissionid;picture;shared;sharedwithmedate;thumbnailversion;title;userpermission(role);workspaceids;</t>
  </si>
  <si>
    <t>http://aaab6liaaaaumqf-mxdsnnpnqb57n91iwagfpotm4xzbmw8sfim8x30b9yilmctsaeklqte74ts0t7svf80wwbhwzvn628u3kstxjvcy5vdkwiexxmmaza0yagldsfcai5k6as05uiq14cre5gbtw1fh7mj5mhog0u7noo25gt2324wg7eksor46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m,permission,permissioni,permissionid,picture,shared,sharedwithmedate,thumbnailversion,title,userpermission(role),workspaceids</t>
  </si>
  <si>
    <t>http:///batch?%24ct=multipart%2Fmixed%3B%20boundary%3D%22%3D%3D%3D%3D%3D9qb5wro40iff%3D%3D%3D%3D%3D%22&amp;key=AIzaSyAy9VVXHSpS2IJpptzYtGbLP3-3_l0aBk4</t>
  </si>
  <si>
    <t>aaab6liaaaaumqf-mxdsnnpnqb57n91iwagfpotm4xzbmw8sfim8x30b9yilmctsaeklqte74ts0t7svf80wwbhwzvn628u3kstxjvcy5vdkwiexxmmaza0yagldsfcai5k6as05uiq14cre5gbtw1fh7mj5mhog0u7noo25gt2324wg7eksor46;ancestorhasaugmentedpermissions;containsunsubscribedchildren;dis;displayname;domain;emailaddress;file(kind;fileid;filesize;hasthumbnail;hasvisitorpermissions;id;id);items(deleted;items(kind;ken;kind;lastmodifyi;lastmodifyinguser(kind;lastviewedbymedate;modifiedbymedate;modifieddate;ontainsunsubscribedchildren;owners(kind;perm;permission;permissioni;permissionid;picture;rpermissions;shared;sharedwithmedate;thumbnailversion;title;userpermission(role);workspaceids;</t>
  </si>
  <si>
    <t>http://aaab6liaaaaumqf-mxdsnnpnqb57n91iwagfpotm4xzbmw8sfim8x30b9yilmctsaeklqte74ts0t7svf80wwbhwzvn628u3kstxjvcy5vdkwiexxmmaza0yagldsfcai5k6as05uiq14cre5gbtw1fh7mj5mhog0u7noo25gt2324wg7eksor46,ancestorhasaugmentedpermissions,containsunsubscribedchildren,dis,displayname,domain,emailaddress,file(kind,fileid,filesize,hasthumbnail,hasvisitorpermissions,id,id),items(deleted,items(kind,ken,kind,lastmodifyi,lastmodifyinguser(kind,lastviewedbymedate,modifiedbymedate,modifieddate,ontainsunsubscribedchildren,owners(kind,perm,permission,permissioni,permissionid,picture,rpermissions,shared,sharedwithmedate,thumbnailversion,title,userpermission(role),workspaceids</t>
  </si>
  <si>
    <t>12/27/2019 16:08:32</t>
  </si>
  <si>
    <t>http:///batch?%24ct=multipart%2Fmixed%3B%20boundary%3D%22%3D%3D%3D%3D%3Db2ssvpigzvw4%3D%3D%3D%3D%3D%22&amp;key=AIzaSyAy9VVXHSpS2IJpptzYtGbLP3-3_l0aBk4</t>
  </si>
  <si>
    <t>12/27/2019 16:08:35</t>
  </si>
  <si>
    <t>http:///batch?%24ct=multipart%2Fmixed%3B%20boundary%3D%22%3D%3D%3D%3D%3Dagnlhmvxp8jr%3D%3D%3D%3D%3D%22&amp;key=AIzaSyAy9VVXHSpS2IJpptzYtGbLP3-3_l0aBk4</t>
  </si>
  <si>
    <t>12/27/2019 16:08:36</t>
  </si>
  <si>
    <t>http:///batch?%24ct=multipart%2Fmixed%3B%20boundary%3D%22%3D%3D%3D%3D%3Drhrx16e3q4tt%3D%3D%3D%3D%3D%22&amp;key=AIzaSyAy9VVXHSpS2IJpptzYtGbLP3-3_l0aBk4</t>
  </si>
  <si>
    <t>http:///drive/logImpressions</t>
  </si>
  <si>
    <t>0;0.6480881399870383]]];0.668;0];1;1.083;1.083];1.8281535648994516];1029870;1034095;1055715;11.237;11.531;1172740;12.38;12.854];1204940;1227085;12535.78999999445;1269725;12856.95000004489;1286750;12892.120000091381;12898.975000018254;12935.440000030212;137.141;1419550;1471620;15.344;15.344];15.552;15.552];15.859999926760793;1577473657867000];1577473663017000;1577473665321000;1577473665322000;1577473665621000;1577473707160000];1577473708306000;15];1600];1600]];1693420;1];1dv-7nq3nsjzog8csd3m_ptoa2gczufatbmblgpqrivi;1eufa2cmik3n2ptjj-yndhhzupr3nk5v7;1jtxknzvuiazxqcq-c9q7ymvimabgdzqh3lctyib8dfc;1kxv_wmwpvcy0xvf-42js4axmwft3bqwpufizwvpmlkk;1ldvlarqsdaweid0ywzioi3u2nihdj0yppsawwregb3s;1qz9wgwjhgsbcfu2uqb3dplfo9m9nstkzc8ypdh7tdi0;1yr-pkuxtsm15isbm84rqa0i1mtp411fwtizsgzduzua;2.955000032670796;200];2013;21.464;21.464];21.7;21.7];2131020;2250915;26.53999999165535;26.685000048018992;2769000;28.571428571428573;2818485;2818525;2853549;29.727];29.804727646454268;2];3;3.7593984962406015];30.416];3053450;3084544;3088730;31.</t>
  </si>
  <si>
    <t>http://0,0.6480881399870383]]],0.668,0],1,1.083,1.083],1.8281535648994516],1029870,1034095,1055715,11.237,11.531,1172740,12.38,12.854],1204940,1227085,12535.78999999445,1269725,12856.95000004489,1286750,12892.120000091381,12898.975000018254,12935.440000030212,137.141,1419550,1471620,15.344,15.344],15.552,15.552],15.859999926760793,1577473657867000],1577473663017000,1577473665321000,1577473665322000,1577473665621000,1577473707160000],1577473708306000,15],1600],1600]],1693420,1],1dv-7nq3nsjzog8csd3m_ptoa2gczufatbmblgpqrivi,1eufa2cmik3n2ptjj-yndhhzupr3nk5v7,1jtxknzvuiazxqcq-c9q7ymvimabgdzqh3lctyib8dfc,1kxv_wmwpvcy0xvf-42js4axmwft3bqwpufizwvpmlkk,1ldvlarqsdaweid0ywzioi3u2nihdj0yppsawwregb3s,1qz9wgwjhgsbcfu2uqb3dplfo9m9nstkzc8ypdh7tdi0,1yr-pkuxtsm15isbm84rqa0i1mtp411fwtizsgzduzua,2.955000032670796,200],2013,21.464,21.464],21.7,21.7],2131020,2250915,26.53999999165535,26.685000048018992,2769000,28.571428571428573,2818485,2818525,2853549,29.727],29.804727646454268,2],3,3.7593984962406015],30.416],3053450,3084544,3088</t>
  </si>
  <si>
    <t>0;0.6480881399870383]]];0.668;0];1;1.083;1.083];1.8281535648994516];1029870;1034095;1055715;11.237;11.531;1172740;12.38;12.854];1204940;1227085;12535.78999999445;1269725;12856.95000004489;1286750;12892.120000091381;12898.975000018254;12935.440000030212;137.141;1419550;1471620;15.344;15.344];15.552;15.552];15.859999926760793;152.76500000618398;1577473657867000];1577473663017000;1577473665321000;1577473665322000;1577473665621000;1577473707160000];1577473708306000;1589.698];15];1600];1600]];1693420;1];1dv-7nq3nsjzog8csd3m_ptoa2gczufatbmblgpqrivi;1eufa2cmik3n2ptjj-yndhhzupr3nk5v7;1jtxknzvuiazxqcq-c9q7ymvimabgdzqh3lctyib8dfc;1kxv_wmwpvcy0xvf-42js4axmwft3bqwpufizwvpmlkk;1ldvlarqsdaweid0ywzioi3u2nihdj0yppsawwregb3s;1qz9wgwjhgsbcfu2uqb3dplfo9m9nstkzc8ypdh7tdi0;1yr-pkuxtsm15isbm84rqa0i1mtp411fwtizsgzduzua;2.955000032670796;200];2013;21.464;21.464];21.7;21.7];2131020;2250915;26.53999999165535;26.685000048018992;2769000;28.571428571428573;2818485;2818525;2853549;29.727];29.804727646454268;2];3;3.7593984962406015];30.416</t>
  </si>
  <si>
    <t>http://0,0.6480881399870383]]],0.668,0],1,1.083,1.083],1.8281535648994516],1029870,1034095,1055715,11.237,11.531,1172740,12.38,12.854],1204940,1227085,12535.78999999445,1269725,12856.95000004489,1286750,12892.120000091381,12898.975000018254,12935.440000030212,137.141,1419550,1471620,15.344,15.344],15.552,15.552],15.859999926760793,152.76500000618398,1577473657867000],1577473663017000,1577473665321000,1577473665322000,1577473665621000,1577473707160000],1577473708306000,1589.698],15],1600],1600]],1693420,1],1dv-7nq3nsjzog8csd3m_ptoa2gczufatbmblgpqrivi,1eufa2cmik3n2ptjj-yndhhzupr3nk5v7,1jtxknzvuiazxqcq-c9q7ymvimabgdzqh3lctyib8dfc,1kxv_wmwpvcy0xvf-42js4axmwft3bqwpufizwvpmlkk,1ldvlarqsdaweid0ywzioi3u2nihdj0yppsawwregb3s,1qz9wgwjhgsbcfu2uqb3dplfo9m9nstkzc8ypdh7tdi0,1yr-pkuxtsm15isbm84rqa0i1mtp411fwtizsgzduzua,2.955000032670796,200],2013,21.464,21.464],21.7,21.7],2131020,2250915,26.53999999165535,26.685000048018992,2769000,28.571428571428573,2818485,2818525,2853549,29.727],29.804727646454268,2],3,3.7593984962406015]</t>
  </si>
  <si>
    <t>12/27/2019 16:08:37</t>
  </si>
  <si>
    <t>12/27/2019 16:07:27</t>
  </si>
  <si>
    <t>6252b07a-c6b5-4e3d-91ba-b3f79933f9e1.tmp</t>
  </si>
  <si>
    <t>\\acsfs\profiles$\bernardopcm\Downloads\6252b07a-c6b5-4e3d-91ba-b3f79933f9e1.tmp</t>
  </si>
  <si>
    <t>12/27/2019 16:07:09</t>
  </si>
  <si>
    <t>12/27/2019 16:09:11</t>
  </si>
  <si>
    <t>12/27/2019 16:11:01</t>
  </si>
  <si>
    <t>12/27/2019 16:08:03</t>
  </si>
  <si>
    <t>12/27/2019 16:05:37</t>
  </si>
  <si>
    <t>12/27/2019 16:07:12</t>
  </si>
  <si>
    <t>12/27/2019 16:09:13</t>
  </si>
  <si>
    <t>12/27/2019 16:09:43</t>
  </si>
  <si>
    <t>12/27/2019 16:10:13</t>
  </si>
  <si>
    <t>12/27/2019 16:08:39</t>
  </si>
  <si>
    <t>e35de6d0-1e02-445e-9f63-a7fa144e4081.tmp</t>
  </si>
  <si>
    <t>\\acsfs\profiles$\gabriellalpr\Downloads\e35de6d0-1e02-445e-9f63-a7fa144e4081.tmp</t>
  </si>
  <si>
    <t>12/27/2019 16:07:13</t>
  </si>
  <si>
    <t>12/27/2019 16:07:59</t>
  </si>
  <si>
    <t>12/27/2019 16:08:01</t>
  </si>
  <si>
    <t>12/27/2019 16:08:02</t>
  </si>
  <si>
    <t>12/27/2019 16:07:30</t>
  </si>
  <si>
    <t>12/27/2019 16:12:00</t>
  </si>
  <si>
    <t>12/27/2019 16:07:31</t>
  </si>
  <si>
    <t>12/27/2019 16:07:32</t>
  </si>
  <si>
    <t>12/27/2019 16:07:33</t>
  </si>
  <si>
    <t>12/27/2019 16:07:34</t>
  </si>
  <si>
    <t>12/27/2019 16:07:36</t>
  </si>
  <si>
    <t>12/27/2019 16:07:37</t>
  </si>
  <si>
    <t>12/27/2019 16:07:39</t>
  </si>
  <si>
    <t>12/27/2019 16:07:40</t>
  </si>
  <si>
    <t>12/27/2019 16:07:42</t>
  </si>
  <si>
    <t>12/27/2019 16:07:44</t>
  </si>
  <si>
    <t>12/27/2019 16:07:46</t>
  </si>
  <si>
    <t>12/27/2019 16:07:47</t>
  </si>
  <si>
    <t>12/27/2019 16:07:48</t>
  </si>
  <si>
    <t>12/27/2019 16:07:49</t>
  </si>
  <si>
    <t>12/27/2019 16:07:51</t>
  </si>
  <si>
    <t>12/27/2019 16:07:52</t>
  </si>
  <si>
    <t>12/27/2019 16:07:53</t>
  </si>
  <si>
    <t>12/27/2019 16:07:54</t>
  </si>
  <si>
    <t>12/27/2019 16:07:20</t>
  </si>
  <si>
    <t>5021606d-9044-4cc9-9d32-936307929cbf.tmp</t>
  </si>
  <si>
    <t>\\acsfs\profiles$\deborahsi\Downloads\5021606d-9044-4cc9-9d32-936307929cbf.tmp</t>
  </si>
  <si>
    <t>12/27/2019 16:09:18</t>
  </si>
  <si>
    <t>12/27/2019 16:13:01</t>
  </si>
  <si>
    <t>12/27/2019 16:11:13</t>
  </si>
  <si>
    <t>12/27/2019 16:09:32</t>
  </si>
  <si>
    <t>\\acsfs\ACS\</t>
  </si>
  <si>
    <t>\\acsfs\ACS\Q29udHJvbGxlci5JRS1Qb3J0YWw-.ica.crdownload</t>
  </si>
  <si>
    <t>\\acsfs\ACS\Q29udHJvbGxlci5JRS1Qb3J0YWw-.ica:Zone.Identifier</t>
  </si>
  <si>
    <t>12/27/2019 16:14:00</t>
  </si>
  <si>
    <t>12/27/2019 16:13:09</t>
  </si>
  <si>
    <t>12/27/2019 16:11:29</t>
  </si>
  <si>
    <t>12/27/2019 16:16:00</t>
  </si>
  <si>
    <t>12/27/2019 16:12:18</t>
  </si>
  <si>
    <t>12/27/2019 16:12:25</t>
  </si>
  <si>
    <t>12/27/2019 16:15:08</t>
  </si>
  <si>
    <t>12/27/2019 16:12:14</t>
  </si>
  <si>
    <t>12/27/2019 16:13:13</t>
  </si>
  <si>
    <t>12/27/2019 16:16:05</t>
  </si>
  <si>
    <t>12/27/2019 16:17:01</t>
  </si>
  <si>
    <t>.~lock.Filas.xlsx#</t>
  </si>
  <si>
    <t>\\acsfs\profiles$\victoriaksr\My Documents\.~lock.Filas.xlsx#</t>
  </si>
  <si>
    <t>12/27/2019 16:16:43</t>
  </si>
  <si>
    <t>\\acsfs\profiles$\victoriaksr\My Documents\$RECYCLE.BIN\</t>
  </si>
  <si>
    <t>$IR47K4B.odt</t>
  </si>
  <si>
    <t>\\acsfs\profiles$\victoriaksr\My Documents\$RECYCLE.BIN\$IR47K4B.odt</t>
  </si>
  <si>
    <t>12/27/2019 16:15:10</t>
  </si>
  <si>
    <t>12/27/2019 16:18:00</t>
  </si>
  <si>
    <t>XLOG_tiagosno_27122019_081325.log</t>
  </si>
  <si>
    <t>\\acsfs\profiles$\tiagosno\My Documents\xworkcenter\logs\XLOG_tiagosno_27122019_081325.log</t>
  </si>
  <si>
    <t>12/27/2019 16:13:55</t>
  </si>
  <si>
    <t>12/27/2019 16:14:26</t>
  </si>
  <si>
    <t>12/27/2019 16:15:24</t>
  </si>
  <si>
    <t>12/27/2019 16:17:17</t>
  </si>
  <si>
    <t>12/27/2019 16:14:45</t>
  </si>
  <si>
    <t>12/27/2019 16:17:26</t>
  </si>
  <si>
    <t>12/27/2019 16:17:57</t>
  </si>
  <si>
    <t>12/27/2019 16:19:00</t>
  </si>
  <si>
    <t>XLOG_ellencds_27122019_085217.log</t>
  </si>
  <si>
    <t>\\acsfs\profiles$\ellencds\My Documents\xworkcenter\logs\XLOG_ellencds_27122019_085217.log</t>
  </si>
  <si>
    <t>12/27/2019 16:12:26</t>
  </si>
  <si>
    <t>12/27/2019 16:19:59</t>
  </si>
  <si>
    <t>\\acsfs\DEPTOS\Operacao\Banco_Votorantim\Qualidade\Eliane\Contestação MUTANT DEZEMBRO\</t>
  </si>
  <si>
    <t>Contestação DEZEMBRO.txt</t>
  </si>
  <si>
    <t>\\acsfs\DEPTOS\Operacao\Banco_Votorantim\Qualidade\Eliane\Contestação MUTANT DEZEMBRO\Contestação DEZEMBRO.txt</t>
  </si>
  <si>
    <t>12/27/2019 16:12:40</t>
  </si>
  <si>
    <t>12/27/2019 16:17:36</t>
  </si>
  <si>
    <t>12/27/2019 16:21:00</t>
  </si>
  <si>
    <t>12/27/2019 16:19:01</t>
  </si>
  <si>
    <t>12/27/2019 16:19:02</t>
  </si>
  <si>
    <t>12/27/2019 16:19:03</t>
  </si>
  <si>
    <t>12/27/2019 16:19:13</t>
  </si>
  <si>
    <t>12/27/2019 16:21:16</t>
  </si>
  <si>
    <t>12/27/2019 16:22:00</t>
  </si>
  <si>
    <t>12/27/2019 16:18:31</t>
  </si>
  <si>
    <t>043b4586-8207-4acd-a58a-e958efad4c68.tmp</t>
  </si>
  <si>
    <t>\\acsfs\profiles$\erichds\Downloads\043b4586-8207-4acd-a58a-e958efad4c68.tmp</t>
  </si>
  <si>
    <t>12/27/2019 16:17:18</t>
  </si>
  <si>
    <t>12/27/2019 16:23:00</t>
  </si>
  <si>
    <t>12/27/2019 16:17:32</t>
  </si>
  <si>
    <t>12/27/2019 16:17:42</t>
  </si>
  <si>
    <t>12/27/2019 16:17:54</t>
  </si>
  <si>
    <t>12/27/2019 16:22:07</t>
  </si>
  <si>
    <t>12/27/2019 16:18:45</t>
  </si>
  <si>
    <t>12/27/2019 16:20:28</t>
  </si>
  <si>
    <t>12/27/2019 16:20:32</t>
  </si>
  <si>
    <t>12/27/2019 16:20:35</t>
  </si>
  <si>
    <t>12/27/2019 16:20:39</t>
  </si>
  <si>
    <t>12/27/2019 16:20:46</t>
  </si>
  <si>
    <t>12/27/2019 16:22:37</t>
  </si>
  <si>
    <t>12/27/2019 16:24:00</t>
  </si>
  <si>
    <t>XLOG_ellencds_27122019_085157.log</t>
  </si>
  <si>
    <t>\\acsfs\profiles$\ellencds\My Documents\xworkcenter\logs\XLOG_ellencds_27122019_085157.log</t>
  </si>
  <si>
    <t>12/27/2019 16:18:35</t>
  </si>
  <si>
    <t>XLOG_ellencds_27122019_085134.log</t>
  </si>
  <si>
    <t>\\acsfs\profiles$\ellencds\My Documents\xworkcenter\logs\XLOG_ellencds_27122019_085134.log</t>
  </si>
  <si>
    <t>12/27/2019 16:18:41</t>
  </si>
  <si>
    <t>XLOG_ellencds_27122019_084037.log</t>
  </si>
  <si>
    <t>\\acsfs\profiles$\ellencds\My Documents\xworkcenter\logs\XLOG_ellencds_27122019_084037.log</t>
  </si>
  <si>
    <t>12/27/2019 16:19:28</t>
  </si>
  <si>
    <t>12/27/2019 16:19:09</t>
  </si>
  <si>
    <t>12/27/2019 16:20:04</t>
  </si>
  <si>
    <t>12/27/2019 16:25:00</t>
  </si>
  <si>
    <t>a53ade38-ac02-4057-aa09-61a5a4964b0d.tmp</t>
  </si>
  <si>
    <t>\\acsfs\profiles$\larissaad\Downloads\a53ade38-ac02-4057-aa09-61a5a4964b0d.tmp</t>
  </si>
  <si>
    <t>12/27/2019 16:24:13</t>
  </si>
  <si>
    <t>12/27/2019 16:26:00</t>
  </si>
  <si>
    <t>12/27/2019 16:25:13</t>
  </si>
  <si>
    <t>12/27/2019 16:22:56</t>
  </si>
  <si>
    <t>12/27/2019 16:27:00</t>
  </si>
  <si>
    <t>mail.google.com/sync/u/0/i/s?hl=pt-BR&amp;c=849</t>
  </si>
  <si>
    <t>12/27/2019 16:23:02</t>
  </si>
  <si>
    <t>mail.google.com/sync/u/0/i/s?hl=pt-BR&amp;c=853</t>
  </si>
  <si>
    <t>12/27/2019 16:23:12</t>
  </si>
  <si>
    <t>mail.google.com/sync/u/0/i/s?hl=pt-BR&amp;c=855</t>
  </si>
  <si>
    <t>12/27/2019 16:24:17</t>
  </si>
  <si>
    <t>mail.google.com/sync/u/0/i/s?hl=pt-BR&amp;c=858</t>
  </si>
  <si>
    <t>12/27/2019 16:26:46</t>
  </si>
  <si>
    <t>mail.google.com/sync/u/0/i/s?hl=pt-BR&amp;c=862</t>
  </si>
  <si>
    <t>ancestorhasaugmentedpermissions;containsunsubscribedchildren;displayname;domain;emailaddress;filesize;hasthumbnail;hasvisitorpermissions;id);items(kind;ken;kesiadof@algartech.com;larisacc@algartech.com;lastmodifyinguser(kind;lastviewedbymedate;marianerdo@algartech.com;mirianppb@algartech.com;modifiedbymedate;modifieddate;ontainsunsubscribedchildren;owners(kind;permission;permissionid;picture;thiagordu@algartech.com;thumbnailversion;workspaceids;</t>
  </si>
  <si>
    <t>ancestorhasaugmentedpermissions,containsunsubscribedchildren,displayname,domain,emailaddress,filesize,hasthumbnail,hasvisitorpermissions,id),items(kind,ken,kesiadof@algartech.com,larisacc@algartech.com,lastmodifyinguser(kind,lastviewedbymedate,marianerdo@algartech.com,mirianppb@algartech.com,modifiedbymedate,modifieddate,ontainsunsubscribedchildren,owners(kind,permission,permissionid,picture,thiagordu@algartech.com,thumbnailversion,workspaceids</t>
  </si>
  <si>
    <t>12/27/2019 16:22:33</t>
  </si>
  <si>
    <t>12/27/2019 16:28:00</t>
  </si>
  <si>
    <t>12/27/2019 16:25:21</t>
  </si>
  <si>
    <t>12/27/2019 16:25:27</t>
  </si>
  <si>
    <t>12/27/2019 16:23:11</t>
  </si>
  <si>
    <t>12/27/2019 16:26:02</t>
  </si>
  <si>
    <t>12/27/2019 16:29:00</t>
  </si>
  <si>
    <t>8a0697cf-3936-4ac8-a7f3-e15b15d1d598.tmp</t>
  </si>
  <si>
    <t>\\acsfs\profiles$\brendadsl\Downloads\8a0697cf-3936-4ac8-a7f3-e15b15d1d598.tmp</t>
  </si>
  <si>
    <t>12/27/2019 16:25:09</t>
  </si>
  <si>
    <t>12/27/2019 16:27:48</t>
  </si>
  <si>
    <t>12/27/2019 16:29:59</t>
  </si>
  <si>
    <t>12/27/2019 16:28:07</t>
  </si>
  <si>
    <t>12/27/2019 16:31:00</t>
  </si>
  <si>
    <t>12/27/2019 16:28:12</t>
  </si>
  <si>
    <t>12/27/2019 16:28:38</t>
  </si>
  <si>
    <t>12/27/2019 16:30:13</t>
  </si>
  <si>
    <t>12/27/2019 16:27:51</t>
  </si>
  <si>
    <t>12/27/2019 16:32:00</t>
  </si>
  <si>
    <t>mail.google.com/sync/u/0/i/s?hl=pt-BR&amp;c=866</t>
  </si>
  <si>
    <t>12/27/2019 16:27:54</t>
  </si>
  <si>
    <t>mail.google.com/sync/u/0/i/s?hl=pt-BR&amp;c=868</t>
  </si>
  <si>
    <t>12/27/2019 16:27:59</t>
  </si>
  <si>
    <t>mail.google.com/sync/u/0/i/s?hl=pt-BR&amp;c=870</t>
  </si>
  <si>
    <t>12/27/2019 16:28:21</t>
  </si>
  <si>
    <t>mail.google.com/sync/u/0/i/s?hl=pt-BR&amp;c=873</t>
  </si>
  <si>
    <t>12/27/2019 16:29:16</t>
  </si>
  <si>
    <t>mail.google.com/sync/u/0/i/s?hl=pt-BR&amp;c=877</t>
  </si>
  <si>
    <t>12/27/2019 16:29:39</t>
  </si>
  <si>
    <t>mail.google.com/sync/u/0/i/s?hl=pt-BR&amp;c=879</t>
  </si>
  <si>
    <t>12/27/2019 16:31:09</t>
  </si>
  <si>
    <t>12/27/2019 16:34:00</t>
  </si>
  <si>
    <t>12/27/2019 16:29:32</t>
  </si>
  <si>
    <t>12/27/2019 16:34:59</t>
  </si>
  <si>
    <t>XLOG_anacdos_27122019_080929.log</t>
  </si>
  <si>
    <t>\\acsfs\profiles$\anacdos\My Documents\xworkcenter\logs\XLOG_anacdos_27122019_080929.log</t>
  </si>
  <si>
    <t>12/27/2019 16:34:57</t>
  </si>
  <si>
    <t>12/27/2019 16:36:00</t>
  </si>
  <si>
    <t>\\acsfs\DEPTOS\Operacao\PCP\5 - Comum\Pedro Henrique Xavier\BV\02 - Relatórios\</t>
  </si>
  <si>
    <t>PreShutdown.bat</t>
  </si>
  <si>
    <t>\\acsfs\DEPTOS\Operacao\PCP\5 - Comum\Paula Cristina Naves\PreShutdown.bat</t>
  </si>
  <si>
    <t>12/27/2019 16:35:05</t>
  </si>
  <si>
    <t>313e2715-cff3-4eb1-a52f-14ce02622c69.tmp</t>
  </si>
  <si>
    <t>\\acsfs\profiles$\alinepp\Downloads\313e2715-cff3-4eb1-a52f-14ce02622c69.tmp</t>
  </si>
  <si>
    <t>12/27/2019 16:31:13</t>
  </si>
  <si>
    <t>12/27/2019 16:31:19</t>
  </si>
  <si>
    <t>12/27/2019 16:31:20</t>
  </si>
  <si>
    <t>12/27/2019 16:32:13</t>
  </si>
  <si>
    <t>12/27/2019 16:37:00</t>
  </si>
  <si>
    <t>mail.google.com/sync/u/0/i/s?hl=pt-BR&amp;c=887</t>
  </si>
  <si>
    <t>12/27/2019 16:34:03</t>
  </si>
  <si>
    <t>12/27/2019 16:37:59</t>
  </si>
  <si>
    <t>33507c8a-ad18-4d7b-8e87-0908893a8211.tmp</t>
  </si>
  <si>
    <t>\\acsfs\profiles$\cintiadjl\Downloads\33507c8a-ad18-4d7b-8e87-0908893a8211.tmp</t>
  </si>
  <si>
    <t>12/27/2019 16:37:06</t>
  </si>
  <si>
    <t>12/27/2019 16:39:00</t>
  </si>
  <si>
    <t>12/27/2019 16:37:09</t>
  </si>
  <si>
    <t>12/27/2019 16:38:12</t>
  </si>
  <si>
    <t>12/27/2019 16:41:00</t>
  </si>
  <si>
    <t>mail.google.com/sync/u/0/i/s?hl=pt-BR&amp;c=8</t>
  </si>
  <si>
    <t>12/27/2019 16:38:13</t>
  </si>
  <si>
    <t>12/27/2019 16:38:38</t>
  </si>
  <si>
    <t>12/27/2019 16:39:15</t>
  </si>
  <si>
    <t>12/27/2019 16:39:48</t>
  </si>
  <si>
    <t>12/27/2019 16:36:26</t>
  </si>
  <si>
    <t>12/27/2019 16:36:27</t>
  </si>
  <si>
    <t>12/27/2019 16:36:49</t>
  </si>
  <si>
    <t>12/27/2019 16:36:51</t>
  </si>
  <si>
    <t>12/27/2019 16:37:13</t>
  </si>
  <si>
    <t>12/27/2019 16:39:06</t>
  </si>
  <si>
    <t>12/27/2019 16:42:00</t>
  </si>
  <si>
    <t>\\acsfs\DEPTOS\EDUCACAO EMPRESARIAL\2 - Operações\0 - BV\5 - QUALIDADE\Nova pasta\jose\</t>
  </si>
  <si>
    <t>ligação- LUCAS GUBERT_1_6771769936620627914_1_32.wav</t>
  </si>
  <si>
    <t>\\acsfs\DEPTOS\EDUCACAO EMPRESARIAL\2 - Operações\0 - BV\5 - QUALIDADE\Nova pasta\jose\ligação- LUCAS GUBERT_1_6771769936620627914_1_32.wav</t>
  </si>
  <si>
    <t>12/27/2019 16:41:13</t>
  </si>
  <si>
    <t>12/27/2019 16:41:21</t>
  </si>
  <si>
    <t>26e08d84-142d-4b14-859d-a18a6de5ca29.tmp</t>
  </si>
  <si>
    <t>\\acsfs\profiles$\erichds\Downloads\26e08d84-142d-4b14-859d-a18a6de5ca29.tmp</t>
  </si>
  <si>
    <t>12/27/2019 16:40:31</t>
  </si>
  <si>
    <t>12/27/2019 16:41:16</t>
  </si>
  <si>
    <t>12/27/2019 16:41:43</t>
  </si>
  <si>
    <t>12/27/2019 16:42:59</t>
  </si>
  <si>
    <t>12/27/2019 16:38:45</t>
  </si>
  <si>
    <t>12/27/2019 16:43:09</t>
  </si>
  <si>
    <t>12/27/2019 16:44:00</t>
  </si>
  <si>
    <t>12/27/2019 16:44:59</t>
  </si>
  <si>
    <t>12/27/2019 16:43:08</t>
  </si>
  <si>
    <t>12/27/2019 16:43:57</t>
  </si>
  <si>
    <t>12/27/2019 16:40:56</t>
  </si>
  <si>
    <t>12/27/2019 16:46:00</t>
  </si>
  <si>
    <t>12/27/2019 16:42:35</t>
  </si>
  <si>
    <t>andrelpsa@algartech.com;fabianacscg@algartech.com;mirianppb@algartech.com;qualidadealgarbv@algartech.com;supervisaobancovotorantim@algartech.com;talmaiardo@algartech.com;</t>
  </si>
  <si>
    <t>andrelpsa@algartech.com,fabianacscg@algartech.com,mirianppb@algartech.com,qualidadealgarbv@algartech.com,supervisaobancovotorantim@algartech.com,talmaiardo@algartech.com</t>
  </si>
  <si>
    <t>12/27/2019 16:42:43</t>
  </si>
  <si>
    <t>12/27/2019 16:43:13</t>
  </si>
  <si>
    <t>12/27/2019 16:43:17</t>
  </si>
  <si>
    <t>12/27/2019 16:43:23</t>
  </si>
  <si>
    <t>12/27/2019 16:43:27</t>
  </si>
  <si>
    <t>12/27/2019 16:41:29</t>
  </si>
  <si>
    <t>12/27/2019 16:46:59</t>
  </si>
  <si>
    <t>Ligação- RAFAELA MARQUES_1_6772552956403321231_1_32.wav</t>
  </si>
  <si>
    <t>\\acsfs\DEPTOS\EDUCACAO EMPRESARIAL\2 - Operações\0 - BV\5 - QUALIDADE\Nova pasta\jose\Ligação- RAFAELA MARQUES_1_6772552956403321231_1_32.wav</t>
  </si>
  <si>
    <t>Ligação- RAFAELA MARQUES (NORMA)_1_6771766642380707178_1_32.wav</t>
  </si>
  <si>
    <t>\\acsfs\DEPTOS\EDUCACAO EMPRESARIAL\2 - Operações\0 - BV\5 - QUALIDADE\Nova pasta\jose\Ligação- RAFAELA MARQUES (NORMA)_1_6771766642380707178_1_32.wav</t>
  </si>
  <si>
    <t>12/27/2019 16:42:57</t>
  </si>
  <si>
    <t>12/27/2019 16:45:01</t>
  </si>
  <si>
    <t>12/27/2019 16:47:59</t>
  </si>
  <si>
    <t>12/27/2019 16:45:33</t>
  </si>
  <si>
    <t>12/27/2019 16:49:00</t>
  </si>
  <si>
    <t>12/27/2019 16:47:20</t>
  </si>
  <si>
    <t>12/27/2019 16:51:00</t>
  </si>
  <si>
    <t>josiascdsj@algartech.com;marianadjc@algartech.com;</t>
  </si>
  <si>
    <t>josiascdsj@algartech.com,marianadjc@algartech.com</t>
  </si>
  <si>
    <t>12/27/2019 16:47:39</t>
  </si>
  <si>
    <t>12/27/2019 16:47:56</t>
  </si>
  <si>
    <t>12/27/2019 16:48:13</t>
  </si>
  <si>
    <t>12/27/2019 16:49:54</t>
  </si>
  <si>
    <t>12/27/2019 16:49:58</t>
  </si>
  <si>
    <t>12/27/2019 16:50:02</t>
  </si>
  <si>
    <t>12/27/2019 16:47:43</t>
  </si>
  <si>
    <t>12/27/2019 16:46:22</t>
  </si>
  <si>
    <t>12/27/2019 16:48:01</t>
  </si>
  <si>
    <t>12/27/2019 16:52:59</t>
  </si>
  <si>
    <t>12/27/2019 16:49:09</t>
  </si>
  <si>
    <t>12/27/2019 16:54:00</t>
  </si>
  <si>
    <t>12/27/2019 16:55:20</t>
  </si>
  <si>
    <t>12/27/2019 16:56:00</t>
  </si>
  <si>
    <t>12/27/2019 16:55:22</t>
  </si>
  <si>
    <t>12/27/2019 16:55:25</t>
  </si>
  <si>
    <t>12/27/2019 16:54:12</t>
  </si>
  <si>
    <t>12/27/2019 16:56:59</t>
  </si>
  <si>
    <t>a0c8b691-bd8b-4888-af68-92db709641e7.tmp</t>
  </si>
  <si>
    <t>\\acsfs\profiles$\KARENJSS\Downloads\a0c8b691-bd8b-4888-af68-92db709641e7.tmp</t>
  </si>
  <si>
    <t>12/27/2019 16:54:13</t>
  </si>
  <si>
    <t>48a0bc77-b570-4ed4-8323-c7e54ca84ed3.tmp</t>
  </si>
  <si>
    <t>\\acsfs\profiles$\KARENJSS\Downloads\48a0bc77-b570-4ed4-8323-c7e54ca84ed3.tmp</t>
  </si>
  <si>
    <t>12/27/2019 16:55:40</t>
  </si>
  <si>
    <t>12/27/2019 16:57:59</t>
  </si>
  <si>
    <t>12/27/2019 16:55:08</t>
  </si>
  <si>
    <t>12/27/2019 16:58:59</t>
  </si>
  <si>
    <t>12/27/2019 16:56:01</t>
  </si>
  <si>
    <t>12/27/2019 17:01:00</t>
  </si>
  <si>
    <t>https://josiascdsj@algartech.com,marianadjc@algartech.com</t>
  </si>
  <si>
    <t>12/27/2019 16:56:34</t>
  </si>
  <si>
    <t>12/27/2019 16:59:09</t>
  </si>
  <si>
    <t>12/27/2019 17:00:07</t>
  </si>
  <si>
    <t>12/27/2019 16:59:53</t>
  </si>
  <si>
    <t>12/27/2019 16:56:22</t>
  </si>
  <si>
    <t>12/27/2019 16:56:23</t>
  </si>
  <si>
    <t>12/27/2019 16:57:18</t>
  </si>
  <si>
    <t>12/27/2019 16:55:51</t>
  </si>
  <si>
    <t>5f74ed97-77a2-4134-8e30-67196168e479.tmp</t>
  </si>
  <si>
    <t>\\acsfs\profiles$\victorgl\Downloads\5f74ed97-77a2-4134-8e30-67196168e479.tmp</t>
  </si>
  <si>
    <t>12/27/2019 17:01:12</t>
  </si>
  <si>
    <t>12/27/2019 17:01:59</t>
  </si>
  <si>
    <t>12/27/2019 17:02:18</t>
  </si>
  <si>
    <t>12/27/2019 17:03:59</t>
  </si>
  <si>
    <t>a0cd24c9-9170-434d-838b-38e245cd892f.tmp</t>
  </si>
  <si>
    <t>\\acsfs\profiles$\henriquehmdo\Downloads\a0cd24c9-9170-434d-838b-38e245cd892f.tmp</t>
  </si>
  <si>
    <t>12/27/2019 17:00:58</t>
  </si>
  <si>
    <t>12/27/2019 16:59:44</t>
  </si>
  <si>
    <t>12/27/2019 17:00:08</t>
  </si>
  <si>
    <t>12/27/2019 17:00:24</t>
  </si>
  <si>
    <t>12/27/2019 17:00:50</t>
  </si>
  <si>
    <t>amanda.poucheira@bv.com.br;andrelps@algartech.com;andrelpsa@algartech.com;fabianacscg@algartech.com;jose.gomes@bv.com.br;mirianppb@algartech.com;qualidadealgarbv@algartech.com;supervisaobancovotorantim@algartech.com;talmaiardo@algartech.com;</t>
  </si>
  <si>
    <t>amanda.poucheira@bv.com.br,andrelps@algartech.com,andrelpsa@algartech.com,fabianacscg@algartech.com,jose.gomes@bv.com.br,mirianppb@algartech.com,qualidadealgarbv@algartech.com,supervisaobancovotorantim@algartech.com,talmaiardo@algartech.com</t>
  </si>
  <si>
    <t>12/27/2019 17:01:05</t>
  </si>
  <si>
    <t>12/27/2019 17:01:09</t>
  </si>
  <si>
    <t>12/27/2019 17:01:17</t>
  </si>
  <si>
    <t>12/27/2019 16:59:37</t>
  </si>
  <si>
    <t>12/27/2019 17:05:00</t>
  </si>
  <si>
    <t>12/27/2019 17:02:41</t>
  </si>
  <si>
    <t>12/27/2019 17:01:18</t>
  </si>
  <si>
    <t>12/27/2019 17:05:59</t>
  </si>
  <si>
    <t>12/27/2019 17:01:42</t>
  </si>
  <si>
    <t>12/27/2019 17:05:14</t>
  </si>
  <si>
    <t>12/27/2019 17:02:52</t>
  </si>
  <si>
    <t>12/27/2019 17:07:00</t>
  </si>
  <si>
    <t>mail.google.com/sync/u/0/i/s?hl=pt-BR&amp;c=906</t>
  </si>
  <si>
    <t>12/27/2019 17:03:02</t>
  </si>
  <si>
    <t>mail.google.com/_/upload?authuser=0&amp;dcp=asu-n&amp;upload_id=AEnB2UoincIBEW1_vAFf8vs68qXYb-ptuEwfEfoG-Klr9u7jka7AZYPOVhJUulgXlPjBloNUwzM9XGhEL7k2wxNRzcGvDXOej_NVUIBUhxZVH4HGCcfpXho&amp;upload_protocol=resumable</t>
  </si>
  <si>
    <t>12/27/2019 17:04:42</t>
  </si>
  <si>
    <t>12/27/2019 17:07:59</t>
  </si>
  <si>
    <t>12/27/2019 17:09:00</t>
  </si>
  <si>
    <t>12/27/2019 17:04:08</t>
  </si>
  <si>
    <t>afd833a9-b6aa-45d9-a263-cce4c4cac745.tmp</t>
  </si>
  <si>
    <t>\\acsfs\profiles$\georgendsq\Downloads\afd833a9-b6aa-45d9-a263-cce4c4cac745.tmp</t>
  </si>
  <si>
    <t>12/27/2019 17:05:12</t>
  </si>
  <si>
    <t>12/27/2019 17:07:09</t>
  </si>
  <si>
    <t>12/27/2019 17:06:26</t>
  </si>
  <si>
    <t>12/27/2019 17:10:59</t>
  </si>
  <si>
    <t>12/27/2019 17:07:30</t>
  </si>
  <si>
    <t>12/27/2019 17:09:23</t>
  </si>
  <si>
    <t>12/27/2019 17:09:42</t>
  </si>
  <si>
    <t>12/27/2019 17:09:47</t>
  </si>
  <si>
    <t>12/27/2019 17:09:50</t>
  </si>
  <si>
    <t>12/27/2019 17:10:13</t>
  </si>
  <si>
    <t>12/27/2019 17:09:53</t>
  </si>
  <si>
    <t>12/27/2019 17:10:16</t>
  </si>
  <si>
    <t>12/27/2019 17:06:41</t>
  </si>
  <si>
    <t>12/27/2019 17:11:59</t>
  </si>
  <si>
    <t>12/27/2019 17:11:44</t>
  </si>
  <si>
    <t>12/27/2019 17:13:00</t>
  </si>
  <si>
    <t>12/27/2019 17:10:21</t>
  </si>
  <si>
    <t>12/27/2019 17:13:59</t>
  </si>
  <si>
    <t>12/27/2019 17:10:22</t>
  </si>
  <si>
    <t>12/27/2019 17:13:09</t>
  </si>
  <si>
    <t>12/27/2019 17:13:26</t>
  </si>
  <si>
    <t>12/27/2019 17:13:27</t>
  </si>
  <si>
    <t>12/27/2019 17:15:00</t>
  </si>
  <si>
    <t>12/27/2019 17:13:28</t>
  </si>
  <si>
    <t>12/27/2019 17:13:48</t>
  </si>
  <si>
    <t>https://outlook.office365.com/mapi/nspi/?mailboxid=77162096-c0b3-4a9d-88ca-b9268ce0500f@algartech.com</t>
  </si>
  <si>
    <t>12/27/2019 17:13:49</t>
  </si>
  <si>
    <t>12/27/2019 17:12:03</t>
  </si>
  <si>
    <t>12/27/2019 17:10:34</t>
  </si>
  <si>
    <t>12/27/2019 17:15:59</t>
  </si>
  <si>
    <t>12/27/2019 17:11:04</t>
  </si>
  <si>
    <t>12/27/2019 17:12:50</t>
  </si>
  <si>
    <t>12/27/2019 17:13:05</t>
  </si>
  <si>
    <t>12/27/2019 17:14:21</t>
  </si>
  <si>
    <t>12/27/2019 17:14:49</t>
  </si>
  <si>
    <t>12/27/2019 17:15:11</t>
  </si>
  <si>
    <t>12/27/2019 17:15:17</t>
  </si>
  <si>
    <t>12/27/2019 17:15:46</t>
  </si>
  <si>
    <t>12/27/2019 17:20:00</t>
  </si>
  <si>
    <t>12/27/2019 17:16:46</t>
  </si>
  <si>
    <t>12/27/2019 17:16:09</t>
  </si>
  <si>
    <t>12/27/2019 17:20:59</t>
  </si>
  <si>
    <t>12/27/2019 17:16:27</t>
  </si>
  <si>
    <t>12/27/2019 17:17:10</t>
  </si>
  <si>
    <t>12/27/2019 17:17:15</t>
  </si>
  <si>
    <t>12/27/2019 17:17:20</t>
  </si>
  <si>
    <t>12/27/2019 17:17:23</t>
  </si>
  <si>
    <t>12/27/2019 17:17:25</t>
  </si>
  <si>
    <t>12/27/2019 17:17:34</t>
  </si>
  <si>
    <t>12/27/2019 17:17:43</t>
  </si>
  <si>
    <t>12/27/2019 17:17:45</t>
  </si>
  <si>
    <t>12/27/2019 17:18:34</t>
  </si>
  <si>
    <t>12/27/2019 17:19:15</t>
  </si>
  <si>
    <t>12/27/2019 17:16:35</t>
  </si>
  <si>
    <t>12/27/2019 17:16:06</t>
  </si>
  <si>
    <t>12/27/2019 17:20:09</t>
  </si>
  <si>
    <t>12/27/2019 17:21:59</t>
  </si>
  <si>
    <t>f6405993-fc38-4736-8c70-1f83f6571018.tmp</t>
  </si>
  <si>
    <t>\\acsfs\profiles$\erichds\Downloads\f6405993-fc38-4736-8c70-1f83f6571018.tmp</t>
  </si>
  <si>
    <t>12/27/2019 17:18:47</t>
  </si>
  <si>
    <t>12/27/2019 17:22:59</t>
  </si>
  <si>
    <t>12/27/2019 17:23:59</t>
  </si>
  <si>
    <t>12/27/2019 17:19:59</t>
  </si>
  <si>
    <t>12/27/2019 17:19:09</t>
  </si>
  <si>
    <t>12/27/2019 17:25:00</t>
  </si>
  <si>
    <t>12/27/2019 17:21:36</t>
  </si>
  <si>
    <t>12/27/2019 17:21:37</t>
  </si>
  <si>
    <t>12/27/2019 17:21:39</t>
  </si>
  <si>
    <t>12/27/2019 17:21:40</t>
  </si>
  <si>
    <t>12/27/2019 17:21:42</t>
  </si>
  <si>
    <t>12/27/2019 17:21:44</t>
  </si>
  <si>
    <t>12/27/2019 17:19:52</t>
  </si>
  <si>
    <t>12/27/2019 17:21:49</t>
  </si>
  <si>
    <t>12/27/2019 17:25:59</t>
  </si>
  <si>
    <t>12/27/2019 17:24:44</t>
  </si>
  <si>
    <t>12/27/2019 17:26:59</t>
  </si>
  <si>
    <t>12/27/2019 17:24:03</t>
  </si>
  <si>
    <t>12/27/2019 17:27:59</t>
  </si>
  <si>
    <t>12/27/2019 17:24:16</t>
  </si>
  <si>
    <t>12/27/2019 17:29:59</t>
  </si>
  <si>
    <t>12/27/2019 17:25:09</t>
  </si>
  <si>
    <t>12/27/2019 17:27:09</t>
  </si>
  <si>
    <t>12/27/2019 17:26:26</t>
  </si>
  <si>
    <t>12/27/2019 17:30:59</t>
  </si>
  <si>
    <t>12/27/2019 17:27:56</t>
  </si>
  <si>
    <t>12/27/2019 17:27:57</t>
  </si>
  <si>
    <t>12/27/2019 17:26:52</t>
  </si>
  <si>
    <t>12/27/2019 17:31:59</t>
  </si>
  <si>
    <t>12/27/2019 17:33:19</t>
  </si>
  <si>
    <t>12/27/2019 17:33:59</t>
  </si>
  <si>
    <t>c231e189-bf66-4092-a851-7698db7fea61.tmp</t>
  </si>
  <si>
    <t>\\acsfs\profiles$\JOAOVAL\Downloads\c231e189-bf66-4092-a851-7698db7fea61.tmp</t>
  </si>
  <si>
    <t>12/27/2019 17:31:09</t>
  </si>
  <si>
    <t>12/27/2019 17:34:59</t>
  </si>
  <si>
    <t>12/27/2019 17:32:26</t>
  </si>
  <si>
    <t>12/27/2019 17:33:09</t>
  </si>
  <si>
    <t>12/27/2019 17:32:59</t>
  </si>
  <si>
    <t>12/27/2019 17:35:58</t>
  </si>
  <si>
    <t>12/27/2019 17:33:34</t>
  </si>
  <si>
    <t>12/27/2019 17:33:51</t>
  </si>
  <si>
    <t>12/27/2019 17:38:58</t>
  </si>
  <si>
    <t>10.200.66.186</t>
  </si>
  <si>
    <t>74-86-7A-FB-17-C5</t>
  </si>
  <si>
    <t>VOTORANT-VB005</t>
  </si>
  <si>
    <t>3700d011-24d1-4b13-ab88-9e86d7334e05.tmp</t>
  </si>
  <si>
    <t>\\acsfs\profiles$\anafaes\Downloads\3700d011-24d1-4b13-ab88-9e86d7334e05.tmp</t>
  </si>
  <si>
    <t>12/27/2019 17:33:56</t>
  </si>
  <si>
    <t>8c842bf3-350a-4be9-970a-3a962bcbdb27.tmp</t>
  </si>
  <si>
    <t>\\acsfs\profiles$\anafaes\Downloads\8c842bf3-350a-4be9-970a-3a962bcbdb27.tmp</t>
  </si>
  <si>
    <t>12/27/2019 17:34:02</t>
  </si>
  <si>
    <t>0a2a3589-327b-4865-ad0f-b5de04f8fe59.tmp</t>
  </si>
  <si>
    <t>\\acsfs\profiles$\anafaes\Downloads\0a2a3589-327b-4865-ad0f-b5de04f8fe59.tmp</t>
  </si>
  <si>
    <t>12/27/2019 17:34:11</t>
  </si>
  <si>
    <t>Não confirmado 656516.crdownload</t>
  </si>
  <si>
    <t>\\acsfs\profiles$\anafaes\Downloads\Não confirmado 656516.crdownload</t>
  </si>
  <si>
    <t>12/27/2019 17:36:04</t>
  </si>
  <si>
    <t>5157b36c-6629-4cd5-9093-80f736a4e76f.tmp</t>
  </si>
  <si>
    <t>\\acsfs\profiles$\anafaes\Downloads\5157b36c-6629-4cd5-9093-80f736a4e76f.tmp</t>
  </si>
  <si>
    <t>12/27/2019 17:37:09</t>
  </si>
  <si>
    <t>12/27/2019 17:39:59</t>
  </si>
  <si>
    <t>12/27/2019 17:38:29</t>
  </si>
  <si>
    <t>12/27/2019 17:38:38</t>
  </si>
  <si>
    <t>12/27/2019 17:38:09</t>
  </si>
  <si>
    <t>12/27/2019 17:40:59</t>
  </si>
  <si>
    <t>12/27/2019 17:38:59</t>
  </si>
  <si>
    <t>12/27/2019 17:42:59</t>
  </si>
  <si>
    <t>12/27/2019 17:39:41</t>
  </si>
  <si>
    <t>12/27/2019 17:43:59</t>
  </si>
  <si>
    <t>d045c7be-743a-49bf-85d7-d309be77a623.tmp</t>
  </si>
  <si>
    <t>\\acsfs\profiles$\matheusmax\Downloads\d045c7be-743a-49bf-85d7-d309be77a623.tmp</t>
  </si>
  <si>
    <t>12/27/2019 17:40:28</t>
  </si>
  <si>
    <t>61f22315-0059-459c-b74c-023bdd90fc24.tmp</t>
  </si>
  <si>
    <t>\\acsfs\profiles$\leonardocb\Downloads\61f22315-0059-459c-b74c-023bdd90fc24.tmp</t>
  </si>
  <si>
    <t>12/27/2019 17:40:30</t>
  </si>
  <si>
    <t>Q29udHJvbGxlci5JbmZvQlYtTm9pdGU- (15).ica</t>
  </si>
  <si>
    <t>\\acsfs\profiles$\leonardocb\Downloads\Q29udHJvbGxlci5JbmZvQlYtTm9pdGU- (15).ica</t>
  </si>
  <si>
    <t>12/27/2019 17:41:25</t>
  </si>
  <si>
    <t>5fe3ff23-3cdd-47b3-bf0c-57b78ee79414.tmp</t>
  </si>
  <si>
    <t>\\acsfs\profiles$\leonardocb\Downloads\5fe3ff23-3cdd-47b3-bf0c-57b78ee79414.tmp</t>
  </si>
  <si>
    <t>12/27/2019 17:39:09</t>
  </si>
  <si>
    <t>12/27/2019 17:44:59</t>
  </si>
  <si>
    <t>12/27/2019 17:39:57</t>
  </si>
  <si>
    <t>12/27/2019 17:43:09</t>
  </si>
  <si>
    <t>12/27/2019 17:42:43</t>
  </si>
  <si>
    <t>12/27/2019 17:45:59</t>
  </si>
  <si>
    <t>12/27/2019 17:42:56</t>
  </si>
  <si>
    <t>12/27/2019 17:43:00</t>
  </si>
  <si>
    <t>12/27/2019 17:43:03</t>
  </si>
  <si>
    <t>12/27/2019 17:43:07</t>
  </si>
  <si>
    <t>12/27/2019 17:43:14</t>
  </si>
  <si>
    <t>12/27/2019 17:43:26</t>
  </si>
  <si>
    <t>12/27/2019 17:43:27</t>
  </si>
  <si>
    <t>12/27/2019 17:42:30</t>
  </si>
  <si>
    <t>12/27/2019 17:44:26</t>
  </si>
  <si>
    <t>12/27/2019 17:44:40</t>
  </si>
  <si>
    <t>12/27/2019 17:44:50</t>
  </si>
  <si>
    <t>12/27/2019 17:44:52</t>
  </si>
  <si>
    <t>12/27/2019 17:45:37</t>
  </si>
  <si>
    <t>12/27/2019 17:47:59</t>
  </si>
  <si>
    <t>4e11ac5e-ec92-4eb7-9a1c-5a9a890cbf4c.tmp</t>
  </si>
  <si>
    <t>\\acsfs\profiles$\leandromsa\Downloads\4e11ac5e-ec92-4eb7-9a1c-5a9a890cbf4c.tmp</t>
  </si>
  <si>
    <t>12/27/2019 17:45:35</t>
  </si>
  <si>
    <t>12/27/2019 17:45:09</t>
  </si>
  <si>
    <t>12/27/2019 17:49:59</t>
  </si>
  <si>
    <t>12/27/2019 17:47:28</t>
  </si>
  <si>
    <t>12/27/2019 17:45:34</t>
  </si>
  <si>
    <t>12/27/2019 17:50:59</t>
  </si>
  <si>
    <t>12/27/2019 17:48:40</t>
  </si>
  <si>
    <t>12/27/2019 17:46:51</t>
  </si>
  <si>
    <t>12/27/2019 17:46:56</t>
  </si>
  <si>
    <t>12/27/2019 17:50:21</t>
  </si>
  <si>
    <t>12/27/2019 17:52:59</t>
  </si>
  <si>
    <t>12/27/2019 17:49:09</t>
  </si>
  <si>
    <t>12/27/2019 17:54:59</t>
  </si>
  <si>
    <t>12/27/2019 17:51:09</t>
  </si>
  <si>
    <t>12/27/2019 17:50:42</t>
  </si>
  <si>
    <t>12/27/2019 17:55:59</t>
  </si>
  <si>
    <t>12/27/2019 17:52:09</t>
  </si>
  <si>
    <t>2e88dbb5-accd-4253-a531-72e3de4d502b.tmp</t>
  </si>
  <si>
    <t>\\acsfs\profiles$\taylaedoa\Downloads\2e88dbb5-accd-4253-a531-72e3de4d502b.tmp</t>
  </si>
  <si>
    <t>12/27/2019 17:54:04</t>
  </si>
  <si>
    <t>12/27/2019 17:54:58</t>
  </si>
  <si>
    <t>12/27/2019 17:59:59</t>
  </si>
  <si>
    <t>12/27/2019 17:55:09</t>
  </si>
  <si>
    <t>12/27/2019 17:55:12</t>
  </si>
  <si>
    <t>12/27/2019 17:55:34</t>
  </si>
  <si>
    <t>supervisaobancovotorantim@algartech.com;</t>
  </si>
  <si>
    <t>supervisaobancovotorantim@algartech.com</t>
  </si>
  <si>
    <t>12/27/2019 17:55:44</t>
  </si>
  <si>
    <t>12/27/2019 17:55:52</t>
  </si>
  <si>
    <t>12/27/2019 17:55:53</t>
  </si>
  <si>
    <t>12/27/2019 17:57:09</t>
  </si>
  <si>
    <t>12/27/2019 17:58:14</t>
  </si>
  <si>
    <t>12/27/2019 18:00:59</t>
  </si>
  <si>
    <t>12/27/2019 17:59:05</t>
  </si>
  <si>
    <t>12/27/2019 18:00:27</t>
  </si>
  <si>
    <t>12/27/2019 18:03:59</t>
  </si>
  <si>
    <t>12/27/2019 18:03:01</t>
  </si>
  <si>
    <t>497fd9ad-268b-4bef-9182-bc6d320b4133.tmp</t>
  </si>
  <si>
    <t>\\acsfs\profiles$\henriquehmdo\Downloads\497fd9ad-268b-4bef-9182-bc6d320b4133.tmp</t>
  </si>
  <si>
    <t>12/27/2019 18:01:09</t>
  </si>
  <si>
    <t>12/27/2019 18:04:59</t>
  </si>
  <si>
    <t>12/27/2019 18:02:29</t>
  </si>
  <si>
    <t>12/27/2019 18:02:37</t>
  </si>
  <si>
    <t>andrelpsa@algartech.com;fabianacscg@algartech.com;mirianppb@algartech.com;qualidadealgarbv@algartech.com;talmaiardo@algartech.com;</t>
  </si>
  <si>
    <t>andrelpsa@algartech.com,fabianacscg@algartech.com,mirianppb@algartech.com,qualidadealgarbv@algartech.com,talmaiardo@algartech.com</t>
  </si>
  <si>
    <t>12/27/2019 18:02:50</t>
  </si>
  <si>
    <t>12/27/2019 18:02:55</t>
  </si>
  <si>
    <t>12/27/2019 18:03:03</t>
  </si>
  <si>
    <t>12/27/2019 18:03:09</t>
  </si>
  <si>
    <t>12/27/2019 18:03:17</t>
  </si>
  <si>
    <t>12/27/2019 18:04:09</t>
  </si>
  <si>
    <t>12/27/2019 18:05:59</t>
  </si>
  <si>
    <t>12/27/2019 18:02:59</t>
  </si>
  <si>
    <t>12/27/2019 18:03:20</t>
  </si>
  <si>
    <t>12/27/2019 18:03:55</t>
  </si>
  <si>
    <t>12/27/2019 18:04:10</t>
  </si>
  <si>
    <t>12/27/2019 18:08:59</t>
  </si>
  <si>
    <t>12/27/2019 18:04:26</t>
  </si>
  <si>
    <t>12/27/2019 18:04:27</t>
  </si>
  <si>
    <t>lu19140xrkm3.tmp</t>
  </si>
  <si>
    <t>\\acsfs\profiles$\EDICARLOSDL\My Documents\lu19140xrkm3.tmp</t>
  </si>
  <si>
    <t>\\acsfs\profiles$\EDICARLOSDL\My Documents\lu19140xrkm3.tmp\</t>
  </si>
  <si>
    <t>\\acsfs\profiles$\EDICARLOSDL\My Documents\lu19140xrkm3.tmp\META-INF\</t>
  </si>
  <si>
    <t>\\acsfs\profiles$\EDICARLOSDL\My Documents\lu19140xrkm3.tmp\Thumbnails\</t>
  </si>
  <si>
    <t>12/27/2019 18:07:09</t>
  </si>
  <si>
    <t>12/27/2019 18:09:59</t>
  </si>
  <si>
    <t>12/27/2019 18:08:26</t>
  </si>
  <si>
    <t>12/27/2019 18:06:48</t>
  </si>
  <si>
    <t>12/27/2019 18:10:59</t>
  </si>
  <si>
    <t>12/27/2019 18:06:53</t>
  </si>
  <si>
    <t>12/27/2019 18:07:01</t>
  </si>
  <si>
    <t>12/27/2019 18:07:08</t>
  </si>
  <si>
    <t>12/27/2019 18:07:21</t>
  </si>
  <si>
    <t>12/27/2019 18:07:36</t>
  </si>
  <si>
    <t>12/27/2019 18:09:33</t>
  </si>
  <si>
    <t>12/27/2019 18:13:00</t>
  </si>
  <si>
    <t>20d2e563-4996-479c-8243-a4bdcbe8a31c.tmp</t>
  </si>
  <si>
    <t>\\acsfs\profiles$\leandromsa\Downloads\20d2e563-4996-479c-8243-a4bdcbe8a31c.tmp</t>
  </si>
  <si>
    <t>12/27/2019 18:12:48</t>
  </si>
  <si>
    <t>12/27/2019 18:09:09</t>
  </si>
  <si>
    <t>12/27/2019 18:15:00</t>
  </si>
  <si>
    <t>12/27/2019 18:10:05</t>
  </si>
  <si>
    <t>12/27/2019 18:13:44</t>
  </si>
  <si>
    <t>12/27/2019 18:13:56</t>
  </si>
  <si>
    <t>12/27/2019 18:13:54</t>
  </si>
  <si>
    <t>12/27/2019 18:16:00</t>
  </si>
  <si>
    <t>12/27/2019 18:13:58</t>
  </si>
  <si>
    <t>12/27/2019 18:14:20</t>
  </si>
  <si>
    <t>12/27/2019 18:14:23</t>
  </si>
  <si>
    <t>algartechcpcbv@algartech.com;andrelpsa@algartech.com;joaogvc@algartech.com;josiascdsj@algartech.com;leonardoao@algartech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joaogvc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12/27/2019 18:14:54</t>
  </si>
  <si>
    <t>12/27/2019 18:14:57</t>
  </si>
  <si>
    <t>12/27/2019 18:15:18</t>
  </si>
  <si>
    <t>12/27/2019 18:15:21</t>
  </si>
  <si>
    <t>12/27/2019 18:16:31</t>
  </si>
  <si>
    <t>12/27/2019 18:17:00</t>
  </si>
  <si>
    <t>12/27/2019 18:15:45</t>
  </si>
  <si>
    <t>12/27/2019 18:17:59</t>
  </si>
  <si>
    <t>12/27/2019 18:13:25</t>
  </si>
  <si>
    <t>12/27/2019 18:13:32</t>
  </si>
  <si>
    <t>12/27/2019 18:14:14</t>
  </si>
  <si>
    <t>12/27/2019 18:16:34</t>
  </si>
  <si>
    <t>12/27/2019 18:16:45</t>
  </si>
  <si>
    <t>12/27/2019 18:20:00</t>
  </si>
  <si>
    <t>12/27/2019 18:14:17</t>
  </si>
  <si>
    <t>mail.google.com/sync/u/0/i/s?hl=pt-BR&amp;c=263</t>
  </si>
  <si>
    <t>12/27/2019 18:14:36</t>
  </si>
  <si>
    <t>12/27/2019 18:15:06</t>
  </si>
  <si>
    <t>12/27/2019 18:15:09</t>
  </si>
  <si>
    <t>12/27/2019 18:15:13</t>
  </si>
  <si>
    <t>12/27/2019 18:15:20</t>
  </si>
  <si>
    <t>12/27/2019 18:15:39</t>
  </si>
  <si>
    <t>mail.google.com/sync/u/0/i/s?hl=pt-BR&amp;c=275</t>
  </si>
  <si>
    <t>12/27/2019 18:15:46</t>
  </si>
  <si>
    <t>mail.google.com/sync/u/0/i/s?hl=pt-BR&amp;c=277</t>
  </si>
  <si>
    <t>12/27/2019 18:15:51</t>
  </si>
  <si>
    <t>12/27/2019 18:16:07</t>
  </si>
  <si>
    <t>mail.google.com/sync/u/0/i/s?hl=pt-BR&amp;c=281</t>
  </si>
  <si>
    <t>12/27/2019 18:16:15</t>
  </si>
  <si>
    <t>12/27/2019 18:16:23</t>
  </si>
  <si>
    <t>12/27/2019 18:16:26</t>
  </si>
  <si>
    <t>12/27/2019 18:18:22</t>
  </si>
  <si>
    <t>12/27/2019 18:18:48</t>
  </si>
  <si>
    <t>12/27/2019 18:19:08</t>
  </si>
  <si>
    <t>12/27/2019 18:21:00</t>
  </si>
  <si>
    <t>12/27/2019 18:15:48</t>
  </si>
  <si>
    <t>12/27/2019 18:16:08</t>
  </si>
  <si>
    <t>12/27/2019 18:17:57</t>
  </si>
  <si>
    <t>12/27/2019 18:18:05</t>
  </si>
  <si>
    <t>12/27/2019 18:18:07</t>
  </si>
  <si>
    <t>12/27/2019 18:18:13</t>
  </si>
  <si>
    <t>12/27/2019 18:18:17</t>
  </si>
  <si>
    <t>12/27/2019 18:18:20</t>
  </si>
  <si>
    <t>12/27/2019 18:18:27</t>
  </si>
  <si>
    <t>12/27/2019 18:18:37</t>
  </si>
  <si>
    <t>12/27/2019 18:18:38</t>
  </si>
  <si>
    <t>12/27/2019 18:19:03</t>
  </si>
  <si>
    <t>12/27/2019 18:19:51</t>
  </si>
  <si>
    <t>12/27/2019 18:20:39</t>
  </si>
  <si>
    <t>12/27/2019 18:21:16</t>
  </si>
  <si>
    <t>12/27/2019 18:22:00</t>
  </si>
  <si>
    <t>12/27/2019 18:17:32</t>
  </si>
  <si>
    <t>12/27/2019 18:22:18</t>
  </si>
  <si>
    <t>12/27/2019 18:23:00</t>
  </si>
  <si>
    <t>aeea6f92-9588-449a-92be-6b53fca4f605.tmp</t>
  </si>
  <si>
    <t>\\acsfs\profiles$\leandromsa\Downloads\aeea6f92-9588-449a-92be-6b53fca4f605.tmp</t>
  </si>
  <si>
    <t>12/27/2019 18:21:09</t>
  </si>
  <si>
    <t>12/27/2019 18:25:00</t>
  </si>
  <si>
    <t>12/27/2019 18:20:46</t>
  </si>
  <si>
    <t>12/27/2019 18:26:00</t>
  </si>
  <si>
    <t>12/27/2019 18:21:11</t>
  </si>
  <si>
    <t>https://algartechcpcbv@algartech.com,andrelpsa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12/27/2019 18:22:33</t>
  </si>
  <si>
    <t>12/27/2019 18:23:27</t>
  </si>
  <si>
    <t>12/27/2019 18:24:49</t>
  </si>
  <si>
    <t>12/27/2019 18:23:55</t>
  </si>
  <si>
    <t>12/27/2019 18:22:48</t>
  </si>
  <si>
    <t>12/27/2019 18:27:00</t>
  </si>
  <si>
    <t>ccb74389-aecf-4162-8f23-196702c5b716.tmp</t>
  </si>
  <si>
    <t>\\acsfs\profiles$\erichds\Downloads\ccb74389-aecf-4162-8f23-196702c5b716.tmp</t>
  </si>
  <si>
    <t>12/27/2019 18:23:20</t>
  </si>
  <si>
    <t>12/27/2019 18:28:00</t>
  </si>
  <si>
    <t>12/27/2019 18:24:12</t>
  </si>
  <si>
    <t>12/27/2019 18:27:16</t>
  </si>
  <si>
    <t>12/27/2019 18:25:58</t>
  </si>
  <si>
    <t>12/27/2019 18:27:27</t>
  </si>
  <si>
    <t>12/27/2019 18:26:39</t>
  </si>
  <si>
    <t>12/27/2019 18:30:00</t>
  </si>
  <si>
    <t>12/27/2019 18:27:09</t>
  </si>
  <si>
    <t>12/27/2019 18:28:20</t>
  </si>
  <si>
    <t>72334284-388e-437c-acfb-ac26d624a5f1.tmp</t>
  </si>
  <si>
    <t>\\acsfs\profiles$\anacms\Downloads\72334284-388e-437c-acfb-ac26d624a5f1.tmp</t>
  </si>
  <si>
    <t>12/27/2019 18:24:57</t>
  </si>
  <si>
    <t>2af95946-f016-4313-876c-172b94f67cdc.tmp</t>
  </si>
  <si>
    <t>\\acsfs\profiles$\joycemmdl\Downloads\2af95946-f016-4313-876c-172b94f67cdc.tmp</t>
  </si>
  <si>
    <t>12/27/2019 18:26:28</t>
  </si>
  <si>
    <t>12/27/2019 18:31:01</t>
  </si>
  <si>
    <t>12/27/2019 18:27:21</t>
  </si>
  <si>
    <t>12/27/2019 18:33:01</t>
  </si>
  <si>
    <t>12/27/2019 18:29:13</t>
  </si>
  <si>
    <t>12/27/2019 18:28:23</t>
  </si>
  <si>
    <t>12/27/2019 18:34:00</t>
  </si>
  <si>
    <t>1835d2fa-6a5b-46e9-a628-578830cc9127.tmp</t>
  </si>
  <si>
    <t>\\acsfs\profiles$\fabianafv\Downloads\1835d2fa-6a5b-46e9-a628-578830cc9127.tmp</t>
  </si>
  <si>
    <t>12/27/2019 18:33:09</t>
  </si>
  <si>
    <t>12/27/2019 18:35:00</t>
  </si>
  <si>
    <t>12/27/2019 18:31:24</t>
  </si>
  <si>
    <t>12/27/2019 18:34:59</t>
  </si>
  <si>
    <t>12/27/2019 18:36:00</t>
  </si>
  <si>
    <t>12/27/2019 18:33:37</t>
  </si>
  <si>
    <t>12/27/2019 18:35:19</t>
  </si>
  <si>
    <t>12/27/2019 18:37:59</t>
  </si>
  <si>
    <t>8448ccc6-01a7-417b-a081-0d4e525298b7.tmp</t>
  </si>
  <si>
    <t>\\acsfs\profiles$\cintiadjl\Downloads\8448ccc6-01a7-417b-a081-0d4e525298b7.tmp</t>
  </si>
  <si>
    <t>12/27/2019 18:33:28</t>
  </si>
  <si>
    <t>12/27/2019 18:39:00</t>
  </si>
  <si>
    <t>12/27/2019 18:33:29</t>
  </si>
  <si>
    <t>lu11068dwnm.tmp</t>
  </si>
  <si>
    <t>\\acsfs\profiles$\FABIANAFV\My Documents\lu11068dwnm.tmp</t>
  </si>
  <si>
    <t>\\acsfs\profiles$\FABIANAFV\My Documents\lu11068dwnm.tmp\</t>
  </si>
  <si>
    <t>\\acsfs\profiles$\FABIANAFV\My Documents\lu11068dwnm.tmp\META-INF\</t>
  </si>
  <si>
    <t>\\acsfs\profiles$\FABIANAFV\My Documents\lu11068dwnm.tmp\Thumbnails\</t>
  </si>
  <si>
    <t>12/27/2019 18:37:01</t>
  </si>
  <si>
    <t>f4fda6af-e9f9-4d65-a713-84c6031a325b.tmp</t>
  </si>
  <si>
    <t>\\acsfs\profiles$\bernardopcm\Downloads\f4fda6af-e9f9-4d65-a713-84c6031a325b.tmp</t>
  </si>
  <si>
    <t>12/27/2019 18:34:33</t>
  </si>
  <si>
    <t>12/27/2019 18:39:59</t>
  </si>
  <si>
    <t>12/27/2019 18:38:13</t>
  </si>
  <si>
    <t>12/27/2019 18:41:00</t>
  </si>
  <si>
    <t>12/27/2019 18:39:02</t>
  </si>
  <si>
    <t>12/27/2019 18:39:32</t>
  </si>
  <si>
    <t>12/27/2019 18:39:52</t>
  </si>
  <si>
    <t>12/27/2019 18:39:09</t>
  </si>
  <si>
    <t>12/27/2019 18:44:59</t>
  </si>
  <si>
    <t>12/27/2019 18:42:23</t>
  </si>
  <si>
    <t>12/27/2019 18:43:04</t>
  </si>
  <si>
    <t>12/27/2019 18:46:00</t>
  </si>
  <si>
    <t>12/27/2019 18:43:34</t>
  </si>
  <si>
    <t>12/27/2019 18:43:37</t>
  </si>
  <si>
    <t>12/27/2019 18:44:27</t>
  </si>
  <si>
    <t>12/27/2019 18:44:34</t>
  </si>
  <si>
    <t>12/27/2019 18:44:42</t>
  </si>
  <si>
    <t>12/27/2019 18:44:51</t>
  </si>
  <si>
    <t>12/27/2019 18:45:27</t>
  </si>
  <si>
    <t>12/27/2019 18:46:59</t>
  </si>
  <si>
    <t>3d7a4903-d909-4ead-82c2-b97884d7cb86.tmp</t>
  </si>
  <si>
    <t>\\acsfs\profiles$\erichds\Downloads\3d7a4903-d909-4ead-82c2-b97884d7cb86.tmp</t>
  </si>
  <si>
    <t>12/27/2019 18:45:26</t>
  </si>
  <si>
    <t>12/27/2019 18:47:59</t>
  </si>
  <si>
    <t>12/27/2019 18:45:09</t>
  </si>
  <si>
    <t>12/27/2019 18:49:59</t>
  </si>
  <si>
    <t>12/27/2019 18:47:30</t>
  </si>
  <si>
    <t>12/27/2019 18:46:44</t>
  </si>
  <si>
    <t>12/27/2019 18:50:59</t>
  </si>
  <si>
    <t>12/27/2019 18:46:49</t>
  </si>
  <si>
    <t>12/27/2019 18:47:08</t>
  </si>
  <si>
    <t>12/27/2019 18:49:07</t>
  </si>
  <si>
    <t>12/27/2019 18:49:32</t>
  </si>
  <si>
    <t>12/27/2019 18:51:59</t>
  </si>
  <si>
    <t>12/27/2019 18:50:44</t>
  </si>
  <si>
    <t>12/27/2019 18:47:50</t>
  </si>
  <si>
    <t>12/27/2019 18:53:00</t>
  </si>
  <si>
    <t>12/27/2019 18:48:14</t>
  </si>
  <si>
    <t>12/27/2019 18:48:56</t>
  </si>
  <si>
    <t>12/27/2019 18:51:09</t>
  </si>
  <si>
    <t>12/27/2019 18:55:00</t>
  </si>
  <si>
    <t>12/27/2019 18:50:37</t>
  </si>
  <si>
    <t>12/27/2019 18:55:59</t>
  </si>
  <si>
    <t>12/27/2019 18:51:57</t>
  </si>
  <si>
    <t>12/27/2019 18:52:05</t>
  </si>
  <si>
    <t>12/27/2019 18:52:46</t>
  </si>
  <si>
    <t>12/27/2019 18:54:32</t>
  </si>
  <si>
    <t>12/27/2019 18:52:29</t>
  </si>
  <si>
    <t>12/27/2019 18:53:04</t>
  </si>
  <si>
    <t>12/27/2019 18:56:59</t>
  </si>
  <si>
    <t>12/27/2019 18:54:47</t>
  </si>
  <si>
    <t>12/27/2019 18:57:59</t>
  </si>
  <si>
    <t>9e01eba0-6d59-4631-8588-24be719e7e23.tmp</t>
  </si>
  <si>
    <t>\\acsfs\profiles$\cintiadjl\Downloads\9e01eba0-6d59-4631-8588-24be719e7e23.tmp</t>
  </si>
  <si>
    <t>12/27/2019 18:55:09</t>
  </si>
  <si>
    <t>12/27/2019 18:59:59</t>
  </si>
  <si>
    <t>12/27/2019 18:57:09</t>
  </si>
  <si>
    <t>12/27/2019 18:57:27</t>
  </si>
  <si>
    <t>12/27/2019 18:58:26</t>
  </si>
  <si>
    <t>12/27/2019 19:00:59</t>
  </si>
  <si>
    <t>12/27/2019 19:02:58</t>
  </si>
  <si>
    <t>12/27/2019 19:04:59</t>
  </si>
  <si>
    <t>https://webdir0a.online.lync.com/webticket/webticketservice.svc/oauth</t>
  </si>
  <si>
    <t>12/27/2019 19:00:28</t>
  </si>
  <si>
    <t>390c10b7-47bf-4c58-87f0-9ea73b74c93c.tmp</t>
  </si>
  <si>
    <t>\\acsfs\profiles$\fabianobmf\Downloads\390c10b7-47bf-4c58-87f0-9ea73b74c93c.tmp</t>
  </si>
  <si>
    <t>12/27/2019 19:03:05</t>
  </si>
  <si>
    <t>12/27/2019 19:01:23</t>
  </si>
  <si>
    <t>12/27/2019 19:05:59</t>
  </si>
  <si>
    <t>12/27/2019 19:01:30</t>
  </si>
  <si>
    <t>12/27/2019 19:03:58</t>
  </si>
  <si>
    <t>12/27/2019 19:04:09</t>
  </si>
  <si>
    <t>12/27/2019 19:09:00</t>
  </si>
  <si>
    <t>93871dae-e5bf-47bd-b31c-4ae97352307f.tmp</t>
  </si>
  <si>
    <t>\\acsfs\profiles$\edicarlosdl\Downloads\93871dae-e5bf-47bd-b31c-4ae97352307f.tmp</t>
  </si>
  <si>
    <t>12/27/2019 19:07:23</t>
  </si>
  <si>
    <t>fd547007-c2f0-4043-a492-047c3e61ec31.tmp</t>
  </si>
  <si>
    <t>\\acsfs\profiles$\brendadsl\Downloads\fd547007-c2f0-4043-a492-047c3e61ec31.tmp</t>
  </si>
  <si>
    <t>12/27/2019 19:04:11</t>
  </si>
  <si>
    <t>12/27/2019 19:10:00</t>
  </si>
  <si>
    <t>12/27/2019 19:04:12</t>
  </si>
  <si>
    <t>12/27/2019 19:04:13</t>
  </si>
  <si>
    <t>12/27/2019 19:04:14</t>
  </si>
  <si>
    <t>12/27/2019 19:04:21</t>
  </si>
  <si>
    <t>12/27/2019 19:04:29</t>
  </si>
  <si>
    <t>12/27/2019 19:10:10</t>
  </si>
  <si>
    <t>12/27/2019 19:11:59</t>
  </si>
  <si>
    <t>12/27/2019 19:08:16</t>
  </si>
  <si>
    <t>12/27/2019 19:13:00</t>
  </si>
  <si>
    <t>12/27/2019 19:11:36</t>
  </si>
  <si>
    <t>12/27/2019 19:15:00</t>
  </si>
  <si>
    <t>12/27/2019 19:11:40</t>
  </si>
  <si>
    <t>12/27/2019 19:14:45</t>
  </si>
  <si>
    <t>12/27/2019 19:16:00</t>
  </si>
  <si>
    <t>12/27/2019 19:15:32</t>
  </si>
  <si>
    <t>12/27/2019 19:17:00</t>
  </si>
  <si>
    <t>12/27/2019 19:16:27</t>
  </si>
  <si>
    <t>12/27/2019 19:18:00</t>
  </si>
  <si>
    <t>12/27/2019 19:14:42</t>
  </si>
  <si>
    <t>12/27/2019 19:19:00</t>
  </si>
  <si>
    <t>420b3578-336d-4244-ad8d-5f91a991e035.tmp</t>
  </si>
  <si>
    <t>\\acsfs\profiles$\fabianafv\Downloads\420b3578-336d-4244-ad8d-5f91a991e035.tmp</t>
  </si>
  <si>
    <t>12/27/2019 19:14:43</t>
  </si>
  <si>
    <t>1ea1b666-97cc-4260-95cf-35ec2e18bc73.tmp</t>
  </si>
  <si>
    <t>\\acsfs\profiles$\fabianafv\Downloads\1ea1b666-97cc-4260-95cf-35ec2e18bc73.tmp</t>
  </si>
  <si>
    <t>12/27/2019 19:20:28</t>
  </si>
  <si>
    <t>12/27/2019 19:21:00</t>
  </si>
  <si>
    <t>12/27/2019 19:17:12</t>
  </si>
  <si>
    <t>12/27/2019 19:22:00</t>
  </si>
  <si>
    <t>12/27/2019 19:20:43</t>
  </si>
  <si>
    <t>12/27/2019 19:19:48</t>
  </si>
  <si>
    <t>12/27/2019 19:23:00</t>
  </si>
  <si>
    <t>12/27/2019 19:24:00</t>
  </si>
  <si>
    <t>12/27/2019 19:23:47</t>
  </si>
  <si>
    <t>12/27/2019 19:26:00</t>
  </si>
  <si>
    <t>12/27/2019 19:25:21</t>
  </si>
  <si>
    <t>12/27/2019 19:24:12</t>
  </si>
  <si>
    <t>12/27/2019 19:28:00</t>
  </si>
  <si>
    <t>12/27/2019 19:26:46</t>
  </si>
  <si>
    <t>12/27/2019 19:30:00</t>
  </si>
  <si>
    <t>eea8600b-3b1e-4d26-b90d-5ae96e78d2f2.tmp</t>
  </si>
  <si>
    <t>\\acsfs\profiles$\philipegsf\Downloads\eea8600b-3b1e-4d26-b90d-5ae96e78d2f2.tmp</t>
  </si>
  <si>
    <t>12/27/2019 19:28:32</t>
  </si>
  <si>
    <t>12/27/2019 19:33:32</t>
  </si>
  <si>
    <t>12/27/2019 19:35:59</t>
  </si>
  <si>
    <t>12/27/2019 19:37:00</t>
  </si>
  <si>
    <t>12/27/2019 19:35:23</t>
  </si>
  <si>
    <t>12/27/2019 19:34:34</t>
  </si>
  <si>
    <t>12/27/2019 19:38:00</t>
  </si>
  <si>
    <t>12/27/2019 19:36:37</t>
  </si>
  <si>
    <t>911c0417-ac75-4973-a62e-a3408d05c5f5.tmp</t>
  </si>
  <si>
    <t>\\acsfs\profiles$\cintiadjl\Downloads\911c0417-ac75-4973-a62e-a3408d05c5f5.tmp</t>
  </si>
  <si>
    <t>12/27/2019 19:36:41</t>
  </si>
  <si>
    <t>00eb3334-d3c0-4912-a236-5f72a9a7fe0d.tmp</t>
  </si>
  <si>
    <t>\\acsfs\profiles$\cintiadjl\Downloads\00eb3334-d3c0-4912-a236-5f72a9a7fe0d.tmp</t>
  </si>
  <si>
    <t>12/27/2019 19:36:11</t>
  </si>
  <si>
    <t>12/27/2019 19:39:00</t>
  </si>
  <si>
    <t>12/27/2019 19:36:40</t>
  </si>
  <si>
    <t>12/27/2019 19:42:01</t>
  </si>
  <si>
    <t>12/27/2019 19:40:13</t>
  </si>
  <si>
    <t>12/27/2019 19:41:22</t>
  </si>
  <si>
    <t>12/27/2019 19:43:00</t>
  </si>
  <si>
    <t>12/27/2019 19:40:52</t>
  </si>
  <si>
    <t>12/27/2019 19:44:01</t>
  </si>
  <si>
    <t>12/27/2019 19:41:03</t>
  </si>
  <si>
    <t>12/27/2019 19:41:21</t>
  </si>
  <si>
    <t>12/27/2019 19:42:52</t>
  </si>
  <si>
    <t>5e38e46c-25f8-464f-b2d0-c909d5dd996f.tmp</t>
  </si>
  <si>
    <t>\\acsfs\profiles$\fabianafv\Downloads\5e38e46c-25f8-464f-b2d0-c909d5dd996f.tmp</t>
  </si>
  <si>
    <t>12/27/2019 19:42:22</t>
  </si>
  <si>
    <t>12/27/2019 19:47:00</t>
  </si>
  <si>
    <t>12/27/2019 19:45:28</t>
  </si>
  <si>
    <t>12/27/2019 19:44:21</t>
  </si>
  <si>
    <t>12/27/2019 19:48:01</t>
  </si>
  <si>
    <t>12/27/2019 19:46:59</t>
  </si>
  <si>
    <t>12/27/2019 19:49:00</t>
  </si>
  <si>
    <t>12/27/2019 19:48:46</t>
  </si>
  <si>
    <t>12/27/2019 19:50:01</t>
  </si>
  <si>
    <t>12/27/2019 19:46:19</t>
  </si>
  <si>
    <t>12/27/2019 19:47:40</t>
  </si>
  <si>
    <t>12/27/2019 19:46:38</t>
  </si>
  <si>
    <t>12/27/2019 19:52:01</t>
  </si>
  <si>
    <t>12/27/2019 19:49:41</t>
  </si>
  <si>
    <t>12/27/2019 19:47:42</t>
  </si>
  <si>
    <t>12/27/2019 19:52:20</t>
  </si>
  <si>
    <t>12/27/2019 19:55:01</t>
  </si>
  <si>
    <t>12/27/2019 19:56:41</t>
  </si>
  <si>
    <t>12/27/2019 19:58:01</t>
  </si>
  <si>
    <t>12/27/2019 19:56:43</t>
  </si>
  <si>
    <t>12/27/2019 20:01:01</t>
  </si>
  <si>
    <t>12/27/2019 19:59:03</t>
  </si>
  <si>
    <t>12/27/2019 20:02:01</t>
  </si>
  <si>
    <t>12/27/2019 20:01:45</t>
  </si>
  <si>
    <t>12/27/2019 20:03:01</t>
  </si>
  <si>
    <t>12/27/2019 20:02:46</t>
  </si>
  <si>
    <t>12/27/2019 20:02:45</t>
  </si>
  <si>
    <t>12/27/2019 20:05:01</t>
  </si>
  <si>
    <t>cc965973-841b-448d-9a8b-035854318abf.tmp</t>
  </si>
  <si>
    <t>\\acsfs\profiles$\philipegsf\Downloads\cc965973-841b-448d-9a8b-035854318abf.tmp</t>
  </si>
  <si>
    <t>12/27/2019 20:03:48</t>
  </si>
  <si>
    <t>12/27/2019 20:06:02</t>
  </si>
  <si>
    <t>12/27/2019 20:04:38</t>
  </si>
  <si>
    <t>12/27/2019 20:08:02</t>
  </si>
  <si>
    <t>12/27/2019 20:04:34</t>
  </si>
  <si>
    <t>12/27/2019 20:08:31</t>
  </si>
  <si>
    <t>12/27/2019 20:10:01</t>
  </si>
  <si>
    <t>12/27/2019 20:08:34</t>
  </si>
  <si>
    <t>12/27/2019 20:06:27</t>
  </si>
  <si>
    <t>12/27/2019 20:11:01</t>
  </si>
  <si>
    <t>12/27/2019 20:08:13</t>
  </si>
  <si>
    <t>12/27/2019 20:13:01</t>
  </si>
  <si>
    <t>12/27/2019 20:09:28</t>
  </si>
  <si>
    <t>12/27/2019 20:11:42</t>
  </si>
  <si>
    <t>12/27/2019 20:12:39</t>
  </si>
  <si>
    <t>12/27/2019 20:10:46</t>
  </si>
  <si>
    <t>12/27/2019 20:16:01</t>
  </si>
  <si>
    <t>12/27/2019 20:11:20</t>
  </si>
  <si>
    <t>12/27/2019 20:11:26</t>
  </si>
  <si>
    <t>12/27/2019 20:11:32</t>
  </si>
  <si>
    <t>12/27/2019 20:11:36</t>
  </si>
  <si>
    <t>12/27/2019 20:11:38</t>
  </si>
  <si>
    <t>12/27/2019 20:11:46</t>
  </si>
  <si>
    <t>12/27/2019 20:11:55</t>
  </si>
  <si>
    <t>12/27/2019 20:12:00</t>
  </si>
  <si>
    <t>12/27/2019 20:12:06</t>
  </si>
  <si>
    <t>12/27/2019 20:14:33</t>
  </si>
  <si>
    <t>12/27/2019 20:14:40</t>
  </si>
  <si>
    <t>12/27/2019 20:14:55</t>
  </si>
  <si>
    <t>12/27/2019 20:15:34</t>
  </si>
  <si>
    <t>12/27/2019 20:15:14</t>
  </si>
  <si>
    <t>12/27/2019 20:18:01</t>
  </si>
  <si>
    <t>12/27/2019 20:16:20</t>
  </si>
  <si>
    <t>12/27/2019 20:14:35</t>
  </si>
  <si>
    <t>12/27/2019 20:19:01</t>
  </si>
  <si>
    <t>12/27/2019 20:17:54</t>
  </si>
  <si>
    <t>12/27/2019 20:16:37</t>
  </si>
  <si>
    <t>12/27/2019 20:21:01</t>
  </si>
  <si>
    <t>12/27/2019 20:17:52</t>
  </si>
  <si>
    <t>12/27/2019 20:18:11</t>
  </si>
  <si>
    <t>12/27/2019 20:18:16</t>
  </si>
  <si>
    <t>12/27/2019 20:18:29</t>
  </si>
  <si>
    <t>12/27/2019 20:18:33</t>
  </si>
  <si>
    <t>12/27/2019 20:19:14</t>
  </si>
  <si>
    <t>12/27/2019 20:23:01</t>
  </si>
  <si>
    <t>12/27/2019 20:20:28</t>
  </si>
  <si>
    <t>12/27/2019 20:24:01</t>
  </si>
  <si>
    <t>12/27/2019 20:20:43</t>
  </si>
  <si>
    <t>12/27/2019 20:26:02</t>
  </si>
  <si>
    <t>12/27/2019 20:24:41</t>
  </si>
  <si>
    <t>12/27/2019 20:22:28</t>
  </si>
  <si>
    <t>7710dbc2-688d-4215-8095-b3436b0b4421.tmp</t>
  </si>
  <si>
    <t>\\acsfs\profiles$\victorgl\Downloads\7710dbc2-688d-4215-8095-b3436b0b4421.tmp</t>
  </si>
  <si>
    <t>12/27/2019 20:24:38</t>
  </si>
  <si>
    <t>12/27/2019 20:28:01</t>
  </si>
  <si>
    <t>12/27/2019 20:26:20</t>
  </si>
  <si>
    <t>12/27/2019 20:24:07</t>
  </si>
  <si>
    <t>12/27/2019 20:25:36</t>
  </si>
  <si>
    <t>12/27/2019 20:25:34</t>
  </si>
  <si>
    <t>12/27/2019 20:29:01</t>
  </si>
  <si>
    <t>12/27/2019 20:30:13</t>
  </si>
  <si>
    <t>12/27/2019 20:31:01</t>
  </si>
  <si>
    <t>12/27/2019 20:30:19</t>
  </si>
  <si>
    <t>533659eb-22fc-44e7-bcba-b35e93223ded;</t>
  </si>
  <si>
    <t>12/27/2019 20:30:20</t>
  </si>
  <si>
    <t>12/27/2019 20:30:21</t>
  </si>
  <si>
    <t>12/27/2019 20:30:24</t>
  </si>
  <si>
    <t>12/27/2019 20:30:25</t>
  </si>
  <si>
    <t>12/27/2019 20:30:27</t>
  </si>
  <si>
    <t>12/27/2019 20:30:28</t>
  </si>
  <si>
    <t>12/27/2019 20:30:29</t>
  </si>
  <si>
    <t>12/27/2019 20:30:34</t>
  </si>
  <si>
    <t>12/27/2019 20:27:17</t>
  </si>
  <si>
    <t>12/27/2019 20:32:01</t>
  </si>
  <si>
    <t>f822b84c-1971-4310-9209-81ceec1fd2ad.tmp</t>
  </si>
  <si>
    <t>\\acsfs\profiles$\LUISPLS\Downloads\f822b84c-1971-4310-9209-81ceec1fd2ad.tmp</t>
  </si>
  <si>
    <t>12/27/2019 20:30:56</t>
  </si>
  <si>
    <t>12/27/2019 20:35:01</t>
  </si>
  <si>
    <t>12/27/2019 20:33:14</t>
  </si>
  <si>
    <t>12/27/2019 20:36:00</t>
  </si>
  <si>
    <t>12/27/2019 20:33:37</t>
  </si>
  <si>
    <t>12/27/2019 20:35:07</t>
  </si>
  <si>
    <t>12/27/2019 20:34:08</t>
  </si>
  <si>
    <t>12/27/2019 20:30:55</t>
  </si>
  <si>
    <t>12/27/2019 20:30:57</t>
  </si>
  <si>
    <t>12/27/2019 20:31:22</t>
  </si>
  <si>
    <t>12/27/2019 20:31:23</t>
  </si>
  <si>
    <t>12/27/2019 20:31:24</t>
  </si>
  <si>
    <t>12/27/2019 20:31:29</t>
  </si>
  <si>
    <t>12/27/2019 20:31:41</t>
  </si>
  <si>
    <t>12/27/2019 20:31:43</t>
  </si>
  <si>
    <t>12/27/2019 20:31:44</t>
  </si>
  <si>
    <t>12/27/2019 20:31:45</t>
  </si>
  <si>
    <t>12/27/2019 20:31:49</t>
  </si>
  <si>
    <t>12/27/2019 20:31:50</t>
  </si>
  <si>
    <t>12/27/2019 20:31:52</t>
  </si>
  <si>
    <t>12/27/2019 20:31:54</t>
  </si>
  <si>
    <t>12/27/2019 20:31:55</t>
  </si>
  <si>
    <t>12/27/2019 20:31:56</t>
  </si>
  <si>
    <t>12/27/2019 20:32:16</t>
  </si>
  <si>
    <t>12/27/2019 20:32:18</t>
  </si>
  <si>
    <t>12/27/2019 20:32:19</t>
  </si>
  <si>
    <t>12/27/2019 20:32:20</t>
  </si>
  <si>
    <t>12/27/2019 20:32:21</t>
  </si>
  <si>
    <t>12/27/2019 20:32:22</t>
  </si>
  <si>
    <t>12/27/2019 20:32:23</t>
  </si>
  <si>
    <t>12/27/2019 20:32:24</t>
  </si>
  <si>
    <t>12/27/2019 20:32:29</t>
  </si>
  <si>
    <t>12/27/2019 20:32:45</t>
  </si>
  <si>
    <t>12/27/2019 20:32:58</t>
  </si>
  <si>
    <t>12/27/2019 20:32:59</t>
  </si>
  <si>
    <t>12/27/2019 20:33:00</t>
  </si>
  <si>
    <t>12/27/2019 20:33:06</t>
  </si>
  <si>
    <t>12/27/2019 20:33:16</t>
  </si>
  <si>
    <t>12/27/2019 20:33:18</t>
  </si>
  <si>
    <t>12/27/2019 20:33:20</t>
  </si>
  <si>
    <t>12/27/2019 20:33:21</t>
  </si>
  <si>
    <t>12/27/2019 20:33:22</t>
  </si>
  <si>
    <t>12/27/2019 20:33:28</t>
  </si>
  <si>
    <t>12/27/2019 20:33:48</t>
  </si>
  <si>
    <t>12/27/2019 20:35:04</t>
  </si>
  <si>
    <t>79e08660-d3d0-454a-affa-9a82544e9781.tmp</t>
  </si>
  <si>
    <t>\\acsfs\profiles$\victorgl\Downloads\79e08660-d3d0-454a-affa-9a82544e9781.tmp</t>
  </si>
  <si>
    <t>12/27/2019 20:39:01</t>
  </si>
  <si>
    <t>12/27/2019 20:40:00</t>
  </si>
  <si>
    <t>12/27/2019 20:37:30</t>
  </si>
  <si>
    <t>12/27/2019 20:34:29</t>
  </si>
  <si>
    <t>12/27/2019 20:36:16</t>
  </si>
  <si>
    <t>12/27/2019 20:41:01</t>
  </si>
  <si>
    <t>12/27/2019 20:39:15</t>
  </si>
  <si>
    <t>12/27/2019 20:39:16</t>
  </si>
  <si>
    <t>12/27/2019 20:39:21</t>
  </si>
  <si>
    <t>12/27/2019 20:39:22</t>
  </si>
  <si>
    <t>12/27/2019 20:39:24</t>
  </si>
  <si>
    <t>12/27/2019 20:39:27</t>
  </si>
  <si>
    <t>12/27/2019 20:39:28</t>
  </si>
  <si>
    <t>12/27/2019 20:39:33</t>
  </si>
  <si>
    <t>12/27/2019 20:39:39</t>
  </si>
  <si>
    <t>12/27/2019 20:39:42</t>
  </si>
  <si>
    <t>12/27/2019 20:39:43</t>
  </si>
  <si>
    <t>12/27/2019 20:39:47</t>
  </si>
  <si>
    <t>12/27/2019 20:39:49</t>
  </si>
  <si>
    <t>12/27/2019 20:39:52</t>
  </si>
  <si>
    <t>12/27/2019 20:39:53</t>
  </si>
  <si>
    <t>12/27/2019 20:39:54</t>
  </si>
  <si>
    <t>12/27/2019 20:39:59</t>
  </si>
  <si>
    <t>12/27/2019 20:40:06</t>
  </si>
  <si>
    <t>12/27/2019 20:40:08</t>
  </si>
  <si>
    <t>12/27/2019 20:40:09</t>
  </si>
  <si>
    <t>12/27/2019 20:40:10</t>
  </si>
  <si>
    <t>12/27/2019 20:40:15</t>
  </si>
  <si>
    <t>12/27/2019 20:40:19</t>
  </si>
  <si>
    <t>12/27/2019 20:40:21</t>
  </si>
  <si>
    <t>12/27/2019 20:40:22</t>
  </si>
  <si>
    <t>12/27/2019 20:40:23</t>
  </si>
  <si>
    <t>12/27/2019 20:40:27</t>
  </si>
  <si>
    <t>12/27/2019 20:40:28</t>
  </si>
  <si>
    <t>12/27/2019 20:40:39</t>
  </si>
  <si>
    <t>12/27/2019 20:40:40</t>
  </si>
  <si>
    <t>12/27/2019 20:40:41</t>
  </si>
  <si>
    <t>12/27/2019 20:40:42</t>
  </si>
  <si>
    <t>12/27/2019 20:40:43</t>
  </si>
  <si>
    <t>12/27/2019 20:40:45</t>
  </si>
  <si>
    <t>12/27/2019 20:38:54</t>
  </si>
  <si>
    <t>12/27/2019 20:42:00</t>
  </si>
  <si>
    <t>12/27/2019 20:38:33</t>
  </si>
  <si>
    <t>12/27/2019 20:41:15</t>
  </si>
  <si>
    <t>12/27/2019 20:44:00</t>
  </si>
  <si>
    <t>12/27/2019 20:42:58</t>
  </si>
  <si>
    <t>12/27/2019 20:46:01</t>
  </si>
  <si>
    <t>12/27/2019 20:40:50</t>
  </si>
  <si>
    <t>12/27/2019 20:40:56</t>
  </si>
  <si>
    <t>12/27/2019 20:40:58</t>
  </si>
  <si>
    <t>12/27/2019 20:40:59</t>
  </si>
  <si>
    <t>12/27/2019 20:41:03</t>
  </si>
  <si>
    <t>12/27/2019 20:41:05</t>
  </si>
  <si>
    <t>12/27/2019 20:41:10</t>
  </si>
  <si>
    <t>12/27/2019 20:41:11</t>
  </si>
  <si>
    <t>12/27/2019 20:41:12</t>
  </si>
  <si>
    <t>12/27/2019 20:41:13</t>
  </si>
  <si>
    <t>12/27/2019 20:41:14</t>
  </si>
  <si>
    <t>12/27/2019 20:41:18</t>
  </si>
  <si>
    <t>12/27/2019 20:41:19</t>
  </si>
  <si>
    <t>12/27/2019 20:41:20</t>
  </si>
  <si>
    <t>12/27/2019 20:41:21</t>
  </si>
  <si>
    <t>12/27/2019 20:41:23</t>
  </si>
  <si>
    <t>12/27/2019 20:41:24</t>
  </si>
  <si>
    <t>12/27/2019 20:41:25</t>
  </si>
  <si>
    <t>12/27/2019 20:41:27</t>
  </si>
  <si>
    <t>12/27/2019 20:41:34</t>
  </si>
  <si>
    <t>12/27/2019 20:41:50</t>
  </si>
  <si>
    <t>12/27/2019 20:43:00</t>
  </si>
  <si>
    <t>12/27/2019 20:43:20</t>
  </si>
  <si>
    <t>12/27/2019 20:43:22</t>
  </si>
  <si>
    <t>12/27/2019 20:43:23</t>
  </si>
  <si>
    <t>12/27/2019 20:43:24</t>
  </si>
  <si>
    <t>12/27/2019 20:43:26</t>
  </si>
  <si>
    <t>12/27/2019 20:43:28</t>
  </si>
  <si>
    <t>12/27/2019 20:43:30</t>
  </si>
  <si>
    <t>12/27/2019 20:43:31</t>
  </si>
  <si>
    <t>12/27/2019 20:43:32</t>
  </si>
  <si>
    <t>12/27/2019 20:43:35</t>
  </si>
  <si>
    <t>12/27/2019 20:43:36</t>
  </si>
  <si>
    <t>12/27/2019 20:43:40</t>
  </si>
  <si>
    <t>12/27/2019 20:43:55</t>
  </si>
  <si>
    <t>12/27/2019 20:43:58</t>
  </si>
  <si>
    <t>12/27/2019 20:43:59</t>
  </si>
  <si>
    <t>12/27/2019 20:44:03</t>
  </si>
  <si>
    <t>12/27/2019 20:44:05</t>
  </si>
  <si>
    <t>12/27/2019 20:44:21</t>
  </si>
  <si>
    <t>12/27/2019 20:45:35</t>
  </si>
  <si>
    <t>12/27/2019 20:45:37</t>
  </si>
  <si>
    <t>12/27/2019 20:45:38</t>
  </si>
  <si>
    <t>12/27/2019 20:45:39</t>
  </si>
  <si>
    <t>12/27/2019 20:45:41</t>
  </si>
  <si>
    <t>12/27/2019 20:45:44</t>
  </si>
  <si>
    <t>12/27/2019 20:47:00</t>
  </si>
  <si>
    <t>12/27/2019 20:44:24</t>
  </si>
  <si>
    <t>12/27/2019 20:44:34</t>
  </si>
  <si>
    <t>12/27/2019 20:48:01</t>
  </si>
  <si>
    <t>12/27/2019 20:47:47</t>
  </si>
  <si>
    <t>12/27/2019 20:50:01</t>
  </si>
  <si>
    <t>12/27/2019 20:48:18</t>
  </si>
  <si>
    <t>12/27/2019 20:51:00</t>
  </si>
  <si>
    <t>12/27/2019 20:45:52</t>
  </si>
  <si>
    <t>12/27/2019 20:45:53</t>
  </si>
  <si>
    <t>12/27/2019 20:45:54</t>
  </si>
  <si>
    <t>12/27/2019 20:45:55</t>
  </si>
  <si>
    <t>12/27/2019 20:45:56</t>
  </si>
  <si>
    <t>12/27/2019 20:45:59</t>
  </si>
  <si>
    <t>12/27/2019 20:46:04</t>
  </si>
  <si>
    <t>12/27/2019 20:46:05</t>
  </si>
  <si>
    <t>12/27/2019 20:46:06</t>
  </si>
  <si>
    <t>12/27/2019 20:46:07</t>
  </si>
  <si>
    <t>12/27/2019 20:46:13</t>
  </si>
  <si>
    <t>12/27/2019 20:46:56</t>
  </si>
  <si>
    <t>e09922fa-929d-4fe4-9b30-5b7dc36c9cab.tmp</t>
  </si>
  <si>
    <t>\\acsfs\profiles$\victorgl\Downloads\e09922fa-929d-4fe4-9b30-5b7dc36c9cab.tmp</t>
  </si>
  <si>
    <t>12/27/2019 20:49:44</t>
  </si>
  <si>
    <t>12/27/2019 20:49:45</t>
  </si>
  <si>
    <t>12/27/2019 20:49:47</t>
  </si>
  <si>
    <t>12/27/2019 20:49:48</t>
  </si>
  <si>
    <t>12/27/2019 20:49:49</t>
  </si>
  <si>
    <t>12/27/2019 20:49:54</t>
  </si>
  <si>
    <t>12/27/2019 20:50:09</t>
  </si>
  <si>
    <t>12/27/2019 20:50:11</t>
  </si>
  <si>
    <t>12/27/2019 20:50:13</t>
  </si>
  <si>
    <t>12/27/2019 20:50:14</t>
  </si>
  <si>
    <t>12/27/2019 20:50:15</t>
  </si>
  <si>
    <t>12/27/2019 20:50:20</t>
  </si>
  <si>
    <t>12/27/2019 20:50:29</t>
  </si>
  <si>
    <t>12/27/2019 20:50:32</t>
  </si>
  <si>
    <t>12/27/2019 20:50:33</t>
  </si>
  <si>
    <t>12/27/2019 20:50:34</t>
  </si>
  <si>
    <t>12/27/2019 20:50:39</t>
  </si>
  <si>
    <t>12/27/2019 20:53:56</t>
  </si>
  <si>
    <t>12/27/2019 20:55:01</t>
  </si>
  <si>
    <t>12/27/2019 20:51:26</t>
  </si>
  <si>
    <t>24933ebb-31ae-48cd-88cd-5831478f1ef8.tmp</t>
  </si>
  <si>
    <t>\\acsfs\profiles$\joycemmdl\Downloads\24933ebb-31ae-48cd-88cd-5831478f1ef8.tmp</t>
  </si>
  <si>
    <t>12/27/2019 20:50:58</t>
  </si>
  <si>
    <t>12/27/2019 20:56:00</t>
  </si>
  <si>
    <t>12/27/2019 20:51:01</t>
  </si>
  <si>
    <t>12/27/2019 20:51:02</t>
  </si>
  <si>
    <t>12/27/2019 20:51:03</t>
  </si>
  <si>
    <t>12/27/2019 20:51:04</t>
  </si>
  <si>
    <t>12/27/2019 20:51:07</t>
  </si>
  <si>
    <t>12/27/2019 20:51:08</t>
  </si>
  <si>
    <t>12/27/2019 20:51:09</t>
  </si>
  <si>
    <t>12/27/2019 20:51:10</t>
  </si>
  <si>
    <t>12/27/2019 20:51:11</t>
  </si>
  <si>
    <t>12/27/2019 20:51:12</t>
  </si>
  <si>
    <t>12/27/2019 20:51:13</t>
  </si>
  <si>
    <t>12/27/2019 20:51:17</t>
  </si>
  <si>
    <t>12/27/2019 20:51:25</t>
  </si>
  <si>
    <t>12/27/2019 20:51:28</t>
  </si>
  <si>
    <t>12/27/2019 20:51:29</t>
  </si>
  <si>
    <t>12/27/2019 20:51:30</t>
  </si>
  <si>
    <t>12/27/2019 20:51:35</t>
  </si>
  <si>
    <t>12/27/2019 20:51:45</t>
  </si>
  <si>
    <t>12/27/2019 20:51:52</t>
  </si>
  <si>
    <t>12/27/2019 20:51:54</t>
  </si>
  <si>
    <t>12/27/2019 20:51:55</t>
  </si>
  <si>
    <t>12/27/2019 20:51:56</t>
  </si>
  <si>
    <t>12/27/2019 20:51:57</t>
  </si>
  <si>
    <t>12/27/2019 20:52:02</t>
  </si>
  <si>
    <t>12/27/2019 20:52:04</t>
  </si>
  <si>
    <t>12/27/2019 20:52:05</t>
  </si>
  <si>
    <t>12/27/2019 20:52:06</t>
  </si>
  <si>
    <t>12/27/2019 20:52:07</t>
  </si>
  <si>
    <t>12/27/2019 20:52:08</t>
  </si>
  <si>
    <t>12/27/2019 20:52:09</t>
  </si>
  <si>
    <t>12/27/2019 20:52:10</t>
  </si>
  <si>
    <t>12/27/2019 20:52:11</t>
  </si>
  <si>
    <t>12/27/2019 20:52:12</t>
  </si>
  <si>
    <t>12/27/2019 20:52:13</t>
  </si>
  <si>
    <t>12/27/2019 20:52:14</t>
  </si>
  <si>
    <t>12/27/2019 20:52:15</t>
  </si>
  <si>
    <t>12/27/2019 20:52:20</t>
  </si>
  <si>
    <t>12/27/2019 20:52:51</t>
  </si>
  <si>
    <t>12/27/2019 20:52:53</t>
  </si>
  <si>
    <t>12/27/2019 20:52:54</t>
  </si>
  <si>
    <t>12/27/2019 20:52:55</t>
  </si>
  <si>
    <t>12/27/2019 20:52:56</t>
  </si>
  <si>
    <t>12/27/2019 20:53:01</t>
  </si>
  <si>
    <t>12/27/2019 20:53:05</t>
  </si>
  <si>
    <t>12/27/2019 20:53:09</t>
  </si>
  <si>
    <t>12/27/2019 20:53:10</t>
  </si>
  <si>
    <t>12/27/2019 20:53:11</t>
  </si>
  <si>
    <t>12/27/2019 20:53:16</t>
  </si>
  <si>
    <t>12/27/2019 20:53:25</t>
  </si>
  <si>
    <t>12/27/2019 20:53:30</t>
  </si>
  <si>
    <t>12/27/2019 20:53:31</t>
  </si>
  <si>
    <t>12/27/2019 20:53:32</t>
  </si>
  <si>
    <t>12/27/2019 20:53:33</t>
  </si>
  <si>
    <t>12/27/2019 20:53:36</t>
  </si>
  <si>
    <t>12/27/2019 20:53:37</t>
  </si>
  <si>
    <t>12/27/2019 20:53:47</t>
  </si>
  <si>
    <t>12/27/2019 20:53:49</t>
  </si>
  <si>
    <t>12/27/2019 20:53:50</t>
  </si>
  <si>
    <t>12/27/2019 20:53:51</t>
  </si>
  <si>
    <t>12/27/2019 20:53:52</t>
  </si>
  <si>
    <t>12/27/2019 20:53:55</t>
  </si>
  <si>
    <t>12/27/2019 20:53:57</t>
  </si>
  <si>
    <t>12/27/2019 20:54:02</t>
  </si>
  <si>
    <t>12/27/2019 20:54:05</t>
  </si>
  <si>
    <t>12/27/2019 20:54:06</t>
  </si>
  <si>
    <t>12/27/2019 20:54:07</t>
  </si>
  <si>
    <t>12/27/2019 20:54:12</t>
  </si>
  <si>
    <t>12/27/2019 20:54:16</t>
  </si>
  <si>
    <t>12/27/2019 20:54:17</t>
  </si>
  <si>
    <t>12/27/2019 20:54:18</t>
  </si>
  <si>
    <t>12/27/2019 20:54:22</t>
  </si>
  <si>
    <t>12/27/2019 20:54:27</t>
  </si>
  <si>
    <t>12/27/2019 20:57:01</t>
  </si>
  <si>
    <t>12/27/2019 20:54:29</t>
  </si>
  <si>
    <t>12/27/2019 20:54:32</t>
  </si>
  <si>
    <t>12/27/2019 20:54:33</t>
  </si>
  <si>
    <t>12/27/2019 20:54:34</t>
  </si>
  <si>
    <t>12/27/2019 20:54:40</t>
  </si>
  <si>
    <t>12/27/2019 20:54:53</t>
  </si>
  <si>
    <t>12/27/2019 20:54:54</t>
  </si>
  <si>
    <t>12/27/2019 20:54:55</t>
  </si>
  <si>
    <t>12/27/2019 20:54:59</t>
  </si>
  <si>
    <t>12/27/2019 20:55:02</t>
  </si>
  <si>
    <t>12/27/2019 20:55:03</t>
  </si>
  <si>
    <t>12/27/2019 20:55:04</t>
  </si>
  <si>
    <t>12/27/2019 20:55:06</t>
  </si>
  <si>
    <t>12/27/2019 20:55:07</t>
  </si>
  <si>
    <t>12/27/2019 20:55:08</t>
  </si>
  <si>
    <t>12/27/2019 20:55:13</t>
  </si>
  <si>
    <t>12/27/2019 20:55:16</t>
  </si>
  <si>
    <t>12/27/2019 20:55:20</t>
  </si>
  <si>
    <t>12/27/2019 20:55:21</t>
  </si>
  <si>
    <t>12/27/2019 20:55:23</t>
  </si>
  <si>
    <t>12/27/2019 20:55:24</t>
  </si>
  <si>
    <t>12/27/2019 20:55:25</t>
  </si>
  <si>
    <t>12/27/2019 20:55:27</t>
  </si>
  <si>
    <t>12/27/2019 20:55:30</t>
  </si>
  <si>
    <t>12/27/2019 20:55:36</t>
  </si>
  <si>
    <t>12/27/2019 20:55:38</t>
  </si>
  <si>
    <t>12/27/2019 20:55:39</t>
  </si>
  <si>
    <t>12/27/2019 20:55:40</t>
  </si>
  <si>
    <t>12/27/2019 20:55:44</t>
  </si>
  <si>
    <t>12/27/2019 20:55:49</t>
  </si>
  <si>
    <t>12/27/2019 20:52:48</t>
  </si>
  <si>
    <t>12/27/2019 20:56:49</t>
  </si>
  <si>
    <t>12/27/2019 20:58:01</t>
  </si>
  <si>
    <t>12/27/2019 20:58:39</t>
  </si>
  <si>
    <t>12/27/2019 21:01:01</t>
  </si>
  <si>
    <t>12/27/2019 20:58:42</t>
  </si>
  <si>
    <t>12/27/2019 20:59:03</t>
  </si>
  <si>
    <t>12/27/2019 20:59:13</t>
  </si>
  <si>
    <t>12/27/2019 20:59:17</t>
  </si>
  <si>
    <t>12/27/2019 20:59:22</t>
  </si>
  <si>
    <t>12/27/2019 20:59:25</t>
  </si>
  <si>
    <t>12/27/2019 20:59:29</t>
  </si>
  <si>
    <t>12/27/2019 20:59:37</t>
  </si>
  <si>
    <t>12/27/2019 20:56:02</t>
  </si>
  <si>
    <t>12/27/2019 21:02:01</t>
  </si>
  <si>
    <t>12/27/2019 20:56:05</t>
  </si>
  <si>
    <t>12/27/2019 20:56:06</t>
  </si>
  <si>
    <t>12/27/2019 20:56:07</t>
  </si>
  <si>
    <t>12/27/2019 20:56:12</t>
  </si>
  <si>
    <t>12/27/2019 20:56:18</t>
  </si>
  <si>
    <t>12/27/2019 20:56:21</t>
  </si>
  <si>
    <t>12/27/2019 20:56:22</t>
  </si>
  <si>
    <t>12/27/2019 20:56:23</t>
  </si>
  <si>
    <t>12/27/2019 20:56:26</t>
  </si>
  <si>
    <t>12/27/2019 20:56:28</t>
  </si>
  <si>
    <t>12/27/2019 20:56:29</t>
  </si>
  <si>
    <t>12/27/2019 20:56:35</t>
  </si>
  <si>
    <t>12/27/2019 20:56:36</t>
  </si>
  <si>
    <t>12/27/2019 20:56:42</t>
  </si>
  <si>
    <t>12/27/2019 20:56:45</t>
  </si>
  <si>
    <t>12/27/2019 21:00:15</t>
  </si>
  <si>
    <t>12/27/2019 21:00:16</t>
  </si>
  <si>
    <t>12/27/2019 21:00:21</t>
  </si>
  <si>
    <t>12/27/2019 21:00:22</t>
  </si>
  <si>
    <t>12/27/2019 21:00:24</t>
  </si>
  <si>
    <t>12/27/2019 21:00:25</t>
  </si>
  <si>
    <t>12/27/2019 21:00:26</t>
  </si>
  <si>
    <t>12/27/2019 21:00:29</t>
  </si>
  <si>
    <t>12/27/2019 21:00:33</t>
  </si>
  <si>
    <t>12/27/2019 21:00:34</t>
  </si>
  <si>
    <t>12/27/2019 21:00:36</t>
  </si>
  <si>
    <t>12/27/2019 21:00:39</t>
  </si>
  <si>
    <t>12/27/2019 21:00:44</t>
  </si>
  <si>
    <t>12/27/2019 21:00:47</t>
  </si>
  <si>
    <t>12/27/2019 21:00:50</t>
  </si>
  <si>
    <t>12/27/2019 21:00:51</t>
  </si>
  <si>
    <t>12/27/2019 21:00:52</t>
  </si>
  <si>
    <t>12/27/2019 21:00:53</t>
  </si>
  <si>
    <t>12/27/2019 21:00:58</t>
  </si>
  <si>
    <t>12/27/2019 21:00:59</t>
  </si>
  <si>
    <t>12/27/2019 21:01:00</t>
  </si>
  <si>
    <t>12/27/2019 21:01:02</t>
  </si>
  <si>
    <t>12/27/2019 21:02:44</t>
  </si>
  <si>
    <t>12/27/2019 21:04:01</t>
  </si>
  <si>
    <t>lu19140xrkm9.tmp</t>
  </si>
  <si>
    <t>\\acsfs\profiles$\EDICARLOSDL\My Documents\lu19140xrkm9.tmp</t>
  </si>
  <si>
    <t>\\acsfs\profiles$\EDICARLOSDL\My Documents\lu19140xrkm9.tmp\</t>
  </si>
  <si>
    <t>\\acsfs\profiles$\EDICARLOSDL\My Documents\lu19140xrkm9.tmp\META-INF\</t>
  </si>
  <si>
    <t>\\acsfs\profiles$\EDICARLOSDL\My Documents\lu19140xrkm9.tmp\Thumbnails\</t>
  </si>
  <si>
    <t>12/27/2019 20:59:44</t>
  </si>
  <si>
    <t>12/27/2019 21:05:01</t>
  </si>
  <si>
    <t>12/27/2019 21:02:34</t>
  </si>
  <si>
    <t>12/27/2019 21:06:01</t>
  </si>
  <si>
    <t>https://algartechcpcbv@algartech.com,andrelpsa@algartech.com,joaogvc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12/27/2019 21:01:06</t>
  </si>
  <si>
    <t>12/27/2019 21:07:01</t>
  </si>
  <si>
    <t>12/27/2019 21:01:11</t>
  </si>
  <si>
    <t>12/27/2019 21:01:13</t>
  </si>
  <si>
    <t>12/27/2019 21:01:17</t>
  </si>
  <si>
    <t>12/27/2019 21:01:18</t>
  </si>
  <si>
    <t>12/27/2019 21:01:19</t>
  </si>
  <si>
    <t>12/27/2019 21:01:21</t>
  </si>
  <si>
    <t>12/27/2019 21:01:23</t>
  </si>
  <si>
    <t>12/27/2019 21:01:24</t>
  </si>
  <si>
    <t>12/27/2019 21:01:25</t>
  </si>
  <si>
    <t>12/27/2019 21:01:27</t>
  </si>
  <si>
    <t>12/27/2019 21:01:31</t>
  </si>
  <si>
    <t>12/27/2019 21:01:32</t>
  </si>
  <si>
    <t>12/27/2019 21:01:34</t>
  </si>
  <si>
    <t>12/27/2019 21:01:35</t>
  </si>
  <si>
    <t>12/27/2019 21:01:55</t>
  </si>
  <si>
    <t>12/27/2019 21:01:58</t>
  </si>
  <si>
    <t>12/27/2019 21:01:59</t>
  </si>
  <si>
    <t>12/27/2019 21:02:00</t>
  </si>
  <si>
    <t>12/27/2019 21:02:06</t>
  </si>
  <si>
    <t>12/27/2019 21:02:13</t>
  </si>
  <si>
    <t>12/27/2019 21:02:16</t>
  </si>
  <si>
    <t>12/27/2019 21:02:17</t>
  </si>
  <si>
    <t>12/27/2019 21:02:18</t>
  </si>
  <si>
    <t>12/27/2019 21:02:21</t>
  </si>
  <si>
    <t>12/27/2019 21:02:23</t>
  </si>
  <si>
    <t>12/27/2019 21:02:27</t>
  </si>
  <si>
    <t>12/27/2019 21:02:28</t>
  </si>
  <si>
    <t>12/27/2019 21:02:29</t>
  </si>
  <si>
    <t>12/27/2019 21:02:30</t>
  </si>
  <si>
    <t>12/27/2019 21:02:36</t>
  </si>
  <si>
    <t>12/27/2019 21:02:38</t>
  </si>
  <si>
    <t>12/27/2019 21:02:39</t>
  </si>
  <si>
    <t>12/27/2019 21:02:40</t>
  </si>
  <si>
    <t>12/27/2019 21:02:41</t>
  </si>
  <si>
    <t>12/27/2019 21:02:45</t>
  </si>
  <si>
    <t>12/27/2019 21:02:46</t>
  </si>
  <si>
    <t>12/27/2019 21:02:47</t>
  </si>
  <si>
    <t>12/27/2019 21:02:48</t>
  </si>
  <si>
    <t>12/27/2019 21:02:52</t>
  </si>
  <si>
    <t>12/27/2019 21:03:26</t>
  </si>
  <si>
    <t>12/27/2019 21:03:27</t>
  </si>
  <si>
    <t>12/27/2019 21:03:28</t>
  </si>
  <si>
    <t>12/27/2019 21:03:29</t>
  </si>
  <si>
    <t>12/27/2019 21:03:32</t>
  </si>
  <si>
    <t>12/27/2019 21:03:33</t>
  </si>
  <si>
    <t>12/27/2019 21:03:35</t>
  </si>
  <si>
    <t>12/27/2019 21:03:36</t>
  </si>
  <si>
    <t>12/27/2019 21:03:37</t>
  </si>
  <si>
    <t>12/27/2019 21:03:44</t>
  </si>
  <si>
    <t>12/27/2019 21:03:53</t>
  </si>
  <si>
    <t>12/27/2019 21:03:54</t>
  </si>
  <si>
    <t>12/27/2019 21:03:57</t>
  </si>
  <si>
    <t>12/27/2019 21:03:58</t>
  </si>
  <si>
    <t>12/27/2019 21:04:00</t>
  </si>
  <si>
    <t>12/27/2019 21:04:02</t>
  </si>
  <si>
    <t>12/27/2019 21:04:04</t>
  </si>
  <si>
    <t>12/27/2019 21:04:32</t>
  </si>
  <si>
    <t>12/27/2019 21:04:33</t>
  </si>
  <si>
    <t>12/27/2019 21:04:34</t>
  </si>
  <si>
    <t>12/27/2019 21:04:37</t>
  </si>
  <si>
    <t>12/27/2019 21:04:38</t>
  </si>
  <si>
    <t>12/27/2019 21:04:42</t>
  </si>
  <si>
    <t>12/27/2019 21:04:49</t>
  </si>
  <si>
    <t>12/27/2019 21:04:53</t>
  </si>
  <si>
    <t>12/27/2019 21:04:54</t>
  </si>
  <si>
    <t>12/27/2019 21:04:55</t>
  </si>
  <si>
    <t>12/27/2019 21:05:00</t>
  </si>
  <si>
    <t>12/27/2019 21:05:13</t>
  </si>
  <si>
    <t>12/27/2019 21:05:19</t>
  </si>
  <si>
    <t>12/27/2019 21:05:20</t>
  </si>
  <si>
    <t>12/27/2019 21:05:26</t>
  </si>
  <si>
    <t>12/27/2019 21:05:52</t>
  </si>
  <si>
    <t>12/27/2019 21:05:58</t>
  </si>
  <si>
    <t>12/27/2019 21:05:59</t>
  </si>
  <si>
    <t>12/27/2019 21:06:02</t>
  </si>
  <si>
    <t>12/27/2019 21:06:05</t>
  </si>
  <si>
    <t>12/27/2019 21:08:55</t>
  </si>
  <si>
    <t>12/27/2019 21:11:01</t>
  </si>
  <si>
    <t>12/27/2019 21:09:19</t>
  </si>
  <si>
    <t>12/27/2019 21:09:25</t>
  </si>
  <si>
    <t>12/27/2019 21:09:47</t>
  </si>
  <si>
    <t>12/27/2019 21:09:51</t>
  </si>
  <si>
    <t>12/27/2019 21:10:10</t>
  </si>
  <si>
    <t>12/27/2019 21:10:13</t>
  </si>
  <si>
    <t>12/27/2019 21:10:29</t>
  </si>
  <si>
    <t>12/27/2019 21:08:30</t>
  </si>
  <si>
    <t>12/27/2019 21:10:20</t>
  </si>
  <si>
    <t>12/27/2019 21:06:28</t>
  </si>
  <si>
    <t>12/27/2019 21:12:01</t>
  </si>
  <si>
    <t>12/27/2019 21:06:33</t>
  </si>
  <si>
    <t>12/27/2019 21:06:34</t>
  </si>
  <si>
    <t>12/27/2019 21:06:35</t>
  </si>
  <si>
    <t>12/27/2019 21:06:36</t>
  </si>
  <si>
    <t>12/27/2019 21:06:37</t>
  </si>
  <si>
    <t>12/27/2019 21:06:41</t>
  </si>
  <si>
    <t>12/27/2019 21:06:56</t>
  </si>
  <si>
    <t>12/27/2019 21:07:00</t>
  </si>
  <si>
    <t>12/27/2019 21:07:02</t>
  </si>
  <si>
    <t>12/27/2019 21:07:06</t>
  </si>
  <si>
    <t>12/27/2019 21:07:07</t>
  </si>
  <si>
    <t>12/27/2019 21:07:30</t>
  </si>
  <si>
    <t>12/27/2019 21:07:31</t>
  </si>
  <si>
    <t>12/27/2019 21:07:32</t>
  </si>
  <si>
    <t>12/27/2019 21:07:33</t>
  </si>
  <si>
    <t>12/27/2019 21:07:35</t>
  </si>
  <si>
    <t>12/27/2019 21:07:36</t>
  </si>
  <si>
    <t>12/27/2019 21:07:37</t>
  </si>
  <si>
    <t>12/27/2019 21:07:41</t>
  </si>
  <si>
    <t>12/27/2019 21:07:42</t>
  </si>
  <si>
    <t>12/27/2019 21:08:05</t>
  </si>
  <si>
    <t>12/27/2019 21:08:07</t>
  </si>
  <si>
    <t>12/27/2019 21:08:08</t>
  </si>
  <si>
    <t>12/27/2019 21:08:10</t>
  </si>
  <si>
    <t>12/27/2019 21:08:16</t>
  </si>
  <si>
    <t>12/27/2019 21:10:22</t>
  </si>
  <si>
    <t>12/27/2019 21:10:24</t>
  </si>
  <si>
    <t>12/27/2019 21:10:26</t>
  </si>
  <si>
    <t>12/27/2019 21:10:28</t>
  </si>
  <si>
    <t>12/27/2019 21:10:32</t>
  </si>
  <si>
    <t>12/27/2019 21:10:33</t>
  </si>
  <si>
    <t>12/27/2019 21:10:34</t>
  </si>
  <si>
    <t>12/27/2019 21:08:13</t>
  </si>
  <si>
    <t>12/27/2019 21:08:29</t>
  </si>
  <si>
    <t>12/27/2019 21:13:00</t>
  </si>
  <si>
    <t>753e703a-d250-498f-88c8-2bbc4fd4fb53.tmp</t>
  </si>
  <si>
    <t>\\acsfs\profiles$\gabrielamdp\Downloads\753e703a-d250-498f-88c8-2bbc4fd4fb53.tmp</t>
  </si>
  <si>
    <t>12/27/2019 21:08:46</t>
  </si>
  <si>
    <t>XLOG_anakcs_27122019_130247.log</t>
  </si>
  <si>
    <t>\\acsfs\profiles$\anakcs\My Documents\xworkcenter\logs\XLOG_anakcs_27122019_130247.log</t>
  </si>
  <si>
    <t>12/27/2019 21:15:01</t>
  </si>
  <si>
    <t>12/27/2019 21:10:46</t>
  </si>
  <si>
    <t>12/27/2019 21:16:00</t>
  </si>
  <si>
    <t>12/27/2019 21:10:51</t>
  </si>
  <si>
    <t>12/27/2019 21:10:54</t>
  </si>
  <si>
    <t>12/27/2019 21:11:04</t>
  </si>
  <si>
    <t>12/27/2019 21:11:13</t>
  </si>
  <si>
    <t>12/27/2019 21:11:26</t>
  </si>
  <si>
    <t>12/27/2019 21:11:37</t>
  </si>
  <si>
    <t>100014251170101;algartechcpcbv@algartech.com;andrelpsa@algartech.com;josiascdsj@algartech.com;leonardoao@algartech.com;marianadjc@algartech.com;paulacn@algartech.com;qualidadealgarbv@algartech.com;rafaelggs@algartech.com;supervisaobancovotorantim@algartech.com;taysdss@algartech.com;thiagolrc@bv.algartech.com;viniciussg@algartech.com;</t>
  </si>
  <si>
    <t>100014251170101,algartechcpcbv@algartech.com,andrelpsa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12/27/2019 21:13:40</t>
  </si>
  <si>
    <t>12/27/2019 21:14:11</t>
  </si>
  <si>
    <t>12/27/2019 21:14:32</t>
  </si>
  <si>
    <t>12/27/2019 21:11:44</t>
  </si>
  <si>
    <t>12/27/2019 21:17:01</t>
  </si>
  <si>
    <t>12/27/2019 21:11:55</t>
  </si>
  <si>
    <t>12/27/2019 21:11:56</t>
  </si>
  <si>
    <t>12/27/2019 21:12:02</t>
  </si>
  <si>
    <t>12/27/2019 21:12:03</t>
  </si>
  <si>
    <t>12/27/2019 21:12:04</t>
  </si>
  <si>
    <t>12/27/2019 21:12:08</t>
  </si>
  <si>
    <t>12/27/2019 21:12:12</t>
  </si>
  <si>
    <t>12/27/2019 21:12:28</t>
  </si>
  <si>
    <t>12/27/2019 21:12:29</t>
  </si>
  <si>
    <t>12/27/2019 21:12:33</t>
  </si>
  <si>
    <t>12/27/2019 21:12:34</t>
  </si>
  <si>
    <t>12/27/2019 21:12:38</t>
  </si>
  <si>
    <t>12/27/2019 21:12:39</t>
  </si>
  <si>
    <t>12/27/2019 21:12:52</t>
  </si>
  <si>
    <t>12/27/2019 21:12:55</t>
  </si>
  <si>
    <t>12/27/2019 21:12:56</t>
  </si>
  <si>
    <t>12/27/2019 21:12:57</t>
  </si>
  <si>
    <t>12/27/2019 21:12:58</t>
  </si>
  <si>
    <t>12/27/2019 21:13:02</t>
  </si>
  <si>
    <t>12/27/2019 21:13:16</t>
  </si>
  <si>
    <t>12/27/2019 21:13:19</t>
  </si>
  <si>
    <t>12/27/2019 21:13:20</t>
  </si>
  <si>
    <t>12/27/2019 21:13:21</t>
  </si>
  <si>
    <t>12/27/2019 21:13:22</t>
  </si>
  <si>
    <t>12/27/2019 21:13:28</t>
  </si>
  <si>
    <t>12/27/2019 21:13:31</t>
  </si>
  <si>
    <t>12/27/2019 21:13:41</t>
  </si>
  <si>
    <t>12/27/2019 21:13:43</t>
  </si>
  <si>
    <t>12/27/2019 21:13:45</t>
  </si>
  <si>
    <t>12/27/2019 21:13:51</t>
  </si>
  <si>
    <t>12/27/2019 21:13:56</t>
  </si>
  <si>
    <t>12/27/2019 21:13:57</t>
  </si>
  <si>
    <t>12/27/2019 21:14:02</t>
  </si>
  <si>
    <t>12/27/2019 21:14:16</t>
  </si>
  <si>
    <t>12/27/2019 21:14:20</t>
  </si>
  <si>
    <t>12/27/2019 21:14:21</t>
  </si>
  <si>
    <t>12/27/2019 21:14:22</t>
  </si>
  <si>
    <t>12/27/2019 21:14:28</t>
  </si>
  <si>
    <t>12/27/2019 21:14:29</t>
  </si>
  <si>
    <t>12/27/2019 21:14:47</t>
  </si>
  <si>
    <t>12/27/2019 21:14:54</t>
  </si>
  <si>
    <t>12/27/2019 21:14:55</t>
  </si>
  <si>
    <t>12/27/2019 21:14:56</t>
  </si>
  <si>
    <t>12/27/2019 21:15:00</t>
  </si>
  <si>
    <t>12/27/2019 21:15:31</t>
  </si>
  <si>
    <t>12/27/2019 21:15:37</t>
  </si>
  <si>
    <t>12/27/2019 21:15:38</t>
  </si>
  <si>
    <t>12/27/2019 21:15:43</t>
  </si>
  <si>
    <t>12/27/2019 21:15:44</t>
  </si>
  <si>
    <t>12/27/2019 21:15:45</t>
  </si>
  <si>
    <t>12/27/2019 21:15:46</t>
  </si>
  <si>
    <t>12/27/2019 21:15:47</t>
  </si>
  <si>
    <t>12/27/2019 21:15:48</t>
  </si>
  <si>
    <t>12/27/2019 21:15:50</t>
  </si>
  <si>
    <t>12/27/2019 21:15:51</t>
  </si>
  <si>
    <t>12/27/2019 21:15:57</t>
  </si>
  <si>
    <t>12/27/2019 21:14:39</t>
  </si>
  <si>
    <t>12/27/2019 21:16:41</t>
  </si>
  <si>
    <t>12/27/2019 21:19:01</t>
  </si>
  <si>
    <t>30426810-0deb-4462-a4b7-c6d557c5adb9.tmp</t>
  </si>
  <si>
    <t>\\acsfs\profiles$\georgendsq\Downloads\30426810-0deb-4462-a4b7-c6d557c5adb9.tmp</t>
  </si>
  <si>
    <t>12/27/2019 21:17:03</t>
  </si>
  <si>
    <t>845ea872-0b3e-404c-9c6c-fbda73cb25f3.tmp</t>
  </si>
  <si>
    <t>\\acsfs\profiles$\georgendsq\Downloads\845ea872-0b3e-404c-9c6c-fbda73cb25f3.tmp</t>
  </si>
  <si>
    <t>12/27/2019 21:21:00</t>
  </si>
  <si>
    <t>12/27/2019 21:16:45</t>
  </si>
  <si>
    <t>12/27/2019 21:16:18</t>
  </si>
  <si>
    <t>12/27/2019 21:22:01</t>
  </si>
  <si>
    <t>12/27/2019 21:16:24</t>
  </si>
  <si>
    <t>12/27/2019 21:16:28</t>
  </si>
  <si>
    <t>12/27/2019 21:16:29</t>
  </si>
  <si>
    <t>12/27/2019 21:16:47</t>
  </si>
  <si>
    <t>12/27/2019 21:16:48</t>
  </si>
  <si>
    <t>12/27/2019 21:16:52</t>
  </si>
  <si>
    <t>12/27/2019 21:16:53</t>
  </si>
  <si>
    <t>12/27/2019 21:17:05</t>
  </si>
  <si>
    <t>12/27/2019 21:17:10</t>
  </si>
  <si>
    <t>12/27/2019 21:17:11</t>
  </si>
  <si>
    <t>12/27/2019 21:17:12</t>
  </si>
  <si>
    <t>12/27/2019 21:17:16</t>
  </si>
  <si>
    <t>12/27/2019 21:17:17</t>
  </si>
  <si>
    <t>12/27/2019 21:17:29</t>
  </si>
  <si>
    <t>12/27/2019 21:17:33</t>
  </si>
  <si>
    <t>12/27/2019 21:17:34</t>
  </si>
  <si>
    <t>12/27/2019 21:17:35</t>
  </si>
  <si>
    <t>12/27/2019 21:17:40</t>
  </si>
  <si>
    <t>12/27/2019 21:17:56</t>
  </si>
  <si>
    <t>12/27/2019 21:17:57</t>
  </si>
  <si>
    <t>12/27/2019 21:17:58</t>
  </si>
  <si>
    <t>12/27/2019 21:17:59</t>
  </si>
  <si>
    <t>12/27/2019 21:18:01</t>
  </si>
  <si>
    <t>12/27/2019 21:18:02</t>
  </si>
  <si>
    <t>12/27/2019 21:18:03</t>
  </si>
  <si>
    <t>12/27/2019 21:18:06</t>
  </si>
  <si>
    <t>12/27/2019 21:18:07</t>
  </si>
  <si>
    <t>12/27/2019 21:18:08</t>
  </si>
  <si>
    <t>12/27/2019 21:18:20</t>
  </si>
  <si>
    <t>12/27/2019 21:18:25</t>
  </si>
  <si>
    <t>12/27/2019 21:18:26</t>
  </si>
  <si>
    <t>12/27/2019 21:18:27</t>
  </si>
  <si>
    <t>12/27/2019 21:18:30</t>
  </si>
  <si>
    <t>12/27/2019 21:18:32</t>
  </si>
  <si>
    <t>12/27/2019 21:18:38</t>
  </si>
  <si>
    <t>12/27/2019 21:18:43</t>
  </si>
  <si>
    <t>12/27/2019 21:18:44</t>
  </si>
  <si>
    <t>12/27/2019 21:18:45</t>
  </si>
  <si>
    <t>12/27/2019 21:18:50</t>
  </si>
  <si>
    <t>12/27/2019 21:18:51</t>
  </si>
  <si>
    <t>12/27/2019 21:18:52</t>
  </si>
  <si>
    <t>12/27/2019 21:18:53</t>
  </si>
  <si>
    <t>12/27/2019 21:18:55</t>
  </si>
  <si>
    <t>12/27/2019 21:18:59</t>
  </si>
  <si>
    <t>12/27/2019 21:19:00</t>
  </si>
  <si>
    <t>12/27/2019 21:19:02</t>
  </si>
  <si>
    <t>12/27/2019 21:19:03</t>
  </si>
  <si>
    <t>12/27/2019 21:19:04</t>
  </si>
  <si>
    <t>12/27/2019 21:19:06</t>
  </si>
  <si>
    <t>12/27/2019 21:19:09</t>
  </si>
  <si>
    <t>12/27/2019 21:19:13</t>
  </si>
  <si>
    <t>12/27/2019 21:19:14</t>
  </si>
  <si>
    <t>12/27/2019 21:19:15</t>
  </si>
  <si>
    <t>12/27/2019 21:19:19</t>
  </si>
  <si>
    <t>12/27/2019 21:19:20</t>
  </si>
  <si>
    <t>12/27/2019 21:19:21</t>
  </si>
  <si>
    <t>12/27/2019 21:19:23</t>
  </si>
  <si>
    <t>12/27/2019 21:19:26</t>
  </si>
  <si>
    <t>12/27/2019 21:19:31</t>
  </si>
  <si>
    <t>12/27/2019 21:19:32</t>
  </si>
  <si>
    <t>12/27/2019 21:19:33</t>
  </si>
  <si>
    <t>12/27/2019 21:19:34</t>
  </si>
  <si>
    <t>12/27/2019 21:19:38</t>
  </si>
  <si>
    <t>12/27/2019 21:19:42</t>
  </si>
  <si>
    <t>12/27/2019 21:19:43</t>
  </si>
  <si>
    <t>12/27/2019 21:19:44</t>
  </si>
  <si>
    <t>12/27/2019 21:19:48</t>
  </si>
  <si>
    <t>12/27/2019 21:19:49</t>
  </si>
  <si>
    <t>12/27/2019 21:19:54</t>
  </si>
  <si>
    <t>12/27/2019 21:19:55</t>
  </si>
  <si>
    <t>12/27/2019 21:19:56</t>
  </si>
  <si>
    <t>12/27/2019 21:19:57</t>
  </si>
  <si>
    <t>12/27/2019 21:19:58</t>
  </si>
  <si>
    <t>12/27/2019 21:20:00</t>
  </si>
  <si>
    <t>12/27/2019 21:20:04</t>
  </si>
  <si>
    <t>12/27/2019 21:20:05</t>
  </si>
  <si>
    <t>12/27/2019 21:20:08</t>
  </si>
  <si>
    <t>12/27/2019 21:20:09</t>
  </si>
  <si>
    <t>12/27/2019 21:20:10</t>
  </si>
  <si>
    <t>12/27/2019 21:20:15</t>
  </si>
  <si>
    <t>12/27/2019 21:20:24</t>
  </si>
  <si>
    <t>12/27/2019 21:20:29</t>
  </si>
  <si>
    <t>12/27/2019 21:20:30</t>
  </si>
  <si>
    <t>12/27/2019 21:20:34</t>
  </si>
  <si>
    <t>12/27/2019 21:20:36</t>
  </si>
  <si>
    <t>12/27/2019 21:20:50</t>
  </si>
  <si>
    <t>12/27/2019 21:20:55</t>
  </si>
  <si>
    <t>12/27/2019 21:20:56</t>
  </si>
  <si>
    <t>12/27/2019 21:20:57</t>
  </si>
  <si>
    <t>12/27/2019 21:21:01</t>
  </si>
  <si>
    <t>12/27/2019 21:21:14</t>
  </si>
  <si>
    <t>12/27/2019 21:22:45</t>
  </si>
  <si>
    <t>12/27/2019 21:25:00</t>
  </si>
  <si>
    <t>12/27/2019 21:25:22</t>
  </si>
  <si>
    <t>12/27/2019 21:26:00</t>
  </si>
  <si>
    <t>ae29e05c-c1f7-45fa-b609-fcfdc639dc06.tmp</t>
  </si>
  <si>
    <t>\\acsfs\profiles$\alinepp\Downloads\ae29e05c-c1f7-45fa-b609-fcfdc639dc06.tmp</t>
  </si>
  <si>
    <t>12/27/2019 21:23:09</t>
  </si>
  <si>
    <t>12/27/2019 21:27:00</t>
  </si>
  <si>
    <t>12/27/2019 21:23:46</t>
  </si>
  <si>
    <t>12/27/2019 21:23:53</t>
  </si>
  <si>
    <t>12/27/2019 21:23:54</t>
  </si>
  <si>
    <t>12/27/2019 21:23:55</t>
  </si>
  <si>
    <t>12/27/2019 21:23:56</t>
  </si>
  <si>
    <t>12/27/2019 21:23:57</t>
  </si>
  <si>
    <t>12/27/2019 21:23:58</t>
  </si>
  <si>
    <t>12/27/2019 21:24:00</t>
  </si>
  <si>
    <t>12/27/2019 21:24:01</t>
  </si>
  <si>
    <t>12/27/2019 21:24:02</t>
  </si>
  <si>
    <t>12/27/2019 21:24:03</t>
  </si>
  <si>
    <t>12/27/2019 21:24:07</t>
  </si>
  <si>
    <t>12/27/2019 21:24:11</t>
  </si>
  <si>
    <t>12/27/2019 21:24:12</t>
  </si>
  <si>
    <t>12/27/2019 21:24:13</t>
  </si>
  <si>
    <t>12/27/2019 21:24:14</t>
  </si>
  <si>
    <t>12/27/2019 21:24:15</t>
  </si>
  <si>
    <t>12/27/2019 21:24:19</t>
  </si>
  <si>
    <t>12/27/2019 21:24:23</t>
  </si>
  <si>
    <t>12/27/2019 21:24:36</t>
  </si>
  <si>
    <t>12/27/2019 21:24:42</t>
  </si>
  <si>
    <t>12/27/2019 21:24:43</t>
  </si>
  <si>
    <t>12/27/2019 21:24:47</t>
  </si>
  <si>
    <t>12/27/2019 21:24:48</t>
  </si>
  <si>
    <t>12/27/2019 21:24:49</t>
  </si>
  <si>
    <t>12/27/2019 21:24:50</t>
  </si>
  <si>
    <t>12/27/2019 21:24:51</t>
  </si>
  <si>
    <t>12/27/2019 21:24:52</t>
  </si>
  <si>
    <t>12/27/2019 21:24:56</t>
  </si>
  <si>
    <t>12/27/2019 21:25:01</t>
  </si>
  <si>
    <t>12/27/2019 21:25:09</t>
  </si>
  <si>
    <t>12/27/2019 21:25:10</t>
  </si>
  <si>
    <t>12/27/2019 21:25:11</t>
  </si>
  <si>
    <t>12/27/2019 21:25:14</t>
  </si>
  <si>
    <t>12/27/2019 21:25:15</t>
  </si>
  <si>
    <t>12/27/2019 21:25:20</t>
  </si>
  <si>
    <t>12/27/2019 21:25:24</t>
  </si>
  <si>
    <t>12/27/2019 21:25:27</t>
  </si>
  <si>
    <t>12/27/2019 21:25:28</t>
  </si>
  <si>
    <t>12/27/2019 21:25:29</t>
  </si>
  <si>
    <t>12/27/2019 21:25:30</t>
  </si>
  <si>
    <t>12/27/2019 21:25:31</t>
  </si>
  <si>
    <t>12/27/2019 21:25:32</t>
  </si>
  <si>
    <t>12/27/2019 21:25:34</t>
  </si>
  <si>
    <t>12/27/2019 21:25:37</t>
  </si>
  <si>
    <t>12/27/2019 21:25:38</t>
  </si>
  <si>
    <t>12/27/2019 21:25:40</t>
  </si>
  <si>
    <t>12/27/2019 21:25:43</t>
  </si>
  <si>
    <t>12/27/2019 21:25:44</t>
  </si>
  <si>
    <t>12/27/2019 21:25:48</t>
  </si>
  <si>
    <t>12/27/2019 21:25:49</t>
  </si>
  <si>
    <t>12/27/2019 21:25:50</t>
  </si>
  <si>
    <t>12/27/2019 21:25:51</t>
  </si>
  <si>
    <t>12/27/2019 21:25:53</t>
  </si>
  <si>
    <t>12/27/2019 21:25:54</t>
  </si>
  <si>
    <t>12/27/2019 21:25:55</t>
  </si>
  <si>
    <t>12/27/2019 21:25:57</t>
  </si>
  <si>
    <t>12/27/2019 21:25:58</t>
  </si>
  <si>
    <t>12/27/2019 21:26:03</t>
  </si>
  <si>
    <t>12/27/2019 21:26:05</t>
  </si>
  <si>
    <t>12/27/2019 21:26:07</t>
  </si>
  <si>
    <t>12/27/2019 21:26:10</t>
  </si>
  <si>
    <t>12/27/2019 21:26:11</t>
  </si>
  <si>
    <t>12/27/2019 21:26:12</t>
  </si>
  <si>
    <t>12/27/2019 21:26:14</t>
  </si>
  <si>
    <t>12/27/2019 21:26:18</t>
  </si>
  <si>
    <t>12/27/2019 21:26:19</t>
  </si>
  <si>
    <t>12/27/2019 21:26:23</t>
  </si>
  <si>
    <t>12/27/2019 21:26:55</t>
  </si>
  <si>
    <t>12/27/2019 21:30:00</t>
  </si>
  <si>
    <t>12/27/2019 21:25:33</t>
  </si>
  <si>
    <t>12/27/2019 21:30:59</t>
  </si>
  <si>
    <t>12/27/2019 21:27:03</t>
  </si>
  <si>
    <t>12/27/2019 21:27:11</t>
  </si>
  <si>
    <t>12/27/2019 21:27:14</t>
  </si>
  <si>
    <t>12/27/2019 21:27:32</t>
  </si>
  <si>
    <t>12/27/2019 21:27:33</t>
  </si>
  <si>
    <t>12/27/2019 21:27:37</t>
  </si>
  <si>
    <t>12/27/2019 21:26:24</t>
  </si>
  <si>
    <t>12/27/2019 21:32:00</t>
  </si>
  <si>
    <t>12/27/2019 21:26:25</t>
  </si>
  <si>
    <t>12/27/2019 21:26:27</t>
  </si>
  <si>
    <t>12/27/2019 21:26:30</t>
  </si>
  <si>
    <t>12/27/2019 21:26:36</t>
  </si>
  <si>
    <t>12/27/2019 21:26:39</t>
  </si>
  <si>
    <t>12/27/2019 21:26:40</t>
  </si>
  <si>
    <t>12/27/2019 21:26:41</t>
  </si>
  <si>
    <t>12/27/2019 21:26:44</t>
  </si>
  <si>
    <t>12/27/2019 21:26:46</t>
  </si>
  <si>
    <t>12/27/2019 21:26:51</t>
  </si>
  <si>
    <t>12/27/2019 21:26:54</t>
  </si>
  <si>
    <t>12/27/2019 21:26:57</t>
  </si>
  <si>
    <t>12/27/2019 21:27:01</t>
  </si>
  <si>
    <t>12/27/2019 21:29:33</t>
  </si>
  <si>
    <t>12/27/2019 21:29:42</t>
  </si>
  <si>
    <t>12/27/2019 21:29:43</t>
  </si>
  <si>
    <t>12/27/2019 21:29:44</t>
  </si>
  <si>
    <t>12/27/2019 21:29:46</t>
  </si>
  <si>
    <t>12/27/2019 21:29:49</t>
  </si>
  <si>
    <t>12/27/2019 21:31:05</t>
  </si>
  <si>
    <t>12/27/2019 21:32:59</t>
  </si>
  <si>
    <t>12/27/2019 21:33:04</t>
  </si>
  <si>
    <t>12/27/2019 21:36:00</t>
  </si>
  <si>
    <t>12/27/2019 21:31:42</t>
  </si>
  <si>
    <t>12/27/2019 21:37:00</t>
  </si>
  <si>
    <t>12/27/2019 21:31:45</t>
  </si>
  <si>
    <t>12/27/2019 21:31:46</t>
  </si>
  <si>
    <t>12/27/2019 21:31:47</t>
  </si>
  <si>
    <t>12/27/2019 21:31:51</t>
  </si>
  <si>
    <t>12/27/2019 21:31:52</t>
  </si>
  <si>
    <t>12/27/2019 21:32:56</t>
  </si>
  <si>
    <t>12/27/2019 21:33:00</t>
  </si>
  <si>
    <t>12/27/2019 21:33:01</t>
  </si>
  <si>
    <t>12/27/2019 21:33:02</t>
  </si>
  <si>
    <t>12/27/2019 21:33:03</t>
  </si>
  <si>
    <t>12/27/2019 21:33:07</t>
  </si>
  <si>
    <t>12/27/2019 21:33:14</t>
  </si>
  <si>
    <t>12/27/2019 21:33:18</t>
  </si>
  <si>
    <t>12/27/2019 21:33:20</t>
  </si>
  <si>
    <t>12/27/2019 21:33:21</t>
  </si>
  <si>
    <t>12/27/2019 21:33:24</t>
  </si>
  <si>
    <t>12/27/2019 21:33:30</t>
  </si>
  <si>
    <t>12/27/2019 21:33:33</t>
  </si>
  <si>
    <t>12/27/2019 21:33:34</t>
  </si>
  <si>
    <t>12/27/2019 21:33:35</t>
  </si>
  <si>
    <t>12/27/2019 21:33:36</t>
  </si>
  <si>
    <t>12/27/2019 21:33:40</t>
  </si>
  <si>
    <t>12/27/2019 21:33:50</t>
  </si>
  <si>
    <t>12/27/2019 21:33:54</t>
  </si>
  <si>
    <t>12/27/2019 21:33:55</t>
  </si>
  <si>
    <t>12/27/2019 21:33:56</t>
  </si>
  <si>
    <t>12/27/2019 21:34:01</t>
  </si>
  <si>
    <t>12/27/2019 21:34:20</t>
  </si>
  <si>
    <t>12/27/2019 21:34:22</t>
  </si>
  <si>
    <t>12/27/2019 21:34:23</t>
  </si>
  <si>
    <t>12/27/2019 21:34:25</t>
  </si>
  <si>
    <t>12/27/2019 21:34:26</t>
  </si>
  <si>
    <t>12/27/2019 21:34:27</t>
  </si>
  <si>
    <t>12/27/2019 21:34:32</t>
  </si>
  <si>
    <t>12/27/2019 21:34:38</t>
  </si>
  <si>
    <t>12/27/2019 21:34:47</t>
  </si>
  <si>
    <t>12/27/2019 21:34:50</t>
  </si>
  <si>
    <t>12/27/2019 21:34:51</t>
  </si>
  <si>
    <t>12/27/2019 21:35:00</t>
  </si>
  <si>
    <t>12/27/2019 21:35:02</t>
  </si>
  <si>
    <t>12/27/2019 21:35:07</t>
  </si>
  <si>
    <t>12/27/2019 21:35:08</t>
  </si>
  <si>
    <t>12/27/2019 21:35:09</t>
  </si>
  <si>
    <t>12/27/2019 21:35:10</t>
  </si>
  <si>
    <t>12/27/2019 21:35:11</t>
  </si>
  <si>
    <t>12/27/2019 21:35:31</t>
  </si>
  <si>
    <t>12/27/2019 21:35:32</t>
  </si>
  <si>
    <t>12/27/2019 21:35:33</t>
  </si>
  <si>
    <t>12/27/2019 21:35:37</t>
  </si>
  <si>
    <t>12/27/2019 21:36:24</t>
  </si>
  <si>
    <t>12/27/2019 21:35:12</t>
  </si>
  <si>
    <t>12/27/2019 21:39:00</t>
  </si>
  <si>
    <t>586883d2-2542-4747-b9f1-079b0dba2842.tmp</t>
  </si>
  <si>
    <t>\\acsfs\profiles$\leonardocb\Downloads\586883d2-2542-4747-b9f1-079b0dba2842.tmp</t>
  </si>
  <si>
    <t>12/27/2019 21:40:00</t>
  </si>
  <si>
    <t>12/27/2019 21:36:10</t>
  </si>
  <si>
    <t>12/27/2019 21:36:59</t>
  </si>
  <si>
    <t>12/27/2019 21:40:59</t>
  </si>
  <si>
    <t>12/27/2019 21:36:50</t>
  </si>
  <si>
    <t>12/27/2019 21:42:00</t>
  </si>
  <si>
    <t>12/27/2019 21:41:41</t>
  </si>
  <si>
    <t>12/27/2019 21:44:00</t>
  </si>
  <si>
    <t>12/27/2019 21:38:45</t>
  </si>
  <si>
    <t>89d5ccbe-febc-44d1-b49c-64eabc523875.tmp</t>
  </si>
  <si>
    <t>\\acsfs\profiles$\brendadsl\Downloads\89d5ccbe-febc-44d1-b49c-64eabc523875.tmp</t>
  </si>
  <si>
    <t>12/27/2019 21:42:46</t>
  </si>
  <si>
    <t>12/27/2019 21:46:00</t>
  </si>
  <si>
    <t>12/27/2019 21:42:53</t>
  </si>
  <si>
    <t>12/27/2019 21:46:08</t>
  </si>
  <si>
    <t>12/27/2019 21:49:00</t>
  </si>
  <si>
    <t>12/27/2019 21:47:53</t>
  </si>
  <si>
    <t>12/27/2019 21:51:00</t>
  </si>
  <si>
    <t>12/27/2019 21:48:52</t>
  </si>
  <si>
    <t>12/27/2019 21:49:31</t>
  </si>
  <si>
    <t>12/27/2019 21:48:15</t>
  </si>
  <si>
    <t>263cdce0-a140-4912-9d20-4ca0009b1fec.tmp</t>
  </si>
  <si>
    <t>\\acsfs\profiles$\alinepp\Downloads\263cdce0-a140-4912-9d20-4ca0009b1fec.tmp</t>
  </si>
  <si>
    <t>12/27/2019 21:49:33</t>
  </si>
  <si>
    <t>12/27/2019 21:50:53</t>
  </si>
  <si>
    <t>12/27/2019 21:52:00</t>
  </si>
  <si>
    <t>44ee6f0d-a23b-4e34-a412-cb09b4ba6570.tmp</t>
  </si>
  <si>
    <t>\\acsfs\profiles$\KARENJSS\Downloads\44ee6f0d-a23b-4e34-a412-cb09b4ba6570.tmp</t>
  </si>
  <si>
    <t>12/27/2019 21:47:48</t>
  </si>
  <si>
    <t>12/27/2019 21:47:51</t>
  </si>
  <si>
    <t>12/27/2019 21:47:52</t>
  </si>
  <si>
    <t>12/27/2019 21:47:55</t>
  </si>
  <si>
    <t>12/27/2019 21:47:57</t>
  </si>
  <si>
    <t>12/27/2019 21:47:58</t>
  </si>
  <si>
    <t>12/27/2019 21:48:00</t>
  </si>
  <si>
    <t>12/27/2019 21:48:01</t>
  </si>
  <si>
    <t>12/27/2019 21:48:03</t>
  </si>
  <si>
    <t>12/27/2019 21:48:05</t>
  </si>
  <si>
    <t>12/27/2019 21:48:06</t>
  </si>
  <si>
    <t>12/27/2019 21:48:07</t>
  </si>
  <si>
    <t>12/27/2019 21:48:12</t>
  </si>
  <si>
    <t>12/27/2019 21:48:32</t>
  </si>
  <si>
    <t>12/27/2019 21:48:34</t>
  </si>
  <si>
    <t>12/27/2019 21:48:35</t>
  </si>
  <si>
    <t>12/27/2019 21:48:37</t>
  </si>
  <si>
    <t>12/27/2019 21:48:39</t>
  </si>
  <si>
    <t>12/27/2019 21:48:40</t>
  </si>
  <si>
    <t>12/27/2019 21:48:41</t>
  </si>
  <si>
    <t>12/27/2019 21:48:44</t>
  </si>
  <si>
    <t>12/27/2019 21:48:50</t>
  </si>
  <si>
    <t>12/27/2019 21:49:20</t>
  </si>
  <si>
    <t>12/27/2019 21:52:30</t>
  </si>
  <si>
    <t>12/27/2019 21:55:00</t>
  </si>
  <si>
    <t>12/27/2019 21:58:10</t>
  </si>
  <si>
    <t>12/27/2019 21:59:01</t>
  </si>
  <si>
    <t>12/27/2019 21:54:16</t>
  </si>
  <si>
    <t>12/27/2019 22:00:00</t>
  </si>
  <si>
    <t>12/27/2019 22:00:18</t>
  </si>
  <si>
    <t>12/27/2019 22:02:01</t>
  </si>
  <si>
    <t>XLOG_marcosvnds_27122019_160720.log</t>
  </si>
  <si>
    <t>\\acsfs\profiles$\marcosvnds\My Documents\xworkcenter\logs\XLOG_marcosvnds_27122019_160720.log</t>
  </si>
  <si>
    <t>12/27/2019 22:00:54</t>
  </si>
  <si>
    <t>12/27/2019 22:03:01</t>
  </si>
  <si>
    <t>\\acsfs\profiles$\myllenardl\My Documents\</t>
  </si>
  <si>
    <t>myllena.txt</t>
  </si>
  <si>
    <t>\\acsfs\profiles$\myllenardl\My Documents\myllena.txt</t>
  </si>
  <si>
    <t>12/27/2019 22:04:00</t>
  </si>
  <si>
    <t>12/27/2019 22:01:12</t>
  </si>
  <si>
    <t>12/27/2019 22:06:01</t>
  </si>
  <si>
    <t>12/27/2019 22:01:20</t>
  </si>
  <si>
    <t>12/27/2019 22:01:26</t>
  </si>
  <si>
    <t>12/27/2019 22:04:23</t>
  </si>
  <si>
    <t>12/27/2019 22:07:01</t>
  </si>
  <si>
    <t>12/27/2019 22:15:40</t>
  </si>
  <si>
    <t>12/27/2019 22:18:02</t>
  </si>
  <si>
    <t>12/27/2019 22:17:14</t>
  </si>
  <si>
    <t>12/27/2019 22:20:02</t>
  </si>
  <si>
    <t>12/27/2019 22:22:03</t>
  </si>
  <si>
    <t>12/27/2019 22:23:02</t>
  </si>
  <si>
    <t>12/27/2019 22:24:15</t>
  </si>
  <si>
    <t>12/27/2019 22:30:02</t>
  </si>
  <si>
    <t>12/27/2019 22:36:05</t>
  </si>
  <si>
    <t>12/27/2019 22:41:02</t>
  </si>
  <si>
    <t>12/27/2019 22:41:14</t>
  </si>
  <si>
    <t>12/27/2019 22:42:01</t>
  </si>
  <si>
    <t>12/27/2019 22:42:49</t>
  </si>
  <si>
    <t>12/27/2019 22:47:02</t>
  </si>
  <si>
    <t>12/27/2019 22:48:30</t>
  </si>
  <si>
    <t>12/27/2019 22:50:02</t>
  </si>
  <si>
    <t>12/27/2019 22:46:42</t>
  </si>
  <si>
    <t>12/27/2019 22:51:02</t>
  </si>
  <si>
    <t>12/27/2019 22:50:51</t>
  </si>
  <si>
    <t>12/27/2019 22:52:02</t>
  </si>
  <si>
    <t>12/27/2019 22:51:14</t>
  </si>
  <si>
    <t>12/27/2019 22:53:02</t>
  </si>
  <si>
    <t>12/27/2019 22:52:51</t>
  </si>
  <si>
    <t>12/27/2019 22:54:03</t>
  </si>
  <si>
    <t>12/27/2019 22:54:16</t>
  </si>
  <si>
    <t>12/27/2019 22:55:02</t>
  </si>
  <si>
    <t>12/27/2019 22:53:58</t>
  </si>
  <si>
    <t>12/27/2019 22:57:03</t>
  </si>
  <si>
    <t>12/27/2019 23:02:05</t>
  </si>
  <si>
    <t>12/27/2019 23:06:03</t>
  </si>
  <si>
    <t>12/27/2019 23:08:08</t>
  </si>
  <si>
    <t>12/27/2019 23:11:02</t>
  </si>
  <si>
    <t>12/27/2019 23:07:28</t>
  </si>
  <si>
    <t>12/27/2019 23:12:03</t>
  </si>
  <si>
    <t>12/27/2019 23:19:06</t>
  </si>
  <si>
    <t>12/27/2019 23:21:02</t>
  </si>
  <si>
    <t>12/27/2019 23:25:03</t>
  </si>
  <si>
    <t>12/27/2019 23:28:02</t>
  </si>
  <si>
    <t>12/27/2019 16:45:17</t>
  </si>
  <si>
    <t>12/27/2019 23:44:02</t>
  </si>
  <si>
    <t>ff0ebf86-c608-430b-9b8c-89cbe466a88a.tmp</t>
  </si>
  <si>
    <t>\\acsfs\profiles$\regisadsa\Downloads\ff0ebf86-c608-430b-9b8c-89cbe466a88a.tmp</t>
  </si>
  <si>
    <t>12/27/2019 16:54:55</t>
  </si>
  <si>
    <t>64b7c479-4940-4946-b313-f70815dc6ebb.tmp</t>
  </si>
  <si>
    <t>\\acsfs\profiles$\regisadsa\Downloads\64b7c479-4940-4946-b313-f70815dc6ebb.tmp</t>
  </si>
  <si>
    <t>12/27/2019 16:55:44</t>
  </si>
  <si>
    <t>354e6b13-cd31-4881-ade9-3d86f6bc55db.tmp</t>
  </si>
  <si>
    <t>\\acsfs\profiles$\regisadsa\Downloads\354e6b13-cd31-4881-ade9-3d86f6bc55db.tmp</t>
  </si>
  <si>
    <t>12/27/2019 16:56:19</t>
  </si>
  <si>
    <t>558da69c-a48a-4997-83b1-cb644e1d66e6.tmp</t>
  </si>
  <si>
    <t>\\acsfs\profiles$\regisadsa\Downloads\558da69c-a48a-4997-83b1-cb644e1d66e6.tmp</t>
  </si>
  <si>
    <t>12/27/2019 16:56:35</t>
  </si>
  <si>
    <t>6efbb48b-c0b2-444b-9485-260e925a4e3b.tmp</t>
  </si>
  <si>
    <t>\\acsfs\profiles$\regisadsa\Downloads\6efbb48b-c0b2-444b-9485-260e925a4e3b.tmp</t>
  </si>
  <si>
    <t>12/27/2019 17:44:15</t>
  </si>
  <si>
    <t>89d28e08-d807-48de-a94b-4ceaeb14d336.tmp</t>
  </si>
  <si>
    <t>\\acsfs\profiles$\regisadsa\Downloads\89d28e08-d807-48de-a94b-4ceaeb14d336.tmp</t>
  </si>
  <si>
    <t>12/27/2019 19:12:18</t>
  </si>
  <si>
    <t>7d2fb4dd-eca4-4f31-b398-4b1a45f74767.tmp</t>
  </si>
  <si>
    <t>\\acsfs\profiles$\regisadsa\Downloads\7d2fb4dd-eca4-4f31-b398-4b1a45f74767.tmp</t>
  </si>
  <si>
    <t>12/27/2019 23:43:01</t>
  </si>
  <si>
    <t>12/27/2019 23:47:03</t>
  </si>
  <si>
    <t>45978fa2-5333-4cbc-b793-f9fcc343bc4b.tmp</t>
  </si>
  <si>
    <t>\\acsfs\profiles$\Adrieledgc\Downloads\45978fa2-5333-4cbc-b793-f9fcc343bc4b.tmp</t>
  </si>
  <si>
    <t>12/27/2019 23:43:49</t>
  </si>
  <si>
    <t>ed0b10c9-94d1-4d6e-bb42-17b94ca19d72.tmp</t>
  </si>
  <si>
    <t>\\acsfs\profiles$\Adrieledgc\Downloads\ed0b10c9-94d1-4d6e-bb42-17b94ca19d72.tmp</t>
  </si>
  <si>
    <t>12/27/2019 23:45:31</t>
  </si>
  <si>
    <t>12/27/2019 23:49:36</t>
  </si>
  <si>
    <t>12/27/2019 23:55:03</t>
  </si>
  <si>
    <t>12/27/2019 23:56:05</t>
  </si>
  <si>
    <t>12/28/2019 00:01:03</t>
  </si>
  <si>
    <t>12/28/2019 00:03:05</t>
  </si>
  <si>
    <t>12/28/2019 00:04:02</t>
  </si>
  <si>
    <t>12/28/2019 00:02:28</t>
  </si>
  <si>
    <t>12/28/2019 00:05:03</t>
  </si>
  <si>
    <t>12/28/2019 00:03:23</t>
  </si>
  <si>
    <t>12/28/2019 00:04:15</t>
  </si>
  <si>
    <t>12/28/2019 00:06:02</t>
  </si>
  <si>
    <t>12/28/2019 00:04:03</t>
  </si>
  <si>
    <t>12/28/2019 00:04:48</t>
  </si>
  <si>
    <t>12/28/2019 00:01:54</t>
  </si>
  <si>
    <t>12/28/2019 00:07:03</t>
  </si>
  <si>
    <t>46a38708-8c1c-4be3-973f-db9b1af4de9d.tmp</t>
  </si>
  <si>
    <t>\\acsfs\profiles$\rogeriofd\Downloads\46a38708-8c1c-4be3-973f-db9b1af4de9d.tmp</t>
  </si>
  <si>
    <t>12/28/2019 00:02:04</t>
  </si>
  <si>
    <t>87cab55d-5321-4512-a2b1-a895d02b035e.tmp</t>
  </si>
  <si>
    <t>\\acsfs\profiles$\rogeriofd\Downloads\87cab55d-5321-4512-a2b1-a895d02b035e.tmp</t>
  </si>
  <si>
    <t>12/28/2019 00:02:09</t>
  </si>
  <si>
    <t>c31ea069-cdc8-46db-9d66-13fe0aeb3d5d.tmp</t>
  </si>
  <si>
    <t>\\acsfs\profiles$\rogeriofd\Downloads\c31ea069-cdc8-46db-9d66-13fe0aeb3d5d.tmp</t>
  </si>
  <si>
    <t>12/28/2019 00:02:37</t>
  </si>
  <si>
    <t>13a0624c-628a-4580-b6c6-9246706a1dc5.tmp</t>
  </si>
  <si>
    <t>\\acsfs\profiles$\rogeriofd\Downloads\13a0624c-628a-4580-b6c6-9246706a1dc5.tmp</t>
  </si>
  <si>
    <t>18581f80-91fc-421a-836a-0faa10176765.tmp</t>
  </si>
  <si>
    <t>\\acsfs\profiles$\rogeriofd\Downloads\18581f80-91fc-421a-836a-0faa10176765.tmp</t>
  </si>
  <si>
    <t>12/28/2019 00:05:17</t>
  </si>
  <si>
    <t>12/28/2019 00:05:06</t>
  </si>
  <si>
    <t>12/28/2019 00:03:22</t>
  </si>
  <si>
    <t>12/28/2019 00:08:02</t>
  </si>
  <si>
    <t>12/28/2019 00:06:28</t>
  </si>
  <si>
    <t>12/28/2019 00:09:03</t>
  </si>
  <si>
    <t>12/28/2019 00:08:09</t>
  </si>
  <si>
    <t>12/28/2019 00:05:16</t>
  </si>
  <si>
    <t>12/28/2019 00:10:02</t>
  </si>
  <si>
    <t>12/28/2019 00:07:46</t>
  </si>
  <si>
    <t>12/28/2019 00:08:37</t>
  </si>
  <si>
    <t>12/28/2019 00:08:13</t>
  </si>
  <si>
    <t>12/28/2019 00:05:54</t>
  </si>
  <si>
    <t>12/28/2019 00:05:49</t>
  </si>
  <si>
    <t>12/28/2019 00:09:28</t>
  </si>
  <si>
    <t>12/28/2019 00:12:03</t>
  </si>
  <si>
    <t>12/28/2019 00:07:53</t>
  </si>
  <si>
    <t>12/28/2019 00:13:10</t>
  </si>
  <si>
    <t>12/28/2019 00:16:03</t>
  </si>
  <si>
    <t>12/28/2019 00:13:59</t>
  </si>
  <si>
    <t>12/28/2019 00:11:54</t>
  </si>
  <si>
    <t>12/28/2019 00:17:02</t>
  </si>
  <si>
    <t>12/28/2019 00:13:52</t>
  </si>
  <si>
    <t>12/28/2019 00:18:03</t>
  </si>
  <si>
    <t>12/28/2019 00:18:10</t>
  </si>
  <si>
    <t>12/28/2019 00:20:02</t>
  </si>
  <si>
    <t>12/28/2019 00:19:33</t>
  </si>
  <si>
    <t>12/28/2019 00:24:03</t>
  </si>
  <si>
    <t>12/28/2019 00:21:16</t>
  </si>
  <si>
    <t>12/28/2019 00:25:03</t>
  </si>
  <si>
    <t>12/28/2019 00:20:14</t>
  </si>
  <si>
    <t>12/28/2019 00:30:14</t>
  </si>
  <si>
    <t>12/28/2019 00:34:03</t>
  </si>
  <si>
    <t>12/28/2019 00:40:13</t>
  </si>
  <si>
    <t>12/28/2019 00:42:03</t>
  </si>
  <si>
    <t>12/28/2019 00:40:29</t>
  </si>
  <si>
    <t>12/28/2019 00:45:03</t>
  </si>
  <si>
    <t>12/28/2019 00:42:13</t>
  </si>
  <si>
    <t>12/28/2019 00:47:03</t>
  </si>
  <si>
    <t>12/28/2019 01:00:09</t>
  </si>
  <si>
    <t>12/28/2019 01:01:04</t>
  </si>
  <si>
    <t>12/28/2019 01:00:28</t>
  </si>
  <si>
    <t>12/28/2019 00:59:22</t>
  </si>
  <si>
    <t>12/28/2019 01:19:04</t>
  </si>
  <si>
    <t>12/28/2019 01:06:20</t>
  </si>
  <si>
    <t>12/28/2019 01:20:05</t>
  </si>
  <si>
    <t>12/28/2019 01:14:50</t>
  </si>
  <si>
    <t>12/28/2019 01:14:42</t>
  </si>
  <si>
    <t>12/28/2019 01:22:05</t>
  </si>
  <si>
    <t>12/28/2019 01:17:18</t>
  </si>
  <si>
    <t>12/28/2019 01:14:44</t>
  </si>
  <si>
    <t>12/28/2019 01:32:46</t>
  </si>
  <si>
    <t>12/28/2019 01:35:05</t>
  </si>
  <si>
    <t>12/28/2019 01:33:59</t>
  </si>
  <si>
    <t>12/28/2019 01:33:23</t>
  </si>
  <si>
    <t>12/28/2019 01:36:04</t>
  </si>
  <si>
    <t>12/28/2019 01:35:58</t>
  </si>
  <si>
    <t>12/28/2019 01:38:04</t>
  </si>
  <si>
    <t>12/28/2019 01:38:23</t>
  </si>
  <si>
    <t>12/28/2019 01:39:04</t>
  </si>
  <si>
    <t>12/28/2019 01:39:50</t>
  </si>
  <si>
    <t>12/28/2019 01:40:04</t>
  </si>
  <si>
    <t>12/28/2019 01:40:18</t>
  </si>
  <si>
    <t>12/28/2019 01:42:05</t>
  </si>
  <si>
    <t>12/28/2019 01:44:27</t>
  </si>
  <si>
    <t>12/28/2019 01:46:05</t>
  </si>
  <si>
    <t>12/28/2019 01:50:34</t>
  </si>
  <si>
    <t>12/28/2019 01:52:05</t>
  </si>
  <si>
    <t>45fb29ae-61fd-4fdd-8ca3-c20f794fa835.tmp</t>
  </si>
  <si>
    <t>\\acsfs\profiles$\rogeriofd\Downloads\45fb29ae-61fd-4fdd-8ca3-c20f794fa835.tmp</t>
  </si>
  <si>
    <t>12/28/2019 01:57:07</t>
  </si>
  <si>
    <t>12/28/2019 02:00:04</t>
  </si>
  <si>
    <t>12/28/2019 02:05:29</t>
  </si>
  <si>
    <t>12/28/2019 02:10:03</t>
  </si>
  <si>
    <t>12/28/2019 02:12:02</t>
  </si>
  <si>
    <t>12/28/2019 02:16:05</t>
  </si>
  <si>
    <t>12/28/2019 02:12:47</t>
  </si>
  <si>
    <t>12/28/2019 02:17:52</t>
  </si>
  <si>
    <t>12/28/2019 02:19:05</t>
  </si>
  <si>
    <t>12/28/2019 02:16:44</t>
  </si>
  <si>
    <t>12/28/2019 02:20:05</t>
  </si>
  <si>
    <t>12/28/2019 02:19:18</t>
  </si>
  <si>
    <t>12/28/2019 02:24:37</t>
  </si>
  <si>
    <t>12/28/2019 02:26:06</t>
  </si>
  <si>
    <t>12/28/2019 02:22:40</t>
  </si>
  <si>
    <t>12/28/2019 02:28:06</t>
  </si>
  <si>
    <t>12/28/2019 02:34:09</t>
  </si>
  <si>
    <t>12/28/2019 02:35:05</t>
  </si>
  <si>
    <t>12/28/2019 02:38:20</t>
  </si>
  <si>
    <t>12/28/2019 02:41:03</t>
  </si>
  <si>
    <t>12/28/2019 02:39:50</t>
  </si>
  <si>
    <t>12/28/2019 02:45:03</t>
  </si>
  <si>
    <t>12/28/2019 02:47:46</t>
  </si>
  <si>
    <t>12/28/2019 02:50:03</t>
  </si>
  <si>
    <t>12/28/2019 02:55:52</t>
  </si>
  <si>
    <t>12/28/2019 02:58:03</t>
  </si>
  <si>
    <t>12/28/2019 02:58:26</t>
  </si>
  <si>
    <t>12/28/2019 03:00:02</t>
  </si>
  <si>
    <t>12/28/2019 03:03:27</t>
  </si>
  <si>
    <t>12/28/2019 03:05:03</t>
  </si>
  <si>
    <t>12/28/2019 03:06:14</t>
  </si>
  <si>
    <t>12/28/2019 03:10:03</t>
  </si>
  <si>
    <t>12/28/2019 03:09:54</t>
  </si>
  <si>
    <t>12/28/2019 03:11:03</t>
  </si>
  <si>
    <t>12/28/2019 03:07:51</t>
  </si>
  <si>
    <t>12/28/2019 03:12:03</t>
  </si>
  <si>
    <t>12/28/2019 03:10:17</t>
  </si>
  <si>
    <t>12/28/2019 03:14:03</t>
  </si>
  <si>
    <t>SDC - SERVICE DESK CSC</t>
  </si>
  <si>
    <t>12/28/2019 03:15:53</t>
  </si>
  <si>
    <t>12/28/2019 03:19:03</t>
  </si>
  <si>
    <t>12/28/2019 03:21:33</t>
  </si>
  <si>
    <t>12/28/2019 03:25:03</t>
  </si>
  <si>
    <t>12/28/2019 03:27:11</t>
  </si>
  <si>
    <t>12/28/2019 03:28:03</t>
  </si>
  <si>
    <t>12/28/2019 03:31:05</t>
  </si>
  <si>
    <t>12/28/2019 03:33:04</t>
  </si>
  <si>
    <t>12/28/2019 03:34:40</t>
  </si>
  <si>
    <t>12/28/2019 03:36:05</t>
  </si>
  <si>
    <t>12/28/2019 03:38:23</t>
  </si>
  <si>
    <t>12/28/2019 03:40:04</t>
  </si>
  <si>
    <t>12/28/2019 03:38:54</t>
  </si>
  <si>
    <t>12/28/2019 03:41:04</t>
  </si>
  <si>
    <t>12/28/2019 03:43:57</t>
  </si>
  <si>
    <t>12/28/2019 03:45:04</t>
  </si>
  <si>
    <t>12/28/2019 03:43:08</t>
  </si>
  <si>
    <t>12/28/2019 03:43:33</t>
  </si>
  <si>
    <t>12/28/2019 03:49:04</t>
  </si>
  <si>
    <t>12/28/2019 03:46:43</t>
  </si>
  <si>
    <t>12/28/2019 03:50:05</t>
  </si>
  <si>
    <t>12/28/2019 03:45:59</t>
  </si>
  <si>
    <t>12/28/2019 03:51:04</t>
  </si>
  <si>
    <t>12/28/2019 03:50:03</t>
  </si>
  <si>
    <t>12/28/2019 03:52:04</t>
  </si>
  <si>
    <t>12/28/2019 03:50:59</t>
  </si>
  <si>
    <t>12/28/2019 03:54:03</t>
  </si>
  <si>
    <t>12/28/2019 03:49:18</t>
  </si>
  <si>
    <t>12/28/2019 03:55:04</t>
  </si>
  <si>
    <t>12/28/2019 03:52:30</t>
  </si>
  <si>
    <t>12/28/2019 03:53:11</t>
  </si>
  <si>
    <t>12/28/2019 03:56:03</t>
  </si>
  <si>
    <t>12/28/2019 03:52:36</t>
  </si>
  <si>
    <t>12/28/2019 03:52:13</t>
  </si>
  <si>
    <t>12/28/2019 03:57:04</t>
  </si>
  <si>
    <t>12/28/2019 03:58:45</t>
  </si>
  <si>
    <t>12/28/2019 04:00:04</t>
  </si>
  <si>
    <t>12/28/2019 03:57:54</t>
  </si>
  <si>
    <t>12/28/2019 03:58:12</t>
  </si>
  <si>
    <t>12/28/2019 04:01:04</t>
  </si>
  <si>
    <t>12/28/2019 03:59:47</t>
  </si>
  <si>
    <t>12/28/2019 04:02:04</t>
  </si>
  <si>
    <t>12/28/2019 03:57:25</t>
  </si>
  <si>
    <t>12/28/2019 04:00:22</t>
  </si>
  <si>
    <t>12/28/2019 04:00:47</t>
  </si>
  <si>
    <t>12/28/2019 04:03:03</t>
  </si>
  <si>
    <t>12/28/2019 04:00:30</t>
  </si>
  <si>
    <t>12/28/2019 04:04:04</t>
  </si>
  <si>
    <t>12/28/2019 04:08:38</t>
  </si>
  <si>
    <t>12/28/2019 04:10:03</t>
  </si>
  <si>
    <t>12/28/2019 04:08:39</t>
  </si>
  <si>
    <t>12/28/2019 04:13:03</t>
  </si>
  <si>
    <t>12/28/2019 04:14:18</t>
  </si>
  <si>
    <t>12/28/2019 04:17:04</t>
  </si>
  <si>
    <t>12/28/2019 04:16:15</t>
  </si>
  <si>
    <t>12/28/2019 04:19:05</t>
  </si>
  <si>
    <t>12/28/2019 04:16:09</t>
  </si>
  <si>
    <t>12/28/2019 04:20:05</t>
  </si>
  <si>
    <t>12/28/2019 04:18:05</t>
  </si>
  <si>
    <t>12/28/2019 04:21:05</t>
  </si>
  <si>
    <t>12/28/2019 04:21:29</t>
  </si>
  <si>
    <t>12/28/2019 04:24:06</t>
  </si>
  <si>
    <t>12/28/2019 04:30:15</t>
  </si>
  <si>
    <t>12/28/2019 04:31:05</t>
  </si>
  <si>
    <t>12/28/2019 04:30:06</t>
  </si>
  <si>
    <t>12/28/2019 04:35:05</t>
  </si>
  <si>
    <t>12/28/2019 04:34:24</t>
  </si>
  <si>
    <t>12/28/2019 04:37:04</t>
  </si>
  <si>
    <t>12/28/2019 04:34:31</t>
  </si>
  <si>
    <t>12/28/2019 04:40:05</t>
  </si>
  <si>
    <t>12/28/2019 04:39:22</t>
  </si>
  <si>
    <t>12/28/2019 04:42:05</t>
  </si>
  <si>
    <t>12/28/2019 04:40:30</t>
  </si>
  <si>
    <t>12/28/2019 04:43:04</t>
  </si>
  <si>
    <t>12/28/2019 04:39:47</t>
  </si>
  <si>
    <t>12/28/2019 04:45:04</t>
  </si>
  <si>
    <t>12/28/2019 04:41:42</t>
  </si>
  <si>
    <t>12/28/2019 04:44:26</t>
  </si>
  <si>
    <t>12/28/2019 04:49:04</t>
  </si>
  <si>
    <t>12/28/2019 04:47:15</t>
  </si>
  <si>
    <t>12/28/2019 04:50:05</t>
  </si>
  <si>
    <t>12/28/2019 04:48:27</t>
  </si>
  <si>
    <t>12/28/2019 04:52:05</t>
  </si>
  <si>
    <t>12/28/2019 04:48:05</t>
  </si>
  <si>
    <t>55dd351e-7b75-4ae6-8d25-102343b95f54.tmp</t>
  </si>
  <si>
    <t>\\acsfs\profiles$\Adrieledgc\Downloads\55dd351e-7b75-4ae6-8d25-102343b95f54.tmp</t>
  </si>
  <si>
    <t>12/28/2019 04:51:12</t>
  </si>
  <si>
    <t>12/28/2019 04:53:05</t>
  </si>
  <si>
    <t>12/28/2019 04:54:06</t>
  </si>
  <si>
    <t>12/28/2019 04:55:05</t>
  </si>
  <si>
    <t>12/28/2019 04:50:01</t>
  </si>
  <si>
    <t>12/28/2019 04:57:02</t>
  </si>
  <si>
    <t>12/28/2019 05:00:05</t>
  </si>
  <si>
    <t>12/28/2019 05:16:18</t>
  </si>
  <si>
    <t>12/28/2019 05:20:05</t>
  </si>
  <si>
    <t>12/28/2019 05:26:53</t>
  </si>
  <si>
    <t>12/28/2019 05:30:05</t>
  </si>
  <si>
    <t>12/28/2019 05:28:40</t>
  </si>
  <si>
    <t>12/28/2019 05:31:05</t>
  </si>
  <si>
    <t>12/28/2019 05:34:09</t>
  </si>
  <si>
    <t>12/28/2019 05:38:05</t>
  </si>
  <si>
    <t>12/28/2019 05:36:49</t>
  </si>
  <si>
    <t>12/28/2019 05:39:06</t>
  </si>
  <si>
    <t>12/28/2019 05:45:53</t>
  </si>
  <si>
    <t>12/28/2019 05:46:05</t>
  </si>
  <si>
    <t>12/28/2019 05:46:48</t>
  </si>
  <si>
    <t>12/28/2019 05:48:06</t>
  </si>
  <si>
    <t>12/28/2019 05:44:00</t>
  </si>
  <si>
    <t>12/28/2019 05:49:06</t>
  </si>
  <si>
    <t>12/28/2019 05:58:24</t>
  </si>
  <si>
    <t>12/28/2019 06:02:05</t>
  </si>
  <si>
    <t>andressagr</t>
  </si>
  <si>
    <t>\\acsfs\profiles$\andressagr\Downloads\</t>
  </si>
  <si>
    <t>2bc5b381-c4ef-4f18-9685-87a4310d9e19.tmp</t>
  </si>
  <si>
    <t>\\acsfs\profiles$\andressagr\Downloads\2bc5b381-c4ef-4f18-9685-87a4310d9e19.tmp</t>
  </si>
  <si>
    <t>12/28/2019 05:59:46</t>
  </si>
  <si>
    <t>784fb856-dc20-4a36-ab94-3b97b7475bbd.tmp</t>
  </si>
  <si>
    <t>\\acsfs\profiles$\andressagr\Downloads\784fb856-dc20-4a36-ab94-3b97b7475bbd.tmp</t>
  </si>
  <si>
    <t>12/28/2019 06:00:26</t>
  </si>
  <si>
    <t>12/28/2019 06:05:06</t>
  </si>
  <si>
    <t>19104287-a758-4a0b-94d4-629123cc2933.tmp</t>
  </si>
  <si>
    <t>\\acsfs\profiles$\lucasqdss\Downloads\19104287-a758-4a0b-94d4-629123cc2933.tmp</t>
  </si>
  <si>
    <t>12/28/2019 06:02:00</t>
  </si>
  <si>
    <t>9c13b63e-d332-493f-8c5a-590aa2e99e50.tmp</t>
  </si>
  <si>
    <t>\\acsfs\profiles$\lucasqdss\Downloads\9c13b63e-d332-493f-8c5a-590aa2e99e50.tmp</t>
  </si>
  <si>
    <t>12/28/2019 06:07:10</t>
  </si>
  <si>
    <t>12/28/2019 06:11:05</t>
  </si>
  <si>
    <t>12/28/2019 06:18:47</t>
  </si>
  <si>
    <t>12/28/2019 06:20:07</t>
  </si>
  <si>
    <t>12/28/2019 06:20:13</t>
  </si>
  <si>
    <t>12/28/2019 06:25:06</t>
  </si>
  <si>
    <t>12/28/2019 06:23:48</t>
  </si>
  <si>
    <t>12/28/2019 06:28:07</t>
  </si>
  <si>
    <t>12/28/2019 06:24:46</t>
  </si>
  <si>
    <t>12/28/2019 06:29:06</t>
  </si>
  <si>
    <t>12/28/2019 06:38:36</t>
  </si>
  <si>
    <t>12/28/2019 06:40:05</t>
  </si>
  <si>
    <t>12/28/2019 06:51:37</t>
  </si>
  <si>
    <t>12/28/2019 06:56:05</t>
  </si>
  <si>
    <t>6117a133-c98a-4e82-b683-ed3fa3085e33.tmp</t>
  </si>
  <si>
    <t>\\acsfs\profiles$\BRUNAAR\Downloads\6117a133-c98a-4e82-b683-ed3fa3085e33.tmp</t>
  </si>
  <si>
    <t>12/28/2019 06:51:41</t>
  </si>
  <si>
    <t>f107eb06-5ab3-4734-bfeb-c8eb3e469491.tmp</t>
  </si>
  <si>
    <t>\\acsfs\profiles$\BRUNAAR\Downloads\f107eb06-5ab3-4734-bfeb-c8eb3e469491.tmp</t>
  </si>
  <si>
    <t>12/28/2019 06:52:23</t>
  </si>
  <si>
    <t>12/28/2019 06:54:24</t>
  </si>
  <si>
    <t>12/28/2019 06:55:38</t>
  </si>
  <si>
    <t>12/28/2019 06:58:05</t>
  </si>
  <si>
    <t>12/28/2019 06:57:39</t>
  </si>
  <si>
    <t>12/28/2019 07:00:05</t>
  </si>
  <si>
    <t>12/28/2019 07:02:15</t>
  </si>
  <si>
    <t>12/28/2019 07:06:05</t>
  </si>
  <si>
    <t>12/28/2019 07:05:15</t>
  </si>
  <si>
    <t>12/28/2019 07:03:02</t>
  </si>
  <si>
    <t>12/28/2019 07:07:04</t>
  </si>
  <si>
    <t>12/28/2019 07:08:09</t>
  </si>
  <si>
    <t>12/28/2019 07:10:05</t>
  </si>
  <si>
    <t>12/28/2019 07:08:12</t>
  </si>
  <si>
    <t>12/28/2019 07:11:04</t>
  </si>
  <si>
    <t>10.200.66.80</t>
  </si>
  <si>
    <t>D0-94-66-B5-48-0A</t>
  </si>
  <si>
    <t>VOTORANT-ZB013</t>
  </si>
  <si>
    <t>\\acsfs\profiles$\claudiajca\My Documents\My Pictures\</t>
  </si>
  <si>
    <t>\\acsfs\profiles$\claudiajca\My Documents\My Videos\desktop.ini</t>
  </si>
  <si>
    <t>12/28/2019 07:08:15</t>
  </si>
  <si>
    <t>\\acsfs\profiles$\claudiajca\My Documents\My Videos\</t>
  </si>
  <si>
    <t>12/28/2019 07:08:16</t>
  </si>
  <si>
    <t>12/28/2019 07:08:23</t>
  </si>
  <si>
    <t>12/28/2019 07:08:25</t>
  </si>
  <si>
    <t>12/28/2019 07:08:27</t>
  </si>
  <si>
    <t>\\acsfs\profiles$\claudiajca\My Documents\My Music\</t>
  </si>
  <si>
    <t>\\acsfs\profiles$\claudiajca\My Documents\My Pictures\desktop.ini</t>
  </si>
  <si>
    <t>12/28/2019 07:08:28</t>
  </si>
  <si>
    <t>12/28/2019 07:08:31</t>
  </si>
  <si>
    <t>12/28/2019 07:08:42</t>
  </si>
  <si>
    <t>12/28/2019 07:08:43</t>
  </si>
  <si>
    <t>12/28/2019 07:08:44</t>
  </si>
  <si>
    <t>\\acsfs\profiles$\claudiajca\Contacts\</t>
  </si>
  <si>
    <t>\\acsfs\profiles$\claudiajca\Contacts\desktop.ini</t>
  </si>
  <si>
    <t>12/28/2019 07:08:46</t>
  </si>
  <si>
    <t>12/28/2019 07:08:47</t>
  </si>
  <si>
    <t>12/28/2019 07:08:49</t>
  </si>
  <si>
    <t>12/28/2019 07:08:50</t>
  </si>
  <si>
    <t>12/28/2019 07:09:10</t>
  </si>
  <si>
    <t>12/28/2019 07:09:12</t>
  </si>
  <si>
    <t>\\acsfs\profiles$\claudiajca\My Documents\</t>
  </si>
  <si>
    <t>\\acsfs\profiles$\claudiajca\Favorites\desktop.ini</t>
  </si>
  <si>
    <t>12/28/2019 07:09:15</t>
  </si>
  <si>
    <t>12/28/2019 07:09:16</t>
  </si>
  <si>
    <t>12/28/2019 07:09:19</t>
  </si>
  <si>
    <t>12/28/2019 07:09:24</t>
  </si>
  <si>
    <t>12/28/2019 07:09:25</t>
  </si>
  <si>
    <t>12/28/2019 07:09:30</t>
  </si>
  <si>
    <t>12/28/2019 07:09:31</t>
  </si>
  <si>
    <t>\\acsfs\profiles$\claudiajca\My Documents\My Music\desktop.ini</t>
  </si>
  <si>
    <t>12/28/2019 07:09:33</t>
  </si>
  <si>
    <t>12/28/2019 07:09:34</t>
  </si>
  <si>
    <t>12/28/2019 07:09:36</t>
  </si>
  <si>
    <t>12/28/2019 07:09:39</t>
  </si>
  <si>
    <t>12/28/2019 07:09:41</t>
  </si>
  <si>
    <t>\\acsfs\profiles$\claudiajca\Searches\</t>
  </si>
  <si>
    <t>\\acsfs\profiles$\claudiajca\Searches\desktop.ini</t>
  </si>
  <si>
    <t>12/28/2019 07:09:42</t>
  </si>
  <si>
    <t>12/28/2019 07:09:43</t>
  </si>
  <si>
    <t>12/28/2019 07:09:44</t>
  </si>
  <si>
    <t>12/28/2019 07:09:45</t>
  </si>
  <si>
    <t>12/28/2019 07:09:47</t>
  </si>
  <si>
    <t>\\acsfs\profiles$\claudiajca\Downloads\desktop.ini</t>
  </si>
  <si>
    <t>12/28/2019 07:09:49</t>
  </si>
  <si>
    <t>\\acsfs\profiles$\claudiajca\Favorites\</t>
  </si>
  <si>
    <t>\\acsfs\profiles$\claudiajca\My Documents\desktop.ini</t>
  </si>
  <si>
    <t>12/28/2019 07:09:50</t>
  </si>
  <si>
    <t>12/28/2019 07:09:51</t>
  </si>
  <si>
    <t>12/28/2019 07:09:53</t>
  </si>
  <si>
    <t>12/28/2019 07:09:54</t>
  </si>
  <si>
    <t>12/28/2019 07:09:56</t>
  </si>
  <si>
    <t>\\acsfs\profiles$\claudiajca\Saved Games\desktop.ini</t>
  </si>
  <si>
    <t>12/28/2019 07:09:57</t>
  </si>
  <si>
    <t>12/28/2019 07:09:46</t>
  </si>
  <si>
    <t>12/28/2019 07:13:04</t>
  </si>
  <si>
    <t>12/28/2019 07:07:42</t>
  </si>
  <si>
    <t>12/28/2019 07:10:59</t>
  </si>
  <si>
    <t>12/28/2019 07:16:05</t>
  </si>
  <si>
    <t>winrt--{S-1-5-21-602162358-764733703-839522115-332504}-.searchconnector-ms</t>
  </si>
  <si>
    <t>\\acsfs\profiles$\claudiajca\Searches\winrt--{S-1-5-21-602162358-764733703-839522115-332504}-.searchconnector-ms</t>
  </si>
  <si>
    <t>12/28/2019 07:14:01</t>
  </si>
  <si>
    <t>12/28/2019 07:13:33</t>
  </si>
  <si>
    <t>5fc814e3-33d3-49b6-aa06-4c136c9cbbac.tmp</t>
  </si>
  <si>
    <t>\\acsfs\profiles$\claudiajca\Downloads\5fc814e3-33d3-49b6-aa06-4c136c9cbbac.tmp</t>
  </si>
  <si>
    <t>12/28/2019 07:15:08</t>
  </si>
  <si>
    <t>9cf4a7bd-7ae6-468e-9950-1f0bec70fbb8.tmp</t>
  </si>
  <si>
    <t>\\acsfs\profiles$\claudiajca\Downloads\9cf4a7bd-7ae6-468e-9950-1f0bec70fbb8.tmp</t>
  </si>
  <si>
    <t>12/28/2019 07:15:05</t>
  </si>
  <si>
    <t>12/28/2019 07:18:05</t>
  </si>
  <si>
    <t>12/28/2019 07:16:31</t>
  </si>
  <si>
    <t>12/28/2019 07:21:04</t>
  </si>
  <si>
    <t>12/28/2019 07:17:52</t>
  </si>
  <si>
    <t>12/28/2019 07:22:05</t>
  </si>
  <si>
    <t>12/28/2019 07:23:34</t>
  </si>
  <si>
    <t>12/28/2019 07:26:05</t>
  </si>
  <si>
    <t>12/28/2019 07:23:35</t>
  </si>
  <si>
    <t>lu295122vok3p.tmp</t>
  </si>
  <si>
    <t>\\acsfs\profiles$\BRUNAAR\Numero\lu295122vok3p.tmp</t>
  </si>
  <si>
    <t>12/28/2019 07:28:16</t>
  </si>
  <si>
    <t>12/28/2019 07:31:05</t>
  </si>
  <si>
    <t>12/28/2019 07:30:01</t>
  </si>
  <si>
    <t>12/28/2019 07:33:05</t>
  </si>
  <si>
    <t>1fa75ff8-9d4d-4166-91e5-481adae44797.tmp</t>
  </si>
  <si>
    <t>\\acsfs\profiles$\danielac\Downloads\1fa75ff8-9d4d-4166-91e5-481adae44797.tmp</t>
  </si>
  <si>
    <t>12/28/2019 07:33:24</t>
  </si>
  <si>
    <t>12/28/2019 07:36:05</t>
  </si>
  <si>
    <t>12/28/2019 07:34:13</t>
  </si>
  <si>
    <t>12/28/2019 07:37:05</t>
  </si>
  <si>
    <t>104b4411-6a1c-4521-868d-20ef76d3fd0b.tmp</t>
  </si>
  <si>
    <t>\\acsfs\profiles$\danielac\Downloads\104b4411-6a1c-4521-868d-20ef76d3fd0b.tmp</t>
  </si>
  <si>
    <t>12/28/2019 07:35:50</t>
  </si>
  <si>
    <t>12/28/2019 07:38:05</t>
  </si>
  <si>
    <t>2e37d12c-2f4c-4216-a8b4-970573c290d8.tmp</t>
  </si>
  <si>
    <t>\\acsfs\profiles$\danielac\Downloads\2e37d12c-2f4c-4216-a8b4-970573c290d8.tmp</t>
  </si>
  <si>
    <t>12/28/2019 07:36:04</t>
  </si>
  <si>
    <t>6aa2adf9-fd32-4c6e-ba8d-cd96e851fde4.tmp</t>
  </si>
  <si>
    <t>\\acsfs\profiles$\danielac\Downloads\6aa2adf9-fd32-4c6e-ba8d-cd96e851fde4.tmp</t>
  </si>
  <si>
    <t>12/28/2019 07:34:16</t>
  </si>
  <si>
    <t>12/28/2019 07:39:05</t>
  </si>
  <si>
    <t>12/28/2019 07:38:46</t>
  </si>
  <si>
    <t>12/28/2019 07:40:05</t>
  </si>
  <si>
    <t>12/28/2019 07:38:53</t>
  </si>
  <si>
    <t>12/28/2019 07:36:38</t>
  </si>
  <si>
    <t>12/28/2019 07:41:05</t>
  </si>
  <si>
    <t>12/28/2019 07:40:33</t>
  </si>
  <si>
    <t>12/28/2019 07:42:06</t>
  </si>
  <si>
    <t>12/28/2019 07:39:09</t>
  </si>
  <si>
    <t>12/28/2019 07:41:39</t>
  </si>
  <si>
    <t>12/28/2019 07:44:05</t>
  </si>
  <si>
    <t>12/28/2019 07:40:29</t>
  </si>
  <si>
    <t>12/28/2019 07:45:06</t>
  </si>
  <si>
    <t>12/28/2019 07:40:00</t>
  </si>
  <si>
    <t>12/28/2019 07:44:20</t>
  </si>
  <si>
    <t>12/28/2019 07:43:39</t>
  </si>
  <si>
    <t>12/28/2019 07:46:05</t>
  </si>
  <si>
    <t>.~lock.EVENTOS.odt#</t>
  </si>
  <si>
    <t>\\acsfs\profiles$\CLAUDIAJCA\.~lock.EVENTOS.odt#</t>
  </si>
  <si>
    <t>12/28/2019 07:43:10</t>
  </si>
  <si>
    <t>12/28/2019 07:45:54</t>
  </si>
  <si>
    <t>12/28/2019 07:47:05</t>
  </si>
  <si>
    <t>6fa5efc2-12a9-40fc-8811-aed6cd5ed279.tmp</t>
  </si>
  <si>
    <t>\\acsfs\profiles$\luanarda\Downloads\6fa5efc2-12a9-40fc-8811-aed6cd5ed279.tmp</t>
  </si>
  <si>
    <t>12/28/2019 07:46:14</t>
  </si>
  <si>
    <t>12/28/2019 07:48:05</t>
  </si>
  <si>
    <t>170bca76-d3e5-4949-b831-231fdfc872a2.tmp</t>
  </si>
  <si>
    <t>\\acsfs\profiles$\paulovadc\Downloads\170bca76-d3e5-4949-b831-231fdfc872a2.tmp</t>
  </si>
  <si>
    <t>12/28/2019 07:47:03</t>
  </si>
  <si>
    <t>12/28/2019 07:47:56</t>
  </si>
  <si>
    <t>3d4e11fd-9387-49fd-8394-fd479a8d4111.tmp</t>
  </si>
  <si>
    <t>\\acsfs\profiles$\paulovadc\Downloads\3d4e11fd-9387-49fd-8394-fd479a8d4111.tmp</t>
  </si>
  <si>
    <t>12/28/2019 07:47:53</t>
  </si>
  <si>
    <t>12/28/2019 07:52:06</t>
  </si>
  <si>
    <t>f781cc9f-be02-4140-9b1c-5d3ade2484bd.tmp</t>
  </si>
  <si>
    <t>\\acsfs\profiles$\luanarda\Downloads\f781cc9f-be02-4140-9b1c-5d3ade2484bd.tmp</t>
  </si>
  <si>
    <t>12/28/2019 07:48:46</t>
  </si>
  <si>
    <t>12/28/2019 07:52:05</t>
  </si>
  <si>
    <t>12/28/2019 07:56:05</t>
  </si>
  <si>
    <t>12/28/2019 07:52:35</t>
  </si>
  <si>
    <t>59cb3a1e-b124-4af9-a489-bc61fabad5a4.tmp</t>
  </si>
  <si>
    <t>\\acsfs\profiles$\mariliafplb\Downloads\59cb3a1e-b124-4af9-a489-bc61fabad5a4.tmp</t>
  </si>
  <si>
    <t>12/28/2019 07:53:55</t>
  </si>
  <si>
    <t>e65fb973-15c0-4380-b9d8-1584a0d3877f.tmp</t>
  </si>
  <si>
    <t>\\acsfs\profiles$\mariliafplb\Downloads\e65fb973-15c0-4380-b9d8-1584a0d3877f.tmp</t>
  </si>
  <si>
    <t>12/28/2019 07:54:32</t>
  </si>
  <si>
    <t>12/28/2019 07:52:24</t>
  </si>
  <si>
    <t>12/28/2019 07:57:06</t>
  </si>
  <si>
    <t>12/28/2019 07:56:52</t>
  </si>
  <si>
    <t>12/28/2019 08:00:05</t>
  </si>
  <si>
    <t>12/28/2019 08:00:23</t>
  </si>
  <si>
    <t>12/28/2019 08:01:05</t>
  </si>
  <si>
    <t>e5fdaaf2-3576-4266-8724-6edf557cd14e.tmp</t>
  </si>
  <si>
    <t>\\acsfs\profiles$\dhiulliananads\Downloads\e5fdaaf2-3576-4266-8724-6edf557cd14e.tmp</t>
  </si>
  <si>
    <t>12/28/2019 07:56:30</t>
  </si>
  <si>
    <t>12/28/2019 08:02:06</t>
  </si>
  <si>
    <t>a275bb24-0422-429b-b72e-66b293b9cd77.tmp</t>
  </si>
  <si>
    <t>\\acsfs\profiles$\andressagr\Downloads\a275bb24-0422-429b-b72e-66b293b9cd77.tmp</t>
  </si>
  <si>
    <t>12/28/2019 07:56:41</t>
  </si>
  <si>
    <t>dc57290d-c5ce-405d-807c-d957ef190df0.tmp</t>
  </si>
  <si>
    <t>\\acsfs\profiles$\marcellewdl\Downloads\dc57290d-c5ce-405d-807c-d957ef190df0.tmp</t>
  </si>
  <si>
    <t>12/28/2019 07:57:05</t>
  </si>
  <si>
    <t>12/28/2019 07:58:49</t>
  </si>
  <si>
    <t>4c560975-4b8f-411f-a5bb-6b0048a869fe.tmp</t>
  </si>
  <si>
    <t>\\acsfs\profiles$\marcellewdl\Downloads\4c560975-4b8f-411f-a5bb-6b0048a869fe.tmp</t>
  </si>
  <si>
    <t>12/28/2019 07:58:13</t>
  </si>
  <si>
    <t>12/28/2019 08:02:11</t>
  </si>
  <si>
    <t>12/28/2019 08:03:05</t>
  </si>
  <si>
    <t>12/28/2019 07:59:58</t>
  </si>
  <si>
    <t>12/28/2019 08:00:35</t>
  </si>
  <si>
    <t>12/28/2019 08:02:29</t>
  </si>
  <si>
    <t>12/28/2019 08:05:05</t>
  </si>
  <si>
    <t>karla.txt</t>
  </si>
  <si>
    <t>\\acsfs\profiles$\KARLABDS\My Documents\karla.txt</t>
  </si>
  <si>
    <t>12/28/2019 08:03:43</t>
  </si>
  <si>
    <t>12/28/2019 08:06:05</t>
  </si>
  <si>
    <t>12/28/2019 08:00:55</t>
  </si>
  <si>
    <t>lu295122vok3t.tmp</t>
  </si>
  <si>
    <t>\\acsfs\profiles$\BRUNAAR\Numero\lu295122vok3t.tmp</t>
  </si>
  <si>
    <t>12/28/2019 08:01:10</t>
  </si>
  <si>
    <t>lu295122vok3w.tmp</t>
  </si>
  <si>
    <t>\\acsfs\profiles$\BRUNAAR\Numero\lu295122vok3w.tmp</t>
  </si>
  <si>
    <t>12/28/2019 08:00:58</t>
  </si>
  <si>
    <t>477068c9-e47f-414a-8d52-09067fb230fa.tmp</t>
  </si>
  <si>
    <t>\\acsfs\profiles$\dhiulliananads\Downloads\477068c9-e47f-414a-8d52-09067fb230fa.tmp</t>
  </si>
  <si>
    <t>12/28/2019 08:05:57</t>
  </si>
  <si>
    <t>12/28/2019 08:08:05</t>
  </si>
  <si>
    <t>12/28/2019 08:06:10</t>
  </si>
  <si>
    <t>12/28/2019 08:06:11</t>
  </si>
  <si>
    <t>12/28/2019 08:09:05</t>
  </si>
  <si>
    <t>0fc9f07a-63bf-43c1-9ab4-b1721006ae12.tmp</t>
  </si>
  <si>
    <t>\\acsfs\profiles$\henriquehmdo\Downloads\0fc9f07a-63bf-43c1-9ab4-b1721006ae12.tmp</t>
  </si>
  <si>
    <t>12/28/2019 08:08:03</t>
  </si>
  <si>
    <t>d18cf2bc-fc86-4749-a54d-8d3769b2c76b.tmp</t>
  </si>
  <si>
    <t>\\acsfs\profiles$\henriquehmdo\Downloads\d18cf2bc-fc86-4749-a54d-8d3769b2c76b.tmp</t>
  </si>
  <si>
    <t>12/28/2019 08:10:05</t>
  </si>
  <si>
    <t>12/28/2019 08:06:01</t>
  </si>
  <si>
    <t>12/28/2019 08:07:23</t>
  </si>
  <si>
    <t>12/28/2019 08:07:29</t>
  </si>
  <si>
    <t>12/28/2019 08:07:33</t>
  </si>
  <si>
    <t>12/28/2019 08:07:47</t>
  </si>
  <si>
    <t>12/28/2019 08:07:53</t>
  </si>
  <si>
    <t>12/28/2019 08:08:11</t>
  </si>
  <si>
    <t>12/28/2019 08:08:14</t>
  </si>
  <si>
    <t>12/28/2019 08:09:18</t>
  </si>
  <si>
    <t>12/28/2019 08:07:31</t>
  </si>
  <si>
    <t>12/28/2019 08:11:05</t>
  </si>
  <si>
    <t>12/28/2019 08:12:43</t>
  </si>
  <si>
    <t>12/28/2019 08:15:06</t>
  </si>
  <si>
    <t>12/28/2019 08:10:38</t>
  </si>
  <si>
    <t>12/28/2019 08:13:38</t>
  </si>
  <si>
    <t>12/28/2019 08:13:45</t>
  </si>
  <si>
    <t>12/28/2019 08:14:23</t>
  </si>
  <si>
    <t>12/28/2019 08:14:36</t>
  </si>
  <si>
    <t>12/28/2019 08:12:01</t>
  </si>
  <si>
    <t>12/28/2019 08:16:05</t>
  </si>
  <si>
    <t>12/28/2019 08:11:53</t>
  </si>
  <si>
    <t>lu295122vok3z.tmp</t>
  </si>
  <si>
    <t>\\acsfs\profiles$\BRUNAAR\Numero\lu295122vok3z.tmp</t>
  </si>
  <si>
    <t>12/28/2019 08:10:54</t>
  </si>
  <si>
    <t>12/28/2019 08:12:38</t>
  </si>
  <si>
    <t>12/28/2019 08:17:05</t>
  </si>
  <si>
    <t>12/28/2019 08:15:41</t>
  </si>
  <si>
    <t>12/28/2019 08:18:05</t>
  </si>
  <si>
    <t>12/28/2019 08:16:58</t>
  </si>
  <si>
    <t>0f32b8f6-7c33-4353-9226-72b85d0016e7.tmp</t>
  </si>
  <si>
    <t>\\acsfs\profiles$\milenaas\Downloads\0f32b8f6-7c33-4353-9226-72b85d0016e7.tmp</t>
  </si>
  <si>
    <t>12/28/2019 08:17:37</t>
  </si>
  <si>
    <t>12/28/2019 08:19:05</t>
  </si>
  <si>
    <t>12/28/2019 08:15:19</t>
  </si>
  <si>
    <t>12/28/2019 08:20:05</t>
  </si>
  <si>
    <t>12/28/2019 08:15:24</t>
  </si>
  <si>
    <t>12/28/2019 08:16:20</t>
  </si>
  <si>
    <t>12/28/2019 08:16:45</t>
  </si>
  <si>
    <t>12/28/2019 08:18:14</t>
  </si>
  <si>
    <t>12/28/2019 08:21:06</t>
  </si>
  <si>
    <t>12/28/2019 08:18:13</t>
  </si>
  <si>
    <t>12/28/2019 08:23:06</t>
  </si>
  <si>
    <t>7b6cea77-6e3a-41c7-86e8-0553b7c9d736.tmp</t>
  </si>
  <si>
    <t>\\acsfs\profiles$\milenaas\Downloads\7b6cea77-6e3a-41c7-86e8-0553b7c9d736.tmp</t>
  </si>
  <si>
    <t>12/28/2019 08:18:36</t>
  </si>
  <si>
    <t>e795706a-7943-4689-a59d-3222ad56b7a8.tmp</t>
  </si>
  <si>
    <t>\\acsfs\profiles$\milenaas\Downloads\e795706a-7943-4689-a59d-3222ad56b7a8.tmp</t>
  </si>
  <si>
    <t>12/28/2019 08:23:23</t>
  </si>
  <si>
    <t>12/28/2019 08:25:06</t>
  </si>
  <si>
    <t>12/28/2019 08:25:39</t>
  </si>
  <si>
    <t>12/28/2019 08:26:05</t>
  </si>
  <si>
    <t>12/28/2019 08:25:40</t>
  </si>
  <si>
    <t>lu295122vok42.tmp</t>
  </si>
  <si>
    <t>\\acsfs\profiles$\BRUNAAR\Numero\lu295122vok42.tmp</t>
  </si>
  <si>
    <t>12/28/2019 08:26:56</t>
  </si>
  <si>
    <t>12/28/2019 08:30:05</t>
  </si>
  <si>
    <t>12/28/2019 08:30:11</t>
  </si>
  <si>
    <t>12/28/2019 08:32:06</t>
  </si>
  <si>
    <t>12/28/2019 08:30:34</t>
  </si>
  <si>
    <t>ab247509-11bf-444c-99c8-bfb3fe5e8627.tmp</t>
  </si>
  <si>
    <t>\\acsfs\profiles$\felipetds\Downloads\ab247509-11bf-444c-99c8-bfb3fe5e8627.tmp</t>
  </si>
  <si>
    <t>12/28/2019 08:28:16</t>
  </si>
  <si>
    <t>\\acsfs\profiles$\eduardofss\Contacts\</t>
  </si>
  <si>
    <t>Eduardo Freitas Simoes (9).contact</t>
  </si>
  <si>
    <t>\\acsfs\profiles$\eduardofss\Contacts\Eduardo Freitas Simoes (9).contact</t>
  </si>
  <si>
    <t>12/28/2019 08:28:17</t>
  </si>
  <si>
    <t>12/28/2019 08:28:28</t>
  </si>
  <si>
    <t>\\acsfs\profiles$\eduardofss\My Documents\My Videos\</t>
  </si>
  <si>
    <t>\\acsfs\profiles$\eduardofss\My Documents\My Videos\desktop.ini</t>
  </si>
  <si>
    <t>\\acsfs\profiles$\eduardofss\My Documents\My Pictures\</t>
  </si>
  <si>
    <t>\\acsfs\profiles$\eduardofss\My Documents\My Pictures\desktop.ini</t>
  </si>
  <si>
    <t>12/28/2019 08:28:29</t>
  </si>
  <si>
    <t>\\acsfs\profiles$\eduardofss\Contacts\desktop.ini</t>
  </si>
  <si>
    <t>12/28/2019 08:28:30</t>
  </si>
  <si>
    <t>\\acsfs\profiles$\eduardofss\Favorites\</t>
  </si>
  <si>
    <t>\\acsfs\profiles$\eduardofss\Favorites\desktop.ini</t>
  </si>
  <si>
    <t>12/28/2019 08:28:31</t>
  </si>
  <si>
    <t>\\acsfs\profiles$\eduardofss\My Documents\My Music\</t>
  </si>
  <si>
    <t>\\acsfs\profiles$\eduardofss\My Documents\My Music\desktop.ini</t>
  </si>
  <si>
    <t>12/28/2019 08:28:32</t>
  </si>
  <si>
    <t>12/28/2019 08:28:33</t>
  </si>
  <si>
    <t>\\acsfs\profiles$\eduardofss\Searches\</t>
  </si>
  <si>
    <t>\\acsfs\profiles$\eduardofss\Searches\desktop.ini</t>
  </si>
  <si>
    <t>12/28/2019 08:28:34</t>
  </si>
  <si>
    <t>\\acsfs\profiles$\eduardofss\Downloads\desktop.ini</t>
  </si>
  <si>
    <t>12/28/2019 08:28:35</t>
  </si>
  <si>
    <t>\\acsfs\profiles$\eduardofss\My Documents\</t>
  </si>
  <si>
    <t>\\acsfs\profiles$\eduardofss\My Documents\desktop.ini</t>
  </si>
  <si>
    <t>12/28/2019 08:28:36</t>
  </si>
  <si>
    <t>\\acsfs\profiles$\eduardofss\Saved Games\</t>
  </si>
  <si>
    <t>\\acsfs\profiles$\eduardofss\Saved Games\desktop.ini</t>
  </si>
  <si>
    <t>12/28/2019 08:28:37</t>
  </si>
  <si>
    <t>12/28/2019 08:28:47</t>
  </si>
  <si>
    <t>\\acsfs\profiles$\EDUARDOFSS\Favorites\Links for Brasil\</t>
  </si>
  <si>
    <t>\\acsfs\profiles$\EDUARDOFSS\Favorites\Links for Brasil\desktop.ini</t>
  </si>
  <si>
    <t>\\acsfs\profiles$\EDUARDOFSS\Favorites\Links for Brasil\Microsoft Brasil.url</t>
  </si>
  <si>
    <t>\\acsfs\profiles$\EDUARDOFSS\Favorites\Links for Brasil\Windows Brasil.url</t>
  </si>
  <si>
    <t>12/28/2019 08:28:48</t>
  </si>
  <si>
    <t>\\acsfs\profiles$\EDUARDOFSS\Favorites\Links for Brasil\MSN Brasil.url</t>
  </si>
  <si>
    <t>12/28/2019 08:30:40</t>
  </si>
  <si>
    <t>64b48d1b-af63-4221-a5d8-97eba69ebc67.tmp</t>
  </si>
  <si>
    <t>\\acsfs\profiles$\eduardofss\Downloads\64b48d1b-af63-4221-a5d8-97eba69ebc67.tmp</t>
  </si>
  <si>
    <t>12/28/2019 08:34:10</t>
  </si>
  <si>
    <t>12/28/2019 08:35:05</t>
  </si>
  <si>
    <t>12/28/2019 08:32:14</t>
  </si>
  <si>
    <t>5076cf90-7a2d-4ab1-98e7-3a5a6d831665.tmp</t>
  </si>
  <si>
    <t>\\acsfs\profiles$\nataliacsl\Downloads\5076cf90-7a2d-4ab1-98e7-3a5a6d831665.tmp</t>
  </si>
  <si>
    <t>12/28/2019 08:33:50</t>
  </si>
  <si>
    <t>f90bf148-ca1f-4b2b-8764-fcde56d4877e.tmp</t>
  </si>
  <si>
    <t>\\acsfs\profiles$\nataliacsl\Downloads\f90bf148-ca1f-4b2b-8764-fcde56d4877e.tmp</t>
  </si>
  <si>
    <t>12/28/2019 08:31:14</t>
  </si>
  <si>
    <t>12/28/2019 08:31:46</t>
  </si>
  <si>
    <t>\\acsfs\profiles$\isabellegtds\My Documents\My Pictures\</t>
  </si>
  <si>
    <t>\\acsfs\profiles$\isabellegtds\My Documents\My Videos\desktop.ini</t>
  </si>
  <si>
    <t>12/28/2019 08:31:51</t>
  </si>
  <si>
    <t>\\acsfs\profiles$\isabellegtds\My Documents\My Videos\</t>
  </si>
  <si>
    <t>12/28/2019 08:31:52</t>
  </si>
  <si>
    <t>12/28/2019 08:31:53</t>
  </si>
  <si>
    <t>12/28/2019 08:32:00</t>
  </si>
  <si>
    <t>12/28/2019 08:32:02</t>
  </si>
  <si>
    <t>\\acsfs\profiles$\isabellegtds\My Documents\My Music\</t>
  </si>
  <si>
    <t>\\acsfs\profiles$\isabellegtds\My Documents\My Pictures\desktop.ini</t>
  </si>
  <si>
    <t>12/28/2019 08:32:03</t>
  </si>
  <si>
    <t>12/28/2019 08:32:08</t>
  </si>
  <si>
    <t>12/28/2019 08:32:09</t>
  </si>
  <si>
    <t>12/28/2019 08:32:10</t>
  </si>
  <si>
    <t>\\acsfs\profiles$\isabellegtds\Contacts\</t>
  </si>
  <si>
    <t>\\acsfs\profiles$\isabellegtds\Contacts\desktop.ini</t>
  </si>
  <si>
    <t>12/28/2019 08:32:15</t>
  </si>
  <si>
    <t>12/28/2019 08:32:22</t>
  </si>
  <si>
    <t>12/28/2019 08:32:23</t>
  </si>
  <si>
    <t>12/28/2019 08:32:24</t>
  </si>
  <si>
    <t>12/28/2019 08:32:31</t>
  </si>
  <si>
    <t>12/28/2019 08:32:36</t>
  </si>
  <si>
    <t>\\acsfs\profiles$\isabellegtds\My Documents\</t>
  </si>
  <si>
    <t>\\acsfs\profiles$\isabellegtds\Favorites\desktop.ini</t>
  </si>
  <si>
    <t>12/28/2019 08:32:37</t>
  </si>
  <si>
    <t>12/28/2019 08:32:42</t>
  </si>
  <si>
    <t>12/28/2019 08:32:43</t>
  </si>
  <si>
    <t>12/28/2019 08:32:48</t>
  </si>
  <si>
    <t>12/28/2019 08:32:49</t>
  </si>
  <si>
    <t>12/28/2019 08:32:50</t>
  </si>
  <si>
    <t>12/28/2019 08:32:51</t>
  </si>
  <si>
    <t>\\acsfs\profiles$\isabellegtds\My Documents\My Music\desktop.ini</t>
  </si>
  <si>
    <t>12/28/2019 08:32:55</t>
  </si>
  <si>
    <t>12/28/2019 08:32:56</t>
  </si>
  <si>
    <t>12/28/2019 08:32:57</t>
  </si>
  <si>
    <t>12/28/2019 08:32:58</t>
  </si>
  <si>
    <t>\\acsfs\profiles$\isabellegtds\Searches\</t>
  </si>
  <si>
    <t>\\acsfs\profiles$\isabellegtds\Searches\desktop.ini</t>
  </si>
  <si>
    <t>12/28/2019 08:33:00</t>
  </si>
  <si>
    <t>12/28/2019 08:33:01</t>
  </si>
  <si>
    <t>12/28/2019 08:33:03</t>
  </si>
  <si>
    <t>12/28/2019 08:33:04</t>
  </si>
  <si>
    <t>12/28/2019 08:33:06</t>
  </si>
  <si>
    <t>\\acsfs\profiles$\isabellegtds\Downloads\desktop.ini</t>
  </si>
  <si>
    <t>12/28/2019 08:33:07</t>
  </si>
  <si>
    <t>12/28/2019 08:33:09</t>
  </si>
  <si>
    <t>\\acsfs\profiles$\isabellegtds\Favorites\</t>
  </si>
  <si>
    <t>\\acsfs\profiles$\isabellegtds\My Documents\desktop.ini</t>
  </si>
  <si>
    <t>12/28/2019 08:33:11</t>
  </si>
  <si>
    <t>12/28/2019 08:33:12</t>
  </si>
  <si>
    <t>12/28/2019 08:33:13</t>
  </si>
  <si>
    <t>12/28/2019 08:33:14</t>
  </si>
  <si>
    <t>12/28/2019 08:33:16</t>
  </si>
  <si>
    <t>\\acsfs\profiles$\isabellegtds\Saved Games\desktop.ini</t>
  </si>
  <si>
    <t>12/28/2019 08:33:17</t>
  </si>
  <si>
    <t>12/28/2019 08:33:49</t>
  </si>
  <si>
    <t>winrt--{S-1-5-21-602162358-764733703-839522115-350547}-.searchconnector-ms</t>
  </si>
  <si>
    <t>\\acsfs\profiles$\isabellegtds\Searches\winrt--{S-1-5-21-602162358-764733703-839522115-350547}-.searchconnector-ms</t>
  </si>
  <si>
    <t>12/28/2019 08:34:51</t>
  </si>
  <si>
    <t>12/28/2019 08:32:46</t>
  </si>
  <si>
    <t>12/28/2019 08:36:06</t>
  </si>
  <si>
    <t>12/28/2019 08:31:45</t>
  </si>
  <si>
    <t>12/28/2019 08:37:06</t>
  </si>
  <si>
    <t>87b350b1-d7b6-4db7-8c34-8aca58c0eafe.tmp</t>
  </si>
  <si>
    <t>\\acsfs\profiles$\felipetds\Downloads\87b350b1-d7b6-4db7-8c34-8aca58c0eafe.tmp</t>
  </si>
  <si>
    <t>12/28/2019 08:34:25</t>
  </si>
  <si>
    <t>2f429d1b-f15a-450b-8083-2d3f46193bec.tmp</t>
  </si>
  <si>
    <t>\\acsfs\profiles$\eduardofss\Downloads\2f429d1b-f15a-450b-8083-2d3f46193bec.tmp</t>
  </si>
  <si>
    <t>12/28/2019 08:38:06</t>
  </si>
  <si>
    <t>10.200.67.103</t>
  </si>
  <si>
    <t>D0-94-66-B5-5E-06</t>
  </si>
  <si>
    <t>VOTORANT-AFB014</t>
  </si>
  <si>
    <t>12/28/2019 08:33:10</t>
  </si>
  <si>
    <t>ddde84cb-b68a-42c5-ade0-1ea9536cb3fa.tmp</t>
  </si>
  <si>
    <t>\\acsfs\profiles$\geovanaasa\Downloads\ddde84cb-b68a-42c5-ade0-1ea9536cb3fa.tmp</t>
  </si>
  <si>
    <t>12/28/2019 08:34:38</t>
  </si>
  <si>
    <t>a982e94a-358f-435f-a7d3-26dd9f8dc7de.tmp</t>
  </si>
  <si>
    <t>\\acsfs\profiles$\geovanaasa\Downloads\a982e94a-358f-435f-a7d3-26dd9f8dc7de.tmp</t>
  </si>
  <si>
    <t>12/28/2019 08:36:49</t>
  </si>
  <si>
    <t>12/28/2019 08:39:06</t>
  </si>
  <si>
    <t>12/28/2019 08:36:50</t>
  </si>
  <si>
    <t>12/28/2019 08:37:20</t>
  </si>
  <si>
    <t>12/28/2019 08:40:06</t>
  </si>
  <si>
    <t>be9432fa-d6b8-4228-a791-9b3a1d6148d7.tmp</t>
  </si>
  <si>
    <t>\\acsfs\profiles$\lucasqdss\Downloads\be9432fa-d6b8-4228-a791-9b3a1d6148d7.tmp</t>
  </si>
  <si>
    <t>12/28/2019 08:35:29</t>
  </si>
  <si>
    <t>4ce69aaf-8605-4d1e-b6ce-676fe6489cb5.tmp</t>
  </si>
  <si>
    <t>\\acsfs\profiles$\isabellegtds\Downloads\4ce69aaf-8605-4d1e-b6ce-676fe6489cb5.tmp</t>
  </si>
  <si>
    <t>12/28/2019 08:36:14</t>
  </si>
  <si>
    <t>c84b873e-c01b-4ed6-ab23-4ced9c3769ab.tmp</t>
  </si>
  <si>
    <t>\\acsfs\profiles$\isabellegtds\Downloads\c84b873e-c01b-4ed6-ab23-4ced9c3769ab.tmp</t>
  </si>
  <si>
    <t>12/28/2019 08:37:01</t>
  </si>
  <si>
    <t>385a422c-5680-417c-aa86-da6cf43b6bd2.tmp</t>
  </si>
  <si>
    <t>\\acsfs\profiles$\isabellegtds\Downloads\385a422c-5680-417c-aa86-da6cf43b6bd2.tmp</t>
  </si>
  <si>
    <t>12/28/2019 08:39:26</t>
  </si>
  <si>
    <t>12/28/2019 08:42:06</t>
  </si>
  <si>
    <t>12/28/2019 08:43:00</t>
  </si>
  <si>
    <t>12/28/2019 08:47:06</t>
  </si>
  <si>
    <t>12/28/2019 08:44:35</t>
  </si>
  <si>
    <t>12/28/2019 08:50:07</t>
  </si>
  <si>
    <t>12/28/2019 08:46:42</t>
  </si>
  <si>
    <t>12/28/2019 08:47:45</t>
  </si>
  <si>
    <t>12/28/2019 08:47:15</t>
  </si>
  <si>
    <t>12/28/2019 08:52:07</t>
  </si>
  <si>
    <t>c177f5ab-657e-4b96-ab83-ff4fab882a3e.tmp</t>
  </si>
  <si>
    <t>\\acsfs\profiles$\felipetds\Downloads\c177f5ab-657e-4b96-ab83-ff4fab882a3e.tmp</t>
  </si>
  <si>
    <t>12/28/2019 08:51:45</t>
  </si>
  <si>
    <t>12/28/2019 08:55:07</t>
  </si>
  <si>
    <t>12/28/2019 08:57:12</t>
  </si>
  <si>
    <t>12/28/2019 08:58:07</t>
  </si>
  <si>
    <t>77cfb53a-9587-4827-9886-5364ef185f58.tmp</t>
  </si>
  <si>
    <t>\\acsfs\profiles$\paulovadc\Downloads\77cfb53a-9587-4827-9886-5364ef185f58.tmp</t>
  </si>
  <si>
    <t>12/28/2019 08:56:12</t>
  </si>
  <si>
    <t>12/28/2019 09:01:06</t>
  </si>
  <si>
    <t>12/28/2019 08:57:41</t>
  </si>
  <si>
    <t>12/28/2019 09:02:06</t>
  </si>
  <si>
    <t>12/28/2019 09:02:31</t>
  </si>
  <si>
    <t>12/28/2019 09:05:06</t>
  </si>
  <si>
    <t>12/28/2019 09:02:02</t>
  </si>
  <si>
    <t>12/28/2019 09:07:06</t>
  </si>
  <si>
    <t>12/28/2019 09:06:46</t>
  </si>
  <si>
    <t>12/28/2019 09:09:05</t>
  </si>
  <si>
    <t>933a7576-52ee-44b3-986a-05f1e74bdc43.tmp</t>
  </si>
  <si>
    <t>\\acsfs\profiles$\LAISLG\Downloads\933a7576-52ee-44b3-986a-05f1e74bdc43.tmp</t>
  </si>
  <si>
    <t>12/28/2019 09:06:59</t>
  </si>
  <si>
    <t>12/28/2019 09:07:58</t>
  </si>
  <si>
    <t>a66a1f7d-55d2-48ea-9761-6940a13ddadc.tmp</t>
  </si>
  <si>
    <t>\\acsfs\profiles$\LAISLG\Downloads\a66a1f7d-55d2-48ea-9761-6940a13ddadc.tmp</t>
  </si>
  <si>
    <t>12/28/2019 09:09:18</t>
  </si>
  <si>
    <t>12/28/2019 09:10:06</t>
  </si>
  <si>
    <t>12/28/2019 09:10:08</t>
  </si>
  <si>
    <t>12/28/2019 09:11:05</t>
  </si>
  <si>
    <t>12/28/2019 09:05:58</t>
  </si>
  <si>
    <t>12/28/2019 09:06:30</t>
  </si>
  <si>
    <t>12/28/2019 09:07:59</t>
  </si>
  <si>
    <t>12/28/2019 09:12:06</t>
  </si>
  <si>
    <t>88d4e126-d59a-4088-a30f-1a84d97b142d.tmp</t>
  </si>
  <si>
    <t>\\acsfs\profiles$\marcellewdl\Downloads\88d4e126-d59a-4088-a30f-1a84d97b142d.tmp</t>
  </si>
  <si>
    <t>12/28/2019 09:07:41</t>
  </si>
  <si>
    <t>12/28/2019 09:13:05</t>
  </si>
  <si>
    <t>12/28/2019 09:10:37</t>
  </si>
  <si>
    <t>12/28/2019 09:15:26</t>
  </si>
  <si>
    <t>12/28/2019 09:16:05</t>
  </si>
  <si>
    <t>5c5958a0-460d-4a73-ab0e-74630146654a.tmp</t>
  </si>
  <si>
    <t>\\acsfs\profiles$\claudiajca\Downloads\5c5958a0-460d-4a73-ab0e-74630146654a.tmp</t>
  </si>
  <si>
    <t>12/28/2019 09:14:14</t>
  </si>
  <si>
    <t>lu295122vok45.tmp</t>
  </si>
  <si>
    <t>\\acsfs\profiles$\BRUNAAR\Numero\lu295122vok45.tmp</t>
  </si>
  <si>
    <t>12/28/2019 09:14:18</t>
  </si>
  <si>
    <t>lu295122vok48.tmp</t>
  </si>
  <si>
    <t>\\acsfs\profiles$\BRUNAAR\Numero\lu295122vok48.tmp</t>
  </si>
  <si>
    <t>12/28/2019 09:16:18</t>
  </si>
  <si>
    <t>12/28/2019 09:18:05</t>
  </si>
  <si>
    <t>4b3a3d38-4586-4264-a6fc-62df45a88766.tmp</t>
  </si>
  <si>
    <t>\\acsfs\profiles$\paulovadc\Downloads\4b3a3d38-4586-4264-a6fc-62df45a88766.tmp</t>
  </si>
  <si>
    <t>12/28/2019 09:14:24</t>
  </si>
  <si>
    <t>12/28/2019 09:19:05</t>
  </si>
  <si>
    <t>12/28/2019 09:18:16</t>
  </si>
  <si>
    <t>12/28/2019 09:18:25</t>
  </si>
  <si>
    <t>12/28/2019 09:20:05</t>
  </si>
  <si>
    <t>12/28/2019 09:18:35</t>
  </si>
  <si>
    <t>12/28/2019 09:22:05</t>
  </si>
  <si>
    <t>d0af03a8-c0cd-4853-8e62-27f62698d964.tmp</t>
  </si>
  <si>
    <t>\\acsfs\profiles$\felipetds\Downloads\d0af03a8-c0cd-4853-8e62-27f62698d964.tmp</t>
  </si>
  <si>
    <t>12/28/2019 09:20:20</t>
  </si>
  <si>
    <t>12/28/2019 09:23:06</t>
  </si>
  <si>
    <t>12/28/2019 09:20:01</t>
  </si>
  <si>
    <t>12/28/2019 09:24:05</t>
  </si>
  <si>
    <t>12/28/2019 09:23:41</t>
  </si>
  <si>
    <t>12/28/2019 09:26:06</t>
  </si>
  <si>
    <t>lu295122vok4b.tmp</t>
  </si>
  <si>
    <t>\\acsfs\profiles$\BRUNAAR\Numero\lu295122vok4b.tmp</t>
  </si>
  <si>
    <t>12/28/2019 09:24:06</t>
  </si>
  <si>
    <t>12/28/2019 09:24:07</t>
  </si>
  <si>
    <t>lu295122vok4e.tmp</t>
  </si>
  <si>
    <t>\\acsfs\profiles$\BRUNAAR\Numero\lu295122vok4e.tmp</t>
  </si>
  <si>
    <t>12/28/2019 09:24:09</t>
  </si>
  <si>
    <t>12/28/2019 09:23:26</t>
  </si>
  <si>
    <t>12/28/2019 09:27:05</t>
  </si>
  <si>
    <t>12/28/2019 09:24:33</t>
  </si>
  <si>
    <t>12/28/2019 09:28:06</t>
  </si>
  <si>
    <t>12/28/2019 09:25:15</t>
  </si>
  <si>
    <t>12/28/2019 09:26:33</t>
  </si>
  <si>
    <t>12/28/2019 09:30:06</t>
  </si>
  <si>
    <t>12/28/2019 09:29:11</t>
  </si>
  <si>
    <t>12/28/2019 09:25:48</t>
  </si>
  <si>
    <t>12/28/2019 09:31:06</t>
  </si>
  <si>
    <t>12/28/2019 09:26:41</t>
  </si>
  <si>
    <t>12/28/2019 09:28:51</t>
  </si>
  <si>
    <t>12/28/2019 09:32:06</t>
  </si>
  <si>
    <t>12/28/2019 09:30:57</t>
  </si>
  <si>
    <t>12/28/2019 09:35:06</t>
  </si>
  <si>
    <t>12/28/2019 09:30:59</t>
  </si>
  <si>
    <t>12/28/2019 09:31:01</t>
  </si>
  <si>
    <t>12/28/2019 09:42:59</t>
  </si>
  <si>
    <t>12/28/2019 09:46:06</t>
  </si>
  <si>
    <t>de93b172-25f2-41b6-83a1-bfebe9a55964.tmp</t>
  </si>
  <si>
    <t>\\acsfs\profiles$\claudiajca\Downloads\de93b172-25f2-41b6-83a1-bfebe9a55964.tmp</t>
  </si>
  <si>
    <t>12/28/2019 09:43:36</t>
  </si>
  <si>
    <t>12/28/2019 09:47:06</t>
  </si>
  <si>
    <t>12/28/2019 09:49:04</t>
  </si>
  <si>
    <t>12/28/2019 09:50:07</t>
  </si>
  <si>
    <t>12/28/2019 09:48:06</t>
  </si>
  <si>
    <t>12/28/2019 09:51:06</t>
  </si>
  <si>
    <t>12/28/2019 09:50:42</t>
  </si>
  <si>
    <t>12/28/2019 09:52:06</t>
  </si>
  <si>
    <t>30807169-6ab0-4e78-a83f-052496c97ab0.tmp</t>
  </si>
  <si>
    <t>\\acsfs\profiles$\matheushds\Downloads\30807169-6ab0-4e78-a83f-052496c97ab0.tmp</t>
  </si>
  <si>
    <t>12/28/2019 09:50:16</t>
  </si>
  <si>
    <t>12/28/2019 09:54:07</t>
  </si>
  <si>
    <t>12/28/2019 09:52:16</t>
  </si>
  <si>
    <t>12/28/2019 09:55:07</t>
  </si>
  <si>
    <t>12/28/2019 09:54:08</t>
  </si>
  <si>
    <t>12/28/2019 09:56:07</t>
  </si>
  <si>
    <t>12/28/2019 09:56:10</t>
  </si>
  <si>
    <t>12/28/2019 09:57:07</t>
  </si>
  <si>
    <t>12/28/2019 09:54:34</t>
  </si>
  <si>
    <t>e7928b49-445a-443a-ba5f-fa490aa6c239.tmp</t>
  </si>
  <si>
    <t>\\acsfs\profiles$\matheushds\Downloads\e7928b49-445a-443a-ba5f-fa490aa6c239.tmp</t>
  </si>
  <si>
    <t>12/28/2019 09:55:20</t>
  </si>
  <si>
    <t>8fe4aba1-5b6d-4e24-9d34-bd1094bfa247.tmp</t>
  </si>
  <si>
    <t>\\acsfs\profiles$\matheushds\Downloads\8fe4aba1-5b6d-4e24-9d34-bd1094bfa247.tmp</t>
  </si>
  <si>
    <t>12/28/2019 09:56:01</t>
  </si>
  <si>
    <t>d5adcd64-50dd-4155-b994-3ec7a387001e.tmp</t>
  </si>
  <si>
    <t>\\acsfs\profiles$\matheushds\Downloads\d5adcd64-50dd-4155-b994-3ec7a387001e.tmp</t>
  </si>
  <si>
    <t>12/28/2019 09:56:53</t>
  </si>
  <si>
    <t>12/28/2019 09:58:06</t>
  </si>
  <si>
    <t>12/28/2019 09:54:55</t>
  </si>
  <si>
    <t>12/28/2019 10:00:06</t>
  </si>
  <si>
    <t>12/28/2019 10:03:01</t>
  </si>
  <si>
    <t>12/28/2019 10:04:07</t>
  </si>
  <si>
    <t>12/28/2019 10:02:05</t>
  </si>
  <si>
    <t>12/28/2019 10:06:07</t>
  </si>
  <si>
    <t>12/28/2019 10:03:12</t>
  </si>
  <si>
    <t>lu1214816co8w.tmp</t>
  </si>
  <si>
    <t>\\acsfs\profiles$\dhiulliananads\My Documents\lu1214816co8w.tmp</t>
  </si>
  <si>
    <t>\\acsfs\profiles$\dhiulliananads\My Documents\lu1214816co8w.tmp\</t>
  </si>
  <si>
    <t>\\acsfs\profiles$\dhiulliananads\My Documents\lu1214816co8w.tmp\META-INF\</t>
  </si>
  <si>
    <t>\\acsfs\profiles$\dhiulliananads\My Documents\lu1214816co8w.tmp\Thumbnails\</t>
  </si>
  <si>
    <t>12/28/2019 10:05:34</t>
  </si>
  <si>
    <t>12/28/2019 10:08:08</t>
  </si>
  <si>
    <t>c9f557d5-fe7b-470b-9d80-227da2ae5ade.tmp</t>
  </si>
  <si>
    <t>\\acsfs\profiles$\danielac\Downloads\c9f557d5-fe7b-470b-9d80-227da2ae5ade.tmp</t>
  </si>
  <si>
    <t>12/28/2019 10:07:18</t>
  </si>
  <si>
    <t>12/28/2019 10:05:29</t>
  </si>
  <si>
    <t>12/28/2019 10:05:08</t>
  </si>
  <si>
    <t>12/28/2019 10:10:07</t>
  </si>
  <si>
    <t>12/28/2019 10:09:20</t>
  </si>
  <si>
    <t>12/28/2019 10:10:02</t>
  </si>
  <si>
    <t>12/28/2019 10:11:06</t>
  </si>
  <si>
    <t>12/28/2019 10:06:31</t>
  </si>
  <si>
    <t>12/28/2019 10:14:00</t>
  </si>
  <si>
    <t>12/28/2019 10:16:07</t>
  </si>
  <si>
    <t>c7f4a7c4-c50f-4994-af65-05c1b3902243.tmp</t>
  </si>
  <si>
    <t>\\acsfs\profiles$\dhiulliananads\Downloads\c7f4a7c4-c50f-4994-af65-05c1b3902243.tmp</t>
  </si>
  <si>
    <t>12/28/2019 10:14:45</t>
  </si>
  <si>
    <t>12/28/2019 10:18:07</t>
  </si>
  <si>
    <t>60658ed0-3ef9-4c88-81c0-3808742e1239.tmp</t>
  </si>
  <si>
    <t>\\acsfs\profiles$\geovanaasa\Downloads\60658ed0-3ef9-4c88-81c0-3808742e1239.tmp</t>
  </si>
  <si>
    <t>12/28/2019 10:15:48</t>
  </si>
  <si>
    <t>12/28/2019 10:19:08</t>
  </si>
  <si>
    <t>10.200.67.71</t>
  </si>
  <si>
    <t>D0-94-66-B5-7E-1E</t>
  </si>
  <si>
    <t>VOTORANT-YB015</t>
  </si>
  <si>
    <t>12/28/2019 10:14:56</t>
  </si>
  <si>
    <t>12/28/2019 10:20:07</t>
  </si>
  <si>
    <t>12/28/2019 10:20:32</t>
  </si>
  <si>
    <t>12/28/2019 10:21:07</t>
  </si>
  <si>
    <t>12/28/2019 10:22:42</t>
  </si>
  <si>
    <t>12/28/2019 10:28:07</t>
  </si>
  <si>
    <t>12/28/2019 10:26:55</t>
  </si>
  <si>
    <t>12/28/2019 10:29:07</t>
  </si>
  <si>
    <t>\\acsfs\profiles$\anapdsb\My Documents\My Pictures\</t>
  </si>
  <si>
    <t>\\acsfs\profiles$\ANAPDSB\My Documents\My Videos\desktop.ini</t>
  </si>
  <si>
    <t>12/28/2019 10:26:56</t>
  </si>
  <si>
    <t>\\acsfs\profiles$\ANAPDSB\My Documents\My Videos\</t>
  </si>
  <si>
    <t>12/28/2019 10:26:58</t>
  </si>
  <si>
    <t>12/28/2019 10:26:59</t>
  </si>
  <si>
    <t>12/28/2019 10:27:01</t>
  </si>
  <si>
    <t>\\acsfs\profiles$\anapdsb\My Documents\My Music\</t>
  </si>
  <si>
    <t>\\acsfs\profiles$\ANAPDSB\My Documents\My Pictures\desktop.ini</t>
  </si>
  <si>
    <t>12/28/2019 10:27:02</t>
  </si>
  <si>
    <t>\\acsfs\profiles$\anapdsb\My Documents\My Videos\</t>
  </si>
  <si>
    <t>12/28/2019 10:27:03</t>
  </si>
  <si>
    <t>12/28/2019 10:30:07</t>
  </si>
  <si>
    <t>12/28/2019 10:27:04</t>
  </si>
  <si>
    <t>12/28/2019 10:27:06</t>
  </si>
  <si>
    <t>\\acsfs\profiles$\ANAPDSB\Contacts\</t>
  </si>
  <si>
    <t>\\acsfs\profiles$\ANAPDSB\Contacts\desktop.ini</t>
  </si>
  <si>
    <t>12/28/2019 10:27:07</t>
  </si>
  <si>
    <t>12/28/2019 10:27:08</t>
  </si>
  <si>
    <t>12/28/2019 10:27:09</t>
  </si>
  <si>
    <t>12/28/2019 10:27:11</t>
  </si>
  <si>
    <t>\\acsfs\profiles$\anapdsb\My Documents\</t>
  </si>
  <si>
    <t>\\acsfs\profiles$\ANAPDSB\Favorites\desktop.ini</t>
  </si>
  <si>
    <t>12/28/2019 10:27:12</t>
  </si>
  <si>
    <t>12/28/2019 10:27:14</t>
  </si>
  <si>
    <t>12/28/2019 10:27:15</t>
  </si>
  <si>
    <t>12/28/2019 10:27:17</t>
  </si>
  <si>
    <t>12/28/2019 10:27:18</t>
  </si>
  <si>
    <t>12/28/2019 10:27:19</t>
  </si>
  <si>
    <t>\\acsfs\profiles$\ANAPDSB\My Documents\My Music\desktop.ini</t>
  </si>
  <si>
    <t>12/28/2019 10:27:20</t>
  </si>
  <si>
    <t>\\acsfs\profiles$\ANAPDSB\My Documents\My Music\</t>
  </si>
  <si>
    <t>12/28/2019 10:27:21</t>
  </si>
  <si>
    <t>12/28/2019 10:27:22</t>
  </si>
  <si>
    <t>12/28/2019 10:27:23</t>
  </si>
  <si>
    <t>\\acsfs\profiles$\ANAPDSB\Searches\</t>
  </si>
  <si>
    <t>\\acsfs\profiles$\ANAPDSB\Searches\desktop.ini</t>
  </si>
  <si>
    <t>12/28/2019 10:27:25</t>
  </si>
  <si>
    <t>12/28/2019 10:27:26</t>
  </si>
  <si>
    <t>12/28/2019 10:27:28</t>
  </si>
  <si>
    <t>12/28/2019 10:27:30</t>
  </si>
  <si>
    <t>\\acsfs\profiles$\ANAPDSB\Downloads\desktop.ini</t>
  </si>
  <si>
    <t>12/28/2019 10:27:31</t>
  </si>
  <si>
    <t>12/28/2019 10:27:33</t>
  </si>
  <si>
    <t>\\acsfs\profiles$\anapdsb\Favorites\</t>
  </si>
  <si>
    <t>\\acsfs\profiles$\ANAPDSB\My Documents\desktop.ini</t>
  </si>
  <si>
    <t>12/28/2019 10:27:35</t>
  </si>
  <si>
    <t>\\acsfs\profiles$\ANAPDSB\My Documents\</t>
  </si>
  <si>
    <t>12/28/2019 10:27:37</t>
  </si>
  <si>
    <t>12/28/2019 10:27:38</t>
  </si>
  <si>
    <t>12/28/2019 10:27:39</t>
  </si>
  <si>
    <t>12/28/2019 10:27:41</t>
  </si>
  <si>
    <t>12/28/2019 10:27:44</t>
  </si>
  <si>
    <t>\\acsfs\profiles$\anapdsb\Downloads\</t>
  </si>
  <si>
    <t>\\acsfs\profiles$\ANAPDSB\Saved Games\desktop.ini</t>
  </si>
  <si>
    <t>12/28/2019 10:27:45</t>
  </si>
  <si>
    <t>12/28/2019 10:27:48</t>
  </si>
  <si>
    <t>12/28/2019 10:30:23</t>
  </si>
  <si>
    <t>12/28/2019 10:31:08</t>
  </si>
  <si>
    <t>5a90c0a6-784a-424c-9d2b-254369c1c22b.tmp</t>
  </si>
  <si>
    <t>\\acsfs\profiles$\mariliafplb\Downloads\5a90c0a6-784a-424c-9d2b-254369c1c22b.tmp</t>
  </si>
  <si>
    <t>12/28/2019 10:27:36</t>
  </si>
  <si>
    <t>12/28/2019 10:32:07</t>
  </si>
  <si>
    <t>12/28/2019 10:30:09</t>
  </si>
  <si>
    <t>12/28/2019 10:32:11</t>
  </si>
  <si>
    <t>12/28/2019 10:33:08</t>
  </si>
  <si>
    <t>12/28/2019 10:29:33</t>
  </si>
  <si>
    <t>12/28/2019 10:35:07</t>
  </si>
  <si>
    <t>b35ed317-5bd9-45bd-95a6-1740fedd0d83.tmp</t>
  </si>
  <si>
    <t>\\acsfs\profiles$\ANAPDSB\Downloads\b35ed317-5bd9-45bd-95a6-1740fedd0d83.tmp</t>
  </si>
  <si>
    <t>12/28/2019 10:31:05</t>
  </si>
  <si>
    <t>d6bfae17-0ba5-4387-85e0-e114ba44485f.tmp</t>
  </si>
  <si>
    <t>\\acsfs\profiles$\ANAPDSB\Downloads\d6bfae17-0ba5-4387-85e0-e114ba44485f.tmp</t>
  </si>
  <si>
    <t>12/28/2019 10:34:30</t>
  </si>
  <si>
    <t>12/28/2019 10:33:34</t>
  </si>
  <si>
    <t>12/28/2019 10:33:35</t>
  </si>
  <si>
    <t>12/28/2019 10:33:49</t>
  </si>
  <si>
    <t>12/28/2019 10:33:54</t>
  </si>
  <si>
    <t>12/28/2019 10:33:58</t>
  </si>
  <si>
    <t>12/28/2019 10:34:18</t>
  </si>
  <si>
    <t>12/28/2019 10:34:21</t>
  </si>
  <si>
    <t>12/28/2019 10:34:24</t>
  </si>
  <si>
    <t>12/28/2019 10:35:51</t>
  </si>
  <si>
    <t>12/28/2019 10:36:07</t>
  </si>
  <si>
    <t>12/28/2019 10:37:55</t>
  </si>
  <si>
    <t>12/28/2019 10:41:08</t>
  </si>
  <si>
    <t>5e455d90-11b9-4940-986d-6c28959a48d0.tmp</t>
  </si>
  <si>
    <t>\\acsfs\profiles$\BRUNAAR\Downloads\5e455d90-11b9-4940-986d-6c28959a48d0.tmp</t>
  </si>
  <si>
    <t>12/28/2019 10:41:05</t>
  </si>
  <si>
    <t>12/28/2019 10:42:07</t>
  </si>
  <si>
    <t>12/28/2019 10:45:11</t>
  </si>
  <si>
    <t>12/28/2019 10:46:08</t>
  </si>
  <si>
    <t>12/28/2019 10:42:02</t>
  </si>
  <si>
    <t>lu1214816co90.tmp</t>
  </si>
  <si>
    <t>\\acsfs\profiles$\dhiulliananads\My Documents\lu1214816co90.tmp</t>
  </si>
  <si>
    <t>\\acsfs\profiles$\dhiulliananads\My Documents\lu1214816co90.tmp\</t>
  </si>
  <si>
    <t>\\acsfs\profiles$\dhiulliananads\My Documents\lu1214816co90.tmp\META-INF\</t>
  </si>
  <si>
    <t>\\acsfs\profiles$\dhiulliananads\My Documents\lu1214816co90.tmp\Thumbnails\</t>
  </si>
  <si>
    <t>12/28/2019 10:45:04</t>
  </si>
  <si>
    <t>12/28/2019 10:47:07</t>
  </si>
  <si>
    <t>ba60fbc8-dca1-4ee7-877d-007faaf77113.tmp</t>
  </si>
  <si>
    <t>\\acsfs\profiles$\matheushds\Downloads\ba60fbc8-dca1-4ee7-877d-007faaf77113.tmp</t>
  </si>
  <si>
    <t>12/28/2019 10:47:15</t>
  </si>
  <si>
    <t>12/28/2019 10:50:08</t>
  </si>
  <si>
    <t>12/28/2019 10:52:49</t>
  </si>
  <si>
    <t>12/28/2019 10:55:08</t>
  </si>
  <si>
    <t>12/28/2019 10:51:51</t>
  </si>
  <si>
    <t>12/28/2019 10:50:24</t>
  </si>
  <si>
    <t>1bb9429a-5c87-42c0-b0cb-650fc220e098.tmp</t>
  </si>
  <si>
    <t>\\acsfs\profiles$\isabellegtds\Downloads\1bb9429a-5c87-42c0-b0cb-650fc220e098.tmp</t>
  </si>
  <si>
    <t>12/28/2019 10:53:06</t>
  </si>
  <si>
    <t>12/28/2019 10:57:07</t>
  </si>
  <si>
    <t>fce935ee-348c-42ae-9979-603a6902bbc8.tmp</t>
  </si>
  <si>
    <t>\\acsfs\profiles$\matheushds\Downloads\fce935ee-348c-42ae-9979-603a6902bbc8.tmp</t>
  </si>
  <si>
    <t>12/28/2019 10:57:42</t>
  </si>
  <si>
    <t>12/28/2019 11:00:07</t>
  </si>
  <si>
    <t>12/28/2019 10:55:33</t>
  </si>
  <si>
    <t>12/28/2019 11:02:57</t>
  </si>
  <si>
    <t>12/28/2019 11:05:07</t>
  </si>
  <si>
    <t>12/28/2019 11:04:21</t>
  </si>
  <si>
    <t>12/28/2019 11:06:06</t>
  </si>
  <si>
    <t>12/28/2019 11:04:37</t>
  </si>
  <si>
    <t>12/28/2019 11:07:07</t>
  </si>
  <si>
    <t>12/28/2019 11:04:22</t>
  </si>
  <si>
    <t>12/28/2019 11:06:44</t>
  </si>
  <si>
    <t>12/28/2019 11:08:06</t>
  </si>
  <si>
    <t>12/28/2019 11:10:00</t>
  </si>
  <si>
    <t>12/28/2019 11:11:07</t>
  </si>
  <si>
    <t>12/28/2019 11:11:18</t>
  </si>
  <si>
    <t>12/28/2019 11:14:06</t>
  </si>
  <si>
    <t>12/28/2019 11:11:35</t>
  </si>
  <si>
    <t>12/28/2019 11:16:06</t>
  </si>
  <si>
    <t>lu295122vok4h.tmp</t>
  </si>
  <si>
    <t>\\acsfs\profiles$\BRUNAAR\Numero\lu295122vok4h.tmp</t>
  </si>
  <si>
    <t>12/28/2019 11:20:34</t>
  </si>
  <si>
    <t>12/28/2019 11:21:07</t>
  </si>
  <si>
    <t>lu295122vok4k.tmp</t>
  </si>
  <si>
    <t>\\acsfs\profiles$\BRUNAAR\Numero\lu295122vok4k.tmp</t>
  </si>
  <si>
    <t>12/28/2019 11:18:36</t>
  </si>
  <si>
    <t>8f509d9c-2af7-43ca-9ec5-cd9ba53b6003.tmp</t>
  </si>
  <si>
    <t>\\acsfs\profiles$\dhiulliananads\Downloads\8f509d9c-2af7-43ca-9ec5-cd9ba53b6003.tmp</t>
  </si>
  <si>
    <t>12/28/2019 11:20:01</t>
  </si>
  <si>
    <t>b5c8f20d-b1f7-4ebe-9392-947a2f7844c3.tmp</t>
  </si>
  <si>
    <t>\\acsfs\profiles$\dhiulliananads\Downloads\b5c8f20d-b1f7-4ebe-9392-947a2f7844c3.tmp</t>
  </si>
  <si>
    <t>12/28/2019 11:25:06</t>
  </si>
  <si>
    <t>12/28/2019 11:23:51</t>
  </si>
  <si>
    <t>12/28/2019 11:25:32</t>
  </si>
  <si>
    <t>12/28/2019 11:30:08</t>
  </si>
  <si>
    <t>12/28/2019 11:25:34</t>
  </si>
  <si>
    <t>12/28/2019 11:26:50</t>
  </si>
  <si>
    <t>4e2e72e8-21e1-40b5-83ec-2af30bf93209.tmp</t>
  </si>
  <si>
    <t>\\acsfs\profiles$\nataliacsl\Downloads\4e2e72e8-21e1-40b5-83ec-2af30bf93209.tmp</t>
  </si>
  <si>
    <t>12/28/2019 11:27:02</t>
  </si>
  <si>
    <t>12/28/2019 11:25:12</t>
  </si>
  <si>
    <t>12/28/2019 11:25:18</t>
  </si>
  <si>
    <t>12/28/2019 11:28:09</t>
  </si>
  <si>
    <t>12/28/2019 11:31:08</t>
  </si>
  <si>
    <t>12/28/2019 11:34:38</t>
  </si>
  <si>
    <t>12/28/2019 11:36:08</t>
  </si>
  <si>
    <t>12/28/2019 11:34:15</t>
  </si>
  <si>
    <t>12/28/2019 11:36:30</t>
  </si>
  <si>
    <t>12/28/2019 11:40:09</t>
  </si>
  <si>
    <t>12/28/2019 11:38:05</t>
  </si>
  <si>
    <t>12/28/2019 11:35:47</t>
  </si>
  <si>
    <t>12/28/2019 11:41:09</t>
  </si>
  <si>
    <t>12/28/2019 11:35:48</t>
  </si>
  <si>
    <t>lu295122vok4n.tmp</t>
  </si>
  <si>
    <t>\\acsfs\profiles$\BRUNAAR\Numero\lu295122vok4n.tmp</t>
  </si>
  <si>
    <t>12/28/2019 11:38:28</t>
  </si>
  <si>
    <t>lu295122vok4q.tmp</t>
  </si>
  <si>
    <t>\\acsfs\profiles$\BRUNAAR\Numero\lu295122vok4q.tmp</t>
  </si>
  <si>
    <t>12/28/2019 11:37:17</t>
  </si>
  <si>
    <t>12/28/2019 11:42:08</t>
  </si>
  <si>
    <t>12/28/2019 11:37:56</t>
  </si>
  <si>
    <t>12/28/2019 11:43:09</t>
  </si>
  <si>
    <t>12/28/2019 11:42:03</t>
  </si>
  <si>
    <t>12/28/2019 11:42:14</t>
  </si>
  <si>
    <t>12/28/2019 11:40:54</t>
  </si>
  <si>
    <t>12/28/2019 11:44:09</t>
  </si>
  <si>
    <t>12/28/2019 11:40:55</t>
  </si>
  <si>
    <t>12/28/2019 11:40:42</t>
  </si>
  <si>
    <t>12/28/2019 11:45:09</t>
  </si>
  <si>
    <t>fd4f1ee6-3881-408e-bf2c-9f56311436c0.tmp</t>
  </si>
  <si>
    <t>\\acsfs\profiles$\isabellegtds\Downloads\fd4f1ee6-3881-408e-bf2c-9f56311436c0.tmp</t>
  </si>
  <si>
    <t>12/28/2019 11:47:42</t>
  </si>
  <si>
    <t>12/28/2019 11:50:09</t>
  </si>
  <si>
    <t>27048926-2873-4612-89e8-de7e7761cd21.tmp</t>
  </si>
  <si>
    <t>\\acsfs\profiles$\isabellegtds\Downloads\27048926-2873-4612-89e8-de7e7761cd21.tmp</t>
  </si>
  <si>
    <t>12/28/2019 11:53:21</t>
  </si>
  <si>
    <t>12/28/2019 11:55:09</t>
  </si>
  <si>
    <t>12/28/2019 11:52:16</t>
  </si>
  <si>
    <t>12/28/2019 11:57:09</t>
  </si>
  <si>
    <t>12/28/2019 11:59:34</t>
  </si>
  <si>
    <t>12/28/2019 12:02:09</t>
  </si>
  <si>
    <t>12/28/2019 12:00:22</t>
  </si>
  <si>
    <t>12/28/2019 12:05:09</t>
  </si>
  <si>
    <t>12/28/2019 12:01:36</t>
  </si>
  <si>
    <t>12/28/2019 12:03:35</t>
  </si>
  <si>
    <t>12/28/2019 12:07:09</t>
  </si>
  <si>
    <t>12/28/2019 12:02:52</t>
  </si>
  <si>
    <t>12/28/2019 12:03:32</t>
  </si>
  <si>
    <t>12/28/2019 12:08:09</t>
  </si>
  <si>
    <t>12/28/2019 12:07:20</t>
  </si>
  <si>
    <t>12/28/2019 12:11:09</t>
  </si>
  <si>
    <t>12/28/2019 12:07:47</t>
  </si>
  <si>
    <t>lu295122vok4t.tmp</t>
  </si>
  <si>
    <t>\\acsfs\profiles$\BRUNAAR\Numero\lu295122vok4t.tmp</t>
  </si>
  <si>
    <t>12/28/2019 12:07:18</t>
  </si>
  <si>
    <t>12/28/2019 12:08:11</t>
  </si>
  <si>
    <t>12/28/2019 12:12:09</t>
  </si>
  <si>
    <t>12/28/2019 12:11:49</t>
  </si>
  <si>
    <t>12/28/2019 12:15:09</t>
  </si>
  <si>
    <t>12/28/2019 12:12:01</t>
  </si>
  <si>
    <t>12/28/2019 12:16:08</t>
  </si>
  <si>
    <t>12/28/2019 12:18:48</t>
  </si>
  <si>
    <t>12/28/2019 12:20:09</t>
  </si>
  <si>
    <t>12/28/2019 12:18:50</t>
  </si>
  <si>
    <t>12/28/2019 12:18:16</t>
  </si>
  <si>
    <t>12/28/2019 12:18:15</t>
  </si>
  <si>
    <t>12/28/2019 12:21:08</t>
  </si>
  <si>
    <t>8cb28d05-89c6-4408-b2e0-a4f57394ebf6.tmp</t>
  </si>
  <si>
    <t>\\acsfs\profiles$\BRUNAAR\Downloads\8cb28d05-89c6-4408-b2e0-a4f57394ebf6.tmp</t>
  </si>
  <si>
    <t>12/28/2019 12:16:35</t>
  </si>
  <si>
    <t>12/28/2019 12:22:09</t>
  </si>
  <si>
    <t>12/28/2019 12:19:35</t>
  </si>
  <si>
    <t>56037564-ef2b-452b-8992-313341ce1cd2.tmp</t>
  </si>
  <si>
    <t>\\acsfs\profiles$\luanarda\Downloads\56037564-ef2b-452b-8992-313341ce1cd2.tmp</t>
  </si>
  <si>
    <t>12/28/2019 12:22:19</t>
  </si>
  <si>
    <t>12/28/2019 12:24:09</t>
  </si>
  <si>
    <t>12/28/2019 12:23:21</t>
  </si>
  <si>
    <t>12/28/2019 12:28:09</t>
  </si>
  <si>
    <t>12/28/2019 12:27:11</t>
  </si>
  <si>
    <t>12/28/2019 12:29:10</t>
  </si>
  <si>
    <t>12/28/2019 12:29:03</t>
  </si>
  <si>
    <t>12/28/2019 12:31:10</t>
  </si>
  <si>
    <t>12/28/2019 12:27:59</t>
  </si>
  <si>
    <t>12/28/2019 12:34:24</t>
  </si>
  <si>
    <t>12/28/2019 12:36:10</t>
  </si>
  <si>
    <t>12/28/2019 12:37:32</t>
  </si>
  <si>
    <t>12/28/2019 12:40:10</t>
  </si>
  <si>
    <t>12/28/2019 12:36:38</t>
  </si>
  <si>
    <t>12/28/2019 12:41:10</t>
  </si>
  <si>
    <t>12/28/2019 12:36:40</t>
  </si>
  <si>
    <t>lu295122vok4w.tmp</t>
  </si>
  <si>
    <t>\\acsfs\profiles$\BRUNAAR\Numero\lu295122vok4w.tmp</t>
  </si>
  <si>
    <t>12/28/2019 12:36:50</t>
  </si>
  <si>
    <t>lu295122vok4z.tmp</t>
  </si>
  <si>
    <t>\\acsfs\profiles$\BRUNAAR\Numero\lu295122vok4z.tmp</t>
  </si>
  <si>
    <t>12/28/2019 12:41:26</t>
  </si>
  <si>
    <t>12/28/2019 12:42:10</t>
  </si>
  <si>
    <t>12/28/2019 12:42:53</t>
  </si>
  <si>
    <t>12/28/2019 12:47:10</t>
  </si>
  <si>
    <t>12/28/2019 12:45:08</t>
  </si>
  <si>
    <t>12/28/2019 12:48:10</t>
  </si>
  <si>
    <t>bda2389f-9e82-4d54-b8a6-61b562badff4.tmp</t>
  </si>
  <si>
    <t>\\acsfs\profiles$\laylaams\Downloads\bda2389f-9e82-4d54-b8a6-61b562badff4.tmp</t>
  </si>
  <si>
    <t>12/28/2019 12:45:16</t>
  </si>
  <si>
    <t>Q29udHJvbGxlci5DYWxjdWxhZG9yYURlVmVuY2lt.ica</t>
  </si>
  <si>
    <t>\\acsfs\profiles$\laylaams\Downloads\Q29udHJvbGxlci5DYWxjdWxhZG9yYURlVmVuY2lt.ica</t>
  </si>
  <si>
    <t>12/28/2019 12:45:43</t>
  </si>
  <si>
    <t>12/28/2019 12:46:06</t>
  </si>
  <si>
    <t>d9019c52-d744-41f9-9a1e-4530e6b3d4d5.tmp</t>
  </si>
  <si>
    <t>\\acsfs\profiles$\laylaams\Downloads\d9019c52-d744-41f9-9a1e-4530e6b3d4d5.tmp</t>
  </si>
  <si>
    <t>12/28/2019 12:46:18</t>
  </si>
  <si>
    <t>a1141d50-6601-4c8d-8166-f266bd020bcf.tmp</t>
  </si>
  <si>
    <t>\\acsfs\profiles$\laylaams\Downloads\a1141d50-6601-4c8d-8166-f266bd020bcf.tmp</t>
  </si>
  <si>
    <t>12/28/2019 12:44:45</t>
  </si>
  <si>
    <t>12/28/2019 12:50:10</t>
  </si>
  <si>
    <t>7f2b4662-9bb1-41a1-b474-7f19afe1276f.tmp</t>
  </si>
  <si>
    <t>\\acsfs\profiles$\nataliacsl\Downloads\7f2b4662-9bb1-41a1-b474-7f19afe1276f.tmp</t>
  </si>
  <si>
    <t>12/28/2019 12:49:03</t>
  </si>
  <si>
    <t>12/28/2019 12:53:11</t>
  </si>
  <si>
    <t>12/28/2019 12:50:09</t>
  </si>
  <si>
    <t>12/28/2019 12:55:10</t>
  </si>
  <si>
    <t>12/28/2019 12:55:23</t>
  </si>
  <si>
    <t>12/28/2019 12:56:11</t>
  </si>
  <si>
    <t>.~lock.VENDAS.ods#</t>
  </si>
  <si>
    <t>\\acsfs\profiles$\CLAUDIAJCA\.~lock.VENDAS.ods#</t>
  </si>
  <si>
    <t>12/28/2019 12:57:53</t>
  </si>
  <si>
    <t>12/28/2019 13:00:11</t>
  </si>
  <si>
    <t>12/28/2019 12:55:47</t>
  </si>
  <si>
    <t>12/28/2019 13:01:11</t>
  </si>
  <si>
    <t>12/28/2019 12:55:48</t>
  </si>
  <si>
    <t>lu12721dz75.tmp</t>
  </si>
  <si>
    <t>\\acsfs\profiles$\CLAUDIAJCA\lu12721dz75.tmp</t>
  </si>
  <si>
    <t>\\acsfs\profiles$\CLAUDIAJCA\lu12721dz75.tmp\</t>
  </si>
  <si>
    <t>\\acsfs\profiles$\CLAUDIAJCA\lu12721dz75.tmp\META-INF\</t>
  </si>
  <si>
    <t>\\acsfs\profiles$\CLAUDIAJCA\lu12721dz75.tmp\Thumbnails\</t>
  </si>
  <si>
    <t>12/28/2019 13:03:29</t>
  </si>
  <si>
    <t>12/28/2019 13:06:11</t>
  </si>
  <si>
    <t>12/28/2019 13:03:14</t>
  </si>
  <si>
    <t>cd134946-e594-409f-9500-470390b0da46.tmp</t>
  </si>
  <si>
    <t>\\acsfs\profiles$\BRUNAAR\Downloads\cd134946-e594-409f-9500-470390b0da46.tmp</t>
  </si>
  <si>
    <t>12/28/2019 13:07:21</t>
  </si>
  <si>
    <t>12/28/2019 13:10:11</t>
  </si>
  <si>
    <t>87ce4a1d-9894-4c28-afac-b36898ad1680.tmp</t>
  </si>
  <si>
    <t>\\acsfs\profiles$\isabellegtds\Downloads\87ce4a1d-9894-4c28-afac-b36898ad1680.tmp</t>
  </si>
  <si>
    <t>12/28/2019 13:12:41</t>
  </si>
  <si>
    <t>12/28/2019 13:13:12</t>
  </si>
  <si>
    <t>12/28/2019 13:10:21</t>
  </si>
  <si>
    <t>12/28/2019 13:15:12</t>
  </si>
  <si>
    <t>12/28/2019 13:12:23</t>
  </si>
  <si>
    <t>12/28/2019 13:15:26</t>
  </si>
  <si>
    <t>12/28/2019 13:16:11</t>
  </si>
  <si>
    <t>12/28/2019 13:15:27</t>
  </si>
  <si>
    <t>lu295122vok52.tmp</t>
  </si>
  <si>
    <t>\\acsfs\profiles$\BRUNAAR\Numero\lu295122vok52.tmp</t>
  </si>
  <si>
    <t>12/28/2019 13:16:00</t>
  </si>
  <si>
    <t>12/28/2019 13:17:12</t>
  </si>
  <si>
    <t>cb33e15a-c675-487a-884b-532fef7fbe52.tmp</t>
  </si>
  <si>
    <t>\\acsfs\profiles$\eduardofss\Downloads\cb33e15a-c675-487a-884b-532fef7fbe52.tmp</t>
  </si>
  <si>
    <t>12/28/2019 13:16:52</t>
  </si>
  <si>
    <t>bed988b6-2a21-4d48-983a-44ab5b66e984.tmp</t>
  </si>
  <si>
    <t>\\acsfs\profiles$\eduardofss\Downloads\bed988b6-2a21-4d48-983a-44ab5b66e984.tmp</t>
  </si>
  <si>
    <t>12/28/2019 13:14:42</t>
  </si>
  <si>
    <t>12/28/2019 13:19:12</t>
  </si>
  <si>
    <t>12/28/2019 13:16:20</t>
  </si>
  <si>
    <t>12/28/2019 13:21:11</t>
  </si>
  <si>
    <t>12/28/2019 13:20:03</t>
  </si>
  <si>
    <t>12/28/2019 13:22:11</t>
  </si>
  <si>
    <t>12/28/2019 13:22:38</t>
  </si>
  <si>
    <t>12/28/2019 13:23:11</t>
  </si>
  <si>
    <t>\\acsfs\profiles$\laylaams\My Documents\Automation Anywhere Files\LogFiles\</t>
  </si>
  <si>
    <t>Main.log</t>
  </si>
  <si>
    <t>\\acsfs\profiles$\laylaams\My Documents\Automation Anywhere Files\LogFiles\Main.log</t>
  </si>
  <si>
    <t>\\acsfs\profiles$\laylaams\My Documents\Automation Anywhere Files\</t>
  </si>
  <si>
    <t>AA.Settings.xml</t>
  </si>
  <si>
    <t>\\acsfs\profiles$\laylaams\My Documents\Automation Anywhere Files\AA.Settings.xml</t>
  </si>
  <si>
    <t>12/28/2019 13:22:43</t>
  </si>
  <si>
    <t>Technology.xml</t>
  </si>
  <si>
    <t>\\acsfs\profiles$\laylaams\My Documents\Automation Anywhere Files\Technology.xml</t>
  </si>
  <si>
    <t>ObjectMapper.xml</t>
  </si>
  <si>
    <t>\\acsfs\profiles$\laylaams\My Documents\Automation Anywhere Files\ObjectMapper.xml</t>
  </si>
  <si>
    <t>AA.Settings.bak</t>
  </si>
  <si>
    <t>\\acsfs\profiles$\laylaams\My Documents\Automation Anywhere Files\AA.Settings.bak</t>
  </si>
  <si>
    <t>12/28/2019 13:22:45</t>
  </si>
  <si>
    <t>FipsDataMigration.log</t>
  </si>
  <si>
    <t>\\acsfs\profiles$\laylaams\My Documents\Automation Anywhere Files\LogFiles\FipsDataMigration.log</t>
  </si>
  <si>
    <t>12/28/2019 13:22:47</t>
  </si>
  <si>
    <t>12/28/2019 13:22:49</t>
  </si>
  <si>
    <t>12/28/2019 13:22:52</t>
  </si>
  <si>
    <t>AAMain.log</t>
  </si>
  <si>
    <t>\\acsfs\profiles$\laylaams\My Documents\Automation Anywhere Files\LogFiles\AAMain.log</t>
  </si>
  <si>
    <t>12/28/2019 13:19:52</t>
  </si>
  <si>
    <t>12/28/2019 13:25:11</t>
  </si>
  <si>
    <t>12/28/2019 13:20:15</t>
  </si>
  <si>
    <t>12/28/2019 13:20:22</t>
  </si>
  <si>
    <t>12/28/2019 13:21:29</t>
  </si>
  <si>
    <t>100024359440076;</t>
  </si>
  <si>
    <t>https://100024359440076</t>
  </si>
  <si>
    <t>12/28/2019 13:21:50</t>
  </si>
  <si>
    <t>12/28/2019 13:23:26</t>
  </si>
  <si>
    <t>12/28/2019 13:23:36</t>
  </si>
  <si>
    <t>100024359440076;100035125381406;</t>
  </si>
  <si>
    <t>https://100024359440076,100035125381406</t>
  </si>
  <si>
    <t>12/28/2019 13:23:46</t>
  </si>
  <si>
    <t>12/28/2019 13:24:09</t>
  </si>
  <si>
    <t>12/28/2019 13:24:14</t>
  </si>
  <si>
    <t>12/28/2019 13:24:27</t>
  </si>
  <si>
    <t>12/28/2019 13:22:36</t>
  </si>
  <si>
    <t>12/28/2019 13:26:11</t>
  </si>
  <si>
    <t>12/28/2019 13:20:53</t>
  </si>
  <si>
    <t>12/28/2019 13:21:56</t>
  </si>
  <si>
    <t>lu1214816co97.tmp</t>
  </si>
  <si>
    <t>\\acsfs\profiles$\dhiulliananads\My Documents\lu1214816co97.tmp</t>
  </si>
  <si>
    <t>\\acsfs\profiles$\dhiulliananads\My Documents\lu1214816co97.tmp\</t>
  </si>
  <si>
    <t>\\acsfs\profiles$\dhiulliananads\My Documents\lu1214816co97.tmp\META-INF\</t>
  </si>
  <si>
    <t>\\acsfs\profiles$\dhiulliananads\My Documents\lu1214816co97.tmp\Thumbnails\</t>
  </si>
  <si>
    <t>12/28/2019 13:22:05</t>
  </si>
  <si>
    <t>12/28/2019 13:22:06</t>
  </si>
  <si>
    <t>lu1214816co9d.tmp</t>
  </si>
  <si>
    <t>\\acsfs\profiles$\dhiulliananads\My Documents\lu1214816co9d.tmp</t>
  </si>
  <si>
    <t>\\acsfs\profiles$\dhiulliananads\My Documents\lu1214816co9d.tmp\</t>
  </si>
  <si>
    <t>\\acsfs\profiles$\dhiulliananads\My Documents\lu1214816co9d.tmp\META-INF\</t>
  </si>
  <si>
    <t>\\acsfs\profiles$\dhiulliananads\My Documents\lu1214816co9d.tmp\Thumbnails\</t>
  </si>
  <si>
    <t>12/28/2019 13:23:33</t>
  </si>
  <si>
    <t>12/28/2019 13:28:10</t>
  </si>
  <si>
    <t>12/28/2019 13:24:50</t>
  </si>
  <si>
    <t>12/28/2019 13:29:11</t>
  </si>
  <si>
    <t>12/28/2019 13:30:38</t>
  </si>
  <si>
    <t>12/28/2019 13:35:10</t>
  </si>
  <si>
    <t>12/28/2019 13:34:50</t>
  </si>
  <si>
    <t>12/28/2019 13:36:10</t>
  </si>
  <si>
    <t>12/28/2019 13:34:10</t>
  </si>
  <si>
    <t>12/28/2019 13:38:10</t>
  </si>
  <si>
    <t>12/28/2019 13:36:50</t>
  </si>
  <si>
    <t>45c18182-1748-47d7-9e08-6daa92943a25.tmp</t>
  </si>
  <si>
    <t>\\acsfs\profiles$\laylaams\Downloads\45c18182-1748-47d7-9e08-6daa92943a25.tmp</t>
  </si>
  <si>
    <t>12/28/2019 13:43:28</t>
  </si>
  <si>
    <t>12/28/2019 13:47:09</t>
  </si>
  <si>
    <t>12/28/2019 13:43:22</t>
  </si>
  <si>
    <t>12/28/2019 13:48:08</t>
  </si>
  <si>
    <t>12/28/2019 13:47:21</t>
  </si>
  <si>
    <t>12/28/2019 13:53:08</t>
  </si>
  <si>
    <t>12/28/2019 13:47:28</t>
  </si>
  <si>
    <t>12/28/2019 13:47:30</t>
  </si>
  <si>
    <t>12/28/2019 13:47:47</t>
  </si>
  <si>
    <t>12/28/2019 13:47:50</t>
  </si>
  <si>
    <t>12/28/2019 13:47:58</t>
  </si>
  <si>
    <t>12/28/2019 13:48:02</t>
  </si>
  <si>
    <t>12/28/2019 13:48:05</t>
  </si>
  <si>
    <t>12/28/2019 13:48:13</t>
  </si>
  <si>
    <t>12/28/2019 13:48:38</t>
  </si>
  <si>
    <t>12/28/2019 13:48:40</t>
  </si>
  <si>
    <t>12/28/2019 13:50:01</t>
  </si>
  <si>
    <t>12/28/2019 13:50:15</t>
  </si>
  <si>
    <t>12/28/2019 13:49:37</t>
  </si>
  <si>
    <t>12/28/2019 13:50:24</t>
  </si>
  <si>
    <t>12/28/2019 13:54:09</t>
  </si>
  <si>
    <t>ce8962aa-02d6-4d95-aec2-ea6e6eb2bd82.tmp</t>
  </si>
  <si>
    <t>\\acsfs\profiles$\henriquehmdo\Downloads\ce8962aa-02d6-4d95-aec2-ea6e6eb2bd82.tmp</t>
  </si>
  <si>
    <t>12/28/2019 13:51:37</t>
  </si>
  <si>
    <t>12/28/2019 13:56:08</t>
  </si>
  <si>
    <t>12/28/2019 13:52:32</t>
  </si>
  <si>
    <t>12/28/2019 13:57:09</t>
  </si>
  <si>
    <t>12/28/2019 13:53:01</t>
  </si>
  <si>
    <t>12/28/2019 13:58:09</t>
  </si>
  <si>
    <t>12/28/2019 13:56:27</t>
  </si>
  <si>
    <t>12/28/2019 14:00:09</t>
  </si>
  <si>
    <t>12/28/2019 13:58:36</t>
  </si>
  <si>
    <t>12/28/2019 14:01:09</t>
  </si>
  <si>
    <t>lu1214816co9j.tmp</t>
  </si>
  <si>
    <t>\\acsfs\profiles$\dhiulliananads\My Documents\lu1214816co9j.tmp</t>
  </si>
  <si>
    <t>\\acsfs\profiles$\dhiulliananads\My Documents\lu1214816co9j.tmp\</t>
  </si>
  <si>
    <t>\\acsfs\profiles$\dhiulliananads\My Documents\lu1214816co9j.tmp\META-INF\</t>
  </si>
  <si>
    <t>\\acsfs\profiles$\dhiulliananads\My Documents\lu1214816co9j.tmp\Thumbnails\</t>
  </si>
  <si>
    <t>12/28/2019 13:58:44</t>
  </si>
  <si>
    <t>12/28/2019 14:03:09</t>
  </si>
  <si>
    <t>12/28/2019 14:01:15</t>
  </si>
  <si>
    <t>12/28/2019 14:01:18</t>
  </si>
  <si>
    <t>12/28/2019 14:01:21</t>
  </si>
  <si>
    <t>12/28/2019 14:01:38</t>
  </si>
  <si>
    <t>12/28/2019 14:01:42</t>
  </si>
  <si>
    <t>12/28/2019 14:01:44</t>
  </si>
  <si>
    <t>12/28/2019 14:01:55</t>
  </si>
  <si>
    <t>12/28/2019 14:01:19</t>
  </si>
  <si>
    <t>12/28/2019 14:04:41</t>
  </si>
  <si>
    <t>12/28/2019 14:05:09</t>
  </si>
  <si>
    <t>12/28/2019 14:02:09</t>
  </si>
  <si>
    <t>12/28/2019 14:08:10</t>
  </si>
  <si>
    <t>12/28/2019 14:02:12</t>
  </si>
  <si>
    <t>12/28/2019 14:02:16</t>
  </si>
  <si>
    <t>12/28/2019 14:02:22</t>
  </si>
  <si>
    <t>12/28/2019 14:02:25</t>
  </si>
  <si>
    <t>12/28/2019 14:02:35</t>
  </si>
  <si>
    <t>12/28/2019 14:02:43</t>
  </si>
  <si>
    <t>12/28/2019 14:05:06</t>
  </si>
  <si>
    <t>12/28/2019 14:08:32</t>
  </si>
  <si>
    <t>12/28/2019 14:09:09</t>
  </si>
  <si>
    <t>12/28/2019 14:10:06</t>
  </si>
  <si>
    <t>12/28/2019 14:13:09</t>
  </si>
  <si>
    <t>12/28/2019 14:09:51</t>
  </si>
  <si>
    <t>12/28/2019 14:12:11</t>
  </si>
  <si>
    <t>12/28/2019 14:15:09</t>
  </si>
  <si>
    <t>10a1022e-8e08-48d0-9bab-56edd1b04c0d.tmp</t>
  </si>
  <si>
    <t>\\acsfs\profiles$\nataliacsl\Downloads\10a1022e-8e08-48d0-9bab-56edd1b04c0d.tmp</t>
  </si>
  <si>
    <t>12/28/2019 14:15:01</t>
  </si>
  <si>
    <t>12/28/2019 14:18:09</t>
  </si>
  <si>
    <t>12/28/2019 14:13:04</t>
  </si>
  <si>
    <t>12/28/2019 14:16:24</t>
  </si>
  <si>
    <t>12/28/2019 14:20:09</t>
  </si>
  <si>
    <t>12/28/2019 14:15:37</t>
  </si>
  <si>
    <t>\\acsfs\profiles$\nataliacsl\Downloads\$RECYCLE.BIN\</t>
  </si>
  <si>
    <t>$IEWWX8L.mht</t>
  </si>
  <si>
    <t>\\acsfs\profiles$\nataliacsl\Downloads\$RECYCLE.BIN\$IEWWX8L.mht</t>
  </si>
  <si>
    <t>12/28/2019 14:15:38</t>
  </si>
  <si>
    <t>$I9VDBOY.mht</t>
  </si>
  <si>
    <t>\\acsfs\profiles$\nataliacsl\Downloads\$RECYCLE.BIN\$I9VDBOY.mht</t>
  </si>
  <si>
    <t>12/28/2019 14:15:43</t>
  </si>
  <si>
    <t>$IJVJCRA.ica</t>
  </si>
  <si>
    <t>\\acsfs\profiles$\nataliacsl\Downloads\$RECYCLE.BIN\$IJVJCRA.ica</t>
  </si>
  <si>
    <t>12/28/2019 14:15:44</t>
  </si>
  <si>
    <t>$IQX82R4.ica</t>
  </si>
  <si>
    <t>\\acsfs\profiles$\nataliacsl\Downloads\$RECYCLE.BIN\$IQX82R4.ica</t>
  </si>
  <si>
    <t>12/28/2019 14:18:11</t>
  </si>
  <si>
    <t>12/28/2019 14:23:08</t>
  </si>
  <si>
    <t>12/28/2019 14:18:16</t>
  </si>
  <si>
    <t>12/28/2019 14:18:19</t>
  </si>
  <si>
    <t>12/28/2019 14:18:26</t>
  </si>
  <si>
    <t>12/28/2019 14:18:56</t>
  </si>
  <si>
    <t>12/28/2019 14:21:35</t>
  </si>
  <si>
    <t>12/28/2019 14:20:19</t>
  </si>
  <si>
    <t>12/28/2019 14:20:27</t>
  </si>
  <si>
    <t>12/28/2019 14:20:33</t>
  </si>
  <si>
    <t>12/28/2019 14:20:34</t>
  </si>
  <si>
    <t>12/28/2019 14:20:36</t>
  </si>
  <si>
    <t>12/28/2019 14:20:37</t>
  </si>
  <si>
    <t>12/28/2019 14:20:39</t>
  </si>
  <si>
    <t>12/28/2019 14:20:40</t>
  </si>
  <si>
    <t>12/28/2019 14:20:41</t>
  </si>
  <si>
    <t>12/28/2019 14:20:42</t>
  </si>
  <si>
    <t>12/28/2019 14:20:46</t>
  </si>
  <si>
    <t>12/28/2019 14:20:47</t>
  </si>
  <si>
    <t>12/28/2019 14:20:48</t>
  </si>
  <si>
    <t>12/28/2019 14:20:49</t>
  </si>
  <si>
    <t>12/28/2019 14:20:50</t>
  </si>
  <si>
    <t>12/28/2019 14:20:51</t>
  </si>
  <si>
    <t>12/28/2019 14:20:52</t>
  </si>
  <si>
    <t>12/28/2019 14:20:53</t>
  </si>
  <si>
    <t>12/28/2019 14:20:54</t>
  </si>
  <si>
    <t>12/28/2019 14:20:55</t>
  </si>
  <si>
    <t>12/28/2019 14:20:56</t>
  </si>
  <si>
    <t>12/28/2019 14:20:57</t>
  </si>
  <si>
    <t>12/28/2019 14:21:00</t>
  </si>
  <si>
    <t>12/28/2019 14:21:01</t>
  </si>
  <si>
    <t>12/28/2019 14:21:02</t>
  </si>
  <si>
    <t>12/28/2019 14:21:03</t>
  </si>
  <si>
    <t>12/28/2019 14:21:04</t>
  </si>
  <si>
    <t>12/28/2019 14:21:05</t>
  </si>
  <si>
    <t>12/28/2019 14:21:07</t>
  </si>
  <si>
    <t>12/28/2019 14:21:08</t>
  </si>
  <si>
    <t>12/28/2019 14:21:09</t>
  </si>
  <si>
    <t>12/28/2019 14:21:10</t>
  </si>
  <si>
    <t>12/28/2019 14:21:12</t>
  </si>
  <si>
    <t>12/28/2019 14:21:13</t>
  </si>
  <si>
    <t>12/28/2019 14:21:14</t>
  </si>
  <si>
    <t>12/28/2019 14:21:15</t>
  </si>
  <si>
    <t>12/28/2019 14:21:17</t>
  </si>
  <si>
    <t>12/28/2019 14:21:18</t>
  </si>
  <si>
    <t>12/28/2019 14:21:42</t>
  </si>
  <si>
    <t>12/28/2019 14:21:49</t>
  </si>
  <si>
    <t>12/28/2019 14:22:17</t>
  </si>
  <si>
    <t>12/28/2019 14:26:09</t>
  </si>
  <si>
    <t>12/28/2019 14:25:36</t>
  </si>
  <si>
    <t>12/28/2019 14:27:08</t>
  </si>
  <si>
    <t>12/28/2019 14:22:55</t>
  </si>
  <si>
    <t>12/28/2019 14:28:09</t>
  </si>
  <si>
    <t>7d88b871-1dec-4cfd-985b-a400b2cd2b52.tmp</t>
  </si>
  <si>
    <t>\\acsfs\profiles$\matheusmax\Downloads\7d88b871-1dec-4cfd-985b-a400b2cd2b52.tmp</t>
  </si>
  <si>
    <t>12/28/2019 14:23:05</t>
  </si>
  <si>
    <t>Unconfirmed 943017.crdownload</t>
  </si>
  <si>
    <t>\\acsfs\profiles$\matheusmax\Downloads\Unconfirmed 943017.crdownload</t>
  </si>
  <si>
    <t>12/28/2019 14:23:19</t>
  </si>
  <si>
    <t>bc6ffd10-bdc0-40bc-9480-ce46f28d10aa.tmp</t>
  </si>
  <si>
    <t>\\acsfs\profiles$\matheusmax\Downloads\bc6ffd10-bdc0-40bc-9480-ce46f28d10aa.tmp</t>
  </si>
  <si>
    <t>12/28/2019 14:24:31</t>
  </si>
  <si>
    <t>f27f2e40-0b55-46a7-be1d-5e5322413ef8.tmp</t>
  </si>
  <si>
    <t>\\acsfs\profiles$\matheusmax\Downloads\f27f2e40-0b55-46a7-be1d-5e5322413ef8.tmp</t>
  </si>
  <si>
    <t>12/28/2019 14:27:01</t>
  </si>
  <si>
    <t>12/28/2019 14:23:40</t>
  </si>
  <si>
    <t>12/28/2019 14:29:08</t>
  </si>
  <si>
    <t>285a2062-c509-49a1-aa9c-4c1ff05acbc8.tmp</t>
  </si>
  <si>
    <t>\\acsfs\profiles$\vivianibfs\Downloads\285a2062-c509-49a1-aa9c-4c1ff05acbc8.tmp</t>
  </si>
  <si>
    <t>12/28/2019 14:24:37</t>
  </si>
  <si>
    <t>4a5be664-9c49-4b84-a17d-655f22d956a6.tmp</t>
  </si>
  <si>
    <t>\\acsfs\profiles$\vivianibfs\Downloads\4a5be664-9c49-4b84-a17d-655f22d956a6.tmp</t>
  </si>
  <si>
    <t>12/28/2019 14:24:42</t>
  </si>
  <si>
    <t>fc3a0a38-765c-4d94-a682-02a6147487d1.tmp</t>
  </si>
  <si>
    <t>\\acsfs\profiles$\vivianibfs\Downloads\fc3a0a38-765c-4d94-a682-02a6147487d1.tmp</t>
  </si>
  <si>
    <t>c56ef570-076e-4af6-a7c1-7aa92b294cb5.tmp</t>
  </si>
  <si>
    <t>\\acsfs\profiles$\vivianibfs\Downloads\c56ef570-076e-4af6-a7c1-7aa92b294cb5.tmp</t>
  </si>
  <si>
    <t>12/28/2019 14:27:19</t>
  </si>
  <si>
    <t>12/28/2019 14:31:09</t>
  </si>
  <si>
    <t>12/28/2019 14:31:08</t>
  </si>
  <si>
    <t>12/28/2019 14:35:09</t>
  </si>
  <si>
    <t>$IO9KJ5M.ica</t>
  </si>
  <si>
    <t>\\acsfs\profiles$\nataliacsl\Downloads\$RECYCLE.BIN\$IO9KJ5M.ica</t>
  </si>
  <si>
    <t>$IRHKYYB.ica</t>
  </si>
  <si>
    <t>\\acsfs\profiles$\nataliacsl\Downloads\$RECYCLE.BIN\$IRHKYYB.ica</t>
  </si>
  <si>
    <t>$IO3HT4N.ica</t>
  </si>
  <si>
    <t>\\acsfs\profiles$\nataliacsl\Downloads\$RECYCLE.BIN\$IO3HT4N.ica</t>
  </si>
  <si>
    <t>$II596YR.ica</t>
  </si>
  <si>
    <t>\\acsfs\profiles$\nataliacsl\Downloads\$RECYCLE.BIN\$II596YR.ica</t>
  </si>
  <si>
    <t>12/28/2019 14:31:10</t>
  </si>
  <si>
    <t>$IOBYZNN.ica</t>
  </si>
  <si>
    <t>\\acsfs\profiles$\nataliacsl\Downloads\$RECYCLE.BIN\$IOBYZNN.ica</t>
  </si>
  <si>
    <t>$I7P6XFT.ica</t>
  </si>
  <si>
    <t>\\acsfs\profiles$\nataliacsl\Downloads\$RECYCLE.BIN\$I7P6XFT.ica</t>
  </si>
  <si>
    <t>12/28/2019 14:31:17</t>
  </si>
  <si>
    <t>$IWNRIM8.ica</t>
  </si>
  <si>
    <t>\\acsfs\profiles$\nataliacsl\Downloads\$RECYCLE.BIN\$IWNRIM8.ica</t>
  </si>
  <si>
    <t>12/28/2019 14:31:21</t>
  </si>
  <si>
    <t>$II59FL9.ica</t>
  </si>
  <si>
    <t>\\acsfs\profiles$\nataliacsl\Downloads\$RECYCLE.BIN\$II59FL9.ica</t>
  </si>
  <si>
    <t>12/28/2019 14:31:23</t>
  </si>
  <si>
    <t>$ISJ8SA3.ica</t>
  </si>
  <si>
    <t>\\acsfs\profiles$\nataliacsl\Downloads\$RECYCLE.BIN\$ISJ8SA3.ica</t>
  </si>
  <si>
    <t>12/28/2019 14:35:05</t>
  </si>
  <si>
    <t>12/28/2019 14:36:09</t>
  </si>
  <si>
    <t>12/28/2019 14:33:22</t>
  </si>
  <si>
    <t>12/28/2019 14:33:30</t>
  </si>
  <si>
    <t>12/28/2019 14:37:08</t>
  </si>
  <si>
    <t>12/28/2019 14:34:04</t>
  </si>
  <si>
    <t>12/28/2019 14:34:38</t>
  </si>
  <si>
    <t>12/28/2019 14:35:30</t>
  </si>
  <si>
    <t>12/28/2019 14:38:09</t>
  </si>
  <si>
    <t>12/28/2019 14:41:23</t>
  </si>
  <si>
    <t>12/28/2019 14:43:09</t>
  </si>
  <si>
    <t>12/28/2019 14:41:24</t>
  </si>
  <si>
    <t>12/28/2019 14:41:25</t>
  </si>
  <si>
    <t>12/28/2019 14:41:26</t>
  </si>
  <si>
    <t>12/28/2019 14:41:27</t>
  </si>
  <si>
    <t>12/28/2019 14:41:29</t>
  </si>
  <si>
    <t>12/28/2019 14:41:31</t>
  </si>
  <si>
    <t>12/28/2019 14:41:32</t>
  </si>
  <si>
    <t>12/28/2019 14:41:33</t>
  </si>
  <si>
    <t>12/28/2019 14:41:34</t>
  </si>
  <si>
    <t>12/28/2019 14:41:35</t>
  </si>
  <si>
    <t>12/28/2019 14:41:36</t>
  </si>
  <si>
    <t>12/28/2019 14:41:37</t>
  </si>
  <si>
    <t>12/28/2019 14:41:38</t>
  </si>
  <si>
    <t>12/28/2019 14:41:39</t>
  </si>
  <si>
    <t>12/28/2019 14:41:40</t>
  </si>
  <si>
    <t>12/28/2019 14:41:41</t>
  </si>
  <si>
    <t>12/28/2019 14:41:42</t>
  </si>
  <si>
    <t>12/28/2019 14:41:43</t>
  </si>
  <si>
    <t>12/28/2019 14:41:44</t>
  </si>
  <si>
    <t>12/28/2019 14:41:45</t>
  </si>
  <si>
    <t>12/28/2019 14:41:46</t>
  </si>
  <si>
    <t>12/28/2019 14:41:47</t>
  </si>
  <si>
    <t>12/28/2019 14:41:48</t>
  </si>
  <si>
    <t>12/28/2019 14:41:49</t>
  </si>
  <si>
    <t>\\acsfs\profiles$\thaynaracsl\Saved Games\</t>
  </si>
  <si>
    <t>12/28/2019 14:42:05</t>
  </si>
  <si>
    <t>12/28/2019 14:42:21</t>
  </si>
  <si>
    <t>12/28/2019 14:41:14</t>
  </si>
  <si>
    <t>12/28/2019 14:45:09</t>
  </si>
  <si>
    <t>AMEX RECEM CONTRATADOS</t>
  </si>
  <si>
    <t>talitafdc</t>
  </si>
  <si>
    <t>\\acsfs\profiles$\talitafdc\</t>
  </si>
  <si>
    <t>prova.txt</t>
  </si>
  <si>
    <t>\\acsfs\profiles$\talitafdc\prova.txt</t>
  </si>
  <si>
    <t>12/28/2019 14:43:06</t>
  </si>
  <si>
    <t>12/28/2019 14:47:09</t>
  </si>
  <si>
    <t>12/28/2019 14:44:23</t>
  </si>
  <si>
    <t>12/28/2019 14:47:16</t>
  </si>
  <si>
    <t>12/28/2019 14:51:08</t>
  </si>
  <si>
    <t>12/28/2019 14:49:51</t>
  </si>
  <si>
    <t>12/28/2019 14:50:01</t>
  </si>
  <si>
    <t>0297569f-aabf-49cd-be98-fb4fa6cbc42d.tmp</t>
  </si>
  <si>
    <t>\\acsfs\profiles$\cintiadjl\Downloads\0297569f-aabf-49cd-be98-fb4fa6cbc42d.tmp</t>
  </si>
  <si>
    <t>12/28/2019 14:50:15</t>
  </si>
  <si>
    <t>c0a7b479-e4b0-4c2d-98f4-2927b09926df.tmp</t>
  </si>
  <si>
    <t>\\acsfs\profiles$\cintiadjl\Downloads\c0a7b479-e4b0-4c2d-98f4-2927b09926df.tmp</t>
  </si>
  <si>
    <t>12/28/2019 14:46:45</t>
  </si>
  <si>
    <t>12/28/2019 14:52:09</t>
  </si>
  <si>
    <t>12/28/2019 14:49:59</t>
  </si>
  <si>
    <t>12/28/2019 14:53:09</t>
  </si>
  <si>
    <t>12/28/2019 14:50:39</t>
  </si>
  <si>
    <t>12/28/2019 14:51:13</t>
  </si>
  <si>
    <t>12/28/2019 14:51:20</t>
  </si>
  <si>
    <t>12/28/2019 14:51:30</t>
  </si>
  <si>
    <t>12/28/2019 14:48:59</t>
  </si>
  <si>
    <t>a12395ec-4a85-4bdb-ba95-1b1e5d4c77fb.tmp</t>
  </si>
  <si>
    <t>\\acsfs\profiles$\rosileiam\Downloads\a12395ec-4a85-4bdb-ba95-1b1e5d4c77fb.tmp</t>
  </si>
  <si>
    <t>12/28/2019 14:50:33</t>
  </si>
  <si>
    <t>f0b0216a-11d6-4dae-8123-72e63cf9f3e2.tmp</t>
  </si>
  <si>
    <t>\\acsfs\profiles$\rosileiam\Downloads\f0b0216a-11d6-4dae-8123-72e63cf9f3e2.tmp</t>
  </si>
  <si>
    <t>12/28/2019 14:52:28</t>
  </si>
  <si>
    <t>12/28/2019 14:56:09</t>
  </si>
  <si>
    <t>12/28/2019 14:52:19</t>
  </si>
  <si>
    <t>12/28/2019 14:51:53</t>
  </si>
  <si>
    <t>12/28/2019 14:53:03</t>
  </si>
  <si>
    <t>12/28/2019 14:57:09</t>
  </si>
  <si>
    <t>12/28/2019 14:52:57</t>
  </si>
  <si>
    <t>12/28/2019 14:54:57</t>
  </si>
  <si>
    <t>12/28/2019 14:52:33</t>
  </si>
  <si>
    <t>12/28/2019 14:58:09</t>
  </si>
  <si>
    <t>12/28/2019 14:54:53</t>
  </si>
  <si>
    <t>12/28/2019 14:55:27</t>
  </si>
  <si>
    <t>12/28/2019 15:01:09</t>
  </si>
  <si>
    <t>12/28/2019 14:59:58</t>
  </si>
  <si>
    <t>12/28/2019 15:03:09</t>
  </si>
  <si>
    <t>12/28/2019 15:02:54</t>
  </si>
  <si>
    <t>12/28/2019 15:05:08</t>
  </si>
  <si>
    <t>12/28/2019 15:04:46</t>
  </si>
  <si>
    <t>12/28/2019 15:07:09</t>
  </si>
  <si>
    <t>12/28/2019 15:04:40</t>
  </si>
  <si>
    <t>12/28/2019 15:09:09</t>
  </si>
  <si>
    <t>12/28/2019 15:09:03</t>
  </si>
  <si>
    <t>12/28/2019 15:10:09</t>
  </si>
  <si>
    <t>12/28/2019 15:09:22</t>
  </si>
  <si>
    <t>12/28/2019 15:09:28</t>
  </si>
  <si>
    <t>12/28/2019 15:12:08</t>
  </si>
  <si>
    <t>12/28/2019 15:08:55</t>
  </si>
  <si>
    <t>12/28/2019 15:13:09</t>
  </si>
  <si>
    <t>12/28/2019 15:12:18</t>
  </si>
  <si>
    <t>12/28/2019 15:17:09</t>
  </si>
  <si>
    <t>12/28/2019 15:13:11</t>
  </si>
  <si>
    <t>12/28/2019 15:25:04</t>
  </si>
  <si>
    <t>12/28/2019 15:26:09</t>
  </si>
  <si>
    <t>12/28/2019 15:23:25</t>
  </si>
  <si>
    <t>12/28/2019 15:22:54</t>
  </si>
  <si>
    <t>12/28/2019 15:27:10</t>
  </si>
  <si>
    <t>12/28/2019 15:22:22</t>
  </si>
  <si>
    <t>12/28/2019 15:28:09</t>
  </si>
  <si>
    <t>12/28/2019 15:27:16</t>
  </si>
  <si>
    <t>44ff2908-657d-4f81-a212-aa575aad9414.tmp</t>
  </si>
  <si>
    <t>\\acsfs\profiles$\rosileiam\Downloads\44ff2908-657d-4f81-a212-aa575aad9414.tmp</t>
  </si>
  <si>
    <t>12/28/2019 15:26:21</t>
  </si>
  <si>
    <t>12/28/2019 15:27:15</t>
  </si>
  <si>
    <t>12/28/2019 15:29:10</t>
  </si>
  <si>
    <t>\\acsfs\profiles$\vivianibfs\My Documents\xworkcenter\logs\</t>
  </si>
  <si>
    <t>XLOG_vivianibfs_28122019_152703.log</t>
  </si>
  <si>
    <t>\\acsfs\profiles$\vivianibfs\My Documents\xworkcenter\logs\XLOG_vivianibfs_28122019_152703.log</t>
  </si>
  <si>
    <t>12/28/2019 15:27:41</t>
  </si>
  <si>
    <t>12/28/2019 15:30:09</t>
  </si>
  <si>
    <t>12/28/2019 15:28:37</t>
  </si>
  <si>
    <t>12/28/2019 15:33:10</t>
  </si>
  <si>
    <t>12/28/2019 15:29:04</t>
  </si>
  <si>
    <t>12/28/2019 15:29:14</t>
  </si>
  <si>
    <t>12/28/2019 15:29:17</t>
  </si>
  <si>
    <t>12/28/2019 15:29:19</t>
  </si>
  <si>
    <t>12/28/2019 15:29:27</t>
  </si>
  <si>
    <t>12/28/2019 15:29:34</t>
  </si>
  <si>
    <t>12/28/2019 15:29:35</t>
  </si>
  <si>
    <t>12/28/2019 15:32:19</t>
  </si>
  <si>
    <t>12/28/2019 15:30:23</t>
  </si>
  <si>
    <t>12/28/2019 15:33:34</t>
  </si>
  <si>
    <t>12/28/2019 15:34:09</t>
  </si>
  <si>
    <t>12/28/2019 15:30:10</t>
  </si>
  <si>
    <t>12/28/2019 15:33:38</t>
  </si>
  <si>
    <t>12/28/2019 15:38:10</t>
  </si>
  <si>
    <t>12/28/2019 15:34:02</t>
  </si>
  <si>
    <t>12/28/2019 15:37:48</t>
  </si>
  <si>
    <t>12/28/2019 15:41:10</t>
  </si>
  <si>
    <t>12/28/2019 15:37:30</t>
  </si>
  <si>
    <t>12/28/2019 15:42:10</t>
  </si>
  <si>
    <t>b477ef54-5920-4ce0-bc1d-e5d8e6ca0f53.tmp</t>
  </si>
  <si>
    <t>\\acsfs\profiles$\andreapdsg\Downloads\b477ef54-5920-4ce0-bc1d-e5d8e6ca0f53.tmp</t>
  </si>
  <si>
    <t>12/28/2019 15:37:45</t>
  </si>
  <si>
    <t>12/28/2019 15:39:47</t>
  </si>
  <si>
    <t>603498e3-1322-4f7b-8ff5-f23f5f3c0519.tmp</t>
  </si>
  <si>
    <t>\\acsfs\profiles$\andreapdsg\Downloads\603498e3-1322-4f7b-8ff5-f23f5f3c0519.tmp</t>
  </si>
  <si>
    <t>12/28/2019 15:41:15</t>
  </si>
  <si>
    <t>12/28/2019 15:44:10</t>
  </si>
  <si>
    <t>12/28/2019 15:43:00</t>
  </si>
  <si>
    <t>12/28/2019 15:46:09</t>
  </si>
  <si>
    <t>12/28/2019 15:44:07</t>
  </si>
  <si>
    <t>12/28/2019 15:47:10</t>
  </si>
  <si>
    <t>12/28/2019 15:43:44</t>
  </si>
  <si>
    <t>12/28/2019 15:48:10</t>
  </si>
  <si>
    <t>12/28/2019 15:48:32</t>
  </si>
  <si>
    <t>12/28/2019 15:51:10</t>
  </si>
  <si>
    <t>12/28/2019 15:47:03</t>
  </si>
  <si>
    <t>12/28/2019 15:51:59</t>
  </si>
  <si>
    <t>12/28/2019 15:53:10</t>
  </si>
  <si>
    <t>mail.google.com/sync/u/0/i/s?hl=pt-BR&amp;c=172</t>
  </si>
  <si>
    <t>12/28/2019 15:52:04</t>
  </si>
  <si>
    <t>12/28/2019 15:52:08</t>
  </si>
  <si>
    <t>12/28/2019 15:50:26</t>
  </si>
  <si>
    <t>12/28/2019 15:53:39</t>
  </si>
  <si>
    <t>12/28/2019 15:57:11</t>
  </si>
  <si>
    <t>12/28/2019 15:52:14</t>
  </si>
  <si>
    <t>12/28/2019 15:58:11</t>
  </si>
  <si>
    <t>12/28/2019 15:52:22</t>
  </si>
  <si>
    <t>12/28/2019 15:52:37</t>
  </si>
  <si>
    <t>12/28/2019 15:53:53</t>
  </si>
  <si>
    <t>12/28/2019 16:00:23</t>
  </si>
  <si>
    <t>12/28/2019 16:01:12</t>
  </si>
  <si>
    <t>12/28/2019 16:01:08</t>
  </si>
  <si>
    <t>12/28/2019 16:03:12</t>
  </si>
  <si>
    <t>12/28/2019 16:04:59</t>
  </si>
  <si>
    <t>12/28/2019 16:06:12</t>
  </si>
  <si>
    <t>12/28/2019 16:06:04</t>
  </si>
  <si>
    <t>12/28/2019 16:09:12</t>
  </si>
  <si>
    <t>12/28/2019 16:07:00</t>
  </si>
  <si>
    <t>12/28/2019 16:11:11</t>
  </si>
  <si>
    <t>12/28/2019 16:07:35</t>
  </si>
  <si>
    <t>12/28/2019 16:08:54</t>
  </si>
  <si>
    <t>12/28/2019 16:11:27</t>
  </si>
  <si>
    <t>12/28/2019 16:13:11</t>
  </si>
  <si>
    <t>12/28/2019 16:13:35</t>
  </si>
  <si>
    <t>12/28/2019 16:15:10</t>
  </si>
  <si>
    <t>12/28/2019 16:13:32</t>
  </si>
  <si>
    <t>12/28/2019 16:17:10</t>
  </si>
  <si>
    <t>12/28/2019 16:14:18</t>
  </si>
  <si>
    <t>12/28/2019 16:18:10</t>
  </si>
  <si>
    <t>12/28/2019 16:14:22</t>
  </si>
  <si>
    <t>12/28/2019 16:14:27</t>
  </si>
  <si>
    <t>12/28/2019 16:14:30</t>
  </si>
  <si>
    <t>12/28/2019 16:14:34</t>
  </si>
  <si>
    <t>12/28/2019 16:14:43</t>
  </si>
  <si>
    <t>12/28/2019 16:14:51</t>
  </si>
  <si>
    <t>12/28/2019 16:14:56</t>
  </si>
  <si>
    <t>12/28/2019 16:16:10</t>
  </si>
  <si>
    <t>12/28/2019 16:16:05</t>
  </si>
  <si>
    <t>12/28/2019 16:21:10</t>
  </si>
  <si>
    <t>12/28/2019 16:16:44</t>
  </si>
  <si>
    <t>12/28/2019 16:22:10</t>
  </si>
  <si>
    <t>12/28/2019 16:23:09</t>
  </si>
  <si>
    <t>12/28/2019 16:22:04</t>
  </si>
  <si>
    <t>12/28/2019 16:24:09</t>
  </si>
  <si>
    <t>12/28/2019 16:24:29</t>
  </si>
  <si>
    <t>12/28/2019 16:25:09</t>
  </si>
  <si>
    <t>12/28/2019 16:25:19</t>
  </si>
  <si>
    <t>12/28/2019 16:26:09</t>
  </si>
  <si>
    <t>12/28/2019 16:25:32</t>
  </si>
  <si>
    <t>12/28/2019 16:28:09</t>
  </si>
  <si>
    <t>12/28/2019 16:28:37</t>
  </si>
  <si>
    <t>12/28/2019 16:31:10</t>
  </si>
  <si>
    <t>12/28/2019 16:29:44</t>
  </si>
  <si>
    <t>12/28/2019 16:33:09</t>
  </si>
  <si>
    <t>12/28/2019 16:33:43</t>
  </si>
  <si>
    <t>12/28/2019 16:35:09</t>
  </si>
  <si>
    <t>12/28/2019 16:34:02</t>
  </si>
  <si>
    <t>12/28/2019 16:36:10</t>
  </si>
  <si>
    <t>12/28/2019 16:35:02</t>
  </si>
  <si>
    <t>12/28/2019 16:38:10</t>
  </si>
  <si>
    <t>12/28/2019 16:35:28</t>
  </si>
  <si>
    <t>12/28/2019 16:35:46</t>
  </si>
  <si>
    <t>12/28/2019 16:40:54</t>
  </si>
  <si>
    <t>12/28/2019 16:43:09</t>
  </si>
  <si>
    <t>12/28/2019 16:42:01</t>
  </si>
  <si>
    <t>12/28/2019 16:45:09</t>
  </si>
  <si>
    <t>12/28/2019 16:44:19</t>
  </si>
  <si>
    <t>12/28/2019 16:46:08</t>
  </si>
  <si>
    <t>12/28/2019 16:44:17</t>
  </si>
  <si>
    <t>12/28/2019 16:50:09</t>
  </si>
  <si>
    <t>12/28/2019 16:50:03</t>
  </si>
  <si>
    <t>12/28/2019 16:51:09</t>
  </si>
  <si>
    <t>12/28/2019 16:47:38</t>
  </si>
  <si>
    <t>12/28/2019 16:52:08</t>
  </si>
  <si>
    <t>aaddccdc-e691-45c0-bf3b-fd8356fed03d.tmp</t>
  </si>
  <si>
    <t>\\acsfs\profiles$\andreapdsg\Downloads\aaddccdc-e691-45c0-bf3b-fd8356fed03d.tmp</t>
  </si>
  <si>
    <t>12/28/2019 16:51:31</t>
  </si>
  <si>
    <t>12/28/2019 16:56:09</t>
  </si>
  <si>
    <t>12/28/2019 16:57:19</t>
  </si>
  <si>
    <t>12/28/2019 17:02:09</t>
  </si>
  <si>
    <t>12/28/2019 16:59:05</t>
  </si>
  <si>
    <t>12/28/2019 17:02:19</t>
  </si>
  <si>
    <t>12/28/2019 17:05:09</t>
  </si>
  <si>
    <t>12/28/2019 17:05:03</t>
  </si>
  <si>
    <t>12/28/2019 17:07:09</t>
  </si>
  <si>
    <t>566de1a2-0f3e-4786-95e6-1480ac360122.tmp</t>
  </si>
  <si>
    <t>\\acsfs\profiles$\andreapdsg\Downloads\566de1a2-0f3e-4786-95e6-1480ac360122.tmp</t>
  </si>
  <si>
    <t>12/28/2019 17:06:46</t>
  </si>
  <si>
    <t>12/28/2019 17:08:09</t>
  </si>
  <si>
    <t>12/28/2019 17:10:03</t>
  </si>
  <si>
    <t>12/28/2019 17:11:10</t>
  </si>
  <si>
    <t>12/28/2019 17:08:37</t>
  </si>
  <si>
    <t>12/28/2019 17:13:10</t>
  </si>
  <si>
    <t>12/28/2019 17:08:43</t>
  </si>
  <si>
    <t>mail.google.com/sync/u/0/i/s?hl=pt-BR&amp;c=216</t>
  </si>
  <si>
    <t>12/28/2019 17:08:50</t>
  </si>
  <si>
    <t>12/28/2019 17:08:55</t>
  </si>
  <si>
    <t>12/28/2019 17:08:57</t>
  </si>
  <si>
    <t>12/28/2019 17:09:06</t>
  </si>
  <si>
    <t>12/28/2019 17:09:15</t>
  </si>
  <si>
    <t>12/28/2019 17:09:17</t>
  </si>
  <si>
    <t>12/28/2019 17:12:15</t>
  </si>
  <si>
    <t>12/28/2019 17:14:10</t>
  </si>
  <si>
    <t>12/28/2019 17:11:04</t>
  </si>
  <si>
    <t>12/28/2019 17:15:11</t>
  </si>
  <si>
    <t>12/28/2019 17:12:05</t>
  </si>
  <si>
    <t>12/28/2019 17:16:10</t>
  </si>
  <si>
    <t>12/28/2019 17:26:20</t>
  </si>
  <si>
    <t>12/28/2019 17:28:10</t>
  </si>
  <si>
    <t>12/28/2019 17:23:04</t>
  </si>
  <si>
    <t>12/28/2019 17:29:10</t>
  </si>
  <si>
    <t>12/28/2019 17:25:52</t>
  </si>
  <si>
    <t>12/28/2019 17:30:10</t>
  </si>
  <si>
    <t>12/28/2019 17:27:59</t>
  </si>
  <si>
    <t>12/28/2019 17:33:10</t>
  </si>
  <si>
    <t>12/28/2019 17:28:58</t>
  </si>
  <si>
    <t>12/28/2019 17:31:26</t>
  </si>
  <si>
    <t>12/28/2019 17:36:38</t>
  </si>
  <si>
    <t>12/28/2019 17:38:11</t>
  </si>
  <si>
    <t>12/28/2019 17:39:43</t>
  </si>
  <si>
    <t>12/28/2019 17:45:11</t>
  </si>
  <si>
    <t>12/28/2019 17:43:30</t>
  </si>
  <si>
    <t>bebcd336-f973-45bf-a32c-6fac2d1e57f3.tmp</t>
  </si>
  <si>
    <t>\\acsfs\profiles$\leandromsa\Downloads\bebcd336-f973-45bf-a32c-6fac2d1e57f3.tmp</t>
  </si>
  <si>
    <t>12/28/2019 17:43:24</t>
  </si>
  <si>
    <t>12/28/2019 17:47:11</t>
  </si>
  <si>
    <t>12/28/2019 17:42:39</t>
  </si>
  <si>
    <t>rafaelacdoc</t>
  </si>
  <si>
    <t>\\acsfs\profiles$\rafaelacdoc\Contacts\</t>
  </si>
  <si>
    <t>RAFAELA CRISTINA DE OLIVEIRA CLEMENTINO (10).contact</t>
  </si>
  <si>
    <t>\\acsfs\profiles$\rafaelacdoc\Contacts\RAFAELA CRISTINA DE OLIVEIRA CLEMENTINO (10).contact</t>
  </si>
  <si>
    <t>12/28/2019 17:42:51</t>
  </si>
  <si>
    <t>\\acsfs\profiles$\rafaelacdoc\My Documents\My Videos\</t>
  </si>
  <si>
    <t>\\acsfs\profiles$\rafaelacdoc\My Documents\My Videos\desktop.ini</t>
  </si>
  <si>
    <t>12/28/2019 17:42:52</t>
  </si>
  <si>
    <t>\\acsfs\profiles$\rafaelacdoc\My Documents\My Pictures\</t>
  </si>
  <si>
    <t>\\acsfs\profiles$\rafaelacdoc\My Documents\My Pictures\desktop.ini</t>
  </si>
  <si>
    <t>12/28/2019 17:42:53</t>
  </si>
  <si>
    <t>\\acsfs\profiles$\rafaelacdoc\Contacts\desktop.ini</t>
  </si>
  <si>
    <t>12/28/2019 17:42:54</t>
  </si>
  <si>
    <t>\\acsfs\profiles$\rafaelacdoc\Favorites\</t>
  </si>
  <si>
    <t>\\acsfs\profiles$\rafaelacdoc\Favorites\desktop.ini</t>
  </si>
  <si>
    <t>12/28/2019 17:42:55</t>
  </si>
  <si>
    <t>\\acsfs\profiles$\rafaelacdoc\My Documents\My Music\</t>
  </si>
  <si>
    <t>\\acsfs\profiles$\rafaelacdoc\My Documents\My Music\desktop.ini</t>
  </si>
  <si>
    <t>12/28/2019 17:42:56</t>
  </si>
  <si>
    <t>12/28/2019 17:42:57</t>
  </si>
  <si>
    <t>\\acsfs\profiles$\rafaelacdoc\Searches\</t>
  </si>
  <si>
    <t>\\acsfs\profiles$\rafaelacdoc\Searches\desktop.ini</t>
  </si>
  <si>
    <t>12/28/2019 17:42:58</t>
  </si>
  <si>
    <t>\\acsfs\profiles$\rafaelacdoc\Downloads\</t>
  </si>
  <si>
    <t>\\acsfs\profiles$\rafaelacdoc\Downloads\desktop.ini</t>
  </si>
  <si>
    <t>12/28/2019 17:42:59</t>
  </si>
  <si>
    <t>\\acsfs\profiles$\rafaelacdoc\My Documents\</t>
  </si>
  <si>
    <t>\\acsfs\profiles$\rafaelacdoc\My Documents\desktop.ini</t>
  </si>
  <si>
    <t>12/28/2019 17:43:00</t>
  </si>
  <si>
    <t>\\acsfs\profiles$\rafaelacdoc\Saved Games\</t>
  </si>
  <si>
    <t>\\acsfs\profiles$\rafaelacdoc\Saved Games\desktop.ini</t>
  </si>
  <si>
    <t>12/28/2019 17:43:13</t>
  </si>
  <si>
    <t>\\acsfs\profiles$\rafaelacdoc\Favorites\Links for Brasil\</t>
  </si>
  <si>
    <t>\\acsfs\profiles$\rafaelacdoc\Favorites\Links for Brasil\desktop.ini</t>
  </si>
  <si>
    <t>12/28/2019 17:43:14</t>
  </si>
  <si>
    <t>\\acsfs\profiles$\rafaelacdoc\Favorites\Links for Brasil\Microsoft Brasil.url</t>
  </si>
  <si>
    <t>\\acsfs\profiles$\rafaelacdoc\Favorites\Links for Brasil\Windows Brasil.url</t>
  </si>
  <si>
    <t>12/28/2019 17:43:16</t>
  </si>
  <si>
    <t>\\acsfs\profiles$\rafaelacdoc\Favorites\Links for Brasil\MSN Brasil.url</t>
  </si>
  <si>
    <t>12/28/2019 17:43:17</t>
  </si>
  <si>
    <t>12/28/2019 17:44:19</t>
  </si>
  <si>
    <t>a4a1650a-724b-45e8-82dd-a7732634bc03.tmp</t>
  </si>
  <si>
    <t>\\acsfs\profiles$\rafaelacdoc\Downloads\a4a1650a-724b-45e8-82dd-a7732634bc03.tmp</t>
  </si>
  <si>
    <t>12/28/2019 17:44:21</t>
  </si>
  <si>
    <t>c2fbfcbe-bdab-4dbf-8e89-b7edb4946198.tmp</t>
  </si>
  <si>
    <t>\\acsfs\profiles$\rafaelacdoc\Downloads\c2fbfcbe-bdab-4dbf-8e89-b7edb4946198.tmp</t>
  </si>
  <si>
    <t>12/28/2019 17:44:32</t>
  </si>
  <si>
    <t>Q29udHJvbGxlci5JRS1JbmZvQlY- (34).ica</t>
  </si>
  <si>
    <t>\\acsfs\profiles$\rafaelacdoc\Downloads\Q29udHJvbGxlci5JRS1JbmZvQlY- (34).ica</t>
  </si>
  <si>
    <t>12/28/2019 17:47:46</t>
  </si>
  <si>
    <t>12/28/2019 17:50:10</t>
  </si>
  <si>
    <t>12/28/2019 17:47:18</t>
  </si>
  <si>
    <t>0cc05d17-f85e-4a2f-ac71-87491f930b30.tmp</t>
  </si>
  <si>
    <t>\\acsfs\profiles$\leandromsa\Downloads\0cc05d17-f85e-4a2f-ac71-87491f930b30.tmp</t>
  </si>
  <si>
    <t>12/28/2019 17:47:42</t>
  </si>
  <si>
    <t>12/28/2019 17:51:11</t>
  </si>
  <si>
    <t>12/28/2019 17:49:50</t>
  </si>
  <si>
    <t>12/28/2019 17:52:11</t>
  </si>
  <si>
    <t>725254f7-5cae-4c65-ad60-cad7e67eccd3.tmp</t>
  </si>
  <si>
    <t>\\acsfs\profiles$\andreapdsg\Downloads\725254f7-5cae-4c65-ad60-cad7e67eccd3.tmp</t>
  </si>
  <si>
    <t>12/28/2019 17:49:53</t>
  </si>
  <si>
    <t>ef5b5afd-99c0-410a-abc8-6d63a6ebb3c5.tmp</t>
  </si>
  <si>
    <t>\\acsfs\profiles$\andreapdsg\Downloads\ef5b5afd-99c0-410a-abc8-6d63a6ebb3c5.tmp</t>
  </si>
  <si>
    <t>12/28/2019 17:52:32</t>
  </si>
  <si>
    <t>12/28/2019 17:53:12</t>
  </si>
  <si>
    <t>12/28/2019 17:50:41</t>
  </si>
  <si>
    <t>12/28/2019 17:51:04</t>
  </si>
  <si>
    <t>12/28/2019 17:54:11</t>
  </si>
  <si>
    <t>12/28/2019 17:51:06</t>
  </si>
  <si>
    <t>12/28/2019 17:51:09</t>
  </si>
  <si>
    <t>12/28/2019 17:51:12</t>
  </si>
  <si>
    <t>12/28/2019 17:51:13</t>
  </si>
  <si>
    <t>12/28/2019 17:51:14</t>
  </si>
  <si>
    <t>12/28/2019 17:51:15</t>
  </si>
  <si>
    <t>12/28/2019 17:51:17</t>
  </si>
  <si>
    <t>12/28/2019 17:51:18</t>
  </si>
  <si>
    <t>12/28/2019 17:51:19</t>
  </si>
  <si>
    <t>12/28/2019 17:51:21</t>
  </si>
  <si>
    <t>12/28/2019 17:51:22</t>
  </si>
  <si>
    <t>12/28/2019 17:51:24</t>
  </si>
  <si>
    <t>12/28/2019 17:51:25</t>
  </si>
  <si>
    <t>12/28/2019 17:51:26</t>
  </si>
  <si>
    <t>12/28/2019 17:51:27</t>
  </si>
  <si>
    <t>12/28/2019 17:51:28</t>
  </si>
  <si>
    <t>12/28/2019 17:51:29</t>
  </si>
  <si>
    <t>12/28/2019 17:51:30</t>
  </si>
  <si>
    <t>12/28/2019 17:51:31</t>
  </si>
  <si>
    <t>12/28/2019 17:51:32</t>
  </si>
  <si>
    <t>12/28/2019 17:51:33</t>
  </si>
  <si>
    <t>12/28/2019 17:51:34</t>
  </si>
  <si>
    <t>12/28/2019 17:51:36</t>
  </si>
  <si>
    <t>12/28/2019 17:51:37</t>
  </si>
  <si>
    <t>12/28/2019 17:51:38</t>
  </si>
  <si>
    <t>12/28/2019 17:51:39</t>
  </si>
  <si>
    <t>12/28/2019 17:51:41</t>
  </si>
  <si>
    <t>12/28/2019 17:51:42</t>
  </si>
  <si>
    <t>12/28/2019 17:51:43</t>
  </si>
  <si>
    <t>12/28/2019 17:51:44</t>
  </si>
  <si>
    <t>12/28/2019 17:51:45</t>
  </si>
  <si>
    <t>12/28/2019 17:51:46</t>
  </si>
  <si>
    <t>12/28/2019 17:51:48</t>
  </si>
  <si>
    <t>12/28/2019 17:52:12</t>
  </si>
  <si>
    <t>12/28/2019 17:49:42</t>
  </si>
  <si>
    <t>12/28/2019 17:55:12</t>
  </si>
  <si>
    <t>ea073682-f192-4274-b085-fea3fb197f56.tmp</t>
  </si>
  <si>
    <t>\\acsfs\profiles$\leandromsa\Downloads\ea073682-f192-4274-b085-fea3fb197f56.tmp</t>
  </si>
  <si>
    <t>12/28/2019 17:56:25</t>
  </si>
  <si>
    <t>12/28/2019 17:57:11</t>
  </si>
  <si>
    <t>fe1d65f8-ce92-44fe-a8f9-091b7557210e.tmp</t>
  </si>
  <si>
    <t>\\acsfs\profiles$\andreapdsg\Downloads\fe1d65f8-ce92-44fe-a8f9-091b7557210e.tmp</t>
  </si>
  <si>
    <t>12/28/2019 17:55:13</t>
  </si>
  <si>
    <t>12/28/2019 17:58:12</t>
  </si>
  <si>
    <t>db532c84-c35f-4427-86fa-01e30fab2a21.tmp</t>
  </si>
  <si>
    <t>\\acsfs\profiles$\matheusmax\Downloads\db532c84-c35f-4427-86fa-01e30fab2a21.tmp</t>
  </si>
  <si>
    <t>12/28/2019 17:53:50</t>
  </si>
  <si>
    <t>12/28/2019 17:54:24</t>
  </si>
  <si>
    <t>12/28/2019 17:54:52</t>
  </si>
  <si>
    <t>12/28/2019 17:57:28</t>
  </si>
  <si>
    <t>12/28/2019 17:54:35</t>
  </si>
  <si>
    <t>12/28/2019 18:00:12</t>
  </si>
  <si>
    <t>fa2c13d7-62a7-4e28-b90f-916b5a90d8e8.tmp</t>
  </si>
  <si>
    <t>\\acsfs\profiles$\taylaedoa\Downloads\fa2c13d7-62a7-4e28-b90f-916b5a90d8e8.tmp</t>
  </si>
  <si>
    <t>12/28/2019 17:57:42</t>
  </si>
  <si>
    <t>1bc093e6-8454-4343-be37-e8e331676b03.tmp</t>
  </si>
  <si>
    <t>\\acsfs\profiles$\taylaedoa\Downloads\1bc093e6-8454-4343-be37-e8e331676b03.tmp</t>
  </si>
  <si>
    <t>12/28/2019 17:55:57</t>
  </si>
  <si>
    <t>12/28/2019 18:00:19</t>
  </si>
  <si>
    <t>12/28/2019 18:01:12</t>
  </si>
  <si>
    <t>12/28/2019 18:04:51</t>
  </si>
  <si>
    <t>12/28/2019 18:08:12</t>
  </si>
  <si>
    <t>12/28/2019 18:06:01</t>
  </si>
  <si>
    <t>mail.google.com/sync/u/0/i/s?hl=pt-BR&amp;c=257</t>
  </si>
  <si>
    <t>12/28/2019 18:06:09</t>
  </si>
  <si>
    <t>12/28/2019 18:06:14</t>
  </si>
  <si>
    <t>12/28/2019 18:06:19</t>
  </si>
  <si>
    <t>12/28/2019 18:06:26</t>
  </si>
  <si>
    <t>12/28/2019 18:06:35</t>
  </si>
  <si>
    <t>12/28/2019 18:08:08</t>
  </si>
  <si>
    <t>12/28/2019 18:10:11</t>
  </si>
  <si>
    <t>12/28/2019 18:09:26</t>
  </si>
  <si>
    <t>12/28/2019 18:07:53</t>
  </si>
  <si>
    <t>12/28/2019 18:13:11</t>
  </si>
  <si>
    <t>06e07052-4afd-4bc2-b3dc-bf69aac769b9.tmp</t>
  </si>
  <si>
    <t>\\acsfs\profiles$\rosileiam\Downloads\06e07052-4afd-4bc2-b3dc-bf69aac769b9.tmp</t>
  </si>
  <si>
    <t>12/28/2019 18:09:14</t>
  </si>
  <si>
    <t>12/28/2019 18:11:18</t>
  </si>
  <si>
    <t>12/28/2019 18:10:08</t>
  </si>
  <si>
    <t>12/28/2019 18:15:10</t>
  </si>
  <si>
    <t>12/28/2019 18:09:55</t>
  </si>
  <si>
    <t>12/28/2019 18:10:48</t>
  </si>
  <si>
    <t>12/28/2019 18:15:40</t>
  </si>
  <si>
    <t>12/28/2019 18:18:10</t>
  </si>
  <si>
    <t>12/28/2019 18:16:12</t>
  </si>
  <si>
    <t>12/28/2019 18:15:25</t>
  </si>
  <si>
    <t>12/28/2019 18:20:10</t>
  </si>
  <si>
    <t>12/28/2019 18:20:50</t>
  </si>
  <si>
    <t>12/28/2019 18:21:09</t>
  </si>
  <si>
    <t>12/28/2019 18:21:21</t>
  </si>
  <si>
    <t>12/28/2019 18:25:10</t>
  </si>
  <si>
    <t>12/28/2019 18:24:22</t>
  </si>
  <si>
    <t>12/28/2019 18:23:25</t>
  </si>
  <si>
    <t>12/28/2019 18:28:09</t>
  </si>
  <si>
    <t>12/28/2019 18:27:35</t>
  </si>
  <si>
    <t>12/28/2019 18:31:09</t>
  </si>
  <si>
    <t>12/28/2019 18:27:45</t>
  </si>
  <si>
    <t>12/28/2019 18:32:10</t>
  </si>
  <si>
    <t>12/28/2019 18:29:06</t>
  </si>
  <si>
    <t>12/28/2019 18:33:09</t>
  </si>
  <si>
    <t>12/28/2019 18:31:14</t>
  </si>
  <si>
    <t>12/28/2019 18:31:23</t>
  </si>
  <si>
    <t>mail.google.com/sync/u/0/i/s?hl=pt-BR&amp;c=285</t>
  </si>
  <si>
    <t>12/28/2019 18:31:27</t>
  </si>
  <si>
    <t>12/28/2019 18:31:30</t>
  </si>
  <si>
    <t>12/28/2019 18:31:33</t>
  </si>
  <si>
    <t>12/28/2019 18:31:50</t>
  </si>
  <si>
    <t>12/28/2019 18:31:58</t>
  </si>
  <si>
    <t>12/28/2019 18:32:08</t>
  </si>
  <si>
    <t>mail.google.com/sync/u/0/i/s?hl=pt-BR&amp;c=298</t>
  </si>
  <si>
    <t>12/28/2019 18:28:00</t>
  </si>
  <si>
    <t>12/28/2019 18:32:33</t>
  </si>
  <si>
    <t>12/28/2019 18:32:47</t>
  </si>
  <si>
    <t>12/28/2019 18:38:09</t>
  </si>
  <si>
    <t>12/28/2019 18:33:36</t>
  </si>
  <si>
    <t>12/28/2019 18:38:13</t>
  </si>
  <si>
    <t>12/28/2019 18:39:09</t>
  </si>
  <si>
    <t>12/28/2019 18:36:29</t>
  </si>
  <si>
    <t>12/28/2019 18:38:37</t>
  </si>
  <si>
    <t>12/28/2019 18:40:09</t>
  </si>
  <si>
    <t>12/28/2019 18:39:52</t>
  </si>
  <si>
    <t>12/28/2019 18:41:09</t>
  </si>
  <si>
    <t>12/28/2019 18:39:06</t>
  </si>
  <si>
    <t>12/28/2019 18:43:09</t>
  </si>
  <si>
    <t>12/28/2019 18:39:21</t>
  </si>
  <si>
    <t>12/28/2019 18:40:01</t>
  </si>
  <si>
    <t>12/28/2019 18:42:26</t>
  </si>
  <si>
    <t>12/28/2019 18:45:09</t>
  </si>
  <si>
    <t>12/28/2019 18:47:31</t>
  </si>
  <si>
    <t>12/28/2019 18:48:08</t>
  </si>
  <si>
    <t>12/28/2019 18:49:00</t>
  </si>
  <si>
    <t>12/28/2019 18:53:09</t>
  </si>
  <si>
    <t>12/28/2019 18:48:30</t>
  </si>
  <si>
    <t>12/28/2019 18:49:32</t>
  </si>
  <si>
    <t>12/28/2019 18:51:02</t>
  </si>
  <si>
    <t>12/28/2019 18:55:08</t>
  </si>
  <si>
    <t>12/28/2019 18:50:19</t>
  </si>
  <si>
    <t>12/28/2019 18:53:24</t>
  </si>
  <si>
    <t>12/28/2019 18:54:33</t>
  </si>
  <si>
    <t>12/28/2019 18:56:09</t>
  </si>
  <si>
    <t>12/28/2019 18:55:03</t>
  </si>
  <si>
    <t>12/28/2019 18:57:08</t>
  </si>
  <si>
    <t>12/28/2019 18:54:02</t>
  </si>
  <si>
    <t>12/28/2019 18:58:09</t>
  </si>
  <si>
    <t>12/28/2019 18:55:38</t>
  </si>
  <si>
    <t>12/28/2019 19:01:09</t>
  </si>
  <si>
    <t>12/28/2019 18:58:03</t>
  </si>
  <si>
    <t>12/28/2019 18:58:14</t>
  </si>
  <si>
    <t>12/28/2019 19:00:25</t>
  </si>
  <si>
    <t>12/28/2019 19:00:29</t>
  </si>
  <si>
    <t>12/28/2019 19:03:10</t>
  </si>
  <si>
    <t>mail.google.com/sync/u/0/i/s?hl=pt-BR&amp;c=315</t>
  </si>
  <si>
    <t>12/28/2019 19:00:37</t>
  </si>
  <si>
    <t>12/28/2019 19:00:41</t>
  </si>
  <si>
    <t>12/28/2019 19:00:45</t>
  </si>
  <si>
    <t>12/28/2019 19:00:47</t>
  </si>
  <si>
    <t>12/28/2019 19:00:54</t>
  </si>
  <si>
    <t>12/28/2019 19:01:02</t>
  </si>
  <si>
    <t>mail.google.com/sync/u/0/i/s?hl=pt-BR&amp;c=331</t>
  </si>
  <si>
    <t>12/28/2019 19:01:33</t>
  </si>
  <si>
    <t>12/28/2019 19:01:55</t>
  </si>
  <si>
    <t>12/28/2019 19:00:28</t>
  </si>
  <si>
    <t>12/28/2019 19:04:19</t>
  </si>
  <si>
    <t>12/28/2019 19:06:10</t>
  </si>
  <si>
    <t>12/28/2019 19:02:31</t>
  </si>
  <si>
    <t>12/28/2019 19:08:11</t>
  </si>
  <si>
    <t>12/28/2019 19:08:05</t>
  </si>
  <si>
    <t>12/28/2019 19:10:11</t>
  </si>
  <si>
    <t>12/28/2019 19:09:23</t>
  </si>
  <si>
    <t>12/28/2019 19:13:10</t>
  </si>
  <si>
    <t>12/28/2019 19:20:08</t>
  </si>
  <si>
    <t>12/28/2019 19:21:11</t>
  </si>
  <si>
    <t>12/28/2019 19:21:29</t>
  </si>
  <si>
    <t>12/28/2019 19:23:12</t>
  </si>
  <si>
    <t>12/28/2019 19:22:21</t>
  </si>
  <si>
    <t>12/28/2019 19:27:12</t>
  </si>
  <si>
    <t>d96abd3d-0fe2-4c36-9916-a151d7525599.tmp</t>
  </si>
  <si>
    <t>\\acsfs\profiles$\rafaelacdoc\Downloads\d96abd3d-0fe2-4c36-9916-a151d7525599.tmp</t>
  </si>
  <si>
    <t>12/28/2019 19:33:23</t>
  </si>
  <si>
    <t>12/28/2019 19:36:12</t>
  </si>
  <si>
    <t>12/28/2019 19:37:44</t>
  </si>
  <si>
    <t>12/28/2019 19:39:11</t>
  </si>
  <si>
    <t>12/28/2019 19:38:48</t>
  </si>
  <si>
    <t>12/28/2019 19:41:12</t>
  </si>
  <si>
    <t>12/28/2019 19:39:57</t>
  </si>
  <si>
    <t>12/28/2019 19:42:11</t>
  </si>
  <si>
    <t>12/28/2019 19:42:04</t>
  </si>
  <si>
    <t>12/28/2019 19:43:12</t>
  </si>
  <si>
    <t>12/28/2019 19:44:08</t>
  </si>
  <si>
    <t>12/28/2019 19:47:12</t>
  </si>
  <si>
    <t>034c0910-1aa0-49db-99f0-d3a6a2695c1f.tmp</t>
  </si>
  <si>
    <t>\\acsfs\profiles$\rafaelacdoc\Downloads\034c0910-1aa0-49db-99f0-d3a6a2695c1f.tmp</t>
  </si>
  <si>
    <t>12/28/2019 19:44:51</t>
  </si>
  <si>
    <t>12/28/2019 19:48:11</t>
  </si>
  <si>
    <t>12/28/2019 19:45:18</t>
  </si>
  <si>
    <t>12/28/2019 19:44:25</t>
  </si>
  <si>
    <t>12/28/2019 19:50:11</t>
  </si>
  <si>
    <t>12/28/2019 19:48:38</t>
  </si>
  <si>
    <t>12/28/2019 19:51:11</t>
  </si>
  <si>
    <t>12/28/2019 19:49:41</t>
  </si>
  <si>
    <t>12/28/2019 19:53:11</t>
  </si>
  <si>
    <t>12/28/2019 19:52:01</t>
  </si>
  <si>
    <t>12/28/2019 19:54:11</t>
  </si>
  <si>
    <t>12/28/2019 19:54:34</t>
  </si>
  <si>
    <t>12/28/2019 19:58:11</t>
  </si>
  <si>
    <t>12/28/2019 19:57:35</t>
  </si>
  <si>
    <t>12/28/2019 19:57:13</t>
  </si>
  <si>
    <t>12/28/2019 19:59:10</t>
  </si>
  <si>
    <t>12/28/2019 19:59:05</t>
  </si>
  <si>
    <t>12/28/2019 20:00:11</t>
  </si>
  <si>
    <t>12/28/2019 20:01:11</t>
  </si>
  <si>
    <t>12/28/2019 20:00:48</t>
  </si>
  <si>
    <t>12/28/2019 20:03:12</t>
  </si>
  <si>
    <t>12/28/2019 20:00:53</t>
  </si>
  <si>
    <t>12/28/2019 19:59:42</t>
  </si>
  <si>
    <t>12/28/2019 20:01:32</t>
  </si>
  <si>
    <t>12/28/2019 20:01:38</t>
  </si>
  <si>
    <t>12/28/2019 20:01:16</t>
  </si>
  <si>
    <t>12/28/2019 20:02:28</t>
  </si>
  <si>
    <t>12/28/2019 20:07:11</t>
  </si>
  <si>
    <t>12/28/2019 20:02:27</t>
  </si>
  <si>
    <t>12/28/2019 20:08:11</t>
  </si>
  <si>
    <t>mail.google.com/sync/u/0/i/s?hl=pt-BR&amp;c=338</t>
  </si>
  <si>
    <t>12/28/2019 20:02:33</t>
  </si>
  <si>
    <t>12/28/2019 20:02:39</t>
  </si>
  <si>
    <t>12/28/2019 20:02:46</t>
  </si>
  <si>
    <t>mail.google.com/sync/u/0/i/s?hl=pt-BR&amp;c=345</t>
  </si>
  <si>
    <t>12/28/2019 20:02:57</t>
  </si>
  <si>
    <t>mail.google.com/sync/u/0/i/s?hl=pt-BR&amp;c=347</t>
  </si>
  <si>
    <t>12/28/2019 20:03:05</t>
  </si>
  <si>
    <t>mail.google.com/sync/u/0/i/s?hl=pt-BR&amp;c=349</t>
  </si>
  <si>
    <t>12/28/2019 20:04:38</t>
  </si>
  <si>
    <t>12/28/2019 20:06:32</t>
  </si>
  <si>
    <t>mail.google.com/sync/u/0/i/s?hl=pt-BR&amp;c=359</t>
  </si>
  <si>
    <t>12/28/2019 20:06:35</t>
  </si>
  <si>
    <t>mail.google.com/sync/u/0/i/s?hl=pt-BR&amp;c=361</t>
  </si>
  <si>
    <t>12/28/2019 20:06:39</t>
  </si>
  <si>
    <t>mail.google.com/sync/u/0/i/s?hl=pt-BR&amp;c=363</t>
  </si>
  <si>
    <t>12/28/2019 20:06:50</t>
  </si>
  <si>
    <t>mail.google.com/sync/u/0/i/s?hl=pt-BR&amp;c=365</t>
  </si>
  <si>
    <t>12/28/2019 20:06:52</t>
  </si>
  <si>
    <t>12/28/2019 20:06:59</t>
  </si>
  <si>
    <t>12/28/2019 20:04:40</t>
  </si>
  <si>
    <t>12/28/2019 20:04:15</t>
  </si>
  <si>
    <t>12/28/2019 20:10:28</t>
  </si>
  <si>
    <t>12/28/2019 20:13:12</t>
  </si>
  <si>
    <t>12/28/2019 20:12:02</t>
  </si>
  <si>
    <t>12/28/2019 20:16:12</t>
  </si>
  <si>
    <t>12/28/2019 20:11:37</t>
  </si>
  <si>
    <t>12/28/2019 20:17:12</t>
  </si>
  <si>
    <t>12/28/2019 20:14:33</t>
  </si>
  <si>
    <t>12/28/2019 20:18:13</t>
  </si>
  <si>
    <t>12/28/2019 20:13:28</t>
  </si>
  <si>
    <t>12/28/2019 20:17:52</t>
  </si>
  <si>
    <t>12/28/2019 20:19:12</t>
  </si>
  <si>
    <t>12/28/2019 20:18:06</t>
  </si>
  <si>
    <t>12/28/2019 20:20:13</t>
  </si>
  <si>
    <t>12/28/2019 20:16:23</t>
  </si>
  <si>
    <t>12/28/2019 20:20:36</t>
  </si>
  <si>
    <t>12/28/2019 20:23:13</t>
  </si>
  <si>
    <t>12/28/2019 20:20:45</t>
  </si>
  <si>
    <t>12/28/2019 20:27:51</t>
  </si>
  <si>
    <t>12/28/2019 20:29:13</t>
  </si>
  <si>
    <t>12/28/2019 20:28:49</t>
  </si>
  <si>
    <t>12/28/2019 20:31:13</t>
  </si>
  <si>
    <t>12/28/2019 20:34:11</t>
  </si>
  <si>
    <t>12/28/2019 20:35:13</t>
  </si>
  <si>
    <t>12/28/2019 20:31:46</t>
  </si>
  <si>
    <t>12/28/2019 20:36:13</t>
  </si>
  <si>
    <t>12/28/2019 20:36:12</t>
  </si>
  <si>
    <t>12/28/2019 20:38:13</t>
  </si>
  <si>
    <t>12/28/2019 20:41:13</t>
  </si>
  <si>
    <t>12/28/2019 20:39:24</t>
  </si>
  <si>
    <t>12/28/2019 20:40:52</t>
  </si>
  <si>
    <t>12/28/2019 20:45:12</t>
  </si>
  <si>
    <t>12/28/2019 20:42:50</t>
  </si>
  <si>
    <t>12/28/2019 20:46:29</t>
  </si>
  <si>
    <t>12/28/2019 20:49:12</t>
  </si>
  <si>
    <t>12/28/2019 20:48:18</t>
  </si>
  <si>
    <t>12/28/2019 20:50:12</t>
  </si>
  <si>
    <t>12/28/2019 20:49:30</t>
  </si>
  <si>
    <t>12/28/2019 20:53:12</t>
  </si>
  <si>
    <t>12/28/2019 20:53:22</t>
  </si>
  <si>
    <t>12/28/2019 20:57:13</t>
  </si>
  <si>
    <t>12/28/2019 20:58:02</t>
  </si>
  <si>
    <t>12/28/2019 21:01:12</t>
  </si>
  <si>
    <t>12/28/2019 21:01:20</t>
  </si>
  <si>
    <t>12/28/2019 21:06:13</t>
  </si>
  <si>
    <t>12/28/2019 21:03:35</t>
  </si>
  <si>
    <t>12/28/2019 21:08:12</t>
  </si>
  <si>
    <t>12/28/2019 21:03:46</t>
  </si>
  <si>
    <t>12/28/2019 21:17:46</t>
  </si>
  <si>
    <t>12/28/2019 21:20:13</t>
  </si>
  <si>
    <t>12/28/2019 21:20:02</t>
  </si>
  <si>
    <t>12/28/2019 21:23:13</t>
  </si>
  <si>
    <t>12/28/2019 21:23:26</t>
  </si>
  <si>
    <t>12/28/2019 21:28:13</t>
  </si>
  <si>
    <t>12/28/2019 21:24:14</t>
  </si>
  <si>
    <t>12/28/2019 21:25:08</t>
  </si>
  <si>
    <t>12/28/2019 21:29:12</t>
  </si>
  <si>
    <t>12/28/2019 21:25:26</t>
  </si>
  <si>
    <t>12/28/2019 21:27:29</t>
  </si>
  <si>
    <t>12/28/2019 21:33:13</t>
  </si>
  <si>
    <t>12/28/2019 21:27:42</t>
  </si>
  <si>
    <t>12/28/2019 21:28:34</t>
  </si>
  <si>
    <t>12/28/2019 21:29:48</t>
  </si>
  <si>
    <t>mail.google.com/sync/u/0/i/s?hl=pt-BR&amp;c=428</t>
  </si>
  <si>
    <t>12/28/2019 21:29:53</t>
  </si>
  <si>
    <t>mail.google.com/sync/u/0/i/s?hl=pt-BR&amp;c=430</t>
  </si>
  <si>
    <t>andrelpsa@algartech.com;</t>
  </si>
  <si>
    <t>andrelpsa@algartech.com</t>
  </si>
  <si>
    <t>12/28/2019 21:30:18</t>
  </si>
  <si>
    <t>12/28/2019 21:30:40</t>
  </si>
  <si>
    <t>mail.google.com/sync/u/0/i/s?hl=pt-BR&amp;c=435</t>
  </si>
  <si>
    <t>12/28/2019 21:31:04</t>
  </si>
  <si>
    <t>12/28/2019 21:31:19</t>
  </si>
  <si>
    <t>12/28/2019 21:31:33</t>
  </si>
  <si>
    <t>12/28/2019 21:31:49</t>
  </si>
  <si>
    <t>Larissa Pereira 2812.xlsx</t>
  </si>
  <si>
    <t>12/28/2019 21:32:13</t>
  </si>
  <si>
    <t>12/28/2019 21:32:35</t>
  </si>
  <si>
    <t>12/28/2019 21:35:13</t>
  </si>
  <si>
    <t>12/28/2019 21:45:43</t>
  </si>
  <si>
    <t>12/28/2019 21:46:13</t>
  </si>
  <si>
    <t>12/28/2019 21:43:37</t>
  </si>
  <si>
    <t>12/28/2019 21:48:13</t>
  </si>
  <si>
    <t>12/28/2019 21:47:12</t>
  </si>
  <si>
    <t>12/28/2019 21:52:13</t>
  </si>
  <si>
    <t>12/28/2019 21:54:27</t>
  </si>
  <si>
    <t>12/28/2019 21:57:13</t>
  </si>
  <si>
    <t>12/28/2019 21:56:57</t>
  </si>
  <si>
    <t>12/28/2019 21:58:13</t>
  </si>
  <si>
    <t>12/28/2019 21:57:35</t>
  </si>
  <si>
    <t>12/28/2019 22:03:13</t>
  </si>
  <si>
    <t>12/28/2019 22:00:02</t>
  </si>
  <si>
    <t>12/28/2019 22:00:31</t>
  </si>
  <si>
    <t>12/28/2019 22:01:03</t>
  </si>
  <si>
    <t>12/28/2019 22:04:33</t>
  </si>
  <si>
    <t>12/28/2019 22:07:13</t>
  </si>
  <si>
    <t>12/28/2019 22:10:13</t>
  </si>
  <si>
    <t>12/28/2019 22:13:13</t>
  </si>
  <si>
    <t>12/28/2019 22:10:20</t>
  </si>
  <si>
    <t>12/28/2019 22:15:13</t>
  </si>
  <si>
    <t>12/28/2019 22:13:57</t>
  </si>
  <si>
    <t>12/28/2019 22:16:13</t>
  </si>
  <si>
    <t>12/28/2019 22:20:31</t>
  </si>
  <si>
    <t>12/28/2019 22:21:13</t>
  </si>
  <si>
    <t>12/28/2019 22:16:37</t>
  </si>
  <si>
    <t>12/28/2019 22:22:13</t>
  </si>
  <si>
    <t>12/28/2019 22:20:59</t>
  </si>
  <si>
    <t>12/28/2019 22:24:13</t>
  </si>
  <si>
    <t>12/28/2019 22:21:02</t>
  </si>
  <si>
    <t>12/28/2019 22:25:13</t>
  </si>
  <si>
    <t>12/28/2019 22:24:08</t>
  </si>
  <si>
    <t>12/28/2019 22:26:13</t>
  </si>
  <si>
    <t>12/28/2019 22:36:02</t>
  </si>
  <si>
    <t>12/28/2019 22:40:13</t>
  </si>
  <si>
    <t>12/28/2019 22:38:19</t>
  </si>
  <si>
    <t>12/28/2019 22:41:13</t>
  </si>
  <si>
    <t>12/28/2019 22:38:52</t>
  </si>
  <si>
    <t>12/28/2019 22:39:19</t>
  </si>
  <si>
    <t>12/28/2019 22:43:13</t>
  </si>
  <si>
    <t>12/28/2019 22:42:04</t>
  </si>
  <si>
    <t>12/28/2019 22:44:13</t>
  </si>
  <si>
    <t>12/28/2019 22:47:17</t>
  </si>
  <si>
    <t>12/28/2019 22:50:12</t>
  </si>
  <si>
    <t>12/28/2019 23:02:25</t>
  </si>
  <si>
    <t>12/28/2019 23:06:12</t>
  </si>
  <si>
    <t>12/28/2019 23:05:17</t>
  </si>
  <si>
    <t>12/28/2019 23:06:35</t>
  </si>
  <si>
    <t>12/28/2019 23:11:13</t>
  </si>
  <si>
    <t>12/28/2019 23:09:26</t>
  </si>
  <si>
    <t>12/28/2019 23:14:13</t>
  </si>
  <si>
    <t>12/28/2019 23:13:49</t>
  </si>
  <si>
    <t>12/28/2019 23:16:13</t>
  </si>
  <si>
    <t>12/28/2019 23:12:03</t>
  </si>
  <si>
    <t>12/28/2019 23:11:32</t>
  </si>
  <si>
    <t>12/28/2019 23:13:04</t>
  </si>
  <si>
    <t>12/28/2019 23:17:12</t>
  </si>
  <si>
    <t>12/28/2019 23:18:44</t>
  </si>
  <si>
    <t>12/28/2019 23:21:12</t>
  </si>
  <si>
    <t>12/28/2019 23:21:50</t>
  </si>
  <si>
    <t>12/28/2019 23:25:12</t>
  </si>
  <si>
    <t>12/28/2019 23:34:11</t>
  </si>
  <si>
    <t>12/28/2019 23:35:13</t>
  </si>
  <si>
    <t>12/28/2019 23:30:11</t>
  </si>
  <si>
    <t>12/28/2019 23:34:24</t>
  </si>
  <si>
    <t>12/28/2019 23:37:13</t>
  </si>
  <si>
    <t>12/28/2019 23:39:01</t>
  </si>
  <si>
    <t>12/28/2019 23:39:13</t>
  </si>
  <si>
    <t>12/28/2019 23:41:37</t>
  </si>
  <si>
    <t>12/28/2019 23:42:12</t>
  </si>
  <si>
    <t>12/28/2019 23:45:58</t>
  </si>
  <si>
    <t>12/28/2019 23:48:13</t>
  </si>
  <si>
    <t>12/28/2019 23:55:52</t>
  </si>
  <si>
    <t>12/28/2019 23:57:13</t>
  </si>
  <si>
    <t>12/28/2019 23:57:09</t>
  </si>
  <si>
    <t>12/28/2019 23:58:13</t>
  </si>
  <si>
    <t>12/28/2019 23:55:37</t>
  </si>
  <si>
    <t>12/29/2019 00:00:13</t>
  </si>
  <si>
    <t>12/28/2019 23:57:44</t>
  </si>
  <si>
    <t>12/29/2019 00:01:14</t>
  </si>
  <si>
    <t>12/29/2019 00:03:17</t>
  </si>
  <si>
    <t>12/29/2019 00:04:14</t>
  </si>
  <si>
    <t>12/29/2019 00:02:29</t>
  </si>
  <si>
    <t>12/29/2019 00:05:15</t>
  </si>
  <si>
    <t>12/29/2019 00:03:24</t>
  </si>
  <si>
    <t>12/29/2019 00:04:19</t>
  </si>
  <si>
    <t>12/29/2019 00:06:15</t>
  </si>
  <si>
    <t>12/29/2019 00:04:11</t>
  </si>
  <si>
    <t>12/29/2019 00:02:06</t>
  </si>
  <si>
    <t>38cf76a4-a9ff-4d2a-bcd3-1910e29d98f1.tmp</t>
  </si>
  <si>
    <t>\\acsfs\profiles$\marlyannegdls\Downloads\38cf76a4-a9ff-4d2a-bcd3-1910e29d98f1.tmp</t>
  </si>
  <si>
    <t>12/29/2019 00:03:40</t>
  </si>
  <si>
    <t>27603053-c8de-4a3a-98fe-c9472113eec7.tmp</t>
  </si>
  <si>
    <t>\\acsfs\profiles$\marlyannegdls\Downloads\27603053-c8de-4a3a-98fe-c9472113eec7.tmp</t>
  </si>
  <si>
    <t>12/29/2019 00:04:05</t>
  </si>
  <si>
    <t>16875cb1-8dfa-4b2d-b306-b22c619e57de.tmp</t>
  </si>
  <si>
    <t>\\acsfs\profiles$\marlyannegdls\Downloads\16875cb1-8dfa-4b2d-b306-b22c619e57de.tmp</t>
  </si>
  <si>
    <t>12/29/2019 00:04:55</t>
  </si>
  <si>
    <t>12/29/2019 00:03:56</t>
  </si>
  <si>
    <t>12/29/2019 00:07:14</t>
  </si>
  <si>
    <t>12/29/2019 00:05:06</t>
  </si>
  <si>
    <t>12/29/2019 00:02:24</t>
  </si>
  <si>
    <t>12/29/2019 00:06:32</t>
  </si>
  <si>
    <t>12/29/2019 00:05:18</t>
  </si>
  <si>
    <t>12/29/2019 00:08:15</t>
  </si>
  <si>
    <t>12/29/2019 00:06:33</t>
  </si>
  <si>
    <t>12/29/2019 00:06:35</t>
  </si>
  <si>
    <t>12/29/2019 00:06:30</t>
  </si>
  <si>
    <t>12/29/2019 00:08:09</t>
  </si>
  <si>
    <t>12/29/2019 00:09:14</t>
  </si>
  <si>
    <t>12/29/2019 00:07:08</t>
  </si>
  <si>
    <t>12/29/2019 00:05:16</t>
  </si>
  <si>
    <t>12/29/2019 00:10:15</t>
  </si>
  <si>
    <t>12/29/2019 00:05:55</t>
  </si>
  <si>
    <t>12/29/2019 00:05:48</t>
  </si>
  <si>
    <t>12/29/2019 00:08:04</t>
  </si>
  <si>
    <t>12/29/2019 00:11:14</t>
  </si>
  <si>
    <t>12/29/2019 00:09:27</t>
  </si>
  <si>
    <t>12/29/2019 00:10:08</t>
  </si>
  <si>
    <t>12/29/2019 00:12:15</t>
  </si>
  <si>
    <t>12/29/2019 00:07:52</t>
  </si>
  <si>
    <t>12/29/2019 00:09:57</t>
  </si>
  <si>
    <t>12/29/2019 00:15:15</t>
  </si>
  <si>
    <t>12/29/2019 00:10:58</t>
  </si>
  <si>
    <t>12/29/2019 00:13:09</t>
  </si>
  <si>
    <t>12/29/2019 00:16:14</t>
  </si>
  <si>
    <t>12/29/2019 00:10:48</t>
  </si>
  <si>
    <t>12/29/2019 00:14:34</t>
  </si>
  <si>
    <t>12/29/2019 00:13:58</t>
  </si>
  <si>
    <t>12/29/2019 00:12:41</t>
  </si>
  <si>
    <t>12/29/2019 00:17:15</t>
  </si>
  <si>
    <t>12/29/2019 00:16:43</t>
  </si>
  <si>
    <t>12/29/2019 00:18:15</t>
  </si>
  <si>
    <t>12/29/2019 00:13:52</t>
  </si>
  <si>
    <t>12/29/2019 00:18:11</t>
  </si>
  <si>
    <t>12/29/2019 00:19:15</t>
  </si>
  <si>
    <t>12/29/2019 00:20:31</t>
  </si>
  <si>
    <t>12/29/2019 00:22:15</t>
  </si>
  <si>
    <t>12/29/2019 00:24:57</t>
  </si>
  <si>
    <t>12/29/2019 00:26:14</t>
  </si>
  <si>
    <t>12/29/2019 00:34:39</t>
  </si>
  <si>
    <t>12/29/2019 00:36:14</t>
  </si>
  <si>
    <t>12/29/2019 00:38:38</t>
  </si>
  <si>
    <t>12/29/2019 00:40:14</t>
  </si>
  <si>
    <t>12/29/2019 00:40:45</t>
  </si>
  <si>
    <t>12/29/2019 00:43:14</t>
  </si>
  <si>
    <t>12/29/2019 00:42:39</t>
  </si>
  <si>
    <t>12/29/2019 00:46:14</t>
  </si>
  <si>
    <t>12/29/2019 00:58:04</t>
  </si>
  <si>
    <t>12/29/2019 01:00:14</t>
  </si>
  <si>
    <t>12/29/2019 01:01:43</t>
  </si>
  <si>
    <t>12/29/2019 01:14:14</t>
  </si>
  <si>
    <t>12/29/2019 01:00:53</t>
  </si>
  <si>
    <t>12/29/2019 01:06:21</t>
  </si>
  <si>
    <t>12/29/2019 01:12:20</t>
  </si>
  <si>
    <t>12/29/2019 01:16:14</t>
  </si>
  <si>
    <t>12/29/2019 01:17:14</t>
  </si>
  <si>
    <t>12/29/2019 01:13:59</t>
  </si>
  <si>
    <t>12/29/2019 01:19:14</t>
  </si>
  <si>
    <t>12/29/2019 01:20:11</t>
  </si>
  <si>
    <t>12/29/2019 01:21:14</t>
  </si>
  <si>
    <t>12/29/2019 01:18:18</t>
  </si>
  <si>
    <t>12/29/2019 01:22:14</t>
  </si>
  <si>
    <t>12/29/2019 01:22:06</t>
  </si>
  <si>
    <t>12/29/2019 01:25:13</t>
  </si>
  <si>
    <t>12/29/2019 01:33:25</t>
  </si>
  <si>
    <t>12/29/2019 01:36:14</t>
  </si>
  <si>
    <t>12/29/2019 01:32:03</t>
  </si>
  <si>
    <t>12/29/2019 01:35:48</t>
  </si>
  <si>
    <t>12/29/2019 01:38:14</t>
  </si>
  <si>
    <t>12/29/2019 01:36:27</t>
  </si>
  <si>
    <t>12/29/2019 01:40:03</t>
  </si>
  <si>
    <t>12/29/2019 01:41:13</t>
  </si>
  <si>
    <t>12/29/2019 01:43:05</t>
  </si>
  <si>
    <t>12/29/2019 01:44:14</t>
  </si>
  <si>
    <t>12/29/2019 01:43:16</t>
  </si>
  <si>
    <t>12/29/2019 01:47:14</t>
  </si>
  <si>
    <t>12/29/2019 01:48:14</t>
  </si>
  <si>
    <t>12/29/2019 01:52:14</t>
  </si>
  <si>
    <t>12/29/2019 01:51:39</t>
  </si>
  <si>
    <t>12/29/2019 01:54:14</t>
  </si>
  <si>
    <t>12/29/2019 01:50:03</t>
  </si>
  <si>
    <t>12/29/2019 01:55:14</t>
  </si>
  <si>
    <t>12/29/2019 01:58:23</t>
  </si>
  <si>
    <t>12/29/2019 02:03:14</t>
  </si>
  <si>
    <t>12/29/2019 02:02:45</t>
  </si>
  <si>
    <t>12/29/2019 02:06:14</t>
  </si>
  <si>
    <t>12/29/2019 02:06:02</t>
  </si>
  <si>
    <t>12/29/2019 02:07:14</t>
  </si>
  <si>
    <t>12/29/2019 02:09:55</t>
  </si>
  <si>
    <t>12/29/2019 02:11:14</t>
  </si>
  <si>
    <t>12/29/2019 02:12:02</t>
  </si>
  <si>
    <t>12/29/2019 02:16:14</t>
  </si>
  <si>
    <t>12/29/2019 02:13:53</t>
  </si>
  <si>
    <t>12/29/2019 02:18:53</t>
  </si>
  <si>
    <t>12/29/2019 02:20:14</t>
  </si>
  <si>
    <t>12/29/2019 02:17:37</t>
  </si>
  <si>
    <t>12/29/2019 02:22:14</t>
  </si>
  <si>
    <t>12/29/2019 02:17:28</t>
  </si>
  <si>
    <t>12/29/2019 02:34:09</t>
  </si>
  <si>
    <t>12/29/2019 02:35:14</t>
  </si>
  <si>
    <t>12/29/2019 02:34:36</t>
  </si>
  <si>
    <t>12/29/2019 02:37:14</t>
  </si>
  <si>
    <t>12/29/2019 02:36:22</t>
  </si>
  <si>
    <t>12/29/2019 02:38:14</t>
  </si>
  <si>
    <t>12/29/2019 02:36:10</t>
  </si>
  <si>
    <t>12/29/2019 02:38:04</t>
  </si>
  <si>
    <t>12/29/2019 02:39:14</t>
  </si>
  <si>
    <t>12/29/2019 02:42:56</t>
  </si>
  <si>
    <t>12/29/2019 02:45:14</t>
  </si>
  <si>
    <t>12/29/2019 02:54:36</t>
  </si>
  <si>
    <t>12/29/2019 02:56:14</t>
  </si>
  <si>
    <t>12/29/2019 02:53:49</t>
  </si>
  <si>
    <t>12/29/2019 02:57:14</t>
  </si>
  <si>
    <t>12/29/2019 02:59:11</t>
  </si>
  <si>
    <t>12/29/2019 03:02:14</t>
  </si>
  <si>
    <t>12/29/2019 03:06:15</t>
  </si>
  <si>
    <t>12/29/2019 03:07:13</t>
  </si>
  <si>
    <t>12/29/2019 03:02:35</t>
  </si>
  <si>
    <t>12/29/2019 03:09:53</t>
  </si>
  <si>
    <t>12/29/2019 03:11:14</t>
  </si>
  <si>
    <t>12/29/2019 03:15:05</t>
  </si>
  <si>
    <t>12/29/2019 03:16:14</t>
  </si>
  <si>
    <t>12/29/2019 03:16:52</t>
  </si>
  <si>
    <t>12/29/2019 03:18:14</t>
  </si>
  <si>
    <t>12/29/2019 03:17:45</t>
  </si>
  <si>
    <t>12/29/2019 03:22:14</t>
  </si>
  <si>
    <t>12/29/2019 03:23:21</t>
  </si>
  <si>
    <t>12/29/2019 03:24:14</t>
  </si>
  <si>
    <t>12/29/2019 03:22:18</t>
  </si>
  <si>
    <t>12/29/2019 03:26:14</t>
  </si>
  <si>
    <t>12/29/2019 03:28:45</t>
  </si>
  <si>
    <t>12/29/2019 03:31:14</t>
  </si>
  <si>
    <t>12/29/2019 03:27:00</t>
  </si>
  <si>
    <t>12/29/2019 03:32:14</t>
  </si>
  <si>
    <t>12/29/2019 03:29:55</t>
  </si>
  <si>
    <t>12/29/2019 03:32:53</t>
  </si>
  <si>
    <t>12/29/2019 03:34:14</t>
  </si>
  <si>
    <t>12/29/2019 03:30:50</t>
  </si>
  <si>
    <t>12/29/2019 03:39:31</t>
  </si>
  <si>
    <t>12/29/2019 03:44:14</t>
  </si>
  <si>
    <t>12/29/2019 03:45:33</t>
  </si>
  <si>
    <t>12/29/2019 03:46:14</t>
  </si>
  <si>
    <t>12/29/2019 03:44:55</t>
  </si>
  <si>
    <t>12/29/2019 03:47:14</t>
  </si>
  <si>
    <t>12/29/2019 03:49:24</t>
  </si>
  <si>
    <t>12/29/2019 03:50:14</t>
  </si>
  <si>
    <t>12/29/2019 03:49:14</t>
  </si>
  <si>
    <t>12/29/2019 03:51:14</t>
  </si>
  <si>
    <t>12/29/2019 03:47:57</t>
  </si>
  <si>
    <t>12/29/2019 03:50:51</t>
  </si>
  <si>
    <t>12/29/2019 03:52:13</t>
  </si>
  <si>
    <t>12/29/2019 03:50:05</t>
  </si>
  <si>
    <t>12/29/2019 03:51:18</t>
  </si>
  <si>
    <t>12/29/2019 03:48:07</t>
  </si>
  <si>
    <t>12/29/2019 03:53:14</t>
  </si>
  <si>
    <t>12/29/2019 03:52:39</t>
  </si>
  <si>
    <t>12/29/2019 03:57:13</t>
  </si>
  <si>
    <t>12/29/2019 03:55:26</t>
  </si>
  <si>
    <t>12/29/2019 03:58:14</t>
  </si>
  <si>
    <t>12/29/2019 03:55:31</t>
  </si>
  <si>
    <t>12/29/2019 04:01:14</t>
  </si>
  <si>
    <t>12/29/2019 03:56:32</t>
  </si>
  <si>
    <t>12/29/2019 04:01:03</t>
  </si>
  <si>
    <t>12/29/2019 04:03:14</t>
  </si>
  <si>
    <t>12/29/2019 04:01:21</t>
  </si>
  <si>
    <t>12/29/2019 04:05:14</t>
  </si>
  <si>
    <t>12/29/2019 04:01:47</t>
  </si>
  <si>
    <t>12/29/2019 04:06:14</t>
  </si>
  <si>
    <t>12/29/2019 04:02:39</t>
  </si>
  <si>
    <t>12/29/2019 04:04:57</t>
  </si>
  <si>
    <t>12/29/2019 04:07:14</t>
  </si>
  <si>
    <t>12/29/2019 04:03:23</t>
  </si>
  <si>
    <t>12/29/2019 04:08:14</t>
  </si>
  <si>
    <t>12/29/2019 04:08:06</t>
  </si>
  <si>
    <t>12/29/2019 04:11:15</t>
  </si>
  <si>
    <t>12/29/2019 04:09:01</t>
  </si>
  <si>
    <t>12/29/2019 04:12:14</t>
  </si>
  <si>
    <t>12/29/2019 04:11:51</t>
  </si>
  <si>
    <t>12/29/2019 04:15:15</t>
  </si>
  <si>
    <t>12/29/2019 04:20:58</t>
  </si>
  <si>
    <t>12/29/2019 04:24:15</t>
  </si>
  <si>
    <t>12/29/2019 04:25:00</t>
  </si>
  <si>
    <t>12/29/2019 04:25:15</t>
  </si>
  <si>
    <t>12/29/2019 04:22:03</t>
  </si>
  <si>
    <t>12/29/2019 04:26:15</t>
  </si>
  <si>
    <t>12/29/2019 04:23:53</t>
  </si>
  <si>
    <t>12/29/2019 04:24:31</t>
  </si>
  <si>
    <t>12/29/2019 04:27:15</t>
  </si>
  <si>
    <t>12/29/2019 04:24:25</t>
  </si>
  <si>
    <t>12/29/2019 04:29:15</t>
  </si>
  <si>
    <t>12/29/2019 04:25:32</t>
  </si>
  <si>
    <t>12/29/2019 04:30:16</t>
  </si>
  <si>
    <t>12/29/2019 04:30:01</t>
  </si>
  <si>
    <t>12/29/2019 04:31:15</t>
  </si>
  <si>
    <t>12/29/2019 04:26:28</t>
  </si>
  <si>
    <t>12/29/2019 04:28:04</t>
  </si>
  <si>
    <t>12/29/2019 04:32:15</t>
  </si>
  <si>
    <t>12/29/2019 04:32:08</t>
  </si>
  <si>
    <t>12/29/2019 04:36:15</t>
  </si>
  <si>
    <t>12/29/2019 04:34:56</t>
  </si>
  <si>
    <t>12/29/2019 04:37:15</t>
  </si>
  <si>
    <t>12/29/2019 04:33:26</t>
  </si>
  <si>
    <t>12/29/2019 04:38:15</t>
  </si>
  <si>
    <t>12/29/2019 04:34:53</t>
  </si>
  <si>
    <t>12/29/2019 04:38:53</t>
  </si>
  <si>
    <t>12/29/2019 04:41:16</t>
  </si>
  <si>
    <t>12/29/2019 04:37:27</t>
  </si>
  <si>
    <t>12/29/2019 04:45:02</t>
  </si>
  <si>
    <t>12/29/2019 04:49:16</t>
  </si>
  <si>
    <t>12/29/2019 04:46:49</t>
  </si>
  <si>
    <t>12/29/2019 04:50:17</t>
  </si>
  <si>
    <t>12/29/2019 04:47:51</t>
  </si>
  <si>
    <t>12/29/2019 04:51:16</t>
  </si>
  <si>
    <t>12/29/2019 04:53:33</t>
  </si>
  <si>
    <t>12/29/2019 04:56:16</t>
  </si>
  <si>
    <t>da7dbc37-d791-432b-8d41-6ee718791d87.tmp</t>
  </si>
  <si>
    <t>\\acsfs\profiles$\marlyannegdls\Downloads\da7dbc37-d791-432b-8d41-6ee718791d87.tmp</t>
  </si>
  <si>
    <t>12/29/2019 04:55:06</t>
  </si>
  <si>
    <t>4a593616-db70-4d41-b365-c9bfcf95a7fd.tmp</t>
  </si>
  <si>
    <t>\\acsfs\profiles$\marlyannegdls\Downloads\4a593616-db70-4d41-b365-c9bfcf95a7fd.tmp</t>
  </si>
  <si>
    <t>12/29/2019 04:56:28</t>
  </si>
  <si>
    <t>12/29/2019 04:57:16</t>
  </si>
  <si>
    <t>12/29/2019 04:54:26</t>
  </si>
  <si>
    <t>12/29/2019 05:00:16</t>
  </si>
  <si>
    <t>12/29/2019 05:03:20</t>
  </si>
  <si>
    <t>12/29/2019 05:05:16</t>
  </si>
  <si>
    <t>12/29/2019 05:05:02</t>
  </si>
  <si>
    <t>12/29/2019 05:06:16</t>
  </si>
  <si>
    <t>12/29/2019 05:03:19</t>
  </si>
  <si>
    <t>12/29/2019 05:05:04</t>
  </si>
  <si>
    <t>12/29/2019 05:10:16</t>
  </si>
  <si>
    <t>12/29/2019 05:12:03</t>
  </si>
  <si>
    <t>12/29/2019 05:16:17</t>
  </si>
  <si>
    <t>12/29/2019 05:13:06</t>
  </si>
  <si>
    <t>12/29/2019 05:17:14</t>
  </si>
  <si>
    <t>12/29/2019 05:20:17</t>
  </si>
  <si>
    <t>12/29/2019 05:25:26</t>
  </si>
  <si>
    <t>12/29/2019 05:26:17</t>
  </si>
  <si>
    <t>12/29/2019 05:23:09</t>
  </si>
  <si>
    <t>12/29/2019 05:28:17</t>
  </si>
  <si>
    <t>12/29/2019 05:30:13</t>
  </si>
  <si>
    <t>12/29/2019 05:31:17</t>
  </si>
  <si>
    <t>12/29/2019 05:30:47</t>
  </si>
  <si>
    <t>12/29/2019 05:35:17</t>
  </si>
  <si>
    <t>12/29/2019 05:35:19</t>
  </si>
  <si>
    <t>12/29/2019 05:36:17</t>
  </si>
  <si>
    <t>12/29/2019 05:34:23</t>
  </si>
  <si>
    <t>12/29/2019 05:37:16</t>
  </si>
  <si>
    <t>12/29/2019 05:36:06</t>
  </si>
  <si>
    <t>12/29/2019 05:41:49</t>
  </si>
  <si>
    <t>12/29/2019 05:44:17</t>
  </si>
  <si>
    <t>1ba7d31f-3b7b-4c70-86fa-94933ba3505c.tmp</t>
  </si>
  <si>
    <t>\\acsfs\profiles$\ROZENCAM\Downloads\1ba7d31f-3b7b-4c70-86fa-94933ba3505c.tmp</t>
  </si>
  <si>
    <t>12/29/2019 05:42:38</t>
  </si>
  <si>
    <t>12/29/2019 05:43:31</t>
  </si>
  <si>
    <t>12/29/2019 05:49:17</t>
  </si>
  <si>
    <t>fbc93195-711d-4724-a027-81b5d0b2f052.tmp</t>
  </si>
  <si>
    <t>\\acsfs\profiles$\ROZENCAM\Downloads\fbc93195-711d-4724-a027-81b5d0b2f052.tmp</t>
  </si>
  <si>
    <t>12/29/2019 05:48:47</t>
  </si>
  <si>
    <t>12/29/2019 05:51:17</t>
  </si>
  <si>
    <t>12/29/2019 05:55:44</t>
  </si>
  <si>
    <t>12/29/2019 05:57:16</t>
  </si>
  <si>
    <t>12/29/2019 06:01:00</t>
  </si>
  <si>
    <t>12/29/2019 06:05:16</t>
  </si>
  <si>
    <t>12/29/2019 06:06:26</t>
  </si>
  <si>
    <t>12/29/2019 06:09:16</t>
  </si>
  <si>
    <t>12/29/2019 06:08:30</t>
  </si>
  <si>
    <t>12/29/2019 06:13:17</t>
  </si>
  <si>
    <t>12/29/2019 06:26:29</t>
  </si>
  <si>
    <t>12/29/2019 06:27:17</t>
  </si>
  <si>
    <t>12/29/2019 06:46:18</t>
  </si>
  <si>
    <t>12/29/2019 06:51:17</t>
  </si>
  <si>
    <t>12/29/2019 06:47:30</t>
  </si>
  <si>
    <t>12/29/2019 06:52:17</t>
  </si>
  <si>
    <t>12/29/2019 06:48:38</t>
  </si>
  <si>
    <t>12/29/2019 06:52:13</t>
  </si>
  <si>
    <t>12/29/2019 06:55:17</t>
  </si>
  <si>
    <t>12/29/2019 07:03:33</t>
  </si>
  <si>
    <t>12/29/2019 07:07:18</t>
  </si>
  <si>
    <t>12/29/2019 07:05:36</t>
  </si>
  <si>
    <t>12/29/2019 07:09:17</t>
  </si>
  <si>
    <t>12/29/2019 07:08:35</t>
  </si>
  <si>
    <t>12/29/2019 07:10:18</t>
  </si>
  <si>
    <t>12/29/2019 07:10:29</t>
  </si>
  <si>
    <t>12/29/2019 07:11:18</t>
  </si>
  <si>
    <t>12/29/2019 07:10:26</t>
  </si>
  <si>
    <t>12/29/2019 07:12:18</t>
  </si>
  <si>
    <t>564dfa52-5a51-4a19-bb66-c58022d86adc.tmp</t>
  </si>
  <si>
    <t>\\acsfs\profiles$\jonatanls\Downloads\564dfa52-5a51-4a19-bb66-c58022d86adc.tmp</t>
  </si>
  <si>
    <t>12/29/2019 07:10:35</t>
  </si>
  <si>
    <t>12/29/2019 07:10:45</t>
  </si>
  <si>
    <t>31922ed4-6052-4d50-b95c-1776e4129798.tmp</t>
  </si>
  <si>
    <t>\\acsfs\profiles$\jonatanls\Downloads\31922ed4-6052-4d50-b95c-1776e4129798.tmp</t>
  </si>
  <si>
    <t>12/29/2019 07:20:13</t>
  </si>
  <si>
    <t>12/29/2019 07:21:17</t>
  </si>
  <si>
    <t>12/29/2019 07:23:55</t>
  </si>
  <si>
    <t>12/29/2019 07:25:17</t>
  </si>
  <si>
    <t>12/29/2019 07:22:32</t>
  </si>
  <si>
    <t>12/29/2019 07:27:17</t>
  </si>
  <si>
    <t>12/29/2019 07:23:51</t>
  </si>
  <si>
    <t>12/29/2019 07:27:11</t>
  </si>
  <si>
    <t>12/29/2019 07:28:18</t>
  </si>
  <si>
    <t>12/29/2019 07:28:39</t>
  </si>
  <si>
    <t>12/29/2019 07:29:17</t>
  </si>
  <si>
    <t>645a297f-58cb-43e0-b6f6-c95afab4e122.tmp</t>
  </si>
  <si>
    <t>\\acsfs\profiles$\cintiadcf\Downloads\645a297f-58cb-43e0-b6f6-c95afab4e122.tmp</t>
  </si>
  <si>
    <t>12/29/2019 07:28:09</t>
  </si>
  <si>
    <t>12/29/2019 07:31:17</t>
  </si>
  <si>
    <t>12/29/2019 07:27:23</t>
  </si>
  <si>
    <t>12/29/2019 07:33:22</t>
  </si>
  <si>
    <t>12/29/2019 07:34:18</t>
  </si>
  <si>
    <t>12/29/2019 07:28:43</t>
  </si>
  <si>
    <t>7039ae27-f152-4b55-9527-45cbe7c02f76.tmp</t>
  </si>
  <si>
    <t>\\acsfs\profiles$\cintiadcf\Downloads\7039ae27-f152-4b55-9527-45cbe7c02f76.tmp</t>
  </si>
  <si>
    <t>12/29/2019 07:29:13</t>
  </si>
  <si>
    <t>12/29/2019 07:31:31</t>
  </si>
  <si>
    <t>2e0b2594-a160-4ac1-a762-78949443a96c.tmp</t>
  </si>
  <si>
    <t>\\acsfs\profiles$\cintiadcf\Downloads\2e0b2594-a160-4ac1-a762-78949443a96c.tmp</t>
  </si>
  <si>
    <t>12/29/2019 07:33:23</t>
  </si>
  <si>
    <t>12/29/2019 07:36:18</t>
  </si>
  <si>
    <t>12/29/2019 07:35:34</t>
  </si>
  <si>
    <t>12/29/2019 07:38:18</t>
  </si>
  <si>
    <t>12/29/2019 07:35:57</t>
  </si>
  <si>
    <t>12/29/2019 07:39:18</t>
  </si>
  <si>
    <t>12/29/2019 07:37:48</t>
  </si>
  <si>
    <t>12/29/2019 07:41:18</t>
  </si>
  <si>
    <t>12/29/2019 07:37:43</t>
  </si>
  <si>
    <t>12/29/2019 07:42:18</t>
  </si>
  <si>
    <t>12/29/2019 07:41:21</t>
  </si>
  <si>
    <t>12/29/2019 07:40:25</t>
  </si>
  <si>
    <t>12/29/2019 07:45:18</t>
  </si>
  <si>
    <t>10.200.67.72</t>
  </si>
  <si>
    <t>D0-94-66-B5-7F-79</t>
  </si>
  <si>
    <t>VOTORANT-YB019</t>
  </si>
  <si>
    <t>12/29/2019 07:42:35</t>
  </si>
  <si>
    <t>9126f119-87d6-455a-9fa4-128aadc85850.tmp</t>
  </si>
  <si>
    <t>\\acsfs\profiles$\cintiadcf\Downloads\9126f119-87d6-455a-9fa4-128aadc85850.tmp</t>
  </si>
  <si>
    <t>12/29/2019 07:42:37</t>
  </si>
  <si>
    <t>72d86aa4-bea7-4d79-a5bb-7756ea18a4e9.tmp</t>
  </si>
  <si>
    <t>\\acsfs\profiles$\cintiadcf\Downloads\72d86aa4-bea7-4d79-a5bb-7756ea18a4e9.tmp</t>
  </si>
  <si>
    <t>12/29/2019 07:44:04</t>
  </si>
  <si>
    <t>eaf84bd6-a82d-4e56-b6bc-da8e4b260c4a.tmp</t>
  </si>
  <si>
    <t>\\acsfs\profiles$\cintiadcf\Downloads\eaf84bd6-a82d-4e56-b6bc-da8e4b260c4a.tmp</t>
  </si>
  <si>
    <t>12/29/2019 07:44:33</t>
  </si>
  <si>
    <t>12/29/2019 07:48:19</t>
  </si>
  <si>
    <t>12/29/2019 07:46:26</t>
  </si>
  <si>
    <t>12/29/2019 07:49:18</t>
  </si>
  <si>
    <t>12/29/2019 07:47:41</t>
  </si>
  <si>
    <t>12/29/2019 07:50:17</t>
  </si>
  <si>
    <t>12/29/2019 07:49:06</t>
  </si>
  <si>
    <t>12/29/2019 07:51:18</t>
  </si>
  <si>
    <t>12/29/2019 07:48:44</t>
  </si>
  <si>
    <t>12/29/2019 07:53:18</t>
  </si>
  <si>
    <t>12/29/2019 07:51:21</t>
  </si>
  <si>
    <t>12/28/2019 22:03:50</t>
  </si>
  <si>
    <t>12/29/2019 07:56:18</t>
  </si>
  <si>
    <t>12/29/2019 07:56:31</t>
  </si>
  <si>
    <t>12/29/2019 08:00:17</t>
  </si>
  <si>
    <t>12/29/2019 07:59:25</t>
  </si>
  <si>
    <t>12/29/2019 07:56:33</t>
  </si>
  <si>
    <t>12/29/2019 08:02:17</t>
  </si>
  <si>
    <t>12/29/2019 08:00:25</t>
  </si>
  <si>
    <t>12/29/2019 08:03:18</t>
  </si>
  <si>
    <t>12/29/2019 08:00:24</t>
  </si>
  <si>
    <t>12/29/2019 08:04:17</t>
  </si>
  <si>
    <t>12/29/2019 08:01:23</t>
  </si>
  <si>
    <t>12/29/2019 08:05:18</t>
  </si>
  <si>
    <t>12/29/2019 08:02:24</t>
  </si>
  <si>
    <t>c2bc868f-1b65-4903-825d-2e24690694c8.tmp</t>
  </si>
  <si>
    <t>\\acsfs\profiles$\rafaelamsv\Downloads\c2bc868f-1b65-4903-825d-2e24690694c8.tmp</t>
  </si>
  <si>
    <t>12/29/2019 08:02:38</t>
  </si>
  <si>
    <t>20ff3439-4c03-4603-9be1-d3bfa9b5352d.tmp</t>
  </si>
  <si>
    <t>\\acsfs\profiles$\rafaelamsv\Downloads\20ff3439-4c03-4603-9be1-d3bfa9b5352d.tmp</t>
  </si>
  <si>
    <t>12/29/2019 08:04:56</t>
  </si>
  <si>
    <t>12/29/2019 08:08:17</t>
  </si>
  <si>
    <t>12/29/2019 08:04:58</t>
  </si>
  <si>
    <t>12/29/2019 08:05:02</t>
  </si>
  <si>
    <t>12/29/2019 08:05:05</t>
  </si>
  <si>
    <t>12/29/2019 08:05:22</t>
  </si>
  <si>
    <t>12/29/2019 08:05:47</t>
  </si>
  <si>
    <t>12/29/2019 08:05:50</t>
  </si>
  <si>
    <t>12/29/2019 08:05:56</t>
  </si>
  <si>
    <t>12/29/2019 08:06:01</t>
  </si>
  <si>
    <t>12/29/2019 08:06:10</t>
  </si>
  <si>
    <t>12/29/2019 08:06:11</t>
  </si>
  <si>
    <t>12/29/2019 08:06:59</t>
  </si>
  <si>
    <t>12/29/2019 08:07:04</t>
  </si>
  <si>
    <t>12/29/2019 08:06:33</t>
  </si>
  <si>
    <t>12/29/2019 08:14:03</t>
  </si>
  <si>
    <t>12/29/2019 08:16:17</t>
  </si>
  <si>
    <t>12/29/2019 08:16:07</t>
  </si>
  <si>
    <t>12/29/2019 08:18:18</t>
  </si>
  <si>
    <t>NR 17.xlsx</t>
  </si>
  <si>
    <t>\\acsfs\DEPTOS\Operacao\PCP\5 - Comum\PLANEJAMENTO BV\14 - ACOMPANHAMENTO\1 - REPORT ACOMPANHAMENTO\2019\12 - Dezembro\CARTÕES\NR 17.xlsx</t>
  </si>
  <si>
    <t>12/29/2019 08:14:27</t>
  </si>
  <si>
    <t>12/29/2019 08:19:18</t>
  </si>
  <si>
    <t>12/29/2019 08:18:29</t>
  </si>
  <si>
    <t>12/29/2019 08:18:07</t>
  </si>
  <si>
    <t>12/29/2019 08:20:18</t>
  </si>
  <si>
    <t>c0e29684-a166-45e0-990c-b6f5222a9e92.tmp</t>
  </si>
  <si>
    <t>\\acsfs\profiles$\cintiadcf\Downloads\c0e29684-a166-45e0-990c-b6f5222a9e92.tmp</t>
  </si>
  <si>
    <t>12/29/2019 08:20:49</t>
  </si>
  <si>
    <t>12/29/2019 08:21:18</t>
  </si>
  <si>
    <t>12/29/2019 08:17:51</t>
  </si>
  <si>
    <t>12/29/2019 08:21:10</t>
  </si>
  <si>
    <t>12/29/2019 08:24:18</t>
  </si>
  <si>
    <t>12/29/2019 08:21:11</t>
  </si>
  <si>
    <t>lu152482hev4h.tmp</t>
  </si>
  <si>
    <t>\\acsfs\profiles$\jonathanwap\lu152482hev4h.tmp</t>
  </si>
  <si>
    <t>\\acsfs\profiles$\jonathanwap\lu152482hev4h.tmp\</t>
  </si>
  <si>
    <t>\\acsfs\profiles$\jonathanwap\lu152482hev4h.tmp\META-INF\</t>
  </si>
  <si>
    <t>\\acsfs\profiles$\jonathanwap\lu152482hev4h.tmp\Thumbnails\</t>
  </si>
  <si>
    <t>12/29/2019 08:27:36</t>
  </si>
  <si>
    <t>12/29/2019 08:30:18</t>
  </si>
  <si>
    <t>12/29/2019 08:27:37</t>
  </si>
  <si>
    <t>12/29/2019 08:27:38</t>
  </si>
  <si>
    <t>12/29/2019 08:27:39</t>
  </si>
  <si>
    <t>12/29/2019 08:27:40</t>
  </si>
  <si>
    <t>12/29/2019 08:27:42</t>
  </si>
  <si>
    <t>12/29/2019 08:27:43</t>
  </si>
  <si>
    <t>12/29/2019 08:27:46</t>
  </si>
  <si>
    <t>12/29/2019 08:27:47</t>
  </si>
  <si>
    <t>12/29/2019 08:27:49</t>
  </si>
  <si>
    <t>12/29/2019 08:27:52</t>
  </si>
  <si>
    <t>12/29/2019 08:27:54</t>
  </si>
  <si>
    <t>12/29/2019 08:27:55</t>
  </si>
  <si>
    <t>12/29/2019 08:27:58</t>
  </si>
  <si>
    <t>12/29/2019 08:27:59</t>
  </si>
  <si>
    <t>12/29/2019 08:28:00</t>
  </si>
  <si>
    <t>12/29/2019 08:28:02</t>
  </si>
  <si>
    <t>12/29/2019 08:28:03</t>
  </si>
  <si>
    <t>12/29/2019 08:28:08</t>
  </si>
  <si>
    <t>12/29/2019 08:28:11</t>
  </si>
  <si>
    <t>12/29/2019 08:28:14</t>
  </si>
  <si>
    <t>12/29/2019 08:28:16</t>
  </si>
  <si>
    <t>12/29/2019 08:28:18</t>
  </si>
  <si>
    <t>12/29/2019 08:28:20</t>
  </si>
  <si>
    <t>12/29/2019 08:28:23</t>
  </si>
  <si>
    <t>12/29/2019 08:28:25</t>
  </si>
  <si>
    <t>12/29/2019 08:28:27</t>
  </si>
  <si>
    <t>12/29/2019 08:28:29</t>
  </si>
  <si>
    <t>12/29/2019 08:28:33</t>
  </si>
  <si>
    <t>12/29/2019 08:28:35</t>
  </si>
  <si>
    <t>12/29/2019 08:28:38</t>
  </si>
  <si>
    <t>12/29/2019 08:28:41</t>
  </si>
  <si>
    <t>12/29/2019 08:28:42</t>
  </si>
  <si>
    <t>12/29/2019 08:28:45</t>
  </si>
  <si>
    <t>12/29/2019 08:28:48</t>
  </si>
  <si>
    <t>12/29/2019 08:28:50</t>
  </si>
  <si>
    <t>12/29/2019 08:28:52</t>
  </si>
  <si>
    <t>12/29/2019 08:28:55</t>
  </si>
  <si>
    <t>12/29/2019 08:28:56</t>
  </si>
  <si>
    <t>12/29/2019 08:28:58</t>
  </si>
  <si>
    <t>12/29/2019 08:29:00</t>
  </si>
  <si>
    <t>12/29/2019 08:29:02</t>
  </si>
  <si>
    <t>12/29/2019 08:29:03</t>
  </si>
  <si>
    <t>12/29/2019 08:29:08</t>
  </si>
  <si>
    <t>12/29/2019 08:29:33</t>
  </si>
  <si>
    <t>12/29/2019 08:34:09</t>
  </si>
  <si>
    <t>12/29/2019 08:34:18</t>
  </si>
  <si>
    <t>12/29/2019 08:31:53</t>
  </si>
  <si>
    <t>12/29/2019 08:35:18</t>
  </si>
  <si>
    <t>051fb1e5-8257-4c31-84d7-ad420c1c03e6.tmp</t>
  </si>
  <si>
    <t>\\acsfs\profiles$\YASMINSC\Downloads\051fb1e5-8257-4c31-84d7-ad420c1c03e6.tmp</t>
  </si>
  <si>
    <t>12/29/2019 08:33:06</t>
  </si>
  <si>
    <t>bb0761a7-6473-43c9-9e1a-2775dc34deea.tmp</t>
  </si>
  <si>
    <t>\\acsfs\profiles$\YASMINSC\Downloads\bb0761a7-6473-43c9-9e1a-2775dc34deea.tmp</t>
  </si>
  <si>
    <t>12/29/2019 08:35:29</t>
  </si>
  <si>
    <t>12/29/2019 08:38:17</t>
  </si>
  <si>
    <t>mirianppb@algartech.com;qualidadealgarbv@algartech.com;</t>
  </si>
  <si>
    <t>mirianppb@algartech.com,qualidadealgarbv@algartech.com</t>
  </si>
  <si>
    <t>12/29/2019 08:33:54</t>
  </si>
  <si>
    <t>FLAVIO JUNIO MENDES MOREIRA (8).contact</t>
  </si>
  <si>
    <t>\\acsfs\profiles$\Flaviojmm\Contacts\FLAVIO JUNIO MENDES MOREIRA (8).contact</t>
  </si>
  <si>
    <t>12/29/2019 08:34:19</t>
  </si>
  <si>
    <t>12/29/2019 08:34:20</t>
  </si>
  <si>
    <t>12/29/2019 08:34:21</t>
  </si>
  <si>
    <t>12/29/2019 08:34:22</t>
  </si>
  <si>
    <t>12/29/2019 08:34:23</t>
  </si>
  <si>
    <t>12/29/2019 08:34:24</t>
  </si>
  <si>
    <t>12/29/2019 08:34:25</t>
  </si>
  <si>
    <t>12/29/2019 08:34:26</t>
  </si>
  <si>
    <t>12/29/2019 08:34:27</t>
  </si>
  <si>
    <t>12/29/2019 08:34:29</t>
  </si>
  <si>
    <t>12/29/2019 08:34:30</t>
  </si>
  <si>
    <t>12/29/2019 08:34:31</t>
  </si>
  <si>
    <t>12/29/2019 08:34:32</t>
  </si>
  <si>
    <t>12/29/2019 08:34:33</t>
  </si>
  <si>
    <t>12/29/2019 08:34:34</t>
  </si>
  <si>
    <t>12/29/2019 08:34:58</t>
  </si>
  <si>
    <t>12/29/2019 08:34:59</t>
  </si>
  <si>
    <t>12/29/2019 08:35:00</t>
  </si>
  <si>
    <t>12/29/2019 08:36:50</t>
  </si>
  <si>
    <t>cc3f3b84-3e82-4d9e-b20a-dc0082d0101c.tmp</t>
  </si>
  <si>
    <t>\\acsfs\profiles$\Flaviojmm\Downloads\cc3f3b84-3e82-4d9e-b20a-dc0082d0101c.tmp</t>
  </si>
  <si>
    <t>12/29/2019 08:35:54</t>
  </si>
  <si>
    <t>12/29/2019 08:36:08</t>
  </si>
  <si>
    <t>12/29/2019 08:39:18</t>
  </si>
  <si>
    <t>12/29/2019 08:35:56</t>
  </si>
  <si>
    <t>10.200.66.161</t>
  </si>
  <si>
    <t>74-86-7A-FD-D1-73</t>
  </si>
  <si>
    <t>VOTORANT-VB016</t>
  </si>
  <si>
    <t>danielmlds</t>
  </si>
  <si>
    <t>\\acsfs\profiles$\danielmlds\Downloads\</t>
  </si>
  <si>
    <t>041be52d-6c6c-41ec-be86-a2eb53d3696c.tmp</t>
  </si>
  <si>
    <t>\\acsfs\profiles$\danielmlds\Downloads\041be52d-6c6c-41ec-be86-a2eb53d3696c.tmp</t>
  </si>
  <si>
    <t>12/29/2019 08:37:59</t>
  </si>
  <si>
    <t>68f7a2c9-8ac3-451b-b7d0-bd66281d8103.tmp</t>
  </si>
  <si>
    <t>\\acsfs\profiles$\danielmlds\Downloads\68f7a2c9-8ac3-451b-b7d0-bd66281d8103.tmp</t>
  </si>
  <si>
    <t>12/29/2019 08:37:14</t>
  </si>
  <si>
    <t>12/29/2019 08:40:17</t>
  </si>
  <si>
    <t>12/29/2019 08:36:39</t>
  </si>
  <si>
    <t>12/29/2019 08:41:18</t>
  </si>
  <si>
    <t>60323784-585b-4aa0-b516-5991b81fb705.tmp</t>
  </si>
  <si>
    <t>\\acsfs\profiles$\PEDROHAB\Downloads\60323784-585b-4aa0-b516-5991b81fb705.tmp</t>
  </si>
  <si>
    <t>12/29/2019 08:36:41</t>
  </si>
  <si>
    <t>da06dd18-a3cf-4f7d-8851-e7c4ad852d47.tmp</t>
  </si>
  <si>
    <t>\\acsfs\profiles$\PEDROHAB\Downloads\da06dd18-a3cf-4f7d-8851-e7c4ad852d47.tmp</t>
  </si>
  <si>
    <t>12/29/2019 08:37:36</t>
  </si>
  <si>
    <t>12/29/2019 08:43:18</t>
  </si>
  <si>
    <t>12/29/2019 08:37:43</t>
  </si>
  <si>
    <t>12/29/2019 08:38:00</t>
  </si>
  <si>
    <t>12/29/2019 08:38:12</t>
  </si>
  <si>
    <t>12/29/2019 08:38:28</t>
  </si>
  <si>
    <t>12/29/2019 08:40:52</t>
  </si>
  <si>
    <t>12/29/2019 08:40:56</t>
  </si>
  <si>
    <t>12/29/2019 08:41:02</t>
  </si>
  <si>
    <t>12/29/2019 08:41:14</t>
  </si>
  <si>
    <t>12/29/2019 08:41:22</t>
  </si>
  <si>
    <t>taysdss@algartech.com;</t>
  </si>
  <si>
    <t>taysdss@algartech.com</t>
  </si>
  <si>
    <t>12/29/2019 08:41:25</t>
  </si>
  <si>
    <t>12/29/2019 08:41:38</t>
  </si>
  <si>
    <t>12/29/2019 08:41:40</t>
  </si>
  <si>
    <t>12/29/2019 08:38:06</t>
  </si>
  <si>
    <t>5816aaba-0158-40af-a61c-4e72bb43defa.tmp</t>
  </si>
  <si>
    <t>\\acsfs\profiles$\Flaviojmm\Downloads\5816aaba-0158-40af-a61c-4e72bb43defa.tmp</t>
  </si>
  <si>
    <t>12/29/2019 08:42:08</t>
  </si>
  <si>
    <t>12/29/2019 08:45:18</t>
  </si>
  <si>
    <t>12/29/2019 08:42:02</t>
  </si>
  <si>
    <t>12/29/2019 08:46:19</t>
  </si>
  <si>
    <t>12/29/2019 08:42:50</t>
  </si>
  <si>
    <t>12/29/2019 08:48:18</t>
  </si>
  <si>
    <t>12/29/2019 08:42:53</t>
  </si>
  <si>
    <t>12/29/2019 08:43:07</t>
  </si>
  <si>
    <t>12/29/2019 08:43:19</t>
  </si>
  <si>
    <t>12/29/2019 08:43:25</t>
  </si>
  <si>
    <t>12/29/2019 08:43:32</t>
  </si>
  <si>
    <t>12/29/2019 08:43:39</t>
  </si>
  <si>
    <t>andrelpsa@algartech.com;josiascdsj@algartech.com;leonardoao@algartech.com;marianadjc@algartech.com;paulacn@algartech.com;rafaelggs@algartech.com;taysdss@algartech.com;viniciussg@algartech.com;</t>
  </si>
  <si>
    <t>andrelpsa@algartech.com,josiascdsj@algartech.com,leonardoao@algartech.com,marianadjc@algartech.com,paulacn@algartech.com,rafaelggs@algartech.com,taysdss@algartech.com,viniciussg@algartech.com</t>
  </si>
  <si>
    <t>12/29/2019 08:43:46</t>
  </si>
  <si>
    <t>12/29/2019 08:43:49</t>
  </si>
  <si>
    <t>12/29/2019 09:02:18</t>
  </si>
  <si>
    <t>12/29/2019 09:05:19</t>
  </si>
  <si>
    <t>12/29/2019 09:03:30</t>
  </si>
  <si>
    <t>12/29/2019 09:01:15</t>
  </si>
  <si>
    <t>12/29/2019 09:06:18</t>
  </si>
  <si>
    <t>12/29/2019 09:06:11</t>
  </si>
  <si>
    <t>12/29/2019 09:07:19</t>
  </si>
  <si>
    <t>12/29/2019 09:04:10</t>
  </si>
  <si>
    <t>53fb0a84-1bab-46e4-8d84-1539308600c4.tmp</t>
  </si>
  <si>
    <t>\\acsfs\profiles$\kellzylenneasr\Downloads\53fb0a84-1bab-46e4-8d84-1539308600c4.tmp</t>
  </si>
  <si>
    <t>12/29/2019 09:04:47</t>
  </si>
  <si>
    <t>c9114515-04b1-4dd2-a45f-ea9730a3200f.tmp</t>
  </si>
  <si>
    <t>\\acsfs\profiles$\kellzylenneasr\Downloads\c9114515-04b1-4dd2-a45f-ea9730a3200f.tmp</t>
  </si>
  <si>
    <t>12/29/2019 09:05:46</t>
  </si>
  <si>
    <t>ef51bd8d-4248-4051-be85-4f7ba0c15122.tmp</t>
  </si>
  <si>
    <t>\\acsfs\profiles$\kellzylenneasr\Downloads\ef51bd8d-4248-4051-be85-4f7ba0c15122.tmp</t>
  </si>
  <si>
    <t>12/29/2019 09:04:11</t>
  </si>
  <si>
    <t>12/29/2019 09:09:19</t>
  </si>
  <si>
    <t>12/29/2019 09:10:07</t>
  </si>
  <si>
    <t>12/29/2019 09:13:18</t>
  </si>
  <si>
    <t>12/29/2019 09:09:17</t>
  </si>
  <si>
    <t>12/29/2019 09:14:19</t>
  </si>
  <si>
    <t>12/29/2019 09:14:55</t>
  </si>
  <si>
    <t>12/29/2019 09:17:19</t>
  </si>
  <si>
    <t>14175bbe-87be-407a-aae0-8c5df35c6c73.tmp</t>
  </si>
  <si>
    <t>\\acsfs\profiles$\kellzylenneasr\Downloads\14175bbe-87be-407a-aae0-8c5df35c6c73.tmp</t>
  </si>
  <si>
    <t>12/29/2019 09:14:12</t>
  </si>
  <si>
    <t>12/29/2019 09:18:19</t>
  </si>
  <si>
    <t>12/29/2019 09:13:57</t>
  </si>
  <si>
    <t>12/29/2019 09:13:58</t>
  </si>
  <si>
    <t>12/29/2019 09:14:20</t>
  </si>
  <si>
    <t>12/29/2019 09:17:43</t>
  </si>
  <si>
    <t>12/29/2019 09:22:18</t>
  </si>
  <si>
    <t>12/29/2019 09:21:42</t>
  </si>
  <si>
    <t>12/29/2019 09:24:19</t>
  </si>
  <si>
    <t>12/29/2019 09:20:47</t>
  </si>
  <si>
    <t>12/29/2019 09:26:19</t>
  </si>
  <si>
    <t>12/29/2019 09:23:10</t>
  </si>
  <si>
    <t>12/29/2019 09:27:19</t>
  </si>
  <si>
    <t>12/29/2019 09:28:17</t>
  </si>
  <si>
    <t>12/29/2019 09:32:19</t>
  </si>
  <si>
    <t>65be46d1-6dd3-41af-ab80-4b940059478a.tmp</t>
  </si>
  <si>
    <t>\\acsfs\profiles$\kellzylenneasr\Downloads\65be46d1-6dd3-41af-ab80-4b940059478a.tmp</t>
  </si>
  <si>
    <t>12/29/2019 09:35:03</t>
  </si>
  <si>
    <t>12/29/2019 09:40:19</t>
  </si>
  <si>
    <t>12/29/2019 09:35:33</t>
  </si>
  <si>
    <t>12/29/2019 09:41:45</t>
  </si>
  <si>
    <t>12/29/2019 09:42:19</t>
  </si>
  <si>
    <t>12/29/2019 09:43:41</t>
  </si>
  <si>
    <t>12/29/2019 09:45:18</t>
  </si>
  <si>
    <t>12/29/2019 09:40:40</t>
  </si>
  <si>
    <t>12/29/2019 09:42:08</t>
  </si>
  <si>
    <t>12/29/2019 09:47:18</t>
  </si>
  <si>
    <t>29d2470d-a41a-4679-9962-47f2bf47fe88.tmp</t>
  </si>
  <si>
    <t>\\acsfs\profiles$\jonatanls\Downloads\29d2470d-a41a-4679-9962-47f2bf47fe88.tmp</t>
  </si>
  <si>
    <t>12/29/2019 09:42:23</t>
  </si>
  <si>
    <t>12/29/2019 09:42:24</t>
  </si>
  <si>
    <t>lu599808o1vjj.tmp</t>
  </si>
  <si>
    <t>\\acsfs\profiles$\jonatanls\My Documents\lu599808o1vjj.tmp</t>
  </si>
  <si>
    <t>12/29/2019 09:45:01</t>
  </si>
  <si>
    <t>12/29/2019 09:44:12</t>
  </si>
  <si>
    <t>12/29/2019 09:48:19</t>
  </si>
  <si>
    <t>12/29/2019 09:42:48</t>
  </si>
  <si>
    <t>12/29/2019 09:47:49</t>
  </si>
  <si>
    <t>b4237bfb-2966-4c8d-a687-f8d3c61580ce.tmp</t>
  </si>
  <si>
    <t>\\acsfs\profiles$\Flaviojmm\Downloads\b4237bfb-2966-4c8d-a687-f8d3c61580ce.tmp</t>
  </si>
  <si>
    <t>12/29/2019 09:45:34</t>
  </si>
  <si>
    <t>12/29/2019 09:50:18</t>
  </si>
  <si>
    <t>12/29/2019 09:48:21</t>
  </si>
  <si>
    <t>12/29/2019 09:49:09</t>
  </si>
  <si>
    <t>12/29/2019 09:51:19</t>
  </si>
  <si>
    <t>12/29/2019 09:49:07</t>
  </si>
  <si>
    <t>12/29/2019 09:55:48</t>
  </si>
  <si>
    <t>12/29/2019 09:56:19</t>
  </si>
  <si>
    <t>12/29/2019 09:53:19</t>
  </si>
  <si>
    <t>12/29/2019 09:57:18</t>
  </si>
  <si>
    <t>TALITA SANTOS SILVA CASTRO (24318).contact</t>
  </si>
  <si>
    <t>\\acsfs\profiles$\talitassc\Contacts\TALITA SANTOS SILVA CASTRO (24318).contact</t>
  </si>
  <si>
    <t>12/29/2019 09:53:33</t>
  </si>
  <si>
    <t>12/29/2019 09:53:34</t>
  </si>
  <si>
    <t>12/29/2019 09:53:35</t>
  </si>
  <si>
    <t>12/29/2019 09:53:36</t>
  </si>
  <si>
    <t>12/29/2019 09:53:37</t>
  </si>
  <si>
    <t>12/29/2019 09:53:38</t>
  </si>
  <si>
    <t>12/29/2019 09:53:39</t>
  </si>
  <si>
    <t>12/29/2019 09:53:40</t>
  </si>
  <si>
    <t>12/29/2019 09:53:54</t>
  </si>
  <si>
    <t>12/29/2019 09:59:34</t>
  </si>
  <si>
    <t>12/29/2019 10:00:18</t>
  </si>
  <si>
    <t>12/29/2019 09:58:01</t>
  </si>
  <si>
    <t>12/29/2019 10:03:18</t>
  </si>
  <si>
    <t>12/29/2019 10:01:04</t>
  </si>
  <si>
    <t>12/29/2019 10:01:35</t>
  </si>
  <si>
    <t>12/29/2019 10:06:18</t>
  </si>
  <si>
    <t>12/29/2019 10:04:11</t>
  </si>
  <si>
    <t>10.200.66.121</t>
  </si>
  <si>
    <t>142c6507-849f-4c03-8392-886d5ed357df.tmp</t>
  </si>
  <si>
    <t>\\acsfs\profiles$\MATEUSJM\Downloads\142c6507-849f-4c03-8392-886d5ed357df.tmp</t>
  </si>
  <si>
    <t>12/29/2019 10:04:17</t>
  </si>
  <si>
    <t>12/29/2019 10:03:09</t>
  </si>
  <si>
    <t>12/29/2019 10:07:18</t>
  </si>
  <si>
    <t>12/29/2019 10:02:28</t>
  </si>
  <si>
    <t>12/29/2019 10:02:38</t>
  </si>
  <si>
    <t>14f5a7c9-d9f0-40af-a624-16918612648c.tmp</t>
  </si>
  <si>
    <t>\\acsfs\profiles$\jonatanls\Downloads\14f5a7c9-d9f0-40af-a624-16918612648c.tmp</t>
  </si>
  <si>
    <t>12/29/2019 10:03:29</t>
  </si>
  <si>
    <t>\\acsfs\profiles$\jonatanls\Downloads\$RECYCLE.BIN\</t>
  </si>
  <si>
    <t>$I0QGUWN.pdf</t>
  </si>
  <si>
    <t>\\acsfs\profiles$\jonatanls\Downloads\$RECYCLE.BIN\$I0QGUWN.pdf</t>
  </si>
  <si>
    <t>12/29/2019 10:03:30</t>
  </si>
  <si>
    <t>$ILHNHJP.pdf</t>
  </si>
  <si>
    <t>\\acsfs\profiles$\jonatanls\Downloads\$RECYCLE.BIN\$ILHNHJP.pdf</t>
  </si>
  <si>
    <t>$IK7HY67.pdf</t>
  </si>
  <si>
    <t>\\acsfs\profiles$\jonatanls\Downloads\$RECYCLE.BIN\$IK7HY67.pdf</t>
  </si>
  <si>
    <t>12/29/2019 10:05:01</t>
  </si>
  <si>
    <t>1f72fe1d-a35b-407f-a270-aba9669529ca.tmp</t>
  </si>
  <si>
    <t>\\acsfs\profiles$\jonatanls\Downloads\1f72fe1d-a35b-407f-a270-aba9669529ca.tmp</t>
  </si>
  <si>
    <t>12/29/2019 10:05:37</t>
  </si>
  <si>
    <t>$ITKMZGL.pdf</t>
  </si>
  <si>
    <t>\\acsfs\profiles$\jonatanls\Downloads\$RECYCLE.BIN\$ITKMZGL.pdf</t>
  </si>
  <si>
    <t>12/29/2019 10:05:58</t>
  </si>
  <si>
    <t>12/29/2019 10:11:18</t>
  </si>
  <si>
    <t>4f490d3a-6ea3-4a36-9bad-a0c1219d6b02.tmp</t>
  </si>
  <si>
    <t>\\acsfs\profiles$\MATEUSJM\Downloads\4f490d3a-6ea3-4a36-9bad-a0c1219d6b02.tmp</t>
  </si>
  <si>
    <t>12/29/2019 10:07:16</t>
  </si>
  <si>
    <t>12/29/2019 10:11:52</t>
  </si>
  <si>
    <t>12/29/2019 10:14:17</t>
  </si>
  <si>
    <t>12/29/2019 10:09:03</t>
  </si>
  <si>
    <t>12/29/2019 10:16:34</t>
  </si>
  <si>
    <t>12/29/2019 10:18:18</t>
  </si>
  <si>
    <t>12/29/2019 10:16:56</t>
  </si>
  <si>
    <t>12/29/2019 10:21:18</t>
  </si>
  <si>
    <t>12/29/2019 10:17:14</t>
  </si>
  <si>
    <t>12/29/2019 10:20:58</t>
  </si>
  <si>
    <t>12/29/2019 10:24:17</t>
  </si>
  <si>
    <t>12/29/2019 10:21:27</t>
  </si>
  <si>
    <t>12/29/2019 10:25:18</t>
  </si>
  <si>
    <t>6e8b9e4e-31d1-4cc6-94d9-4f5ee4dd2fd4.tmp</t>
  </si>
  <si>
    <t>\\acsfs\profiles$\cintiadcf\Downloads\6e8b9e4e-31d1-4cc6-94d9-4f5ee4dd2fd4.tmp</t>
  </si>
  <si>
    <t>12/29/2019 10:22:45</t>
  </si>
  <si>
    <t>12/29/2019 10:27:18</t>
  </si>
  <si>
    <t>12/29/2019 10:27:53</t>
  </si>
  <si>
    <t>12/29/2019 10:31:17</t>
  </si>
  <si>
    <t>12/29/2019 10:27:24</t>
  </si>
  <si>
    <t>12/29/2019 10:32:18</t>
  </si>
  <si>
    <t>12/29/2019 10:31:29</t>
  </si>
  <si>
    <t>12/29/2019 10:34:18</t>
  </si>
  <si>
    <t>12/29/2019 10:34:26</t>
  </si>
  <si>
    <t>12/29/2019 10:35:17</t>
  </si>
  <si>
    <t>12/29/2019 10:33:52</t>
  </si>
  <si>
    <t>12/29/2019 10:38:17</t>
  </si>
  <si>
    <t>12/29/2019 10:34:09</t>
  </si>
  <si>
    <t>\\acsfs\profiles$\jonatanls\My Documents\My Pictures\</t>
  </si>
  <si>
    <t>\\acsfs\profiles$\jonatanls\My Documents\My Videos\desktop.ini</t>
  </si>
  <si>
    <t>12/29/2019 10:34:15</t>
  </si>
  <si>
    <t>\\acsfs\profiles$\jonatanls\My Documents\My Videos\</t>
  </si>
  <si>
    <t>12/29/2019 10:34:16</t>
  </si>
  <si>
    <t>12/29/2019 10:34:19</t>
  </si>
  <si>
    <t>12/29/2019 10:34:20</t>
  </si>
  <si>
    <t>\\acsfs\profiles$\jonatanls\My Documents\My Pictures\desktop.ini</t>
  </si>
  <si>
    <t>12/29/2019 10:34:21</t>
  </si>
  <si>
    <t>12/29/2019 10:34:30</t>
  </si>
  <si>
    <t>12/29/2019 10:34:31</t>
  </si>
  <si>
    <t>12/29/2019 10:34:32</t>
  </si>
  <si>
    <t>12/29/2019 10:34:35</t>
  </si>
  <si>
    <t>\\acsfs\profiles$\jonatanls\Contacts\</t>
  </si>
  <si>
    <t>\\acsfs\profiles$\jonatanls\Contacts\desktop.ini</t>
  </si>
  <si>
    <t>12/29/2019 10:34:40</t>
  </si>
  <si>
    <t>12/29/2019 10:34:52</t>
  </si>
  <si>
    <t>12/29/2019 10:34:55</t>
  </si>
  <si>
    <t>12/29/2019 10:34:57</t>
  </si>
  <si>
    <t>\\acsfs\profiles$\jonatanls\My Documents\My Music\</t>
  </si>
  <si>
    <t>12/29/2019 10:34:58</t>
  </si>
  <si>
    <t>12/29/2019 10:34:59</t>
  </si>
  <si>
    <t>\\acsfs\profiles$\jonatanls\Favorites\desktop.ini</t>
  </si>
  <si>
    <t>12/29/2019 10:35:01</t>
  </si>
  <si>
    <t>12/29/2019 10:35:02</t>
  </si>
  <si>
    <t>12/29/2019 10:35:05</t>
  </si>
  <si>
    <t>12/29/2019 10:35:07</t>
  </si>
  <si>
    <t>12/29/2019 10:35:08</t>
  </si>
  <si>
    <t>12/29/2019 10:35:10</t>
  </si>
  <si>
    <t>12/29/2019 10:35:11</t>
  </si>
  <si>
    <t>\\acsfs\profiles$\jonatanls\My Documents\My Music\desktop.ini</t>
  </si>
  <si>
    <t>12/29/2019 10:35:15</t>
  </si>
  <si>
    <t>12/29/2019 10:35:16</t>
  </si>
  <si>
    <t>12/29/2019 10:35:18</t>
  </si>
  <si>
    <t>12/29/2019 10:35:20</t>
  </si>
  <si>
    <t>\\acsfs\profiles$\jonatanls\Searches\</t>
  </si>
  <si>
    <t>\\acsfs\profiles$\jonatanls\Searches\desktop.ini</t>
  </si>
  <si>
    <t>12/29/2019 10:35:22</t>
  </si>
  <si>
    <t>12/29/2019 10:35:23</t>
  </si>
  <si>
    <t>12/29/2019 10:35:25</t>
  </si>
  <si>
    <t>12/29/2019 10:35:26</t>
  </si>
  <si>
    <t>12/29/2019 10:35:29</t>
  </si>
  <si>
    <t>\\acsfs\profiles$\jonatanls\Downloads\desktop.ini</t>
  </si>
  <si>
    <t>12/29/2019 10:35:30</t>
  </si>
  <si>
    <t>12/29/2019 10:35:32</t>
  </si>
  <si>
    <t>\\acsfs\profiles$\jonatanls\Favorites\</t>
  </si>
  <si>
    <t>\\acsfs\profiles$\jonatanls\My Documents\desktop.ini</t>
  </si>
  <si>
    <t>12/29/2019 10:35:34</t>
  </si>
  <si>
    <t>12/29/2019 10:35:35</t>
  </si>
  <si>
    <t>12/29/2019 10:35:37</t>
  </si>
  <si>
    <t>12/29/2019 10:35:38</t>
  </si>
  <si>
    <t>12/29/2019 10:35:39</t>
  </si>
  <si>
    <t>12/29/2019 10:35:41</t>
  </si>
  <si>
    <t>\\acsfs\profiles$\jonatanls\Saved Games\desktop.ini</t>
  </si>
  <si>
    <t>12/29/2019 10:35:43</t>
  </si>
  <si>
    <t>12/29/2019 10:36:07</t>
  </si>
  <si>
    <t>winrt--{S-1-5-21-602162358-764733703-839522115-330969}-.searchconnector-ms</t>
  </si>
  <si>
    <t>\\acsfs\profiles$\jonatanls\Searches\winrt--{S-1-5-21-602162358-764733703-839522115-330969}-.searchconnector-ms</t>
  </si>
  <si>
    <t>12/29/2019 10:37:21</t>
  </si>
  <si>
    <t>12/29/2019 10:36:21</t>
  </si>
  <si>
    <t>12/29/2019 10:39:18</t>
  </si>
  <si>
    <t>12/29/2019 10:38:38</t>
  </si>
  <si>
    <t>12/29/2019 10:40:17</t>
  </si>
  <si>
    <t>alexandremm</t>
  </si>
  <si>
    <t>\\acsfs\profiles$\ALEXANDREMM\</t>
  </si>
  <si>
    <t>.~lock.Vendas de dezembro.ods#</t>
  </si>
  <si>
    <t>\\acsfs\profiles$\ALEXANDREMM\.~lock.Vendas de dezembro.ods#</t>
  </si>
  <si>
    <t>12/29/2019 10:38:52</t>
  </si>
  <si>
    <t>12/29/2019 10:41:18</t>
  </si>
  <si>
    <t>12/29/2019 10:38:24</t>
  </si>
  <si>
    <t>12/29/2019 10:42:17</t>
  </si>
  <si>
    <t>bc8937d4-a40a-4aaa-8c63-1ce6bc98162b.tmp</t>
  </si>
  <si>
    <t>\\acsfs\profiles$\kellzylenneasr\Downloads\bc8937d4-a40a-4aaa-8c63-1ce6bc98162b.tmp</t>
  </si>
  <si>
    <t>12/29/2019 10:41:16</t>
  </si>
  <si>
    <t>12/29/2019 10:43:18</t>
  </si>
  <si>
    <t>12/29/2019 10:41:20</t>
  </si>
  <si>
    <t>12/29/2019 10:41:24</t>
  </si>
  <si>
    <t>12/29/2019 10:41:27</t>
  </si>
  <si>
    <t>12/29/2019 10:41:30</t>
  </si>
  <si>
    <t>12/29/2019 10:41:44</t>
  </si>
  <si>
    <t>12/29/2019 10:42:00</t>
  </si>
  <si>
    <t>joaogvc@algartech.com;josiascdsj@algartech.com;leonardoao@algartech.com;marianadjc@algartech.com;paulacn@algartech.com;rafaelggs@algartech.com;taysdss@algartech.com;viniciussg@algartech.com;</t>
  </si>
  <si>
    <t>joaogvc@algartech.com,josiascdsj@algartech.com,leonardoao@algartech.com,marianadjc@algartech.com,paulacn@algartech.com,rafaelggs@algartech.com,taysdss@algartech.com,viniciussg@algartech.com</t>
  </si>
  <si>
    <t>12/29/2019 10:38:40</t>
  </si>
  <si>
    <t>c6cc4231-ad6e-46e2-8695-c11f2be2411e.tmp</t>
  </si>
  <si>
    <t>\\acsfs\profiles$\jonatanls\Downloads\c6cc4231-ad6e-46e2-8695-c11f2be2411e.tmp</t>
  </si>
  <si>
    <t>12/29/2019 10:38:42</t>
  </si>
  <si>
    <t>0a346e52-fd05-4128-979b-8d3cb804702c.tmp</t>
  </si>
  <si>
    <t>\\acsfs\profiles$\jonatanls\Downloads\0a346e52-fd05-4128-979b-8d3cb804702c.tmp</t>
  </si>
  <si>
    <t>12/29/2019 10:42:44</t>
  </si>
  <si>
    <t>12/29/2019 10:48:18</t>
  </si>
  <si>
    <t>12/29/2019 10:42:47</t>
  </si>
  <si>
    <t>12/29/2019 10:46:08</t>
  </si>
  <si>
    <t>12/29/2019 10:50:18</t>
  </si>
  <si>
    <t>12/29/2019 10:48:40</t>
  </si>
  <si>
    <t>12/29/2019 10:53:18</t>
  </si>
  <si>
    <t>12/29/2019 10:48:45</t>
  </si>
  <si>
    <t>12/29/2019 10:52:10</t>
  </si>
  <si>
    <t>12/29/2019 10:55:18</t>
  </si>
  <si>
    <t>12/29/2019 10:50:30</t>
  </si>
  <si>
    <t>12/29/2019 10:56:18</t>
  </si>
  <si>
    <t>12/29/2019 10:54:08</t>
  </si>
  <si>
    <t>12/29/2019 10:54:06</t>
  </si>
  <si>
    <t>12/29/2019 10:58:18</t>
  </si>
  <si>
    <t>12/29/2019 11:00:52</t>
  </si>
  <si>
    <t>12/29/2019 11:05:18</t>
  </si>
  <si>
    <t>12/29/2019 11:06:43</t>
  </si>
  <si>
    <t>12/29/2019 11:10:18</t>
  </si>
  <si>
    <t>12/29/2019 11:09:09</t>
  </si>
  <si>
    <t>12/29/2019 11:12:18</t>
  </si>
  <si>
    <t>12/29/2019 11:09:43</t>
  </si>
  <si>
    <t>12/29/2019 11:14:18</t>
  </si>
  <si>
    <t>12/29/2019 11:22:03</t>
  </si>
  <si>
    <t>12/29/2019 11:25:18</t>
  </si>
  <si>
    <t>22b9732c-010f-465c-8c0e-1d8f0811f89d.tmp</t>
  </si>
  <si>
    <t>\\acsfs\profiles$\YASMINSC\Downloads\22b9732c-010f-465c-8c0e-1d8f0811f89d.tmp</t>
  </si>
  <si>
    <t>12/29/2019 11:21:58</t>
  </si>
  <si>
    <t>12/29/2019 11:26:13</t>
  </si>
  <si>
    <t>12/29/2019 11:30:18</t>
  </si>
  <si>
    <t>12/29/2019 11:29:24</t>
  </si>
  <si>
    <t>12/29/2019 11:33:18</t>
  </si>
  <si>
    <t>12/29/2019 11:30:19</t>
  </si>
  <si>
    <t>12/29/2019 11:35:18</t>
  </si>
  <si>
    <t>12/29/2019 11:33:43</t>
  </si>
  <si>
    <t>12/29/2019 11:37:18</t>
  </si>
  <si>
    <t>12/29/2019 11:34:50</t>
  </si>
  <si>
    <t>12/29/2019 11:35:29</t>
  </si>
  <si>
    <t>88a7a84a-ed40-477f-963f-cbabbd6e0ba1.tmp</t>
  </si>
  <si>
    <t>\\acsfs\profiles$\kellzylenneasr\Downloads\88a7a84a-ed40-477f-963f-cbabbd6e0ba1.tmp</t>
  </si>
  <si>
    <t>12/29/2019 11:36:56</t>
  </si>
  <si>
    <t>12/29/2019 11:38:18</t>
  </si>
  <si>
    <t>12/29/2019 11:34:10</t>
  </si>
  <si>
    <t>12/29/2019 11:36:24</t>
  </si>
  <si>
    <t>12/29/2019 11:39:18</t>
  </si>
  <si>
    <t>12/29/2019 11:40:27</t>
  </si>
  <si>
    <t>12/29/2019 11:43:19</t>
  </si>
  <si>
    <t>12/29/2019 11:40:38</t>
  </si>
  <si>
    <t>12/29/2019 11:44:18</t>
  </si>
  <si>
    <t>12/29/2019 11:42:02</t>
  </si>
  <si>
    <t>12/29/2019 11:46:18</t>
  </si>
  <si>
    <t>12/29/2019 11:43:49</t>
  </si>
  <si>
    <t>35de7c88-f25e-4448-839c-a2eb8e951aa9.tmp</t>
  </si>
  <si>
    <t>\\acsfs\profiles$\PEDROHAB\Downloads\35de7c88-f25e-4448-839c-a2eb8e951aa9.tmp</t>
  </si>
  <si>
    <t>12/29/2019 11:47:31</t>
  </si>
  <si>
    <t>12/29/2019 11:51:18</t>
  </si>
  <si>
    <t>12/29/2019 11:48:51</t>
  </si>
  <si>
    <t>12/29/2019 11:52:53</t>
  </si>
  <si>
    <t>12/29/2019 11:57:19</t>
  </si>
  <si>
    <t>12/29/2019 11:56:45</t>
  </si>
  <si>
    <t>12/29/2019 11:59:19</t>
  </si>
  <si>
    <t>12/29/2019 12:01:19</t>
  </si>
  <si>
    <t>12/29/2019 12:01:33</t>
  </si>
  <si>
    <t>12/29/2019 12:03:19</t>
  </si>
  <si>
    <t>12/29/2019 12:01:37</t>
  </si>
  <si>
    <t>12/29/2019 12:01:56</t>
  </si>
  <si>
    <t>12/29/2019 12:02:13</t>
  </si>
  <si>
    <t>12/29/2019 12:02:19</t>
  </si>
  <si>
    <t>12/29/2019 11:58:15</t>
  </si>
  <si>
    <t>12/29/2019 12:00:02</t>
  </si>
  <si>
    <t>12/29/2019 12:03:50</t>
  </si>
  <si>
    <t>12/29/2019 12:06:19</t>
  </si>
  <si>
    <t>12/29/2019 12:02:41</t>
  </si>
  <si>
    <t>12/29/2019 12:08:18</t>
  </si>
  <si>
    <t>12/29/2019 12:03:00</t>
  </si>
  <si>
    <t>12/29/2019 12:03:06</t>
  </si>
  <si>
    <t>12/29/2019 12:03:09</t>
  </si>
  <si>
    <t>12/29/2019 12:03:14</t>
  </si>
  <si>
    <t>12/29/2019 12:04:36</t>
  </si>
  <si>
    <t>\\acsfs\DEPTOS\EDUCACAO EMPRESARIAL\01 - Info\</t>
  </si>
  <si>
    <t>\\acsfs\DEPTOS\EDUCACAO EMPRESARIAL\Atalhos\Thumbs.db</t>
  </si>
  <si>
    <t>12/29/2019 12:04:39</t>
  </si>
  <si>
    <t>\\acsfs\DEPTOS\EDUCACAO EMPRESARIAL\00\</t>
  </si>
  <si>
    <t>\\acsfs\DEPTOS\EDUCACAO EMPRESARIAL\00\Thumbs.db</t>
  </si>
  <si>
    <t>12/29/2019 12:04:48</t>
  </si>
  <si>
    <t>\\acsfs\DEPTOS\EDUCACAO EMPRESARIAL\4 - Gestão de Educação\</t>
  </si>
  <si>
    <t>\\acsfs\DEPTOS\EDUCACAO EMPRESARIAL\4 - Gestão de Educação\Thumbs.db</t>
  </si>
  <si>
    <t>12/29/2019 12:04:55</t>
  </si>
  <si>
    <t>\\acsfs\DEPTOS\EDUCACAO EMPRESARIAL\2 - Operações\0 - BV\1 - TREINADORES\</t>
  </si>
  <si>
    <t>\\acsfs\DEPTOS\EDUCACAO EMPRESARIAL\2 - Operações\0 - BV\1 - TREINADORES\Thumbs.db</t>
  </si>
  <si>
    <t>12/29/2019 12:04:58</t>
  </si>
  <si>
    <t>\\acsfs\DEPTOS\EDUCACAO EMPRESARIAL\2 - Operações\0 - BV\5 - QUALIDADE\Nice\</t>
  </si>
  <si>
    <t>\\acsfs\DEPTOS\EDUCACAO EMPRESARIAL\2 - Operações\0 - BV\5 - QUALIDADE\Nice\Thumbs.db</t>
  </si>
  <si>
    <t>12/29/2019 12:08:27</t>
  </si>
  <si>
    <t>12/29/2019 12:09:19</t>
  </si>
  <si>
    <t>12/29/2019 12:10:12</t>
  </si>
  <si>
    <t>12/29/2019 12:11:19</t>
  </si>
  <si>
    <t>12/29/2019 12:07:43</t>
  </si>
  <si>
    <t>12/29/2019 12:08:23</t>
  </si>
  <si>
    <t>12/29/2019 12:12:20</t>
  </si>
  <si>
    <t>12/29/2019 12:08:24</t>
  </si>
  <si>
    <t>12/29/2019 12:11:20</t>
  </si>
  <si>
    <t>12/29/2019 12:13:19</t>
  </si>
  <si>
    <t>12/29/2019 12:12:02</t>
  </si>
  <si>
    <t>12/29/2019 12:12:03</t>
  </si>
  <si>
    <t>12/29/2019 12:16:25</t>
  </si>
  <si>
    <t>12/29/2019 12:19:19</t>
  </si>
  <si>
    <t>12/29/2019 12:16:00</t>
  </si>
  <si>
    <t>12/29/2019 12:20:19</t>
  </si>
  <si>
    <t>12/29/2019 12:21:19</t>
  </si>
  <si>
    <t>12/29/2019 12:20:51</t>
  </si>
  <si>
    <t>12/29/2019 12:23:19</t>
  </si>
  <si>
    <t>\\acsfs\DEPTOS\EDUCACAO EMPRESARIAL\2 - Operações\0 - BV\5 - QUALIDADE\Nova pasta\</t>
  </si>
  <si>
    <t>Controle de Erros operacionais - Dezembro - Cópia.xlsb</t>
  </si>
  <si>
    <t>\\acsfs\DEPTOS\EDUCACAO EMPRESARIAL\2 - Operações\0 - BV\5 - QUALIDADE\Nova pasta\Controle de Erros operacionais - Dezembro - Cópia.xlsb</t>
  </si>
  <si>
    <t>12/29/2019 12:22:41</t>
  </si>
  <si>
    <t>12/29/2019 12:28:19</t>
  </si>
  <si>
    <t>12/29/2019 12:23:07</t>
  </si>
  <si>
    <t>12/29/2019 12:26:17</t>
  </si>
  <si>
    <t>12/29/2019 12:26:30</t>
  </si>
  <si>
    <t>12/29/2019 12:26:37</t>
  </si>
  <si>
    <t>12/29/2019 12:27:43</t>
  </si>
  <si>
    <t>12/29/2019 12:29:19</t>
  </si>
  <si>
    <t>12/29/2019 12:25:43</t>
  </si>
  <si>
    <t>12/29/2019 12:27:26</t>
  </si>
  <si>
    <t>12/29/2019 12:31:19</t>
  </si>
  <si>
    <t>12/29/2019 12:29:23</t>
  </si>
  <si>
    <t>12/29/2019 12:32:20</t>
  </si>
  <si>
    <t>12/29/2019 12:27:39</t>
  </si>
  <si>
    <t>12/29/2019 12:33:19</t>
  </si>
  <si>
    <t>12/29/2019 12:28:14</t>
  </si>
  <si>
    <t>12/29/2019 12:32:04</t>
  </si>
  <si>
    <t>12/29/2019 12:36:19</t>
  </si>
  <si>
    <t>12/29/2019 12:37:11</t>
  </si>
  <si>
    <t>12/29/2019 12:38:19</t>
  </si>
  <si>
    <t>12/29/2019 12:37:00</t>
  </si>
  <si>
    <t>12/29/2019 12:39:20</t>
  </si>
  <si>
    <t>12/29/2019 12:38:10</t>
  </si>
  <si>
    <t>12/29/2019 12:41:19</t>
  </si>
  <si>
    <t>12/29/2019 12:42:41</t>
  </si>
  <si>
    <t>12/29/2019 12:48:20</t>
  </si>
  <si>
    <t>12/29/2019 12:42:52</t>
  </si>
  <si>
    <t>12/29/2019 12:42:58</t>
  </si>
  <si>
    <t>12/29/2019 12:43:08</t>
  </si>
  <si>
    <t>12/29/2019 12:43:15</t>
  </si>
  <si>
    <t>12/29/2019 12:43:18</t>
  </si>
  <si>
    <t>12/29/2019 12:43:20</t>
  </si>
  <si>
    <t>12/29/2019 12:43:26</t>
  </si>
  <si>
    <t>12/29/2019 12:51:48</t>
  </si>
  <si>
    <t>12/29/2019 12:57:20</t>
  </si>
  <si>
    <t>12/29/2019 12:52:53</t>
  </si>
  <si>
    <t>1a566211-e2cf-498c-a764-43c54776e824.tmp</t>
  </si>
  <si>
    <t>\\acsfs\profiles$\mariagsg\Downloads\1a566211-e2cf-498c-a764-43c54776e824.tmp</t>
  </si>
  <si>
    <t>12/29/2019 12:52:55</t>
  </si>
  <si>
    <t>14381828-6edb-4241-a960-c7eacfe08b34.tmp</t>
  </si>
  <si>
    <t>\\acsfs\profiles$\mariagsg\Downloads\14381828-6edb-4241-a960-c7eacfe08b34.tmp</t>
  </si>
  <si>
    <t>12/29/2019 12:58:08</t>
  </si>
  <si>
    <t>12/29/2019 12:58:20</t>
  </si>
  <si>
    <t>12/29/2019 12:59:55</t>
  </si>
  <si>
    <t>12/29/2019 13:02:19</t>
  </si>
  <si>
    <t>12/29/2019 13:01:23</t>
  </si>
  <si>
    <t>6d8eb612-575a-4517-9074-720b90ba7805.tmp</t>
  </si>
  <si>
    <t>\\acsfs\profiles$\kellzylenneasr\Downloads\6d8eb612-575a-4517-9074-720b90ba7805.tmp</t>
  </si>
  <si>
    <t>12/29/2019 13:01:03</t>
  </si>
  <si>
    <t>12/29/2019 13:03:20</t>
  </si>
  <si>
    <t>12/29/2019 13:01:04</t>
  </si>
  <si>
    <t>12/29/2019 13:01:05</t>
  </si>
  <si>
    <t>12/29/2019 12:58:12</t>
  </si>
  <si>
    <t>12/29/2019 13:01:12</t>
  </si>
  <si>
    <t>12/29/2019 13:04:19</t>
  </si>
  <si>
    <t>12/29/2019 13:05:15</t>
  </si>
  <si>
    <t>12/29/2019 13:07:19</t>
  </si>
  <si>
    <t>12/29/2019 13:06:41</t>
  </si>
  <si>
    <t>12/29/2019 13:09:20</t>
  </si>
  <si>
    <t>12/29/2019 13:06:30</t>
  </si>
  <si>
    <t>12/29/2019 13:10:20</t>
  </si>
  <si>
    <t>12/29/2019 13:10:49</t>
  </si>
  <si>
    <t>12/29/2019 13:12:19</t>
  </si>
  <si>
    <t>215289f9-cabe-4e13-80e1-70242971344a.tmp</t>
  </si>
  <si>
    <t>\\acsfs\profiles$\mariagsg\Downloads\215289f9-cabe-4e13-80e1-70242971344a.tmp</t>
  </si>
  <si>
    <t>12/29/2019 13:15:23</t>
  </si>
  <si>
    <t>12/29/2019 13:16:19</t>
  </si>
  <si>
    <t>12/29/2019 13:11:49</t>
  </si>
  <si>
    <t>12/29/2019 13:15:32</t>
  </si>
  <si>
    <t>12/29/2019 13:20:20</t>
  </si>
  <si>
    <t>12/29/2019 13:17:45</t>
  </si>
  <si>
    <t>12/29/2019 13:22:21</t>
  </si>
  <si>
    <t>12/29/2019 13:23:41</t>
  </si>
  <si>
    <t>12/29/2019 13:26:21</t>
  </si>
  <si>
    <t>12/29/2019 13:26:40</t>
  </si>
  <si>
    <t>12/29/2019 13:28:21</t>
  </si>
  <si>
    <t>12/29/2019 13:29:17</t>
  </si>
  <si>
    <t>12/29/2019 13:32:21</t>
  </si>
  <si>
    <t>12/29/2019 13:33:58</t>
  </si>
  <si>
    <t>12/29/2019 13:35:21</t>
  </si>
  <si>
    <t>b7b8575e-a82c-499d-829a-116a709ffb23.tmp</t>
  </si>
  <si>
    <t>\\acsfs\profiles$\rafaelamsv\Downloads\b7b8575e-a82c-499d-829a-116a709ffb23.tmp</t>
  </si>
  <si>
    <t>12/29/2019 13:33:25</t>
  </si>
  <si>
    <t>12/29/2019 13:36:21</t>
  </si>
  <si>
    <t>12/29/2019 13:33:33</t>
  </si>
  <si>
    <t>12/29/2019 13:37:21</t>
  </si>
  <si>
    <t>12/29/2019 13:36:32</t>
  </si>
  <si>
    <t>12/29/2019 13:38:13</t>
  </si>
  <si>
    <t>12/29/2019 13:41:21</t>
  </si>
  <si>
    <t>12/29/2019 13:37:15</t>
  </si>
  <si>
    <t>12/29/2019 13:50:27</t>
  </si>
  <si>
    <t>12/29/2019 13:51:23</t>
  </si>
  <si>
    <t>12/29/2019 13:52:47</t>
  </si>
  <si>
    <t>12/29/2019 13:58:23</t>
  </si>
  <si>
    <t>12/29/2019 13:55:47</t>
  </si>
  <si>
    <t>12/29/2019 13:57:55</t>
  </si>
  <si>
    <t>12/29/2019 13:59:23</t>
  </si>
  <si>
    <t>12/29/2019 13:56:10</t>
  </si>
  <si>
    <t>12/29/2019 14:00:23</t>
  </si>
  <si>
    <t>12/29/2019 13:56:14</t>
  </si>
  <si>
    <t>12/29/2019 13:59:43</t>
  </si>
  <si>
    <t>12/29/2019 14:01:23</t>
  </si>
  <si>
    <t>12/29/2019 14:01:19</t>
  </si>
  <si>
    <t>12/29/2019 14:02:24</t>
  </si>
  <si>
    <t>12/29/2019 14:00:40</t>
  </si>
  <si>
    <t>12/29/2019 14:04:24</t>
  </si>
  <si>
    <t>12/29/2019 14:08:02</t>
  </si>
  <si>
    <t>12/29/2019 14:12:23</t>
  </si>
  <si>
    <t>12/29/2019 14:16:03</t>
  </si>
  <si>
    <t>12/29/2019 14:18:24</t>
  </si>
  <si>
    <t>12/29/2019 14:15:41</t>
  </si>
  <si>
    <t>12/29/2019 14:19:23</t>
  </si>
  <si>
    <t>12/29/2019 14:18:58</t>
  </si>
  <si>
    <t>12/29/2019 14:23:24</t>
  </si>
  <si>
    <t>12/29/2019 14:22:20</t>
  </si>
  <si>
    <t>12/29/2019 14:26:23</t>
  </si>
  <si>
    <t>12/29/2019 14:27:26</t>
  </si>
  <si>
    <t>12/29/2019 14:28:23</t>
  </si>
  <si>
    <t>12/29/2019 14:25:33</t>
  </si>
  <si>
    <t>12/29/2019 14:30:23</t>
  </si>
  <si>
    <t>12/29/2019 14:28:59</t>
  </si>
  <si>
    <t>12/29/2019 14:32:23</t>
  </si>
  <si>
    <t>dc21c9fa-b20d-4f97-966c-3169f2d8310a.tmp</t>
  </si>
  <si>
    <t>\\acsfs\profiles$\mariagsg\Downloads\dc21c9fa-b20d-4f97-966c-3169f2d8310a.tmp</t>
  </si>
  <si>
    <t>12/29/2019 14:28:45</t>
  </si>
  <si>
    <t>12/29/2019 14:33:23</t>
  </si>
  <si>
    <t>fb8f68e3-7e7a-4649-a762-78dfe3ebf381.tmp</t>
  </si>
  <si>
    <t>\\acsfs\profiles$\philipegsf\Downloads\fb8f68e3-7e7a-4649-a762-78dfe3ebf381.tmp</t>
  </si>
  <si>
    <t>12/29/2019 14:30:18</t>
  </si>
  <si>
    <t>9f1d0387-19fb-4343-ab6c-b309c15c4f0a.tmp</t>
  </si>
  <si>
    <t>\\acsfs\profiles$\philipegsf\Downloads\9f1d0387-19fb-4343-ab6c-b309c15c4f0a.tmp</t>
  </si>
  <si>
    <t>12/29/2019 14:33:01</t>
  </si>
  <si>
    <t>12/29/2019 14:36:23</t>
  </si>
  <si>
    <t>12/29/2019 14:33:42</t>
  </si>
  <si>
    <t>12/29/2019 14:32:41</t>
  </si>
  <si>
    <t>12/29/2019 14:37:23</t>
  </si>
  <si>
    <t>12/29/2019 14:37:52</t>
  </si>
  <si>
    <t>12/29/2019 14:42:23</t>
  </si>
  <si>
    <t>12/29/2019 14:38:13</t>
  </si>
  <si>
    <t>f8f33029-cc9a-49de-a0c9-8b5ba7279210.tmp</t>
  </si>
  <si>
    <t>\\acsfs\profiles$\fabianafv\Downloads\f8f33029-cc9a-49de-a0c9-8b5ba7279210.tmp</t>
  </si>
  <si>
    <t>12/29/2019 14:38:18</t>
  </si>
  <si>
    <t>7e266e53-c74d-46b6-96f6-ccd9aa1764ec.tmp</t>
  </si>
  <si>
    <t>\\acsfs\profiles$\fabianafv\Downloads\7e266e53-c74d-46b6-96f6-ccd9aa1764ec.tmp</t>
  </si>
  <si>
    <t>12/29/2019 14:39:34</t>
  </si>
  <si>
    <t>90746ad1-6d52-4a63-81a6-757321118be1.tmp</t>
  </si>
  <si>
    <t>\\acsfs\profiles$\fabianafv\Downloads\90746ad1-6d52-4a63-81a6-757321118be1.tmp</t>
  </si>
  <si>
    <t>12/29/2019 14:40:06</t>
  </si>
  <si>
    <t>12/29/2019 14:44:22</t>
  </si>
  <si>
    <t>12/29/2019 14:43:33</t>
  </si>
  <si>
    <t>12/29/2019 14:48:22</t>
  </si>
  <si>
    <t>80fe98e9-09e9-49a1-9a26-2f2a713121d5.tmp</t>
  </si>
  <si>
    <t>\\acsfs\profiles$\brunalas\Downloads\80fe98e9-09e9-49a1-9a26-2f2a713121d5.tmp</t>
  </si>
  <si>
    <t>12/29/2019 14:43:37</t>
  </si>
  <si>
    <t>12/29/2019 14:44:47</t>
  </si>
  <si>
    <t>206f8aef-7379-47ca-8434-d27c18b77335.tmp</t>
  </si>
  <si>
    <t>\\acsfs\profiles$\brunalas\Downloads\206f8aef-7379-47ca-8434-d27c18b77335.tmp</t>
  </si>
  <si>
    <t>12/29/2019 14:49:35</t>
  </si>
  <si>
    <t>12/29/2019 14:52:22</t>
  </si>
  <si>
    <t>054525b3-ae44-4509-b123-273c2dda5423.tmp</t>
  </si>
  <si>
    <t>\\acsfs\profiles$\fabianafv\Downloads\054525b3-ae44-4509-b123-273c2dda5423.tmp</t>
  </si>
  <si>
    <t>12/29/2019 14:49:14</t>
  </si>
  <si>
    <t>12/29/2019 14:53:44</t>
  </si>
  <si>
    <t>12/29/2019 14:56:21</t>
  </si>
  <si>
    <t>12/29/2019 14:54:24</t>
  </si>
  <si>
    <t>12/29/2019 14:57:22</t>
  </si>
  <si>
    <t>5ba6c341-dc4d-4515-b875-d4a0228647b0.tmp</t>
  </si>
  <si>
    <t>\\acsfs\profiles$\fabianafv\Downloads\5ba6c341-dc4d-4515-b875-d4a0228647b0.tmp</t>
  </si>
  <si>
    <t>12/29/2019 14:54:42</t>
  </si>
  <si>
    <t>f2294a1f-d257-458c-a8f7-10ede011055e.tmp</t>
  </si>
  <si>
    <t>\\acsfs\profiles$\fabianafv\Downloads\f2294a1f-d257-458c-a8f7-10ede011055e.tmp</t>
  </si>
  <si>
    <t>12/29/2019 14:53:23</t>
  </si>
  <si>
    <t>12/29/2019 14:58:21</t>
  </si>
  <si>
    <t>12/29/2019 14:56:32</t>
  </si>
  <si>
    <t>12/29/2019 14:59:22</t>
  </si>
  <si>
    <t>10.200.66.94</t>
  </si>
  <si>
    <t>34-E6-D7-FC-BF-1F</t>
  </si>
  <si>
    <t>VOTORANT-ZB004</t>
  </si>
  <si>
    <t>martala</t>
  </si>
  <si>
    <t>12/29/2019 15:00:50</t>
  </si>
  <si>
    <t>12/29/2019 15:03:21</t>
  </si>
  <si>
    <t>12/29/2019 15:05:49</t>
  </si>
  <si>
    <t>12/29/2019 15:08:21</t>
  </si>
  <si>
    <t>12/29/2019 15:05:33</t>
  </si>
  <si>
    <t>12/29/2019 15:09:22</t>
  </si>
  <si>
    <t>12/29/2019 15:08:14</t>
  </si>
  <si>
    <t>12/29/2019 15:11:21</t>
  </si>
  <si>
    <t>12/29/2019 15:07:16</t>
  </si>
  <si>
    <t>12/29/2019 15:07:45</t>
  </si>
  <si>
    <t>adccafd8-17f0-4de7-91c2-2841eed202fa.tmp</t>
  </si>
  <si>
    <t>\\acsfs\profiles$\welidicdj\Downloads\adccafd8-17f0-4de7-91c2-2841eed202fa.tmp</t>
  </si>
  <si>
    <t>12/29/2019 15:07:52</t>
  </si>
  <si>
    <t>67dd3940-8b81-476d-9246-88881dd92add.tmp</t>
  </si>
  <si>
    <t>\\acsfs\profiles$\welidicdj\Downloads\67dd3940-8b81-476d-9246-88881dd92add.tmp</t>
  </si>
  <si>
    <t>12/29/2019 15:09:35</t>
  </si>
  <si>
    <t>12/29/2019 15:12:22</t>
  </si>
  <si>
    <t>.~lock.vendas HJ.ods#</t>
  </si>
  <si>
    <t>\\acsfs\profiles$\KELLZYLENNEASR\My Documents\.~lock.vendas HJ.ods#</t>
  </si>
  <si>
    <t>12/29/2019 15:09:47</t>
  </si>
  <si>
    <t>12/29/2019 15:10:10</t>
  </si>
  <si>
    <t>lu11560mmlo.tmp</t>
  </si>
  <si>
    <t>\\acsfs\profiles$\KELLZYLENNEASR\My Documents\lu11560mmlo.tmp</t>
  </si>
  <si>
    <t>\\acsfs\profiles$\KELLZYLENNEASR\My Documents\lu11560mmlo.tmp\</t>
  </si>
  <si>
    <t>\\acsfs\profiles$\KELLZYLENNEASR\My Documents\lu11560mmlo.tmp\META-INF\</t>
  </si>
  <si>
    <t>\\acsfs\profiles$\KELLZYLENNEASR\My Documents\lu11560mmlo.tmp\Thumbnails\</t>
  </si>
  <si>
    <t>12/29/2019 15:10:15</t>
  </si>
  <si>
    <t>\\acsfs\profiles$\kellzylenneasr\My Documents\$RECYCLE.BIN\</t>
  </si>
  <si>
    <t>$I4B3OKN.ods</t>
  </si>
  <si>
    <t>\\acsfs\profiles$\kellzylenneasr\My Documents\$RECYCLE.BIN\$I4B3OKN.ods</t>
  </si>
  <si>
    <t>12/29/2019 15:08:59</t>
  </si>
  <si>
    <t>12/29/2019 15:14:21</t>
  </si>
  <si>
    <t>\\acsfs\profiles$\erichds\My Documents\My Pictures\</t>
  </si>
  <si>
    <t>\\acsfs\profiles$\erichds\My Documents\My Videos\desktop.ini</t>
  </si>
  <si>
    <t>12/29/2019 15:09:00</t>
  </si>
  <si>
    <t>\\acsfs\profiles$\erichds\My Documents\My Videos\</t>
  </si>
  <si>
    <t>12/29/2019 15:09:07</t>
  </si>
  <si>
    <t>12/29/2019 15:09:09</t>
  </si>
  <si>
    <t>12/29/2019 15:09:10</t>
  </si>
  <si>
    <t>12/29/2019 15:09:14</t>
  </si>
  <si>
    <t>\\acsfs\profiles$\erichds\My Documents\My Music\</t>
  </si>
  <si>
    <t>\\acsfs\profiles$\erichds\My Documents\My Pictures\desktop.ini</t>
  </si>
  <si>
    <t>12/29/2019 15:09:16</t>
  </si>
  <si>
    <t>12/29/2019 15:09:18</t>
  </si>
  <si>
    <t>12/29/2019 15:09:33</t>
  </si>
  <si>
    <t>12/29/2019 15:09:38</t>
  </si>
  <si>
    <t>12/29/2019 15:09:40</t>
  </si>
  <si>
    <t>\\acsfs\profiles$\erichds\Contacts\</t>
  </si>
  <si>
    <t>\\acsfs\profiles$\erichds\Contacts\desktop.ini</t>
  </si>
  <si>
    <t>12/29/2019 15:09:42</t>
  </si>
  <si>
    <t>12/29/2019 15:09:44</t>
  </si>
  <si>
    <t>12/29/2019 15:09:45</t>
  </si>
  <si>
    <t>12/29/2019 15:09:46</t>
  </si>
  <si>
    <t>12/29/2019 15:09:49</t>
  </si>
  <si>
    <t>\\acsfs\profiles$\erichds\My Documents\</t>
  </si>
  <si>
    <t>\\acsfs\profiles$\erichds\Favorites\desktop.ini</t>
  </si>
  <si>
    <t>12/29/2019 15:09:51</t>
  </si>
  <si>
    <t>12/29/2019 15:09:53</t>
  </si>
  <si>
    <t>12/29/2019 15:09:54</t>
  </si>
  <si>
    <t>12/29/2019 15:09:57</t>
  </si>
  <si>
    <t>12/29/2019 15:09:58</t>
  </si>
  <si>
    <t>12/29/2019 15:09:59</t>
  </si>
  <si>
    <t>12/29/2019 15:10:01</t>
  </si>
  <si>
    <t>\\acsfs\profiles$\erichds\My Documents\My Music\desktop.ini</t>
  </si>
  <si>
    <t>12/29/2019 15:10:04</t>
  </si>
  <si>
    <t>12/29/2019 15:10:05</t>
  </si>
  <si>
    <t>12/29/2019 15:10:07</t>
  </si>
  <si>
    <t>12/29/2019 15:10:08</t>
  </si>
  <si>
    <t>\\acsfs\profiles$\erichds\Searches\</t>
  </si>
  <si>
    <t>\\acsfs\profiles$\erichds\Searches\desktop.ini</t>
  </si>
  <si>
    <t>12/29/2019 15:10:11</t>
  </si>
  <si>
    <t>12/29/2019 15:10:13</t>
  </si>
  <si>
    <t>12/29/2019 15:10:14</t>
  </si>
  <si>
    <t>12/29/2019 15:10:16</t>
  </si>
  <si>
    <t>12/29/2019 15:10:17</t>
  </si>
  <si>
    <t>\\acsfs\profiles$\erichds\Downloads\desktop.ini</t>
  </si>
  <si>
    <t>12/29/2019 15:10:18</t>
  </si>
  <si>
    <t>12/29/2019 15:10:20</t>
  </si>
  <si>
    <t>\\acsfs\profiles$\erichds\Favorites\</t>
  </si>
  <si>
    <t>\\acsfs\profiles$\erichds\My Documents\desktop.ini</t>
  </si>
  <si>
    <t>12/29/2019 15:10:22</t>
  </si>
  <si>
    <t>12/29/2019 15:10:23</t>
  </si>
  <si>
    <t>12/29/2019 15:10:25</t>
  </si>
  <si>
    <t>12/29/2019 15:10:29</t>
  </si>
  <si>
    <t>12/29/2019 15:10:30</t>
  </si>
  <si>
    <t>12/29/2019 15:11:56</t>
  </si>
  <si>
    <t>12/29/2019 15:11:57</t>
  </si>
  <si>
    <t>12/29/2019 15:11:58</t>
  </si>
  <si>
    <t>12/29/2019 15:11:59</t>
  </si>
  <si>
    <t>12/29/2019 15:12:01</t>
  </si>
  <si>
    <t>12/29/2019 15:12:02</t>
  </si>
  <si>
    <t>12/29/2019 15:12:03</t>
  </si>
  <si>
    <t>12/29/2019 15:12:04</t>
  </si>
  <si>
    <t>12/29/2019 15:12:06</t>
  </si>
  <si>
    <t>12/29/2019 15:12:07</t>
  </si>
  <si>
    <t>12/29/2019 15:12:08</t>
  </si>
  <si>
    <t>12/29/2019 15:12:09</t>
  </si>
  <si>
    <t>12/29/2019 15:12:10</t>
  </si>
  <si>
    <t>12/29/2019 15:12:11</t>
  </si>
  <si>
    <t>12/29/2019 15:12:13</t>
  </si>
  <si>
    <t>12/29/2019 15:12:14</t>
  </si>
  <si>
    <t>12/29/2019 15:12:16</t>
  </si>
  <si>
    <t>12/29/2019 15:12:17</t>
  </si>
  <si>
    <t>12/29/2019 15:12:18</t>
  </si>
  <si>
    <t>12/29/2019 15:12:19</t>
  </si>
  <si>
    <t>12/29/2019 15:12:20</t>
  </si>
  <si>
    <t>12/29/2019 15:12:21</t>
  </si>
  <si>
    <t>12/29/2019 15:14:22</t>
  </si>
  <si>
    <t>12/29/2019 15:12:23</t>
  </si>
  <si>
    <t>12/29/2019 15:12:25</t>
  </si>
  <si>
    <t>12/29/2019 15:12:27</t>
  </si>
  <si>
    <t>12/29/2019 15:12:29</t>
  </si>
  <si>
    <t>12/29/2019 15:12:30</t>
  </si>
  <si>
    <t>12/29/2019 15:12:31</t>
  </si>
  <si>
    <t>12/29/2019 15:12:33</t>
  </si>
  <si>
    <t>12/29/2019 15:12:34</t>
  </si>
  <si>
    <t>12/29/2019 15:12:36</t>
  </si>
  <si>
    <t>12/29/2019 15:12:37</t>
  </si>
  <si>
    <t>12/29/2019 15:12:39</t>
  </si>
  <si>
    <t>12/29/2019 15:12:40</t>
  </si>
  <si>
    <t>12/29/2019 15:12:42</t>
  </si>
  <si>
    <t>12/29/2019 15:12:43</t>
  </si>
  <si>
    <t>12/29/2019 15:12:47</t>
  </si>
  <si>
    <t>\\acsfs\profiles$\erichds\Saved Games\desktop.ini</t>
  </si>
  <si>
    <t>12/29/2019 15:12:48</t>
  </si>
  <si>
    <t>12/29/2019 15:13:21</t>
  </si>
  <si>
    <t>winrt--{S-1-5-21-602162358-764733703-839522115-358591}-.searchconnector-ms</t>
  </si>
  <si>
    <t>\\acsfs\profiles$\erichds\Searches\winrt--{S-1-5-21-602162358-764733703-839522115-358591}-.searchconnector-ms</t>
  </si>
  <si>
    <t>12/29/2019 15:15:25</t>
  </si>
  <si>
    <t>12/29/2019 15:17:22</t>
  </si>
  <si>
    <t>https://vimeo.com/manage/videos?action=action_log_performance</t>
  </si>
  <si>
    <t>12/29/2019 15:15:30</t>
  </si>
  <si>
    <t>12/29/2019 15:15:20</t>
  </si>
  <si>
    <t>12/29/2019 15:19:22</t>
  </si>
  <si>
    <t>26a0c7e3-36d7-4df0-870e-08af6b47a4ef.tmp</t>
  </si>
  <si>
    <t>\\acsfs\profiles$\erichds\Downloads\26a0c7e3-36d7-4df0-870e-08af6b47a4ef.tmp</t>
  </si>
  <si>
    <t>12/29/2019 15:17:37</t>
  </si>
  <si>
    <t>12/29/2019 15:13:41</t>
  </si>
  <si>
    <t>12/29/2019 15:13:43</t>
  </si>
  <si>
    <t>12/29/2019 15:13:44</t>
  </si>
  <si>
    <t>12/29/2019 15:13:45</t>
  </si>
  <si>
    <t>12/29/2019 15:13:46</t>
  </si>
  <si>
    <t>12/29/2019 15:13:49</t>
  </si>
  <si>
    <t>12/29/2019 15:13:50</t>
  </si>
  <si>
    <t>12/29/2019 15:13:52</t>
  </si>
  <si>
    <t>12/29/2019 15:13:53</t>
  </si>
  <si>
    <t>12/29/2019 15:13:56</t>
  </si>
  <si>
    <t>12/29/2019 15:13:57</t>
  </si>
  <si>
    <t>12/29/2019 15:13:58</t>
  </si>
  <si>
    <t>12/29/2019 15:14:00</t>
  </si>
  <si>
    <t>12/29/2019 15:14:01</t>
  </si>
  <si>
    <t>12/29/2019 15:14:03</t>
  </si>
  <si>
    <t>12/29/2019 15:14:04</t>
  </si>
  <si>
    <t>12/29/2019 15:14:06</t>
  </si>
  <si>
    <t>12/29/2019 15:14:07</t>
  </si>
  <si>
    <t>12/29/2019 15:14:09</t>
  </si>
  <si>
    <t>12/29/2019 15:14:10</t>
  </si>
  <si>
    <t>12/29/2019 15:14:12</t>
  </si>
  <si>
    <t>12/29/2019 15:14:13</t>
  </si>
  <si>
    <t>12/29/2019 15:14:15</t>
  </si>
  <si>
    <t>12/29/2019 15:14:16</t>
  </si>
  <si>
    <t>12/29/2019 15:14:17</t>
  </si>
  <si>
    <t>12/29/2019 15:14:19</t>
  </si>
  <si>
    <t>12/29/2019 15:14:20</t>
  </si>
  <si>
    <t>12/29/2019 15:14:23</t>
  </si>
  <si>
    <t>12/29/2019 15:14:25</t>
  </si>
  <si>
    <t>12/29/2019 15:14:26</t>
  </si>
  <si>
    <t>12/29/2019 15:14:27</t>
  </si>
  <si>
    <t>12/29/2019 15:14:28</t>
  </si>
  <si>
    <t>12/29/2019 15:14:30</t>
  </si>
  <si>
    <t>12/29/2019 15:14:32</t>
  </si>
  <si>
    <t>12/29/2019 15:14:34</t>
  </si>
  <si>
    <t>12/29/2019 15:14:35</t>
  </si>
  <si>
    <t>12/29/2019 15:14:36</t>
  </si>
  <si>
    <t>12/29/2019 15:14:38</t>
  </si>
  <si>
    <t>12/29/2019 15:14:40</t>
  </si>
  <si>
    <t>12/29/2019 15:14:43</t>
  </si>
  <si>
    <t>12/29/2019 15:14:45</t>
  </si>
  <si>
    <t>12/29/2019 15:15:09</t>
  </si>
  <si>
    <t>12/29/2019 15:17:48</t>
  </si>
  <si>
    <t>12/29/2019 15:22:21</t>
  </si>
  <si>
    <t>12/29/2019 15:19:23</t>
  </si>
  <si>
    <t>lu11560mmls.tmp</t>
  </si>
  <si>
    <t>\\acsfs\profiles$\KELLZYLENNEASR\My Documents\lu11560mmls.tmp</t>
  </si>
  <si>
    <t>\\acsfs\profiles$\KELLZYLENNEASR\My Documents\lu11560mmls.tmp\</t>
  </si>
  <si>
    <t>\\acsfs\profiles$\KELLZYLENNEASR\My Documents\lu11560mmls.tmp\META-INF\</t>
  </si>
  <si>
    <t>\\acsfs\profiles$\KELLZYLENNEASR\My Documents\lu11560mmls.tmp\Thumbnails\</t>
  </si>
  <si>
    <t>12/29/2019 15:19:32</t>
  </si>
  <si>
    <t>12/29/2019 15:24:22</t>
  </si>
  <si>
    <t>6e501aec-1135-44c6-956a-25e9573adfaa.tmp</t>
  </si>
  <si>
    <t>\\acsfs\profiles$\erichds\Downloads\6e501aec-1135-44c6-956a-25e9573adfaa.tmp</t>
  </si>
  <si>
    <t>12/29/2019 15:19:47</t>
  </si>
  <si>
    <t>a447e62f-0b0b-458b-8d95-bf18f6d694e9.tmp</t>
  </si>
  <si>
    <t>\\acsfs\profiles$\erichds\Downloads\a447e62f-0b0b-458b-8d95-bf18f6d694e9.tmp</t>
  </si>
  <si>
    <t>12/29/2019 15:23:24</t>
  </si>
  <si>
    <t>12/29/2019 15:26:22</t>
  </si>
  <si>
    <t>12/29/2019 15:21:36</t>
  </si>
  <si>
    <t>12/29/2019 15:27:22</t>
  </si>
  <si>
    <t>12/29/2019 15:23:02</t>
  </si>
  <si>
    <t>12/29/2019 15:27:04</t>
  </si>
  <si>
    <t>12/29/2019 15:29:22</t>
  </si>
  <si>
    <t>12/29/2019 15:28:03</t>
  </si>
  <si>
    <t>12/29/2019 15:32:22</t>
  </si>
  <si>
    <t>12/29/2019 15:32:55</t>
  </si>
  <si>
    <t>12/29/2019 15:34:22</t>
  </si>
  <si>
    <t>12/29/2019 15:33:40</t>
  </si>
  <si>
    <t>12/29/2019 15:34:59</t>
  </si>
  <si>
    <t>12/29/2019 15:37:22</t>
  </si>
  <si>
    <t>12/29/2019 15:36:07</t>
  </si>
  <si>
    <t>12/29/2019 15:38:45</t>
  </si>
  <si>
    <t>12/29/2019 15:41:21</t>
  </si>
  <si>
    <t>12/29/2019 15:40:58</t>
  </si>
  <si>
    <t>12/29/2019 15:42:21</t>
  </si>
  <si>
    <t>12/29/2019 15:36:48</t>
  </si>
  <si>
    <t>261b49fe-a962-4ed8-8bc2-686d124da6c8.tmp</t>
  </si>
  <si>
    <t>\\acsfs\profiles$\fabianafv\Downloads\261b49fe-a962-4ed8-8bc2-686d124da6c8.tmp</t>
  </si>
  <si>
    <t>12/29/2019 15:39:41</t>
  </si>
  <si>
    <t>12/29/2019 15:43:22</t>
  </si>
  <si>
    <t>\\acsfs\profiles$\myllenardl\Contacts\</t>
  </si>
  <si>
    <t>MYLLENA RIBEIRO DE LIMA (9).contact</t>
  </si>
  <si>
    <t>\\acsfs\profiles$\myllenardl\Contacts\MYLLENA RIBEIRO DE LIMA (9).contact</t>
  </si>
  <si>
    <t>12/29/2019 15:39:52</t>
  </si>
  <si>
    <t>\\acsfs\profiles$\myllenardl\My Documents\My Videos\</t>
  </si>
  <si>
    <t>\\acsfs\profiles$\myllenardl\My Documents\My Videos\desktop.ini</t>
  </si>
  <si>
    <t>12/29/2019 15:39:53</t>
  </si>
  <si>
    <t>\\acsfs\profiles$\myllenardl\My Documents\My Pictures\</t>
  </si>
  <si>
    <t>\\acsfs\profiles$\myllenardl\My Documents\My Pictures\desktop.ini</t>
  </si>
  <si>
    <t>12/29/2019 15:39:54</t>
  </si>
  <si>
    <t>\\acsfs\profiles$\myllenardl\Contacts\desktop.ini</t>
  </si>
  <si>
    <t>12/29/2019 15:39:55</t>
  </si>
  <si>
    <t>\\acsfs\profiles$\myllenardl\Favorites\</t>
  </si>
  <si>
    <t>\\acsfs\profiles$\myllenardl\Favorites\desktop.ini</t>
  </si>
  <si>
    <t>12/29/2019 15:39:56</t>
  </si>
  <si>
    <t>\\acsfs\profiles$\myllenardl\My Documents\My Music\</t>
  </si>
  <si>
    <t>\\acsfs\profiles$\myllenardl\My Documents\My Music\desktop.ini</t>
  </si>
  <si>
    <t>12/29/2019 15:39:57</t>
  </si>
  <si>
    <t>\\acsfs\profiles$\myllenardl\Searches\</t>
  </si>
  <si>
    <t>\\acsfs\profiles$\myllenardl\Searches\desktop.ini</t>
  </si>
  <si>
    <t>12/29/2019 15:39:58</t>
  </si>
  <si>
    <t>\\acsfs\profiles$\myllenardl\Downloads\desktop.ini</t>
  </si>
  <si>
    <t>12/29/2019 15:39:59</t>
  </si>
  <si>
    <t>\\acsfs\profiles$\myllenardl\My Documents\desktop.ini</t>
  </si>
  <si>
    <t>12/29/2019 15:40:00</t>
  </si>
  <si>
    <t>\\acsfs\profiles$\myllenardl\Saved Games\</t>
  </si>
  <si>
    <t>\\acsfs\profiles$\myllenardl\Saved Games\desktop.ini</t>
  </si>
  <si>
    <t>12/29/2019 15:40:14</t>
  </si>
  <si>
    <t>\\acsfs\profiles$\myllenardl\Favorites\Links for Brasil\</t>
  </si>
  <si>
    <t>\\acsfs\profiles$\myllenardl\Favorites\Links for Brasil\desktop.ini</t>
  </si>
  <si>
    <t>12/29/2019 15:40:15</t>
  </si>
  <si>
    <t>\\acsfs\profiles$\myllenardl\Favorites\Links for Brasil\Microsoft Brasil.url</t>
  </si>
  <si>
    <t>\\acsfs\profiles$\myllenardl\Favorites\Links for Brasil\Windows Brasil.url</t>
  </si>
  <si>
    <t>12/29/2019 15:40:16</t>
  </si>
  <si>
    <t>\\acsfs\profiles$\myllenardl\Favorites\Links for Brasil\MSN Brasil.url</t>
  </si>
  <si>
    <t>12/29/2019 15:43:04</t>
  </si>
  <si>
    <t>2092d600-87b0-4410-a9e7-5ac175a18040.tmp</t>
  </si>
  <si>
    <t>\\acsfs\profiles$\myllenardl\Downloads\2092d600-87b0-4410-a9e7-5ac175a18040.tmp</t>
  </si>
  <si>
    <t>12/29/2019 15:43:09</t>
  </si>
  <si>
    <t>Q29udHJvbGxlci5QYXl3YXJl (43).ica</t>
  </si>
  <si>
    <t>\\acsfs\profiles$\myllenardl\Downloads\Q29udHJvbGxlci5QYXl3YXJl (43).ica</t>
  </si>
  <si>
    <t>12/29/2019 15:39:42</t>
  </si>
  <si>
    <t>12/29/2019 15:44:21</t>
  </si>
  <si>
    <t>nycolleemdj</t>
  </si>
  <si>
    <t>\\acsfs\profiles$\nycolleemdj\Contacts\</t>
  </si>
  <si>
    <t>NYCOLLE EDUARDA MARTINS DE JESUS (12).contact</t>
  </si>
  <si>
    <t>\\acsfs\profiles$\nycolleemdj\Contacts\NYCOLLE EDUARDA MARTINS DE JESUS (12).contact</t>
  </si>
  <si>
    <t>\\acsfs\profiles$\nycolleemdj\My Documents\My Videos\</t>
  </si>
  <si>
    <t>\\acsfs\profiles$\nycolleemdj\My Documents\My Videos\desktop.ini</t>
  </si>
  <si>
    <t>\\acsfs\profiles$\nycolleemdj\My Documents\My Pictures\</t>
  </si>
  <si>
    <t>\\acsfs\profiles$\nycolleemdj\My Documents\My Pictures\desktop.ini</t>
  </si>
  <si>
    <t>\\acsfs\profiles$\nycolleemdj\Contacts\desktop.ini</t>
  </si>
  <si>
    <t>\\acsfs\profiles$\nycolleemdj\Favorites\</t>
  </si>
  <si>
    <t>\\acsfs\profiles$\nycolleemdj\Favorites\desktop.ini</t>
  </si>
  <si>
    <t>12/29/2019 15:39:02</t>
  </si>
  <si>
    <t>29940232-ab43-423c-9fef-d73b6b4c448d.tmp</t>
  </si>
  <si>
    <t>\\acsfs\profiles$\erichds\Downloads\29940232-ab43-423c-9fef-d73b6b4c448d.tmp</t>
  </si>
  <si>
    <t>\\acsfs\profiles$\nycolleemdj\My Documents\My Music\</t>
  </si>
  <si>
    <t>\\acsfs\profiles$\nycolleemdj\My Documents\My Music\desktop.ini</t>
  </si>
  <si>
    <t>\\acsfs\profiles$\nycolleemdj\Searches\</t>
  </si>
  <si>
    <t>\\acsfs\profiles$\nycolleemdj\Searches\desktop.ini</t>
  </si>
  <si>
    <t>\\acsfs\profiles$\nycolleemdj\Downloads\</t>
  </si>
  <si>
    <t>\\acsfs\profiles$\nycolleemdj\Downloads\desktop.ini</t>
  </si>
  <si>
    <t>\\acsfs\profiles$\nycolleemdj\My Documents\</t>
  </si>
  <si>
    <t>\\acsfs\profiles$\nycolleemdj\My Documents\desktop.ini</t>
  </si>
  <si>
    <t>\\acsfs\profiles$\nycolleemdj\Saved Games\</t>
  </si>
  <si>
    <t>\\acsfs\profiles$\nycolleemdj\Saved Games\desktop.ini</t>
  </si>
  <si>
    <t>12/29/2019 15:40:10</t>
  </si>
  <si>
    <t>\\acsfs\profiles$\nycolleemdj\Favorites\Links for Brasil\</t>
  </si>
  <si>
    <t>\\acsfs\profiles$\nycolleemdj\Favorites\Links for Brasil\desktop.ini</t>
  </si>
  <si>
    <t>12/29/2019 15:40:11</t>
  </si>
  <si>
    <t>\\acsfs\profiles$\nycolleemdj\Favorites\Links for Brasil\Microsoft Brasil.url</t>
  </si>
  <si>
    <t>\\acsfs\profiles$\nycolleemdj\Favorites\Links for Brasil\Windows Brasil.url</t>
  </si>
  <si>
    <t>\\acsfs\profiles$\nycolleemdj\Favorites\Links for Brasil\MSN Brasil.url</t>
  </si>
  <si>
    <t>12/29/2019 15:40:12</t>
  </si>
  <si>
    <t>12/29/2019 15:41:55</t>
  </si>
  <si>
    <t>8138ea98-d8c3-42b1-99ee-7a7d30ea5421.tmp</t>
  </si>
  <si>
    <t>\\acsfs\profiles$\nycolleemdj\Downloads\8138ea98-d8c3-42b1-99ee-7a7d30ea5421.tmp</t>
  </si>
  <si>
    <t>12/29/2019 15:43:05</t>
  </si>
  <si>
    <t>be12c09b-eb28-4e4b-a331-994be6983760.tmp</t>
  </si>
  <si>
    <t>\\acsfs\profiles$\nycolleemdj\Downloads\be12c09b-eb28-4e4b-a331-994be6983760.tmp</t>
  </si>
  <si>
    <t>12/29/2019 15:45:13</t>
  </si>
  <si>
    <t>12/29/2019 15:46:22</t>
  </si>
  <si>
    <t>12/29/2019 15:43:39</t>
  </si>
  <si>
    <t>12/29/2019 15:48:21</t>
  </si>
  <si>
    <t>12/29/2019 15:45:33</t>
  </si>
  <si>
    <t>ee6ef697-6e74-4d17-9ff0-e1f553ffe3b4.tmp</t>
  </si>
  <si>
    <t>\\acsfs\profiles$\myllenardl\Downloads\ee6ef697-6e74-4d17-9ff0-e1f553ffe3b4.tmp</t>
  </si>
  <si>
    <t>12/29/2019 15:45:57</t>
  </si>
  <si>
    <t>41d40da6-d0d0-4f60-adf9-e7df75dd7557.tmp</t>
  </si>
  <si>
    <t>\\acsfs\profiles$\myllenardl\Downloads\41d40da6-d0d0-4f60-adf9-e7df75dd7557.tmp</t>
  </si>
  <si>
    <t>12/29/2019 15:47:25</t>
  </si>
  <si>
    <t>12/29/2019 15:51:22</t>
  </si>
  <si>
    <t>12/29/2019 15:48:58</t>
  </si>
  <si>
    <t>12/29/2019 15:49:43</t>
  </si>
  <si>
    <t>12/29/2019 15:50:01</t>
  </si>
  <si>
    <t>12/29/2019 15:50:52</t>
  </si>
  <si>
    <t>12/29/2019 15:48:59</t>
  </si>
  <si>
    <t>12/29/2019 15:47:04</t>
  </si>
  <si>
    <t>12/29/2019 15:52:22</t>
  </si>
  <si>
    <t>12/29/2019 15:52:20</t>
  </si>
  <si>
    <t>12/29/2019 15:56:22</t>
  </si>
  <si>
    <t>12/29/2019 15:54:42</t>
  </si>
  <si>
    <t>12/29/2019 15:54:40</t>
  </si>
  <si>
    <t>12/29/2019 15:53:01</t>
  </si>
  <si>
    <t>12/29/2019 15:57:22</t>
  </si>
  <si>
    <t>12/29/2019 15:58:06</t>
  </si>
  <si>
    <t>12/29/2019 16:01:22</t>
  </si>
  <si>
    <t>12/29/2019 15:59:01</t>
  </si>
  <si>
    <t>12/29/2019 16:02:22</t>
  </si>
  <si>
    <t>12/29/2019 16:00:50</t>
  </si>
  <si>
    <t>12/29/2019 16:03:22</t>
  </si>
  <si>
    <t>12/29/2019 16:01:52</t>
  </si>
  <si>
    <t>12/29/2019 16:02:09</t>
  </si>
  <si>
    <t>12/29/2019 16:05:22</t>
  </si>
  <si>
    <t>12/29/2019 16:05:44</t>
  </si>
  <si>
    <t>12/29/2019 16:06:22</t>
  </si>
  <si>
    <t>12/29/2019 16:05:07</t>
  </si>
  <si>
    <t>12/29/2019 16:07:22</t>
  </si>
  <si>
    <t>12/29/2019 16:04:05</t>
  </si>
  <si>
    <t>12/29/2019 16:06:00</t>
  </si>
  <si>
    <t>12/29/2019 16:08:22</t>
  </si>
  <si>
    <t>12/29/2019 16:06:58</t>
  </si>
  <si>
    <t>12/29/2019 16:09:22</t>
  </si>
  <si>
    <t>12/29/2019 16:04:55</t>
  </si>
  <si>
    <t>12/29/2019 16:07:28</t>
  </si>
  <si>
    <t>12/29/2019 16:10:21</t>
  </si>
  <si>
    <t>a0728d4a-feb2-4149-ae73-965cf94c76ec.tmp</t>
  </si>
  <si>
    <t>\\acsfs\profiles$\paulohaf\Downloads\a0728d4a-feb2-4149-ae73-965cf94c76ec.tmp</t>
  </si>
  <si>
    <t>12/29/2019 16:08:48</t>
  </si>
  <si>
    <t>27b867c5-6130-4e2a-9c87-86f21aecd366.tmp</t>
  </si>
  <si>
    <t>\\acsfs\profiles$\paulohaf\Downloads\27b867c5-6130-4e2a-9c87-86f21aecd366.tmp</t>
  </si>
  <si>
    <t>12/29/2019 16:08:56</t>
  </si>
  <si>
    <t>6e7b0d66-0e10-4193-8c63-67d11793a250.tmp</t>
  </si>
  <si>
    <t>\\acsfs\profiles$\paulohaf\Downloads\6e7b0d66-0e10-4193-8c63-67d11793a250.tmp</t>
  </si>
  <si>
    <t>12/29/2019 16:07:47</t>
  </si>
  <si>
    <t>12/29/2019 16:12:23</t>
  </si>
  <si>
    <t>ffdbaf47-9fdf-43a7-83e8-b38293fc6020.tmp</t>
  </si>
  <si>
    <t>\\acsfs\profiles$\fabianafv\Downloads\ffdbaf47-9fdf-43a7-83e8-b38293fc6020.tmp</t>
  </si>
  <si>
    <t>12/29/2019 16:10:59</t>
  </si>
  <si>
    <t>12/29/2019 16:11:20</t>
  </si>
  <si>
    <t>12/29/2019 16:15:23</t>
  </si>
  <si>
    <t>064e524f-0ae0-436c-a588-43f7228c0bc1.tmp</t>
  </si>
  <si>
    <t>\\acsfs\profiles$\paulohaf\Downloads\064e524f-0ae0-436c-a588-43f7228c0bc1.tmp</t>
  </si>
  <si>
    <t>12/29/2019 16:11:56</t>
  </si>
  <si>
    <t>12/29/2019 16:16:24</t>
  </si>
  <si>
    <t>12/29/2019 16:17:19</t>
  </si>
  <si>
    <t>12/29/2019 16:19:23</t>
  </si>
  <si>
    <t>12/29/2019 16:20:26</t>
  </si>
  <si>
    <t>12/29/2019 16:22:23</t>
  </si>
  <si>
    <t>12/29/2019 16:20:56</t>
  </si>
  <si>
    <t>12/29/2019 16:17:15</t>
  </si>
  <si>
    <t>12/29/2019 16:20:24</t>
  </si>
  <si>
    <t>12/29/2019 16:23:24</t>
  </si>
  <si>
    <t>12/29/2019 16:19:51</t>
  </si>
  <si>
    <t>12/29/2019 16:25:24</t>
  </si>
  <si>
    <t>12/29/2019 16:29:44</t>
  </si>
  <si>
    <t>12/29/2019 16:31:22</t>
  </si>
  <si>
    <t>5a476973-5068-4238-97b6-e6751b76810d.tmp</t>
  </si>
  <si>
    <t>\\acsfs\profiles$\welidicdj\Downloads\5a476973-5068-4238-97b6-e6751b76810d.tmp</t>
  </si>
  <si>
    <t>12/29/2019 16:26:58</t>
  </si>
  <si>
    <t>10.200.67.61</t>
  </si>
  <si>
    <t>D0-94-66-B5-5E-10</t>
  </si>
  <si>
    <t>VOTORANT-YB018</t>
  </si>
  <si>
    <t>12/29/2019 16:26:33</t>
  </si>
  <si>
    <t>12/29/2019 16:32:24</t>
  </si>
  <si>
    <t>12/29/2019 16:29:58</t>
  </si>
  <si>
    <t>12/29/2019 16:34:09</t>
  </si>
  <si>
    <t>12/29/2019 16:36:23</t>
  </si>
  <si>
    <t>12/29/2019 16:32:40</t>
  </si>
  <si>
    <t>12/29/2019 16:37:23</t>
  </si>
  <si>
    <t>12/29/2019 16:35:50</t>
  </si>
  <si>
    <t>12/29/2019 16:36:00</t>
  </si>
  <si>
    <t>12/29/2019 16:39:38</t>
  </si>
  <si>
    <t>12/29/2019 16:41:23</t>
  </si>
  <si>
    <t>12/29/2019 16:36:31</t>
  </si>
  <si>
    <t>12/29/2019 16:42:23</t>
  </si>
  <si>
    <t>12/29/2019 16:38:21</t>
  </si>
  <si>
    <t>12/29/2019 16:42:54</t>
  </si>
  <si>
    <t>12/29/2019 16:43:23</t>
  </si>
  <si>
    <t>12/29/2019 16:44:27</t>
  </si>
  <si>
    <t>12/29/2019 16:47:23</t>
  </si>
  <si>
    <t>12/29/2019 16:51:27</t>
  </si>
  <si>
    <t>12/29/2019 16:52:24</t>
  </si>
  <si>
    <t>12/29/2019 16:49:32</t>
  </si>
  <si>
    <t>12/29/2019 16:53:24</t>
  </si>
  <si>
    <t>12/29/2019 16:51:31</t>
  </si>
  <si>
    <t>12/29/2019 16:54:05</t>
  </si>
  <si>
    <t>12/29/2019 16:56:25</t>
  </si>
  <si>
    <t>12/29/2019 16:52:09</t>
  </si>
  <si>
    <t>12/29/2019 16:57:24</t>
  </si>
  <si>
    <t>12/29/2019 16:52:03</t>
  </si>
  <si>
    <t>12/29/2019 17:03:51</t>
  </si>
  <si>
    <t>12/29/2019 17:06:24</t>
  </si>
  <si>
    <t>12/29/2019 17:03:56</t>
  </si>
  <si>
    <t>12/29/2019 17:07:25</t>
  </si>
  <si>
    <t>12/29/2019 17:04:27</t>
  </si>
  <si>
    <t>12/29/2019 17:08:25</t>
  </si>
  <si>
    <t>12/29/2019 17:07:27</t>
  </si>
  <si>
    <t>12/29/2019 17:10:24</t>
  </si>
  <si>
    <t>192f12dc-e41f-4c7f-8428-ff2e4335afe2.tmp</t>
  </si>
  <si>
    <t>\\acsfs\profiles$\paulohaf\Downloads\192f12dc-e41f-4c7f-8428-ff2e4335afe2.tmp</t>
  </si>
  <si>
    <t>50dd24bf-80d8-466e-bbae-ed26a335ff71.tmp</t>
  </si>
  <si>
    <t>\\acsfs\profiles$\paulohaf\Downloads\50dd24bf-80d8-466e-bbae-ed26a335ff71.tmp</t>
  </si>
  <si>
    <t>12/29/2019 17:12:06</t>
  </si>
  <si>
    <t>12/29/2019 17:17:24</t>
  </si>
  <si>
    <t>12/29/2019 17:17:19</t>
  </si>
  <si>
    <t>12/29/2019 17:19:25</t>
  </si>
  <si>
    <t>12/29/2019 17:19:58</t>
  </si>
  <si>
    <t>12/29/2019 17:22:24</t>
  </si>
  <si>
    <t>12/29/2019 17:21:27</t>
  </si>
  <si>
    <t>12/29/2019 17:25:35</t>
  </si>
  <si>
    <t>12/29/2019 17:26:25</t>
  </si>
  <si>
    <t>12/29/2019 17:25:17</t>
  </si>
  <si>
    <t>12/29/2019 17:27:24</t>
  </si>
  <si>
    <t>12/29/2019 17:26:05</t>
  </si>
  <si>
    <t>12/29/2019 17:28:23</t>
  </si>
  <si>
    <t>12/29/2019 17:26:30</t>
  </si>
  <si>
    <t>12/29/2019 17:29:24</t>
  </si>
  <si>
    <t>12/29/2019 17:29:55</t>
  </si>
  <si>
    <t>12/29/2019 17:32:24</t>
  </si>
  <si>
    <t>12/29/2019 17:32:05</t>
  </si>
  <si>
    <t>12/29/2019 17:34:24</t>
  </si>
  <si>
    <t>\\acsfs\profiles$\leonardocb\My Documents\My Pictures\</t>
  </si>
  <si>
    <t>\\acsfs\profiles$\leonardocb\My Documents\My Videos\desktop.ini</t>
  </si>
  <si>
    <t>12/29/2019 17:32:15</t>
  </si>
  <si>
    <t>\\acsfs\profiles$\leonardocb\My Documents\My Videos\</t>
  </si>
  <si>
    <t>12/29/2019 17:32:16</t>
  </si>
  <si>
    <t>12/29/2019 17:32:17</t>
  </si>
  <si>
    <t>12/29/2019 17:32:23</t>
  </si>
  <si>
    <t>12/29/2019 17:32:25</t>
  </si>
  <si>
    <t>\\acsfs\profiles$\leonardocb\My Documents\My Music\</t>
  </si>
  <si>
    <t>\\acsfs\profiles$\leonardocb\My Documents\My Pictures\desktop.ini</t>
  </si>
  <si>
    <t>12/29/2019 17:32:26</t>
  </si>
  <si>
    <t>12/29/2019 17:32:29</t>
  </si>
  <si>
    <t>12/29/2019 17:32:30</t>
  </si>
  <si>
    <t>12/29/2019 17:32:33</t>
  </si>
  <si>
    <t>12/29/2019 17:32:37</t>
  </si>
  <si>
    <t>\\acsfs\profiles$\leonardocb\Contacts\</t>
  </si>
  <si>
    <t>\\acsfs\profiles$\leonardocb\Contacts\desktop.ini</t>
  </si>
  <si>
    <t>12/29/2019 17:32:44</t>
  </si>
  <si>
    <t>12/29/2019 17:32:45</t>
  </si>
  <si>
    <t>12/29/2019 17:32:46</t>
  </si>
  <si>
    <t>12/29/2019 17:32:47</t>
  </si>
  <si>
    <t>12/29/2019 17:32:56</t>
  </si>
  <si>
    <t>12/29/2019 17:32:58</t>
  </si>
  <si>
    <t>\\acsfs\profiles$\leonardocb\My Documents\</t>
  </si>
  <si>
    <t>\\acsfs\profiles$\leonardocb\Favorites\desktop.ini</t>
  </si>
  <si>
    <t>12/29/2019 17:33:06</t>
  </si>
  <si>
    <t>12/29/2019 17:33:09</t>
  </si>
  <si>
    <t>12/29/2019 17:33:12</t>
  </si>
  <si>
    <t>12/29/2019 17:33:14</t>
  </si>
  <si>
    <t>12/29/2019 17:33:15</t>
  </si>
  <si>
    <t>12/29/2019 17:33:16</t>
  </si>
  <si>
    <t>12/29/2019 17:33:18</t>
  </si>
  <si>
    <t>\\acsfs\profiles$\leonardocb\My Documents\My Music\desktop.ini</t>
  </si>
  <si>
    <t>12/29/2019 17:33:19</t>
  </si>
  <si>
    <t>12/29/2019 17:33:20</t>
  </si>
  <si>
    <t>12/29/2019 17:33:22</t>
  </si>
  <si>
    <t>12/29/2019 17:33:24</t>
  </si>
  <si>
    <t>\\acsfs\profiles$\leonardocb\Searches\</t>
  </si>
  <si>
    <t>\\acsfs\profiles$\leonardocb\Searches\desktop.ini</t>
  </si>
  <si>
    <t>12/29/2019 17:33:26</t>
  </si>
  <si>
    <t>12/29/2019 17:33:27</t>
  </si>
  <si>
    <t>12/29/2019 17:33:28</t>
  </si>
  <si>
    <t>12/29/2019 17:33:30</t>
  </si>
  <si>
    <t>\\acsfs\profiles$\leonardocb\Downloads\desktop.ini</t>
  </si>
  <si>
    <t>12/29/2019 17:33:31</t>
  </si>
  <si>
    <t>12/29/2019 17:33:32</t>
  </si>
  <si>
    <t>\\acsfs\profiles$\leonardocb\Favorites\</t>
  </si>
  <si>
    <t>\\acsfs\profiles$\leonardocb\My Documents\desktop.ini</t>
  </si>
  <si>
    <t>12/29/2019 17:33:33</t>
  </si>
  <si>
    <t>12/29/2019 17:33:35</t>
  </si>
  <si>
    <t>12/29/2019 17:33:36</t>
  </si>
  <si>
    <t>12/29/2019 17:33:38</t>
  </si>
  <si>
    <t>12/29/2019 17:33:40</t>
  </si>
  <si>
    <t>12/29/2019 17:39:23</t>
  </si>
  <si>
    <t>\\acsfs\profiles$\leonardocb\Saved Games\desktop.ini</t>
  </si>
  <si>
    <t>12/29/2019 17:33:41</t>
  </si>
  <si>
    <t>12/29/2019 17:34:42</t>
  </si>
  <si>
    <t>12/29/2019 17:35:38</t>
  </si>
  <si>
    <t>c13c53a7-ecdc-45b9-9503-66521377899b.tmp</t>
  </si>
  <si>
    <t>\\acsfs\profiles$\leonardocb\Downloads\c13c53a7-ecdc-45b9-9503-66521377899b.tmp</t>
  </si>
  <si>
    <t>12/29/2019 17:38:44</t>
  </si>
  <si>
    <t>12/29/2019 17:40:22</t>
  </si>
  <si>
    <t>12/29/2019 17:42:24</t>
  </si>
  <si>
    <t>12/29/2019 17:40:47</t>
  </si>
  <si>
    <t>12/29/2019 17:38:37</t>
  </si>
  <si>
    <t>12/29/2019 17:44:24</t>
  </si>
  <si>
    <t>12/29/2019 17:42:10</t>
  </si>
  <si>
    <t>457106ba-2707-47c7-bfa2-ceb2043d8af9.tmp</t>
  </si>
  <si>
    <t>\\acsfs\profiles$\leonardocb\Downloads\457106ba-2707-47c7-bfa2-ceb2043d8af9.tmp</t>
  </si>
  <si>
    <t>12/29/2019 17:41:21</t>
  </si>
  <si>
    <t>12/29/2019 17:46:23</t>
  </si>
  <si>
    <t>12/29/2019 17:41:38</t>
  </si>
  <si>
    <t>12/29/2019 17:47:24</t>
  </si>
  <si>
    <t>12/29/2019 17:44:35</t>
  </si>
  <si>
    <t>12/29/2019 17:45:01</t>
  </si>
  <si>
    <t>12/29/2019 17:45:00</t>
  </si>
  <si>
    <t>12/29/2019 17:48:24</t>
  </si>
  <si>
    <t>12/29/2019 17:48:37</t>
  </si>
  <si>
    <t>12/29/2019 17:51:24</t>
  </si>
  <si>
    <t>12/29/2019 17:54:32</t>
  </si>
  <si>
    <t>12/29/2019 17:56:24</t>
  </si>
  <si>
    <t>12/29/2019 17:55:27</t>
  </si>
  <si>
    <t>12/29/2019 17:57:24</t>
  </si>
  <si>
    <t>12/29/2019 17:58:26</t>
  </si>
  <si>
    <t>12/29/2019 18:01:25</t>
  </si>
  <si>
    <t>12/29/2019 18:00:18</t>
  </si>
  <si>
    <t>12/29/2019 18:02:26</t>
  </si>
  <si>
    <t>12/29/2019 18:06:14</t>
  </si>
  <si>
    <t>12/29/2019 18:09:25</t>
  </si>
  <si>
    <t>12/29/2019 18:06:51</t>
  </si>
  <si>
    <t>12/29/2019 18:08:18</t>
  </si>
  <si>
    <t>12/29/2019 18:12:25</t>
  </si>
  <si>
    <t>12/29/2019 18:16:32</t>
  </si>
  <si>
    <t>12/29/2019 18:21:26</t>
  </si>
  <si>
    <t>915fa1db-ab92-492a-a88e-4d09a5be8ebb.tmp</t>
  </si>
  <si>
    <t>\\acsfs\profiles$\welidicdj\Downloads\915fa1db-ab92-492a-a88e-4d09a5be8ebb.tmp</t>
  </si>
  <si>
    <t>12/29/2019 18:21:38</t>
  </si>
  <si>
    <t>12/29/2019 18:23:26</t>
  </si>
  <si>
    <t>12/29/2019 18:25:17</t>
  </si>
  <si>
    <t>12/29/2019 18:26:26</t>
  </si>
  <si>
    <t>12/29/2019 18:30:40</t>
  </si>
  <si>
    <t>12/29/2019 18:32:27</t>
  </si>
  <si>
    <t>12/29/2019 18:29:42</t>
  </si>
  <si>
    <t>12/29/2019 18:33:27</t>
  </si>
  <si>
    <t>12/29/2019 18:31:02</t>
  </si>
  <si>
    <t>12/29/2019 18:35:27</t>
  </si>
  <si>
    <t>12/29/2019 18:30:30</t>
  </si>
  <si>
    <t>12/29/2019 18:33:47</t>
  </si>
  <si>
    <t>12/29/2019 18:37:27</t>
  </si>
  <si>
    <t>12/29/2019 18:45:03</t>
  </si>
  <si>
    <t>12/29/2019 18:46:25</t>
  </si>
  <si>
    <t>12/29/2019 18:41:50</t>
  </si>
  <si>
    <t>12/29/2019 18:47:26</t>
  </si>
  <si>
    <t>12/29/2019 18:44:19</t>
  </si>
  <si>
    <t>12/29/2019 18:47:07</t>
  </si>
  <si>
    <t>12/29/2019 18:49:26</t>
  </si>
  <si>
    <t>12/29/2019 18:48:42</t>
  </si>
  <si>
    <t>12/29/2019 18:52:25</t>
  </si>
  <si>
    <t>12/29/2019 18:51:52</t>
  </si>
  <si>
    <t>12/29/2019 18:54:45</t>
  </si>
  <si>
    <t>12/29/2019 18:57:26</t>
  </si>
  <si>
    <t>12/29/2019 18:55:52</t>
  </si>
  <si>
    <t>12/29/2019 19:01:26</t>
  </si>
  <si>
    <t>12/29/2019 18:58:45</t>
  </si>
  <si>
    <t>12/29/2019 19:02:25</t>
  </si>
  <si>
    <t>12/29/2019 19:04:57</t>
  </si>
  <si>
    <t>12/29/2019 19:07:25</t>
  </si>
  <si>
    <t>12/29/2019 19:05:23</t>
  </si>
  <si>
    <t>12/29/2019 19:05:48</t>
  </si>
  <si>
    <t>12/29/2019 19:07:22</t>
  </si>
  <si>
    <t>12/29/2019 19:11:26</t>
  </si>
  <si>
    <t>12/29/2019 19:09:33</t>
  </si>
  <si>
    <t>12/29/2019 19:11:32</t>
  </si>
  <si>
    <t>12/29/2019 19:12:25</t>
  </si>
  <si>
    <t>12/29/2019 19:09:05</t>
  </si>
  <si>
    <t>12/29/2019 19:09:50</t>
  </si>
  <si>
    <t>12/29/2019 19:10:00</t>
  </si>
  <si>
    <t>12/29/2019 19:15:13</t>
  </si>
  <si>
    <t>12/29/2019 19:17:25</t>
  </si>
  <si>
    <t>12/29/2019 19:12:53</t>
  </si>
  <si>
    <t>12/29/2019 19:11:59</t>
  </si>
  <si>
    <t>12/29/2019 19:13:55</t>
  </si>
  <si>
    <t>12/29/2019 19:18:26</t>
  </si>
  <si>
    <t>12/29/2019 19:17:13</t>
  </si>
  <si>
    <t>12/29/2019 19:19:25</t>
  </si>
  <si>
    <t>12/29/2019 19:19:45</t>
  </si>
  <si>
    <t>12/29/2019 19:22:25</t>
  </si>
  <si>
    <t>12/29/2019 19:21:14</t>
  </si>
  <si>
    <t>12/29/2019 19:25:25</t>
  </si>
  <si>
    <t>12/29/2019 19:33:49</t>
  </si>
  <si>
    <t>12/29/2019 19:34:25</t>
  </si>
  <si>
    <t>12/29/2019 19:31:53</t>
  </si>
  <si>
    <t>12/29/2019 19:37:25</t>
  </si>
  <si>
    <t>12/29/2019 19:32:52</t>
  </si>
  <si>
    <t>12/29/2019 19:35:15</t>
  </si>
  <si>
    <t>12/29/2019 19:38:25</t>
  </si>
  <si>
    <t>12/29/2019 19:35:27</t>
  </si>
  <si>
    <t>12/29/2019 19:39:25</t>
  </si>
  <si>
    <t>12/29/2019 19:43:13</t>
  </si>
  <si>
    <t>12/29/2019 19:44:26</t>
  </si>
  <si>
    <t>df67b948-dc20-470b-ae52-320450253194.tmp</t>
  </si>
  <si>
    <t>\\acsfs\profiles$\nycolleemdj\Downloads\df67b948-dc20-470b-ae52-320450253194.tmp</t>
  </si>
  <si>
    <t>12/29/2019 19:44:17</t>
  </si>
  <si>
    <t>12/29/2019 19:49:25</t>
  </si>
  <si>
    <t>459f5807-26eb-4c4d-9a32-20ee11d46477.tmp</t>
  </si>
  <si>
    <t>\\acsfs\profiles$\nycolleemdj\Downloads\459f5807-26eb-4c4d-9a32-20ee11d46477.tmp</t>
  </si>
  <si>
    <t>12/29/2019 19:44:35</t>
  </si>
  <si>
    <t>11ab8014-2194-4256-b292-abdaae26ebbc.tmp</t>
  </si>
  <si>
    <t>\\acsfs\profiles$\nycolleemdj\Downloads\11ab8014-2194-4256-b292-abdaae26ebbc.tmp</t>
  </si>
  <si>
    <t>12/29/2019 19:44:48</t>
  </si>
  <si>
    <t>12/29/2019 19:50:13</t>
  </si>
  <si>
    <t>12/29/2019 19:51:26</t>
  </si>
  <si>
    <t>12/29/2019 19:47:49</t>
  </si>
  <si>
    <t>12/29/2019 19:52:26</t>
  </si>
  <si>
    <t>12/29/2019 19:47:55</t>
  </si>
  <si>
    <t>12/29/2019 19:48:16</t>
  </si>
  <si>
    <t>12/29/2019 19:48:29</t>
  </si>
  <si>
    <t>12/29/2019 19:49:26</t>
  </si>
  <si>
    <t>12/29/2019 19:47:30</t>
  </si>
  <si>
    <t>12/29/2019 19:51:23</t>
  </si>
  <si>
    <t>12/29/2019 19:53:26</t>
  </si>
  <si>
    <t>12/29/2019 19:55:28</t>
  </si>
  <si>
    <t>12/29/2019 19:57:26</t>
  </si>
  <si>
    <t>12/29/2019 19:57:47</t>
  </si>
  <si>
    <t>12/29/2019 20:01:26</t>
  </si>
  <si>
    <t>12/29/2019 20:00:27</t>
  </si>
  <si>
    <t>12/29/2019 20:02:25</t>
  </si>
  <si>
    <t>12/29/2019 20:03:24</t>
  </si>
  <si>
    <t>12/29/2019 20:06:26</t>
  </si>
  <si>
    <t>12/29/2019 20:01:47</t>
  </si>
  <si>
    <t>12/29/2019 20:02:33</t>
  </si>
  <si>
    <t>12/29/2019 20:07:26</t>
  </si>
  <si>
    <t>12/29/2019 20:05:11</t>
  </si>
  <si>
    <t>12/29/2019 20:03:35</t>
  </si>
  <si>
    <t>12/29/2019 20:06:23</t>
  </si>
  <si>
    <t>12/29/2019 20:08:26</t>
  </si>
  <si>
    <t>7c85130b-3028-4a04-a603-5bed34300f67.tmp</t>
  </si>
  <si>
    <t>\\acsfs\profiles$\philipegsf\Downloads\7c85130b-3028-4a04-a603-5bed34300f67.tmp</t>
  </si>
  <si>
    <t>12/29/2019 20:08:29</t>
  </si>
  <si>
    <t>12/29/2019 20:12:25</t>
  </si>
  <si>
    <t>6323be5d-b36d-4db8-b283-00b4ea8c1e75.tmp</t>
  </si>
  <si>
    <t>\\acsfs\profiles$\fabianafv\Downloads\6323be5d-b36d-4db8-b283-00b4ea8c1e75.tmp</t>
  </si>
  <si>
    <t>12/29/2019 20:07:14</t>
  </si>
  <si>
    <t>12/29/2019 20:13:11</t>
  </si>
  <si>
    <t>12/29/2019 20:14:25</t>
  </si>
  <si>
    <t>12/29/2019 20:13:12</t>
  </si>
  <si>
    <t>12/29/2019 20:15:26</t>
  </si>
  <si>
    <t>12/29/2019 20:14:09</t>
  </si>
  <si>
    <t>12/29/2019 20:16:27</t>
  </si>
  <si>
    <t>12/29/2019 20:11:09</t>
  </si>
  <si>
    <t>12/29/2019 20:12:45</t>
  </si>
  <si>
    <t>12/29/2019 20:13:29</t>
  </si>
  <si>
    <t>12/29/2019 20:17:26</t>
  </si>
  <si>
    <t>12/29/2019 20:15:28</t>
  </si>
  <si>
    <t>12/29/2019 20:18:25</t>
  </si>
  <si>
    <t>12/29/2019 20:15:51</t>
  </si>
  <si>
    <t>12/29/2019 20:17:35</t>
  </si>
  <si>
    <t>12/29/2019 20:22:26</t>
  </si>
  <si>
    <t>12/29/2019 20:17:51</t>
  </si>
  <si>
    <t>12/29/2019 20:20:22</t>
  </si>
  <si>
    <t>12/29/2019 20:20:47</t>
  </si>
  <si>
    <t>12/29/2019 20:25:26</t>
  </si>
  <si>
    <t>e5ad07b4-125f-46a3-88bf-e798bf304ed0.tmp</t>
  </si>
  <si>
    <t>\\acsfs\profiles$\paulohaf\Downloads\e5ad07b4-125f-46a3-88bf-e798bf304ed0.tmp</t>
  </si>
  <si>
    <t>12/29/2019 20:21:23</t>
  </si>
  <si>
    <t>Não confirmado 202789.crdownload</t>
  </si>
  <si>
    <t>\\acsfs\profiles$\paulohaf\Downloads\Não confirmado 202789.crdownload</t>
  </si>
  <si>
    <t>12/29/2019 20:23:20</t>
  </si>
  <si>
    <t>12/29/2019 20:26:26</t>
  </si>
  <si>
    <t>12/29/2019 20:24:37</t>
  </si>
  <si>
    <t>12/29/2019 20:30:25</t>
  </si>
  <si>
    <t>54afe8a8-04b5-4092-9bd7-bad165389e43.tmp</t>
  </si>
  <si>
    <t>\\acsfs\profiles$\paulohaf\Downloads\54afe8a8-04b5-4092-9bd7-bad165389e43.tmp</t>
  </si>
  <si>
    <t>12/29/2019 20:24:39</t>
  </si>
  <si>
    <t>e8ccfe90-7dc0-478f-8a0c-68f0ac2d5bd9.tmp</t>
  </si>
  <si>
    <t>\\acsfs\profiles$\paulohaf\Downloads\e8ccfe90-7dc0-478f-8a0c-68f0ac2d5bd9.tmp</t>
  </si>
  <si>
    <t>12/29/2019 20:25:24</t>
  </si>
  <si>
    <t>Não confirmado 123166.crdownload</t>
  </si>
  <si>
    <t>\\acsfs\profiles$\paulohaf\Downloads\Não confirmado 123166.crdownload</t>
  </si>
  <si>
    <t>12/29/2019 20:25:31</t>
  </si>
  <si>
    <t>ed34d76a-4f19-44a3-b4ca-a8ae45f95989.tmp</t>
  </si>
  <si>
    <t>\\acsfs\profiles$\paulohaf\Downloads\ed34d76a-4f19-44a3-b4ca-a8ae45f95989.tmp</t>
  </si>
  <si>
    <t>12/29/2019 20:29:42</t>
  </si>
  <si>
    <t>12/29/2019 20:31:26</t>
  </si>
  <si>
    <t>12/29/2019 20:27:19</t>
  </si>
  <si>
    <t>12/29/2019 20:32:26</t>
  </si>
  <si>
    <t>12/29/2019 20:31:11</t>
  </si>
  <si>
    <t>12/29/2019 20:35:26</t>
  </si>
  <si>
    <t>12/29/2019 20:36:13</t>
  </si>
  <si>
    <t>12/29/2019 20:38:26</t>
  </si>
  <si>
    <t>12/29/2019 20:37:20</t>
  </si>
  <si>
    <t>12/29/2019 20:39:26</t>
  </si>
  <si>
    <t>12/29/2019 20:38:23</t>
  </si>
  <si>
    <t>12/29/2019 20:43:26</t>
  </si>
  <si>
    <t>12/29/2019 20:47:45</t>
  </si>
  <si>
    <t>12/29/2019 20:48:26</t>
  </si>
  <si>
    <t>12/29/2019 20:47:51</t>
  </si>
  <si>
    <t>12/29/2019 20:51:26</t>
  </si>
  <si>
    <t>12/29/2019 20:52:54</t>
  </si>
  <si>
    <t>12/29/2019 20:53:27</t>
  </si>
  <si>
    <t>a1e9da58-8ac1-473c-86f3-a895b6d41df8.tmp</t>
  </si>
  <si>
    <t>\\acsfs\profiles$\myllenardl\Downloads\a1e9da58-8ac1-473c-86f3-a895b6d41df8.tmp</t>
  </si>
  <si>
    <t>12/29/2019 20:49:23</t>
  </si>
  <si>
    <t>12/29/2019 20:54:26</t>
  </si>
  <si>
    <t>1cc5bb79-9d6e-4c2f-bb5a-e4f15d327b2f.tmp</t>
  </si>
  <si>
    <t>\\acsfs\profiles$\erichds\Downloads\1cc5bb79-9d6e-4c2f-bb5a-e4f15d327b2f.tmp</t>
  </si>
  <si>
    <t>12/29/2019 20:54:35</t>
  </si>
  <si>
    <t>12/29/2019 20:56:26</t>
  </si>
  <si>
    <t>12/29/2019 20:55:55</t>
  </si>
  <si>
    <t>12/29/2019 20:54:46</t>
  </si>
  <si>
    <t>12/29/2019 20:55:16</t>
  </si>
  <si>
    <t>12/29/2019 20:59:26</t>
  </si>
  <si>
    <t>12/29/2019 20:59:35</t>
  </si>
  <si>
    <t>12/29/2019 21:01:27</t>
  </si>
  <si>
    <t>12/29/2019 20:57:17</t>
  </si>
  <si>
    <t>12/29/2019 21:00:02</t>
  </si>
  <si>
    <t>12/29/2019 21:02:26</t>
  </si>
  <si>
    <t>12/29/2019 21:04:58</t>
  </si>
  <si>
    <t>12/29/2019 21:06:26</t>
  </si>
  <si>
    <t>12/29/2019 21:07:36</t>
  </si>
  <si>
    <t>12/29/2019 21:08:26</t>
  </si>
  <si>
    <t>12/29/2019 21:07:11</t>
  </si>
  <si>
    <t>12/29/2019 21:10:26</t>
  </si>
  <si>
    <t>12/29/2019 21:06:54</t>
  </si>
  <si>
    <t>12/29/2019 21:11:26</t>
  </si>
  <si>
    <t>12/29/2019 21:09:08</t>
  </si>
  <si>
    <t>12/29/2019 21:11:59</t>
  </si>
  <si>
    <t>12/29/2019 21:15:27</t>
  </si>
  <si>
    <t>12/29/2019 21:14:04</t>
  </si>
  <si>
    <t>12/29/2019 21:16:26</t>
  </si>
  <si>
    <t>12/29/2019 21:15:34</t>
  </si>
  <si>
    <t>12/29/2019 21:15:23</t>
  </si>
  <si>
    <t>12/29/2019 21:17:26</t>
  </si>
  <si>
    <t>12/29/2019 21:18:34</t>
  </si>
  <si>
    <t>12/29/2019 21:21:26</t>
  </si>
  <si>
    <t>12/29/2019 21:19:28</t>
  </si>
  <si>
    <t>12/29/2019 21:20:53</t>
  </si>
  <si>
    <t>12/29/2019 21:17:06</t>
  </si>
  <si>
    <t>12/29/2019 21:22:26</t>
  </si>
  <si>
    <t>12/29/2019 21:17:24</t>
  </si>
  <si>
    <t>12/29/2019 21:19:58</t>
  </si>
  <si>
    <t>12/29/2019 21:24:27</t>
  </si>
  <si>
    <t>12/29/2019 21:21:50</t>
  </si>
  <si>
    <t>12/29/2019 21:26:26</t>
  </si>
  <si>
    <t>12/29/2019 21:23:40</t>
  </si>
  <si>
    <t>12/29/2019 21:25:33</t>
  </si>
  <si>
    <t>12/29/2019 21:21:53</t>
  </si>
  <si>
    <t>12/29/2019 21:27:27</t>
  </si>
  <si>
    <t>12/29/2019 21:22:10</t>
  </si>
  <si>
    <t>12/29/2019 21:22:34</t>
  </si>
  <si>
    <t>12/29/2019 21:25:34</t>
  </si>
  <si>
    <t>12/29/2019 21:27:33</t>
  </si>
  <si>
    <t>12/29/2019 21:32:26</t>
  </si>
  <si>
    <t>12/29/2019 21:27:49</t>
  </si>
  <si>
    <t>12/29/2019 21:29:54</t>
  </si>
  <si>
    <t>12/29/2019 21:30:16</t>
  </si>
  <si>
    <t>12/29/2019 21:27:32</t>
  </si>
  <si>
    <t>12/29/2019 21:32:49</t>
  </si>
  <si>
    <t>12/29/2019 21:36:25</t>
  </si>
  <si>
    <t>12/29/2019 21:33:44</t>
  </si>
  <si>
    <t>12/29/2019 21:34:54</t>
  </si>
  <si>
    <t>12/29/2019 21:37:26</t>
  </si>
  <si>
    <t>12/29/2019 21:36:04</t>
  </si>
  <si>
    <t>12/29/2019 21:34:06</t>
  </si>
  <si>
    <t>12/29/2019 21:39:26</t>
  </si>
  <si>
    <t>12/29/2019 21:36:19</t>
  </si>
  <si>
    <t>12/29/2019 21:41:25</t>
  </si>
  <si>
    <t>12/29/2019 21:38:21</t>
  </si>
  <si>
    <t>12/29/2019 21:40:50</t>
  </si>
  <si>
    <t>12/29/2019 21:40:29</t>
  </si>
  <si>
    <t>12/29/2019 21:42:26</t>
  </si>
  <si>
    <t>12/29/2019 21:44:06</t>
  </si>
  <si>
    <t>12/29/2019 21:46:26</t>
  </si>
  <si>
    <t>12/29/2019 21:47:58</t>
  </si>
  <si>
    <t>12/29/2019 21:49:25</t>
  </si>
  <si>
    <t>12/29/2019 21:46:56</t>
  </si>
  <si>
    <t>12/29/2019 21:51:26</t>
  </si>
  <si>
    <t>12/29/2019 21:47:38</t>
  </si>
  <si>
    <t>12/29/2019 21:48:40</t>
  </si>
  <si>
    <t>12/29/2019 21:48:58</t>
  </si>
  <si>
    <t>12/29/2019 21:50:53</t>
  </si>
  <si>
    <t>12/29/2019 21:52:26</t>
  </si>
  <si>
    <t>12/29/2019 21:53:22</t>
  </si>
  <si>
    <t>12/29/2019 21:56:26</t>
  </si>
  <si>
    <t>12/29/2019 21:51:54</t>
  </si>
  <si>
    <t>12/29/2019 21:57:26</t>
  </si>
  <si>
    <t>12/29/2019 21:56:48</t>
  </si>
  <si>
    <t>12/29/2019 22:02:26</t>
  </si>
  <si>
    <t>12/29/2019 21:58:13</t>
  </si>
  <si>
    <t>12/29/2019 22:02:10</t>
  </si>
  <si>
    <t>12/29/2019 22:03:26</t>
  </si>
  <si>
    <t>12/29/2019 22:05:07</t>
  </si>
  <si>
    <t>12/29/2019 22:07:26</t>
  </si>
  <si>
    <t>12/29/2019 22:13:30</t>
  </si>
  <si>
    <t>12/29/2019 22:14:25</t>
  </si>
  <si>
    <t>12/29/2019 22:13:57</t>
  </si>
  <si>
    <t>12/29/2019 22:15:26</t>
  </si>
  <si>
    <t>12/29/2019 22:13:17</t>
  </si>
  <si>
    <t>12/29/2019 22:18:26</t>
  </si>
  <si>
    <t>12/29/2019 22:19:57</t>
  </si>
  <si>
    <t>12/29/2019 22:21:26</t>
  </si>
  <si>
    <t>12/29/2019 22:20:59</t>
  </si>
  <si>
    <t>12/29/2019 22:24:26</t>
  </si>
  <si>
    <t>12/29/2019 22:19:29</t>
  </si>
  <si>
    <t>12/29/2019 22:32:27</t>
  </si>
  <si>
    <t>12/29/2019 22:35:26</t>
  </si>
  <si>
    <t>12/29/2019 22:38:52</t>
  </si>
  <si>
    <t>12/29/2019 22:41:27</t>
  </si>
  <si>
    <t>12/29/2019 22:43:44</t>
  </si>
  <si>
    <t>12/29/2019 22:47:26</t>
  </si>
  <si>
    <t>12/29/2019 22:53:53</t>
  </si>
  <si>
    <t>12/29/2019 22:56:27</t>
  </si>
  <si>
    <t>12/29/2019 22:58:27</t>
  </si>
  <si>
    <t>12/29/2019 22:55:44</t>
  </si>
  <si>
    <t>12/29/2019 22:57:40</t>
  </si>
  <si>
    <t>12/29/2019 23:01:27</t>
  </si>
  <si>
    <t>12/29/2019 22:59:18</t>
  </si>
  <si>
    <t>12/29/2019 23:02:27</t>
  </si>
  <si>
    <t>12/29/2019 23:14:56</t>
  </si>
  <si>
    <t>12/29/2019 23:16:26</t>
  </si>
  <si>
    <t>12/29/2019 23:17:17</t>
  </si>
  <si>
    <t>12/29/2019 23:19:27</t>
  </si>
  <si>
    <t>12/29/2019 23:21:24</t>
  </si>
  <si>
    <t>12/29/2019 23:26:26</t>
  </si>
  <si>
    <t>12/29/2019 23:24:39</t>
  </si>
  <si>
    <t>12/29/2019 23:28:29</t>
  </si>
  <si>
    <t>12/29/2019 23:31:26</t>
  </si>
  <si>
    <t>12/29/2019 23:35:33</t>
  </si>
  <si>
    <t>12/29/2019 23:36:26</t>
  </si>
  <si>
    <t>12/29/2019 23:33:00</t>
  </si>
  <si>
    <t>12/29/2019 23:38:26</t>
  </si>
  <si>
    <t>12/29/2019 23:37:54</t>
  </si>
  <si>
    <t>12/29/2019 23:39:26</t>
  </si>
  <si>
    <t>12/29/2019 23:36:28</t>
  </si>
  <si>
    <t>12/29/2019 23:41:25</t>
  </si>
  <si>
    <t>240d382a-edb6-4f87-b509-7a282c3dad15.tmp</t>
  </si>
  <si>
    <t>\\acsfs\profiles$\marlyannegdls\Downloads\240d382a-edb6-4f87-b509-7a282c3dad15.tmp</t>
  </si>
  <si>
    <t>12/29/2019 23:37:22</t>
  </si>
  <si>
    <t>b3e17729-3e3a-4300-a463-7f61957a5faa.tmp</t>
  </si>
  <si>
    <t>\\acsfs\profiles$\marlyannegdls\Downloads\b3e17729-3e3a-4300-a463-7f61957a5faa.tmp</t>
  </si>
  <si>
    <t>12/29/2019 23:37:59</t>
  </si>
  <si>
    <t>12/29/2019 23:41:04</t>
  </si>
  <si>
    <t>12/29/2019 23:45:26</t>
  </si>
  <si>
    <t>12/29/2019 23:48:50</t>
  </si>
  <si>
    <t>12/29/2019 23:51:27</t>
  </si>
  <si>
    <t>12/29/2019 23:47:36</t>
  </si>
  <si>
    <t>12/29/2019 23:52:26</t>
  </si>
  <si>
    <t>3abdb16c-25b4-4681-a60c-bea26985f336.tmp</t>
  </si>
  <si>
    <t>\\acsfs\profiles$\rogeriofd\Downloads\3abdb16c-25b4-4681-a60c-bea26985f336.tmp</t>
  </si>
  <si>
    <t>12/29/2019 23:48:19</t>
  </si>
  <si>
    <t>313384ef-781c-460a-a935-fb318f8e24e4.tmp</t>
  </si>
  <si>
    <t>\\acsfs\profiles$\rogeriofd\Downloads\313384ef-781c-460a-a935-fb318f8e24e4.tmp</t>
  </si>
  <si>
    <t>12/29/2019 14:15:11</t>
  </si>
  <si>
    <t>12/29/2019 14:15:12</t>
  </si>
  <si>
    <t>lu108565vvtp.tmp</t>
  </si>
  <si>
    <t>\\acsfs\profiles$\ALEXANDREMM\lu108565vvtp.tmp</t>
  </si>
  <si>
    <t>\\acsfs\profiles$\ALEXANDREMM\lu108565vvtp.tmp\</t>
  </si>
  <si>
    <t>\\acsfs\profiles$\ALEXANDREMM\lu108565vvtp.tmp\META-INF\</t>
  </si>
  <si>
    <t>\\acsfs\profiles$\ALEXANDREMM\lu108565vvtp.tmp\Thumbnails\</t>
  </si>
  <si>
    <t>12/29/2019 23:51:09</t>
  </si>
  <si>
    <t>12/29/2019 23:50:46</t>
  </si>
  <si>
    <t>a9647781-1d55-41e7-a9bb-f24e0246c17b.tmp</t>
  </si>
  <si>
    <t>\\acsfs\profiles$\Adrieledgc\Downloads\a9647781-1d55-41e7-a9bb-f24e0246c17b.tmp</t>
  </si>
  <si>
    <t>12/29/2019 23:51:32</t>
  </si>
  <si>
    <t>5423f84f-cb93-46c1-b774-b57516c102a8.tmp</t>
  </si>
  <si>
    <t>\\acsfs\profiles$\Adrieledgc\Downloads\5423f84f-cb93-46c1-b774-b57516c102a8.tmp</t>
  </si>
  <si>
    <t>12/29/2019 23:59:43</t>
  </si>
  <si>
    <t>12/30/2019 00:01:27</t>
  </si>
  <si>
    <t>12/30/2019 00:01:38</t>
  </si>
  <si>
    <t>12/30/2019 00:02:26</t>
  </si>
  <si>
    <t>12/30/2019 00:01:30</t>
  </si>
  <si>
    <t>12/30/2019 00:04:26</t>
  </si>
  <si>
    <t>12/30/2019 00:02:46</t>
  </si>
  <si>
    <t>12/30/2019 00:02:31</t>
  </si>
  <si>
    <t>12/30/2019 00:04:20</t>
  </si>
  <si>
    <t>12/30/2019 00:06:26</t>
  </si>
  <si>
    <t>12/30/2019 00:04:13</t>
  </si>
  <si>
    <t>12/30/2019 00:04:50</t>
  </si>
  <si>
    <t>12/30/2019 00:05:54</t>
  </si>
  <si>
    <t>12/30/2019 00:03:09</t>
  </si>
  <si>
    <t>12/30/2019 00:04:03</t>
  </si>
  <si>
    <t>12/30/2019 00:07:27</t>
  </si>
  <si>
    <t>12/30/2019 00:04:00</t>
  </si>
  <si>
    <t>12/30/2019 00:05:07</t>
  </si>
  <si>
    <t>12/30/2019 00:05:35</t>
  </si>
  <si>
    <t>12/30/2019 00:03:25</t>
  </si>
  <si>
    <t>12/30/2019 00:06:34</t>
  </si>
  <si>
    <t>12/30/2019 00:08:26</t>
  </si>
  <si>
    <t>12/30/2019 00:05:21</t>
  </si>
  <si>
    <t>12/30/2019 00:03:50</t>
  </si>
  <si>
    <t>12/30/2019 00:06:36</t>
  </si>
  <si>
    <t>12/30/2019 00:06:35</t>
  </si>
  <si>
    <t>12/30/2019 00:08:09</t>
  </si>
  <si>
    <t>12/30/2019 00:09:27</t>
  </si>
  <si>
    <t>12/30/2019 00:09:31</t>
  </si>
  <si>
    <t>12/30/2019 00:11:27</t>
  </si>
  <si>
    <t>12/30/2019 00:09:58</t>
  </si>
  <si>
    <t>12/30/2019 00:06:32</t>
  </si>
  <si>
    <t>12/30/2019 00:07:54</t>
  </si>
  <si>
    <t>12/30/2019 00:12:26</t>
  </si>
  <si>
    <t>12/30/2019 00:09:24</t>
  </si>
  <si>
    <t>12/30/2019 00:08:58</t>
  </si>
  <si>
    <t>12/30/2019 00:12:01</t>
  </si>
  <si>
    <t>12/30/2019 00:15:27</t>
  </si>
  <si>
    <t>12/30/2019 00:13:15</t>
  </si>
  <si>
    <t>12/30/2019 00:14:36</t>
  </si>
  <si>
    <t>12/30/2019 00:16:26</t>
  </si>
  <si>
    <t>12/30/2019 00:13:59</t>
  </si>
  <si>
    <t>12/30/2019 00:12:59</t>
  </si>
  <si>
    <t>12/30/2019 00:18:27</t>
  </si>
  <si>
    <t>12/30/2019 00:13:58</t>
  </si>
  <si>
    <t>12/30/2019 00:18:23</t>
  </si>
  <si>
    <t>12/30/2019 00:19:27</t>
  </si>
  <si>
    <t>12/30/2019 00:25:22</t>
  </si>
  <si>
    <t>12/30/2019 00:26:28</t>
  </si>
  <si>
    <t>12/30/2019 00:28:21</t>
  </si>
  <si>
    <t>12/30/2019 00:32:28</t>
  </si>
  <si>
    <t>eeb811a5-f9a2-4804-bad2-6b1f050cb53f.tmp</t>
  </si>
  <si>
    <t>\\acsfs\profiles$\rogeriofd\Downloads\eeb811a5-f9a2-4804-bad2-6b1f050cb53f.tmp</t>
  </si>
  <si>
    <t>12/30/2019 00:30:37</t>
  </si>
  <si>
    <t>12/30/2019 00:35:28</t>
  </si>
  <si>
    <t>12/30/2019 00:32:16</t>
  </si>
  <si>
    <t>12/30/2019 00:37:27</t>
  </si>
  <si>
    <t>12/30/2019 00:50:16</t>
  </si>
  <si>
    <t>12/30/2019 00:50:27</t>
  </si>
  <si>
    <t>12/30/2019 00:51:24</t>
  </si>
  <si>
    <t>12/30/2019 00:52:27</t>
  </si>
  <si>
    <t>12/30/2019 00:48:12</t>
  </si>
  <si>
    <t>12/30/2019 00:53:28</t>
  </si>
  <si>
    <t>12/30/2019 01:03:20</t>
  </si>
  <si>
    <t>12/30/2019 01:13:28</t>
  </si>
  <si>
    <t>12/30/2019 01:06:34</t>
  </si>
  <si>
    <t>12/30/2019 01:08:42</t>
  </si>
  <si>
    <t>12/30/2019 01:12:47</t>
  </si>
  <si>
    <t>12/30/2019 01:16:28</t>
  </si>
  <si>
    <t>12/30/2019 01:17:27</t>
  </si>
  <si>
    <t>12/30/2019 01:17:40</t>
  </si>
  <si>
    <t>12/30/2019 01:18:28</t>
  </si>
  <si>
    <t>12/30/2019 01:14:34</t>
  </si>
  <si>
    <t>12/30/2019 01:19:27</t>
  </si>
  <si>
    <t>12/30/2019 01:17:42</t>
  </si>
  <si>
    <t>12/30/2019 01:22:28</t>
  </si>
  <si>
    <t>12/30/2019 01:27:50</t>
  </si>
  <si>
    <t>12/30/2019 01:31:27</t>
  </si>
  <si>
    <t>12/30/2019 01:35:47</t>
  </si>
  <si>
    <t>12/30/2019 01:36:27</t>
  </si>
  <si>
    <t>12/30/2019 01:35:14</t>
  </si>
  <si>
    <t>12/30/2019 01:38:27</t>
  </si>
  <si>
    <t>12/30/2019 01:43:19</t>
  </si>
  <si>
    <t>12/30/2019 01:47:26</t>
  </si>
  <si>
    <t>12/30/2019 01:45:11</t>
  </si>
  <si>
    <t>12/30/2019 01:48:27</t>
  </si>
  <si>
    <t>12/30/2019 01:50:12</t>
  </si>
  <si>
    <t>12/30/2019 01:51:27</t>
  </si>
  <si>
    <t>12/30/2019 01:50:58</t>
  </si>
  <si>
    <t>12/30/2019 01:52:27</t>
  </si>
  <si>
    <t>12/30/2019 01:51:21</t>
  </si>
  <si>
    <t>12/30/2019 01:53:27</t>
  </si>
  <si>
    <t>12/30/2019 01:50:08</t>
  </si>
  <si>
    <t>12/30/2019 02:01:12</t>
  </si>
  <si>
    <t>12/30/2019 02:06:27</t>
  </si>
  <si>
    <t>12/30/2019 02:02:33</t>
  </si>
  <si>
    <t>12/30/2019 02:03:18</t>
  </si>
  <si>
    <t>12/30/2019 02:08:27</t>
  </si>
  <si>
    <t>12/30/2019 02:10:18</t>
  </si>
  <si>
    <t>12/30/2019 02:12:27</t>
  </si>
  <si>
    <t>12/30/2019 02:12:10</t>
  </si>
  <si>
    <t>12/30/2019 02:14:27</t>
  </si>
  <si>
    <t>12/30/2019 02:14:08</t>
  </si>
  <si>
    <t>12/30/2019 02:16:27</t>
  </si>
  <si>
    <t>12/30/2019 02:15:12</t>
  </si>
  <si>
    <t>12/30/2019 02:28:57</t>
  </si>
  <si>
    <t>12/30/2019 02:34:29</t>
  </si>
  <si>
    <t>12/30/2019 02:33:23</t>
  </si>
  <si>
    <t>12/30/2019 02:37:29</t>
  </si>
  <si>
    <t>12/30/2019 02:36:09</t>
  </si>
  <si>
    <t>12/30/2019 02:38:29</t>
  </si>
  <si>
    <t>12/30/2019 02:35:20</t>
  </si>
  <si>
    <t>12/30/2019 02:39:29</t>
  </si>
  <si>
    <t>12/30/2019 02:38:37</t>
  </si>
  <si>
    <t>12/30/2019 02:42:29</t>
  </si>
  <si>
    <t>12/30/2019 02:43:49</t>
  </si>
  <si>
    <t>12/30/2019 02:45:29</t>
  </si>
  <si>
    <t>12/30/2019 02:41:27</t>
  </si>
  <si>
    <t>12/30/2019 02:46:28</t>
  </si>
  <si>
    <t>12/30/2019 02:44:26</t>
  </si>
  <si>
    <t>12/30/2019 02:48:29</t>
  </si>
  <si>
    <t>12/30/2019 02:47:19</t>
  </si>
  <si>
    <t>12/30/2019 02:47:14</t>
  </si>
  <si>
    <t>12/30/2019 02:52:29</t>
  </si>
  <si>
    <t>12/30/2019 02:47:53</t>
  </si>
  <si>
    <t>12/30/2019 02:54:45</t>
  </si>
  <si>
    <t>12/30/2019 02:56:29</t>
  </si>
  <si>
    <t>12/30/2019 02:57:44</t>
  </si>
  <si>
    <t>12/30/2019 03:02:28</t>
  </si>
  <si>
    <t>12/30/2019 03:01:26</t>
  </si>
  <si>
    <t>12/30/2019 03:03:29</t>
  </si>
  <si>
    <t>12/30/2019 03:03:12</t>
  </si>
  <si>
    <t>12/30/2019 03:06:28</t>
  </si>
  <si>
    <t>12/30/2019 03:07:09</t>
  </si>
  <si>
    <t>12/30/2019 03:10:28</t>
  </si>
  <si>
    <t>12/30/2019 03:12:02</t>
  </si>
  <si>
    <t>12/30/2019 03:15:28</t>
  </si>
  <si>
    <t>12/30/2019 03:15:38</t>
  </si>
  <si>
    <t>12/30/2019 03:16:28</t>
  </si>
  <si>
    <t>12/30/2019 03:12:55</t>
  </si>
  <si>
    <t>12/30/2019 03:18:28</t>
  </si>
  <si>
    <t>12/30/2019 03:15:27</t>
  </si>
  <si>
    <t>12/30/2019 03:18:37</t>
  </si>
  <si>
    <t>12/30/2019 03:20:27</t>
  </si>
  <si>
    <t>12/30/2019 03:19:33</t>
  </si>
  <si>
    <t>12/30/2019 03:22:27</t>
  </si>
  <si>
    <t>12/30/2019 03:25:28</t>
  </si>
  <si>
    <t>12/30/2019 03:26:27</t>
  </si>
  <si>
    <t>12/30/2019 03:21:42</t>
  </si>
  <si>
    <t>12/30/2019 03:25:26</t>
  </si>
  <si>
    <t>12/30/2019 03:27:28</t>
  </si>
  <si>
    <t>12/30/2019 03:25:43</t>
  </si>
  <si>
    <t>12/30/2019 03:23:10</t>
  </si>
  <si>
    <t>12/30/2019 03:25:40</t>
  </si>
  <si>
    <t>12/30/2019 03:28:28</t>
  </si>
  <si>
    <t>12/30/2019 03:30:28</t>
  </si>
  <si>
    <t>12/30/2019 03:31:28</t>
  </si>
  <si>
    <t>12/30/2019 03:30:41</t>
  </si>
  <si>
    <t>12/30/2019 03:32:29</t>
  </si>
  <si>
    <t>4335d302-36c2-4b2c-a73d-418087acb291.tmp</t>
  </si>
  <si>
    <t>\\acsfs\profiles$\rogeriofd\Downloads\4335d302-36c2-4b2c-a73d-418087acb291.tmp</t>
  </si>
  <si>
    <t>12/30/2019 03:30:55</t>
  </si>
  <si>
    <t>725a90ee-44f7-4d0f-a86d-5019c73b0db8.tmp</t>
  </si>
  <si>
    <t>\\acsfs\profiles$\rogeriofd\Downloads\725a90ee-44f7-4d0f-a86d-5019c73b0db8.tmp</t>
  </si>
  <si>
    <t>12/30/2019 03:32:19</t>
  </si>
  <si>
    <t>12/30/2019 03:34:29</t>
  </si>
  <si>
    <t>12/30/2019 03:30:34</t>
  </si>
  <si>
    <t>12/30/2019 03:35:29</t>
  </si>
  <si>
    <t>12/30/2019 03:37:28</t>
  </si>
  <si>
    <t>12/30/2019 03:39:29</t>
  </si>
  <si>
    <t>12/30/2019 03:40:16</t>
  </si>
  <si>
    <t>12/30/2019 03:41:29</t>
  </si>
  <si>
    <t>12/30/2019 03:44:30</t>
  </si>
  <si>
    <t>12/30/2019 03:45:28</t>
  </si>
  <si>
    <t>12/30/2019 03:45:24</t>
  </si>
  <si>
    <t>12/30/2019 03:48:29</t>
  </si>
  <si>
    <t>12/30/2019 03:48:38</t>
  </si>
  <si>
    <t>12/30/2019 03:53:28</t>
  </si>
  <si>
    <t>12/30/2019 03:52:24</t>
  </si>
  <si>
    <t>12/30/2019 03:54:29</t>
  </si>
  <si>
    <t>12/30/2019 03:57:52</t>
  </si>
  <si>
    <t>12/30/2019 04:01:29</t>
  </si>
  <si>
    <t>12/30/2019 04:01:23</t>
  </si>
  <si>
    <t>12/30/2019 04:02:28</t>
  </si>
  <si>
    <t>12/30/2019 03:59:24</t>
  </si>
  <si>
    <t>12/30/2019 04:04:29</t>
  </si>
  <si>
    <t>12/30/2019 04:04:06</t>
  </si>
  <si>
    <t>12/30/2019 04:06:27</t>
  </si>
  <si>
    <t>12/30/2019 04:03:18</t>
  </si>
  <si>
    <t>12/30/2019 04:07:28</t>
  </si>
  <si>
    <t>12/30/2019 04:04:53</t>
  </si>
  <si>
    <t>12/30/2019 04:10:16</t>
  </si>
  <si>
    <t>12/30/2019 04:10:29</t>
  </si>
  <si>
    <t>12/30/2019 04:06:20</t>
  </si>
  <si>
    <t>12/30/2019 04:11:28</t>
  </si>
  <si>
    <t>12/30/2019 04:11:14</t>
  </si>
  <si>
    <t>12/30/2019 04:13:28</t>
  </si>
  <si>
    <t>12/30/2019 04:13:51</t>
  </si>
  <si>
    <t>12/30/2019 04:16:28</t>
  </si>
  <si>
    <t>12/30/2019 04:14:28</t>
  </si>
  <si>
    <t>12/30/2019 04:14:30</t>
  </si>
  <si>
    <t>12/30/2019 04:18:28</t>
  </si>
  <si>
    <t>12/30/2019 04:14:58</t>
  </si>
  <si>
    <t>12/30/2019 04:19:28</t>
  </si>
  <si>
    <t>12/30/2019 04:14:19</t>
  </si>
  <si>
    <t>12/30/2019 04:17:44</t>
  </si>
  <si>
    <t>12/30/2019 04:22:28</t>
  </si>
  <si>
    <t>12/30/2019 04:22:54</t>
  </si>
  <si>
    <t>12/30/2019 04:23:28</t>
  </si>
  <si>
    <t>12/30/2019 04:20:58</t>
  </si>
  <si>
    <t>12/30/2019 04:24:27</t>
  </si>
  <si>
    <t>12/30/2019 04:20:10</t>
  </si>
  <si>
    <t>12/30/2019 04:24:21</t>
  </si>
  <si>
    <t>12/30/2019 04:28:28</t>
  </si>
  <si>
    <t>12/30/2019 04:29:05</t>
  </si>
  <si>
    <t>12/30/2019 04:29:28</t>
  </si>
  <si>
    <t>12/30/2019 04:30:46</t>
  </si>
  <si>
    <t>12/30/2019 04:33:29</t>
  </si>
  <si>
    <t>12/30/2019 04:30:01</t>
  </si>
  <si>
    <t>12/30/2019 04:34:28</t>
  </si>
  <si>
    <t>12/30/2019 04:35:51</t>
  </si>
  <si>
    <t>12/30/2019 04:36:28</t>
  </si>
  <si>
    <t>12/30/2019 04:34:08</t>
  </si>
  <si>
    <t>12/30/2019 04:37:28</t>
  </si>
  <si>
    <t>12/30/2019 04:37:13</t>
  </si>
  <si>
    <t>12/30/2019 04:38:51</t>
  </si>
  <si>
    <t>12/30/2019 04:41:28</t>
  </si>
  <si>
    <t>12/30/2019 04:38:14</t>
  </si>
  <si>
    <t>12/30/2019 04:42:27</t>
  </si>
  <si>
    <t>3954e40e-a3c8-4a3e-9634-360ac726bb7b.tmp</t>
  </si>
  <si>
    <t>\\acsfs\profiles$\Adrieledgc\Downloads\3954e40e-a3c8-4a3e-9634-360ac726bb7b.tmp</t>
  </si>
  <si>
    <t>12/30/2019 04:46:19</t>
  </si>
  <si>
    <t>12/30/2019 04:47:28</t>
  </si>
  <si>
    <t>12/30/2019 04:46:54</t>
  </si>
  <si>
    <t>12/30/2019 04:49:28</t>
  </si>
  <si>
    <t>12/30/2019 04:46:32</t>
  </si>
  <si>
    <t>12/30/2019 04:51:28</t>
  </si>
  <si>
    <t>12/30/2019 04:51:19</t>
  </si>
  <si>
    <t>12/30/2019 04:56:27</t>
  </si>
  <si>
    <t>12/30/2019 04:54:06</t>
  </si>
  <si>
    <t>12/30/2019 04:57:35</t>
  </si>
  <si>
    <t>12/30/2019 04:58:28</t>
  </si>
  <si>
    <t>12/30/2019 04:57:59</t>
  </si>
  <si>
    <t>12/30/2019 05:03:28</t>
  </si>
  <si>
    <t>12/30/2019 04:57:38</t>
  </si>
  <si>
    <t>12/30/2019 04:58:53</t>
  </si>
  <si>
    <t>12/30/2019 04:59:53</t>
  </si>
  <si>
    <t>12/30/2019 05:04:27</t>
  </si>
  <si>
    <t>12/30/2019 05:05:28</t>
  </si>
  <si>
    <t>12/30/2019 05:07:28</t>
  </si>
  <si>
    <t>12/30/2019 05:06:12</t>
  </si>
  <si>
    <t>12/30/2019 05:09:28</t>
  </si>
  <si>
    <t>12/30/2019 05:08:21</t>
  </si>
  <si>
    <t>12/30/2019 05:13:27</t>
  </si>
  <si>
    <t>12/30/2019 05:17:09</t>
  </si>
  <si>
    <t>12/30/2019 05:19:28</t>
  </si>
  <si>
    <t>12/30/2019 05:28:26</t>
  </si>
  <si>
    <t>12/30/2019 05:32:28</t>
  </si>
  <si>
    <t>12/30/2019 05:28:36</t>
  </si>
  <si>
    <t>12/30/2019 05:35:54</t>
  </si>
  <si>
    <t>12/30/2019 05:36:28</t>
  </si>
  <si>
    <t>12/30/2019 05:37:27</t>
  </si>
  <si>
    <t>12/30/2019 05:42:28</t>
  </si>
  <si>
    <t>2eaa1bbc-5085-4818-88c1-abe8b1ef71da.tmp</t>
  </si>
  <si>
    <t>\\acsfs\profiles$\rogeriofd\Downloads\2eaa1bbc-5085-4818-88c1-abe8b1ef71da.tmp</t>
  </si>
  <si>
    <t>12/30/2019 05:38:21</t>
  </si>
  <si>
    <t>12/30/2019 05:43:28</t>
  </si>
  <si>
    <t>12/30/2019 05:44:12</t>
  </si>
  <si>
    <t>12/30/2019 05:48:28</t>
  </si>
  <si>
    <t>b61668f6-e739-47bf-aa5a-4ba9301d5f83.tmp</t>
  </si>
  <si>
    <t>\\acsfs\profiles$\ROZENCAM\Downloads\b61668f6-e739-47bf-aa5a-4ba9301d5f83.tmp</t>
  </si>
  <si>
    <t>12/30/2019 05:48:15</t>
  </si>
  <si>
    <t>044296ca-fe24-4733-a479-768e52d6c667.tmp</t>
  </si>
  <si>
    <t>\\acsfs\profiles$\ROZENCAM\Downloads\044296ca-fe24-4733-a479-768e52d6c667.tmp</t>
  </si>
  <si>
    <t>12/30/2019 05:49:31</t>
  </si>
  <si>
    <t>12/30/2019 05:53:28</t>
  </si>
  <si>
    <t>12/30/2019 05:53:59</t>
  </si>
  <si>
    <t>12/30/2019 05:56:28</t>
  </si>
  <si>
    <t>30e18128-5161-4b70-8a3a-cc13fa5bc822.tmp</t>
  </si>
  <si>
    <t>\\acsfs\profiles$\andressagr\Downloads\30e18128-5161-4b70-8a3a-cc13fa5bc822.tmp</t>
  </si>
  <si>
    <t>12/30/2019 05:55:14</t>
  </si>
  <si>
    <t>c097b6d3-a601-4a8c-9d83-a468b8828eec.tmp</t>
  </si>
  <si>
    <t>\\acsfs\profiles$\andressagr\Downloads\c097b6d3-a601-4a8c-9d83-a468b8828eec.tmp</t>
  </si>
  <si>
    <t>12/30/2019 05:56:47</t>
  </si>
  <si>
    <t>12/30/2019 05:57:28</t>
  </si>
  <si>
    <t>12/30/2019 05:55:24</t>
  </si>
  <si>
    <t>12/30/2019 05:58:28</t>
  </si>
  <si>
    <t>9439c662-927c-42dd-8081-2f2df0dbd288.tmp</t>
  </si>
  <si>
    <t>\\acsfs\profiles$\ROZENCAM\Downloads\9439c662-927c-42dd-8081-2f2df0dbd288.tmp</t>
  </si>
  <si>
    <t>12/30/2019 05:58:40</t>
  </si>
  <si>
    <t>12/30/2019 06:00:29</t>
  </si>
  <si>
    <t>12/30/2019 05:59:01</t>
  </si>
  <si>
    <t>afdf0ff3-93aa-4181-aa57-aa4153012b87.tmp</t>
  </si>
  <si>
    <t>\\acsfs\profiles$\mariliafplb\Downloads\afdf0ff3-93aa-4181-aa57-aa4153012b87.tmp</t>
  </si>
  <si>
    <t>12/30/2019 05:59:37</t>
  </si>
  <si>
    <t>e4d8d734-8f30-445c-9de0-209fe130e79a.tmp</t>
  </si>
  <si>
    <t>\\acsfs\profiles$\mariliafplb\Downloads\e4d8d734-8f30-445c-9de0-209fe130e79a.tmp</t>
  </si>
  <si>
    <t>12/30/2019 05:58:46</t>
  </si>
  <si>
    <t>12/30/2019 06:02:29</t>
  </si>
  <si>
    <t>0799e5f3-7e32-44c3-b2fd-923143e2262b.tmp</t>
  </si>
  <si>
    <t>\\acsfs\profiles$\rogeriofd\Downloads\0799e5f3-7e32-44c3-b2fd-923143e2262b.tmp</t>
  </si>
  <si>
    <t>12/30/2019 06:01:34</t>
  </si>
  <si>
    <t>12/30/2019 06:00:20</t>
  </si>
  <si>
    <t>12/30/2019 06:05:28</t>
  </si>
  <si>
    <t>9a12f2f3-8907-49a7-b563-e793d63b7d3c.tmp</t>
  </si>
  <si>
    <t>\\acsfs\profiles$\mariliafplb\Downloads\9a12f2f3-8907-49a7-b563-e793d63b7d3c.tmp</t>
  </si>
  <si>
    <t>12/30/2019 06:04:26</t>
  </si>
  <si>
    <t>12/30/2019 06:06:28</t>
  </si>
  <si>
    <t>12/30/2019 06:02:52</t>
  </si>
  <si>
    <t>12/30/2019 06:07:29</t>
  </si>
  <si>
    <t>12/30/2019 06:05:27</t>
  </si>
  <si>
    <t>12/30/2019 06:08:29</t>
  </si>
  <si>
    <t>12/30/2019 06:05:21</t>
  </si>
  <si>
    <t>12/30/2019 06:10:29</t>
  </si>
  <si>
    <t>12/30/2019 06:09:31</t>
  </si>
  <si>
    <t>12/30/2019 06:11:29</t>
  </si>
  <si>
    <t>12/30/2019 06:15:55</t>
  </si>
  <si>
    <t>12/30/2019 06:19:29</t>
  </si>
  <si>
    <t>12/30/2019 06:16:22</t>
  </si>
  <si>
    <t>12/30/2019 06:21:30</t>
  </si>
  <si>
    <t>12/30/2019 06:22:29</t>
  </si>
  <si>
    <t>12/30/2019 06:25:47</t>
  </si>
  <si>
    <t>12/30/2019 06:29:29</t>
  </si>
  <si>
    <t>12/30/2019 06:32:38</t>
  </si>
  <si>
    <t>12/30/2019 06:36:30</t>
  </si>
  <si>
    <t>12/30/2019 06:38:29</t>
  </si>
  <si>
    <t>12/30/2019 06:39:30</t>
  </si>
  <si>
    <t>12/30/2019 06:47:14</t>
  </si>
  <si>
    <t>12/30/2019 06:47:31</t>
  </si>
  <si>
    <t>bdc1fcff-8419-4c69-b5c5-5d299bd58528.tmp</t>
  </si>
  <si>
    <t>\\acsfs\profiles$\vivianealda\Downloads\bdc1fcff-8419-4c69-b5c5-5d299bd58528.tmp</t>
  </si>
  <si>
    <t>12/30/2019 06:47:24</t>
  </si>
  <si>
    <t>12/30/2019 06:49:30</t>
  </si>
  <si>
    <t>12/30/2019 06:47:25</t>
  </si>
  <si>
    <t>12/30/2019 06:48:31</t>
  </si>
  <si>
    <t>12/30/2019 06:51:30</t>
  </si>
  <si>
    <t>5783f1c5-91ff-4531-8dee-7dff615ae174.tmp</t>
  </si>
  <si>
    <t>\\acsfs\profiles$\nathaliadf\Downloads\5783f1c5-91ff-4531-8dee-7dff615ae174.tmp</t>
  </si>
  <si>
    <t>12/30/2019 06:49:03</t>
  </si>
  <si>
    <t>97899c00-097f-4104-a677-c35ba1eb75ad.tmp</t>
  </si>
  <si>
    <t>\\acsfs\profiles$\nathaliadf\Downloads\97899c00-097f-4104-a677-c35ba1eb75ad.tmp</t>
  </si>
  <si>
    <t>12/30/2019 06:50:12</t>
  </si>
  <si>
    <t>5d2f47d3-a821-4516-b5f2-1d1041b794e3.tmp</t>
  </si>
  <si>
    <t>\\acsfs\profiles$\nathaliadf\Downloads\5d2f47d3-a821-4516-b5f2-1d1041b794e3.tmp</t>
  </si>
  <si>
    <t>12/30/2019 06:47:20</t>
  </si>
  <si>
    <t>12/30/2019 06:52:30</t>
  </si>
  <si>
    <t>523608f4-b110-4847-8520-ea82d45aff84.tmp</t>
  </si>
  <si>
    <t>\\acsfs\profiles$\vivianealda\Downloads\523608f4-b110-4847-8520-ea82d45aff84.tmp</t>
  </si>
  <si>
    <t>12/30/2019 06:48:21</t>
  </si>
  <si>
    <t>855a790d-ea5d-4024-ac7f-86be1bd05db0.tmp</t>
  </si>
  <si>
    <t>\\acsfs\profiles$\vivianealda\Downloads\855a790d-ea5d-4024-ac7f-86be1bd05db0.tmp</t>
  </si>
  <si>
    <t>12/30/2019 06:51:23</t>
  </si>
  <si>
    <t>eb8f3cc2-a9c2-42d6-b7b4-1b1681c5a38f.tmp</t>
  </si>
  <si>
    <t>\\acsfs\profiles$\vivianealda\Downloads\eb8f3cc2-a9c2-42d6-b7b4-1b1681c5a38f.tmp</t>
  </si>
  <si>
    <t>12/30/2019 06:52:25</t>
  </si>
  <si>
    <t>12/30/2019 06:54:30</t>
  </si>
  <si>
    <t>12/30/2019 06:49:41</t>
  </si>
  <si>
    <t>12/30/2019 06:53:22</t>
  </si>
  <si>
    <t>12/30/2019 06:56:30</t>
  </si>
  <si>
    <t>12/30/2019 06:52:42</t>
  </si>
  <si>
    <t>8421e33c-c157-44cf-be64-c5959528e47d.tmp</t>
  </si>
  <si>
    <t>\\acsfs\profiles$\nathaliadf\Downloads\8421e33c-c157-44cf-be64-c5959528e47d.tmp</t>
  </si>
  <si>
    <t>12/30/2019 06:56:34</t>
  </si>
  <si>
    <t>12/30/2019 06:57:31</t>
  </si>
  <si>
    <t>67e67bd1-776d-4dd7-82a5-64f208fb52c4.tmp</t>
  </si>
  <si>
    <t>\\acsfs\profiles$\vivianealda\Downloads\67e67bd1-776d-4dd7-82a5-64f208fb52c4.tmp</t>
  </si>
  <si>
    <t>12/30/2019 06:57:22</t>
  </si>
  <si>
    <t>12/30/2019 06:58:31</t>
  </si>
  <si>
    <t>12/30/2019 06:55:14</t>
  </si>
  <si>
    <t>12/30/2019 07:00:30</t>
  </si>
  <si>
    <t>12/30/2019 06:55:21</t>
  </si>
  <si>
    <t>12/30/2019 06:55:23</t>
  </si>
  <si>
    <t>12/30/2019 06:55:31</t>
  </si>
  <si>
    <t>12/30/2019 06:56:05</t>
  </si>
  <si>
    <t>12/30/2019 06:56:12</t>
  </si>
  <si>
    <t>12/30/2019 06:57:33</t>
  </si>
  <si>
    <t>12/30/2019 06:57:38</t>
  </si>
  <si>
    <t>12/30/2019 06:57:41</t>
  </si>
  <si>
    <t>12/30/2019 06:57:44</t>
  </si>
  <si>
    <t>12/30/2019 06:58:37</t>
  </si>
  <si>
    <t>12/30/2019 06:58:58</t>
  </si>
  <si>
    <t>12/30/2019 06:59:01</t>
  </si>
  <si>
    <t>12/30/2019 06:55:57</t>
  </si>
  <si>
    <t>12/30/2019 06:58:15</t>
  </si>
  <si>
    <t>12/30/2019 07:02:31</t>
  </si>
  <si>
    <t>12/30/2019 06:58:05</t>
  </si>
  <si>
    <t>12/30/2019 07:03:31</t>
  </si>
  <si>
    <t>237eb5aa-6b17-4867-b747-03be21fc90c2.tmp</t>
  </si>
  <si>
    <t>\\acsfs\profiles$\BRUNAAR\Downloads\237eb5aa-6b17-4867-b747-03be21fc90c2.tmp</t>
  </si>
  <si>
    <t>12/30/2019 06:59:25</t>
  </si>
  <si>
    <t>253ec593-e543-4f72-b2eb-c5b33b985c61.tmp</t>
  </si>
  <si>
    <t>\\acsfs\profiles$\BRUNAAR\Downloads\253ec593-e543-4f72-b2eb-c5b33b985c61.tmp</t>
  </si>
  <si>
    <t>12/30/2019 06:59:51</t>
  </si>
  <si>
    <t>12/30/2019 07:00:40</t>
  </si>
  <si>
    <t>12/30/2019 07:05:31</t>
  </si>
  <si>
    <t>12/30/2019 07:00:48</t>
  </si>
  <si>
    <t>12/30/2019 07:00:52</t>
  </si>
  <si>
    <t>12/30/2019 07:00:59</t>
  </si>
  <si>
    <t>12/30/2019 07:01:03</t>
  </si>
  <si>
    <t>12/30/2019 07:01:08</t>
  </si>
  <si>
    <t>12/30/2019 07:01:15</t>
  </si>
  <si>
    <t>12/30/2019 07:01:23</t>
  </si>
  <si>
    <t>12/30/2019 07:02:15</t>
  </si>
  <si>
    <t>12/30/2019 07:02:24</t>
  </si>
  <si>
    <t>12/30/2019 07:02:28</t>
  </si>
  <si>
    <t>12/30/2019 07:03:21</t>
  </si>
  <si>
    <t>12/30/2019 07:03:24</t>
  </si>
  <si>
    <t>12/30/2019 07:03:32</t>
  </si>
  <si>
    <t>12/30/2019 07:03:25</t>
  </si>
  <si>
    <t>12/30/2019 07:08:31</t>
  </si>
  <si>
    <t>12/30/2019 07:07:00</t>
  </si>
  <si>
    <t>12/30/2019 07:05:52</t>
  </si>
  <si>
    <t>12/30/2019 07:04:00</t>
  </si>
  <si>
    <t>d8468b1a-a7a1-4f4d-823a-5c4c1af98af8.tmp</t>
  </si>
  <si>
    <t>\\acsfs\profiles$\danielac\Downloads\d8468b1a-a7a1-4f4d-823a-5c4c1af98af8.tmp</t>
  </si>
  <si>
    <t>12/30/2019 07:05:07</t>
  </si>
  <si>
    <t>05d09811-158b-43a8-896e-05676a1ec5ef.tmp</t>
  </si>
  <si>
    <t>\\acsfs\profiles$\danielac\Downloads\05d09811-158b-43a8-896e-05676a1ec5ef.tmp</t>
  </si>
  <si>
    <t>12/30/2019 07:04:46</t>
  </si>
  <si>
    <t>12/30/2019 07:10:30</t>
  </si>
  <si>
    <t>12/30/2019 07:08:38</t>
  </si>
  <si>
    <t>CBDAC74D.tmp</t>
  </si>
  <si>
    <t>\\acsfs\DEPTOS\Operacao\PCP\5 - Comum\PLANEJAMENTO BV\14 - ACOMPANHAMENTO\1 - REPORT ACOMPANHAMENTO\2019\12 - Dezembro\CARTÕES\SHORTCALLS\CBDAC74D.tmp</t>
  </si>
  <si>
    <t>12/30/2019 07:07:22</t>
  </si>
  <si>
    <t>12/30/2019 07:11:30</t>
  </si>
  <si>
    <t>12/30/2019 07:06:11</t>
  </si>
  <si>
    <t>12/30/2019 07:10:59</t>
  </si>
  <si>
    <t>12/30/2019 07:15:29</t>
  </si>
  <si>
    <t>8FC12AE9.tmp</t>
  </si>
  <si>
    <t>\\acsfs\DEPTOS\Operacao\PCP\5 - Comum\PLANEJAMENTO BV\14 - ACOMPANHAMENTO\1 - REPORT ACOMPANHAMENTO\2019\12 - Dezembro\CARTÕES\SHORTCALLS\8FC12AE9.tmp</t>
  </si>
  <si>
    <t>12/30/2019 07:14:10</t>
  </si>
  <si>
    <t>12/30/2019 07:14:14</t>
  </si>
  <si>
    <t>12/30/2019 07:14:21</t>
  </si>
  <si>
    <t>12/30/2019 07:14:27</t>
  </si>
  <si>
    <t>12/30/2019 07:14:32</t>
  </si>
  <si>
    <t>12/30/2019 07:14:25</t>
  </si>
  <si>
    <t>12/30/2019 07:18:29</t>
  </si>
  <si>
    <t>12/30/2019 07:15:07</t>
  </si>
  <si>
    <t>12/30/2019 07:19:29</t>
  </si>
  <si>
    <t>12/30/2019 07:15:17</t>
  </si>
  <si>
    <t>12/30/2019 07:20:29</t>
  </si>
  <si>
    <t>12/30/2019 07:15:20</t>
  </si>
  <si>
    <t>12/30/2019 07:15:26</t>
  </si>
  <si>
    <t>D1DDD654.tmp</t>
  </si>
  <si>
    <t>\\acsfs\DEPTOS\Operacao\PCP\5 - Comum\PLANEJAMENTO BV\14 - ACOMPANHAMENTO\1 - REPORT ACOMPANHAMENTO\2019\12 - Dezembro\CARTÕES\SHORTCALLS\D1DDD654.tmp</t>
  </si>
  <si>
    <t>12/30/2019 07:15:27</t>
  </si>
  <si>
    <t>~$Shortcalls.xlsx</t>
  </si>
  <si>
    <t>\\acsfs\DEPTOS\Operacao\PCP\5 - Comum\PLANEJAMENTO BV\14 - ACOMPANHAMENTO\1 - REPORT ACOMPANHAMENTO\2019\12 - Dezembro\CARTÕES\SHORTCALLS\~$Shortcalls.xlsx</t>
  </si>
  <si>
    <t>12/30/2019 07:18:33</t>
  </si>
  <si>
    <t>12/30/2019 07:19:54</t>
  </si>
  <si>
    <t>12/30/2019 07:22:29</t>
  </si>
  <si>
    <t>12/30/2019 07:19:58</t>
  </si>
  <si>
    <t>12/30/2019 07:20:03</t>
  </si>
  <si>
    <t>f859b69d-9c01-478f-94e4-c3d790b9ba9a.tmp</t>
  </si>
  <si>
    <t>\\acsfs\profiles$\deboraaa\Downloads\f859b69d-9c01-478f-94e4-c3d790b9ba9a.tmp</t>
  </si>
  <si>
    <t>12/30/2019 07:21:32</t>
  </si>
  <si>
    <t>82f9f8e0-210b-4583-ac14-6f20ac2867b5.tmp</t>
  </si>
  <si>
    <t>\\acsfs\profiles$\deboraaa\Downloads\82f9f8e0-210b-4583-ac14-6f20ac2867b5.tmp</t>
  </si>
  <si>
    <t>12/30/2019 07:17:04</t>
  </si>
  <si>
    <t>12/30/2019 07:17:41</t>
  </si>
  <si>
    <t>12/30/2019 07:20:55</t>
  </si>
  <si>
    <t>12/30/2019 07:25:29</t>
  </si>
  <si>
    <t>12/30/2019 07:21:00</t>
  </si>
  <si>
    <t>12/30/2019 07:21:08</t>
  </si>
  <si>
    <t>12/30/2019 07:21:12</t>
  </si>
  <si>
    <t>12/30/2019 07:21:16</t>
  </si>
  <si>
    <t>12/30/2019 07:21:24</t>
  </si>
  <si>
    <t>12/30/2019 07:21:30</t>
  </si>
  <si>
    <t>12/30/2019 07:21:46</t>
  </si>
  <si>
    <t>12/30/2019 07:22:04</t>
  </si>
  <si>
    <t>12/30/2019 07:22:10</t>
  </si>
  <si>
    <t>12/30/2019 07:22:16</t>
  </si>
  <si>
    <t>12/30/2019 07:22:19</t>
  </si>
  <si>
    <t>12/30/2019 07:22:36</t>
  </si>
  <si>
    <t>12/30/2019 07:22:46</t>
  </si>
  <si>
    <t>12/30/2019 07:23:01</t>
  </si>
  <si>
    <t>12/30/2019 07:23:09</t>
  </si>
  <si>
    <t>12/30/2019 07:23:14</t>
  </si>
  <si>
    <t>12/30/2019 07:23:23</t>
  </si>
  <si>
    <t>12/30/2019 07:23:27</t>
  </si>
  <si>
    <t>12/30/2019 07:23:28</t>
  </si>
  <si>
    <t>12/30/2019 07:23:30</t>
  </si>
  <si>
    <t>12/30/2019 07:23:58</t>
  </si>
  <si>
    <t>12/30/2019 07:24:01</t>
  </si>
  <si>
    <t>12/30/2019 07:24:04</t>
  </si>
  <si>
    <t>12/30/2019 07:24:14</t>
  </si>
  <si>
    <t>mail.google.com/_/upload?authuser=0&amp;dcp=asu-n&amp;upload_id=AEnB2UrdHjJ26dlrCki2WKoWzoMRAm4Y064-Y3_9NLPUioD44QcdypEJN7fk-fZuc5Mqq8PAEuggTeOHUZNjpABZ-H63Qbr31Q&amp;upload_protocol=resumable</t>
  </si>
  <si>
    <t>12/30/2019 07:25:58</t>
  </si>
  <si>
    <t>12/30/2019 07:26:29</t>
  </si>
  <si>
    <t>6ca02d5e-6b59-47d5-ba57-68ccf349bab8.tmp</t>
  </si>
  <si>
    <t>\\acsfs\profiles$\websondsa\Downloads\6ca02d5e-6b59-47d5-ba57-68ccf349bab8.tmp</t>
  </si>
  <si>
    <t>12/30/2019 07:27:28</t>
  </si>
  <si>
    <t>e3011bc8-2a47-4cf9-9f73-19b5d6843847.tmp</t>
  </si>
  <si>
    <t>\\acsfs\profiles$\deboraaa\Downloads\e3011bc8-2a47-4cf9-9f73-19b5d6843847.tmp</t>
  </si>
  <si>
    <t>12/30/2019 07:24:11</t>
  </si>
  <si>
    <t>e84383d5-c206-407e-8c5f-49fef73bedf1.tmp</t>
  </si>
  <si>
    <t>\\acsfs\profiles$\deboraaa\Downloads\e84383d5-c206-407e-8c5f-49fef73bedf1.tmp</t>
  </si>
  <si>
    <t>12/30/2019 07:26:32</t>
  </si>
  <si>
    <t>12/30/2019 07:28:29</t>
  </si>
  <si>
    <t>12/30/2019 07:25:30</t>
  </si>
  <si>
    <t>6a80c1cb-ca7e-4426-a300-bd8139ab6c3c.tmp</t>
  </si>
  <si>
    <t>\\acsfs\profiles$\sarahbal\Downloads\6a80c1cb-ca7e-4426-a300-bd8139ab6c3c.tmp</t>
  </si>
  <si>
    <t>12/30/2019 07:26:48</t>
  </si>
  <si>
    <t>d430e540-b9fb-41fe-96c7-2bf2e92b250d.tmp</t>
  </si>
  <si>
    <t>\\acsfs\profiles$\sarahbal\Downloads\d430e540-b9fb-41fe-96c7-2bf2e92b250d.tmp</t>
  </si>
  <si>
    <t>12/30/2019 07:27:00</t>
  </si>
  <si>
    <t>9b5c20f6-bb65-47a9-9a8b-ef6dc16f9a0b.tmp</t>
  </si>
  <si>
    <t>\\acsfs\profiles$\sarahbal\Downloads\9b5c20f6-bb65-47a9-9a8b-ef6dc16f9a0b.tmp</t>
  </si>
  <si>
    <t>12/30/2019 07:27:16</t>
  </si>
  <si>
    <t>c0f29869-56d1-47d9-936b-96678ef48939.tmp</t>
  </si>
  <si>
    <t>\\acsfs\profiles$\sarahbal\Downloads\c0f29869-56d1-47d9-936b-96678ef48939.tmp</t>
  </si>
  <si>
    <t>12/30/2019 07:25:34</t>
  </si>
  <si>
    <t>12/30/2019 07:29:28</t>
  </si>
  <si>
    <t>ROGERIO FONSECA DUARTE_1_6771611379312959546_1_32.wav</t>
  </si>
  <si>
    <t>\\acsfs\Deptos\EDUCACAO EMPRESARIAL\KÉSIA\Ligações 3º ciclo - Késia\ROGERIO FONSECA DUARTE_1_6771611379312959546_1_32.wav</t>
  </si>
  <si>
    <t>12/30/2019 07:28:57</t>
  </si>
  <si>
    <t>12/30/2019 07:30:29</t>
  </si>
  <si>
    <t>9ec42427-f8e8-4e43-bc0a-fa607e33f6e5.tmp</t>
  </si>
  <si>
    <t>\\acsfs\profiles$\mariliafplb\Downloads\9ec42427-f8e8-4e43-bc0a-fa607e33f6e5.tmp</t>
  </si>
  <si>
    <t>12/30/2019 07:26:01</t>
  </si>
  <si>
    <t>12/30/2019 07:31:29</t>
  </si>
  <si>
    <t>d96411c8-7816-460f-9b14-c19ce905e5b8.tmp</t>
  </si>
  <si>
    <t>\\acsfs\profiles$\websondsa\Downloads\d96411c8-7816-460f-9b14-c19ce905e5b8.tmp</t>
  </si>
  <si>
    <t>12/30/2019 07:27:24</t>
  </si>
  <si>
    <t>12/30/2019 07:26:43</t>
  </si>
  <si>
    <t>66ed771e-c81c-437d-9e7e-2b1af73f4365.tmp</t>
  </si>
  <si>
    <t>\\acsfs\profiles$\websondsa\Downloads\66ed771e-c81c-437d-9e7e-2b1af73f4365.tmp</t>
  </si>
  <si>
    <t>12/30/2019 07:28:34</t>
  </si>
  <si>
    <t>156b124d-ec3b-4c41-9083-1945ae0560b2.tmp</t>
  </si>
  <si>
    <t>\\acsfs\profiles$\websondsa\Downloads\156b124d-ec3b-4c41-9083-1945ae0560b2.tmp</t>
  </si>
  <si>
    <t>12/30/2019 07:28:38</t>
  </si>
  <si>
    <t>12/30/2019 07:28:05</t>
  </si>
  <si>
    <t>12/30/2019 07:29:13</t>
  </si>
  <si>
    <t>alynya</t>
  </si>
  <si>
    <t>\\acsfs\profiles$\ALYNYA\Downloads\</t>
  </si>
  <si>
    <t>8d6ecfd4-5b2a-43a2-9115-a4328fde7a64.tmp</t>
  </si>
  <si>
    <t>\\acsfs\profiles$\ALYNYA\Downloads\8d6ecfd4-5b2a-43a2-9115-a4328fde7a64.tmp</t>
  </si>
  <si>
    <t>ec51db7b-b43b-472f-a5c3-8362703b7534.tmp</t>
  </si>
  <si>
    <t>\\acsfs\profiles$\ALYNYA\Downloads\ec51db7b-b43b-472f-a5c3-8362703b7534.tmp</t>
  </si>
  <si>
    <t>12/30/2019 07:28:12</t>
  </si>
  <si>
    <t>12/30/2019 07:32:28</t>
  </si>
  <si>
    <t>708c82d2-d564-4886-af84-4de19c3f39c7.tmp</t>
  </si>
  <si>
    <t>\\acsfs\profiles$\cintiadcf\Downloads\708c82d2-d564-4886-af84-4de19c3f39c7.tmp</t>
  </si>
  <si>
    <t>12/30/2019 07:28:18</t>
  </si>
  <si>
    <t>58a2a444-8a4b-4b56-9cac-6d90a22be9a4.tmp</t>
  </si>
  <si>
    <t>\\acsfs\profiles$\cintiadcf\Downloads\58a2a444-8a4b-4b56-9cac-6d90a22be9a4.tmp</t>
  </si>
  <si>
    <t>12/30/2019 07:28:48</t>
  </si>
  <si>
    <t>12/30/2019 07:29:29</t>
  </si>
  <si>
    <t>d3fb34e3-adad-45ea-abda-db3c609e1f08.tmp</t>
  </si>
  <si>
    <t>\\acsfs\profiles$\cintiadcf\Downloads\d3fb34e3-adad-45ea-abda-db3c609e1f08.tmp</t>
  </si>
  <si>
    <t>12/30/2019 07:31:39</t>
  </si>
  <si>
    <t>12/30/2019 07:35:29</t>
  </si>
  <si>
    <t>12/30/2019 07:31:50</t>
  </si>
  <si>
    <t>12/30/2019 07:31:53</t>
  </si>
  <si>
    <t>12/30/2019 07:32:01</t>
  </si>
  <si>
    <t>12/30/2019 07:32:14</t>
  </si>
  <si>
    <t>12/30/2019 07:32:19</t>
  </si>
  <si>
    <t>12/30/2019 07:32:29</t>
  </si>
  <si>
    <t>12/30/2019 07:32:32</t>
  </si>
  <si>
    <t>12/30/2019 07:30:39</t>
  </si>
  <si>
    <t>9d6c1725-a978-475b-92fe-073e16805819.tmp</t>
  </si>
  <si>
    <t>\\acsfs\profiles$\mariliafplb\Downloads\9d6c1725-a978-475b-92fe-073e16805819.tmp</t>
  </si>
  <si>
    <t>12/30/2019 07:31:37</t>
  </si>
  <si>
    <t>12/30/2019 07:36:28</t>
  </si>
  <si>
    <t>\\acsfs\profiles$\ALYNYA\My Documents\</t>
  </si>
  <si>
    <t>.~lock.controle de vendas alyny.ods#</t>
  </si>
  <si>
    <t>\\acsfs\profiles$\ALYNYA\My Documents\.~lock.controle de vendas alyny.ods#</t>
  </si>
  <si>
    <t>12/30/2019 07:34:10</t>
  </si>
  <si>
    <t>b3683330-7285-417e-a508-f826839a469a.tmp</t>
  </si>
  <si>
    <t>\\acsfs\profiles$\ALYNYA\Downloads\b3683330-7285-417e-a508-f826839a469a.tmp</t>
  </si>
  <si>
    <t>12/30/2019 07:34:28</t>
  </si>
  <si>
    <t>1ef657b6-fbf1-474b-85ba-6df65974b61e.tmp</t>
  </si>
  <si>
    <t>\\acsfs\profiles$\ALYNYA\Downloads\1ef657b6-fbf1-474b-85ba-6df65974b61e.tmp</t>
  </si>
  <si>
    <t>117969db-e686-4c67-b3b2-d95855b32212.tmp</t>
  </si>
  <si>
    <t>\\acsfs\profiles$\andressagr\Downloads\117969db-e686-4c67-b3b2-d95855b32212.tmp</t>
  </si>
  <si>
    <t>12/30/2019 07:37:39</t>
  </si>
  <si>
    <t>12/30/2019 07:38:29</t>
  </si>
  <si>
    <t>12/30/2019 07:36:13</t>
  </si>
  <si>
    <t>12/30/2019 07:38:42</t>
  </si>
  <si>
    <t>12/30/2019 07:41:29</t>
  </si>
  <si>
    <t>2855bf6a-5925-4e8d-8822-d0ac9587db4a.tmp</t>
  </si>
  <si>
    <t>\\acsfs\profiles$\lucasqdss\Downloads\2855bf6a-5925-4e8d-8822-d0ac9587db4a.tmp</t>
  </si>
  <si>
    <t>12/30/2019 07:38:34</t>
  </si>
  <si>
    <t>12/30/2019 07:41:02</t>
  </si>
  <si>
    <t>12/30/2019 07:41:37</t>
  </si>
  <si>
    <t>12/30/2019 07:42:29</t>
  </si>
  <si>
    <t>12/30/2019 07:40:53</t>
  </si>
  <si>
    <t>nathaliaos</t>
  </si>
  <si>
    <t>\\acsfs\profiles$\nathaliaos\My Documents\My Pictures\</t>
  </si>
  <si>
    <t>\\acsfs\profiles$\nathaliaos\My Documents\My Videos\desktop.ini</t>
  </si>
  <si>
    <t>12/30/2019 07:40:54</t>
  </si>
  <si>
    <t>\\acsfs\profiles$\nathaliaos\My Documents\My Videos\</t>
  </si>
  <si>
    <t>12/30/2019 07:40:56</t>
  </si>
  <si>
    <t>12/30/2019 07:40:57</t>
  </si>
  <si>
    <t>12/30/2019 07:40:58</t>
  </si>
  <si>
    <t>12/30/2019 07:41:00</t>
  </si>
  <si>
    <t>\\acsfs\profiles$\nathaliaos\My Documents\My Music\</t>
  </si>
  <si>
    <t>\\acsfs\profiles$\nathaliaos\My Documents\My Pictures\desktop.ini</t>
  </si>
  <si>
    <t>12/30/2019 07:41:03</t>
  </si>
  <si>
    <t>12/30/2019 07:41:04</t>
  </si>
  <si>
    <t>12/30/2019 07:41:05</t>
  </si>
  <si>
    <t>12/30/2019 07:41:06</t>
  </si>
  <si>
    <t>\\acsfs\profiles$\nathaliaos\Contacts\</t>
  </si>
  <si>
    <t>\\acsfs\profiles$\nathaliaos\Contacts\desktop.ini</t>
  </si>
  <si>
    <t>12/30/2019 07:41:07</t>
  </si>
  <si>
    <t>12/30/2019 07:41:08</t>
  </si>
  <si>
    <t>12/30/2019 07:41:09</t>
  </si>
  <si>
    <t>12/30/2019 07:41:10</t>
  </si>
  <si>
    <t>\\acsfs\profiles$\nathaliaos\My Documents\</t>
  </si>
  <si>
    <t>\\acsfs\profiles$\nathaliaos\Favorites\desktop.ini</t>
  </si>
  <si>
    <t>12/30/2019 07:41:11</t>
  </si>
  <si>
    <t>12/30/2019 07:41:12</t>
  </si>
  <si>
    <t>12/30/2019 07:41:14</t>
  </si>
  <si>
    <t>12/30/2019 07:41:16</t>
  </si>
  <si>
    <t>12/30/2019 07:41:17</t>
  </si>
  <si>
    <t>\\acsfs\profiles$\nathaliaos\My Documents\My Music\desktop.ini</t>
  </si>
  <si>
    <t>12/30/2019 07:41:20</t>
  </si>
  <si>
    <t>12/30/2019 07:41:21</t>
  </si>
  <si>
    <t>12/30/2019 07:41:22</t>
  </si>
  <si>
    <t>12/30/2019 07:41:23</t>
  </si>
  <si>
    <t>\\acsfs\profiles$\nathaliaos\Searches\</t>
  </si>
  <si>
    <t>\\acsfs\profiles$\nathaliaos\Searches\desktop.ini</t>
  </si>
  <si>
    <t>12/30/2019 07:41:24</t>
  </si>
  <si>
    <t>12/30/2019 07:41:25</t>
  </si>
  <si>
    <t>12/30/2019 07:41:26</t>
  </si>
  <si>
    <t>12/30/2019 07:41:28</t>
  </si>
  <si>
    <t>\\acsfs\profiles$\nathaliaos\Downloads\</t>
  </si>
  <si>
    <t>\\acsfs\profiles$\nathaliaos\Downloads\desktop.ini</t>
  </si>
  <si>
    <t>12/30/2019 07:41:31</t>
  </si>
  <si>
    <t>\\acsfs\profiles$\nathaliaos\Favorites\</t>
  </si>
  <si>
    <t>\\acsfs\profiles$\nathaliaos\My Documents\desktop.ini</t>
  </si>
  <si>
    <t>12/30/2019 07:41:32</t>
  </si>
  <si>
    <t>12/30/2019 07:41:33</t>
  </si>
  <si>
    <t>12/30/2019 07:41:34</t>
  </si>
  <si>
    <t>12/30/2019 07:41:35</t>
  </si>
  <si>
    <t>12/30/2019 07:41:36</t>
  </si>
  <si>
    <t>12/30/2019 07:41:38</t>
  </si>
  <si>
    <t>\\acsfs\profiles$\nathaliaos\Saved Games\desktop.ini</t>
  </si>
  <si>
    <t>12/30/2019 07:41:39</t>
  </si>
  <si>
    <t>12/30/2019 07:43:29</t>
  </si>
  <si>
    <t>lorraynevam</t>
  </si>
  <si>
    <t>\\acsfs\profiles$\lorraynevam\Downloads\</t>
  </si>
  <si>
    <t>cd3c8259-235a-41d0-990b-b2e3fc1be276.tmp</t>
  </si>
  <si>
    <t>\\acsfs\profiles$\lorraynevam\Downloads\cd3c8259-235a-41d0-990b-b2e3fc1be276.tmp</t>
  </si>
  <si>
    <t>12/30/2019 07:40:08</t>
  </si>
  <si>
    <t>a6f1232d-c1c6-4104-8c8b-a16bbef50b10.tmp</t>
  </si>
  <si>
    <t>\\acsfs\profiles$\lorraynevam\Downloads\a6f1232d-c1c6-4104-8c8b-a16bbef50b10.tmp</t>
  </si>
  <si>
    <t>12/30/2019 07:43:54</t>
  </si>
  <si>
    <t>12/30/2019 07:46:29</t>
  </si>
  <si>
    <t>12/30/2019 07:41:54</t>
  </si>
  <si>
    <t>12/30/2019 07:47:29</t>
  </si>
  <si>
    <t>\\acsfs\DEPTOS\Operacao\Banco_Votorantim\Comum\</t>
  </si>
  <si>
    <t>.~lock.Apresentação para rodar na TV.pptx#</t>
  </si>
  <si>
    <t>\\acsfs\DEPTOS\Operacao\Banco_Votorantim\Comum\.~lock.Apresentação para rodar na TV.pptx#</t>
  </si>
  <si>
    <t>12/30/2019 07:45:55</t>
  </si>
  <si>
    <t>12/30/2019 07:45:14</t>
  </si>
  <si>
    <t>12/30/2019 07:48:28</t>
  </si>
  <si>
    <t>12/30/2019 07:46:44</t>
  </si>
  <si>
    <t>12/30/2019 07:47:14</t>
  </si>
  <si>
    <t>1d55aa60-5edd-41c7-a142-e423a12b6e60.tmp</t>
  </si>
  <si>
    <t>\\acsfs\profiles$\anafsb\Downloads\1d55aa60-5edd-41c7-a142-e423a12b6e60.tmp</t>
  </si>
  <si>
    <t>12/30/2019 07:47:16</t>
  </si>
  <si>
    <t>21d785d1-5340-4347-9489-0cf74b95011e.tmp</t>
  </si>
  <si>
    <t>\\acsfs\profiles$\anafsb\Downloads\21d785d1-5340-4347-9489-0cf74b95011e.tmp</t>
  </si>
  <si>
    <t>12/30/2019 07:47:19</t>
  </si>
  <si>
    <t>26aa6ddd-b827-4298-aac3-1acc4e2e167f.tmp</t>
  </si>
  <si>
    <t>\\acsfs\profiles$\anafsb\Downloads\26aa6ddd-b827-4298-aac3-1acc4e2e167f.tmp</t>
  </si>
  <si>
    <t>12/30/2019 07:47:24</t>
  </si>
  <si>
    <t>658e5383-f108-4d91-b035-088142acc2d4.tmp</t>
  </si>
  <si>
    <t>\\acsfs\profiles$\anafsb\Downloads\658e5383-f108-4d91-b035-088142acc2d4.tmp</t>
  </si>
  <si>
    <t>12/30/2019 07:49:45</t>
  </si>
  <si>
    <t>12/30/2019 07:50:29</t>
  </si>
  <si>
    <t>fdf1ec88-69a1-44a8-80fb-a6f36d19d5d2.tmp</t>
  </si>
  <si>
    <t>\\acsfs\profiles$\mariajra\Downloads\fdf1ec88-69a1-44a8-80fb-a6f36d19d5d2.tmp</t>
  </si>
  <si>
    <t>12/30/2019 07:45:57</t>
  </si>
  <si>
    <t>12/30/2019 07:51:28</t>
  </si>
  <si>
    <t>12/30/2019 07:46:35</t>
  </si>
  <si>
    <t>be04edb5-2ba0-4111-a169-ebe8887979bb.tmp</t>
  </si>
  <si>
    <t>\\acsfs\profiles$\lucasqdss\Downloads\be04edb5-2ba0-4111-a169-ebe8887979bb.tmp</t>
  </si>
  <si>
    <t>12/30/2019 07:50:15</t>
  </si>
  <si>
    <t>12/30/2019 07:47:33</t>
  </si>
  <si>
    <t>12/30/2019 07:52:29</t>
  </si>
  <si>
    <t>AMEX HOTEL CARD</t>
  </si>
  <si>
    <t>10.200.66.170</t>
  </si>
  <si>
    <t>74-86-7A-FB-19-8D</t>
  </si>
  <si>
    <t>VOTORANT-ABB009</t>
  </si>
  <si>
    <t>anapfdj</t>
  </si>
  <si>
    <t>https://udpwfmniceap02/web/guest/home?p_auth=s1w2fhvv&amp;p_p_id=58&amp;p_p_lifecycle=1&amp;p_p_state=maximized&amp;p_p_mode=view&amp;savelastpath=0&amp;_58_struts_action=/login/forgot_password</t>
  </si>
  <si>
    <t>12/30/2019 07:47:36</t>
  </si>
  <si>
    <t>12/30/2019 07:47:54</t>
  </si>
  <si>
    <t>12/30/2019 07:47:56</t>
  </si>
  <si>
    <t>12/30/2019 07:48:07</t>
  </si>
  <si>
    <t>12/30/2019 07:48:08</t>
  </si>
  <si>
    <t>12/30/2019 07:48:58</t>
  </si>
  <si>
    <t>https://udpwfmniceap02/pt_br/web/guest/home?p_auth=s1w2fhvv&amp;p_p_id=58&amp;p_p_lifecycle=1&amp;p_p_state=maximized&amp;p_p_mode=view&amp;savelastpath=0&amp;_58_struts_action=/login/forgot_password</t>
  </si>
  <si>
    <t>12/30/2019 07:49:15</t>
  </si>
  <si>
    <t>12/30/2019 07:51:03</t>
  </si>
  <si>
    <t>12/30/2019 07:53:29</t>
  </si>
  <si>
    <t>12/30/2019 07:48:47</t>
  </si>
  <si>
    <t>b0114ce0-7ba2-4689-9e10-253f51a6d1d8.tmp</t>
  </si>
  <si>
    <t>\\acsfs\profiles$\anafsb\Downloads\b0114ce0-7ba2-4689-9e10-253f51a6d1d8.tmp</t>
  </si>
  <si>
    <t>12/30/2019 07:48:49</t>
  </si>
  <si>
    <t>bcf63ee2-e0b5-4d59-a842-c86d089e6625.tmp</t>
  </si>
  <si>
    <t>\\acsfs\profiles$\anafsb\Downloads\bcf63ee2-e0b5-4d59-a842-c86d089e6625.tmp</t>
  </si>
  <si>
    <t>12/30/2019 07:49:38</t>
  </si>
  <si>
    <t>c4cb0c5f-981f-43d6-95a1-a0d78427d283.tmp</t>
  </si>
  <si>
    <t>\\acsfs\profiles$\anafsb\Downloads\c4cb0c5f-981f-43d6-95a1-a0d78427d283.tmp</t>
  </si>
  <si>
    <t>12/30/2019 07:54:29</t>
  </si>
  <si>
    <t>12/30/2019 07:48:57</t>
  </si>
  <si>
    <t>12/30/2019 07:50:17</t>
  </si>
  <si>
    <t>12/30/2019 07:52:31</t>
  </si>
  <si>
    <t>12/30/2019 07:55:29</t>
  </si>
  <si>
    <t>68e24f83-c340-472c-85c7-37a007162f5f.tmp</t>
  </si>
  <si>
    <t>\\acsfs\profiles$\mariajra\Downloads\68e24f83-c340-472c-85c7-37a007162f5f.tmp</t>
  </si>
  <si>
    <t>12/30/2019 07:51:19</t>
  </si>
  <si>
    <t>12/30/2019 07:56:29</t>
  </si>
  <si>
    <t>466b94b0-acf3-4029-9ba5-aac4c326f1d9.tmp</t>
  </si>
  <si>
    <t>\\acsfs\profiles$\luanarda\Downloads\466b94b0-acf3-4029-9ba5-aac4c326f1d9.tmp</t>
  </si>
  <si>
    <t>12/30/2019 07:53:14</t>
  </si>
  <si>
    <t>05e13102-532b-4644-b139-e9deda42b9aa.tmp</t>
  </si>
  <si>
    <t>\\acsfs\profiles$\luanarda\Downloads\05e13102-532b-4644-b139-e9deda42b9aa.tmp</t>
  </si>
  <si>
    <t>12/30/2019 07:52:28</t>
  </si>
  <si>
    <t>12/30/2019 07:57:28</t>
  </si>
  <si>
    <t>2bc48ec5-369e-4d39-a990-398e54f15afe.tmp</t>
  </si>
  <si>
    <t>\\acsfs\profiles$\gabrielarb\Downloads\2bc48ec5-369e-4d39-a990-398e54f15afe.tmp</t>
  </si>
  <si>
    <t>12/30/2019 07:53:30</t>
  </si>
  <si>
    <t>1179e7d3-7a99-4717-bede-18f0e26e29b8.tmp</t>
  </si>
  <si>
    <t>\\acsfs\profiles$\gabrielarb\Downloads\1179e7d3-7a99-4717-bede-18f0e26e29b8.tmp</t>
  </si>
  <si>
    <t>12/30/2019 07:54:06</t>
  </si>
  <si>
    <t>dc9f979b-11c0-44ca-9eb6-2560e20221ab.tmp</t>
  </si>
  <si>
    <t>\\acsfs\profiles$\gabrielarb\Downloads\dc9f979b-11c0-44ca-9eb6-2560e20221ab.tmp</t>
  </si>
  <si>
    <t>12/30/2019 07:55:02</t>
  </si>
  <si>
    <t>c4f7b182-1e11-4792-8272-3fe0a04d3e24.tmp</t>
  </si>
  <si>
    <t>\\acsfs\profiles$\gabrielarb\Downloads\c4f7b182-1e11-4792-8272-3fe0a04d3e24.tmp</t>
  </si>
  <si>
    <t>12/30/2019 07:55:17</t>
  </si>
  <si>
    <t>f8e660c9-2682-4a6f-bc8a-0e07d9243ec7.tmp</t>
  </si>
  <si>
    <t>\\acsfs\profiles$\gabrielarb\Downloads\f8e660c9-2682-4a6f-bc8a-0e07d9243ec7.tmp</t>
  </si>
  <si>
    <t>12/30/2019 07:54:32</t>
  </si>
  <si>
    <t>085075dc-092c-4b40-93e5-70a2ed00906b.tmp</t>
  </si>
  <si>
    <t>\\acsfs\profiles$\deborahsi\Downloads\085075dc-092c-4b40-93e5-70a2ed00906b.tmp</t>
  </si>
  <si>
    <t>12/30/2019 07:56:27</t>
  </si>
  <si>
    <t>16e9fc34-7be5-4025-b1c7-6de4ae064140.tmp</t>
  </si>
  <si>
    <t>\\acsfs\profiles$\deborahsi\Downloads\16e9fc34-7be5-4025-b1c7-6de4ae064140.tmp</t>
  </si>
  <si>
    <t>12/27/2019 22:08:17</t>
  </si>
  <si>
    <t>12/30/2019 07:57:09</t>
  </si>
  <si>
    <t>12/30/2019 07:58:28</t>
  </si>
  <si>
    <t>12/30/2019 07:58:06</t>
  </si>
  <si>
    <t>f277092c-89c0-4ac1-9daa-b11efba0962c.tmp</t>
  </si>
  <si>
    <t>\\acsfs\profiles$\felipetds\Downloads\f277092c-89c0-4ac1-9daa-b11efba0962c.tmp</t>
  </si>
  <si>
    <t>12/30/2019 07:54:23</t>
  </si>
  <si>
    <t>12/30/2019 07:54:27</t>
  </si>
  <si>
    <t>12/30/2019 07:59:28</t>
  </si>
  <si>
    <t>JOYCE MARIA MENDES DIAS LOPES_1_6771174014203272129_1_32.wav</t>
  </si>
  <si>
    <t>\\acsfs\Deptos\EDUCACAO EMPRESARIAL\KÉSIA\Ligações 3º ciclo - Késia\JOYCE MARIA MENDES DIAS LOPES_1_6771174014203272129_1_32.wav</t>
  </si>
  <si>
    <t>12/30/2019 07:55:47</t>
  </si>
  <si>
    <t>12/30/2019 07:57:25</t>
  </si>
  <si>
    <t>f4ccde32-426e-4c5f-9dd1-ddd143612499.tmp</t>
  </si>
  <si>
    <t>\\acsfs\profiles$\paulovadc\Downloads\f4ccde32-426e-4c5f-9dd1-ddd143612499.tmp</t>
  </si>
  <si>
    <t>12/30/2019 07:55:40</t>
  </si>
  <si>
    <t>12/30/2019 08:00:28</t>
  </si>
  <si>
    <t>714e378e-e74d-47fa-a43e-e2c632dac2bb.tmp</t>
  </si>
  <si>
    <t>\\acsfs\profiles$\mariajra\Downloads\714e378e-e74d-47fa-a43e-e2c632dac2bb.tmp</t>
  </si>
  <si>
    <t>12/30/2019 07:56:36</t>
  </si>
  <si>
    <t>12/30/2019 08:01:29</t>
  </si>
  <si>
    <t>1d0c12e4-3318-40e8-98f6-1934cfa44a28.tmp</t>
  </si>
  <si>
    <t>\\acsfs\profiles$\valeriasda\Downloads\1d0c12e4-3318-40e8-98f6-1934cfa44a28.tmp</t>
  </si>
  <si>
    <t>12/30/2019 07:56:39</t>
  </si>
  <si>
    <t>388aaf48-1052-459a-9fb6-ecf19c30b302.tmp</t>
  </si>
  <si>
    <t>\\acsfs\profiles$\valeriasda\Downloads\388aaf48-1052-459a-9fb6-ecf19c30b302.tmp</t>
  </si>
  <si>
    <t>12/30/2019 07:57:10</t>
  </si>
  <si>
    <t>12/30/2019 07:58:01</t>
  </si>
  <si>
    <t>f0ed2e82-bc64-408e-a50c-a28f2bac1c2b.tmp</t>
  </si>
  <si>
    <t>\\acsfs\profiles$\valeriasda\Downloads\f0ed2e82-bc64-408e-a50c-a28f2bac1c2b.tmp</t>
  </si>
  <si>
    <t>12/30/2019 07:57:46</t>
  </si>
  <si>
    <t>12/30/2019 08:00:06</t>
  </si>
  <si>
    <t>8baac2dc-14c6-4ed3-bbc8-58dd31b05b63.tmp</t>
  </si>
  <si>
    <t>\\acsfs\profiles$\websondsa\Downloads\8baac2dc-14c6-4ed3-bbc8-58dd31b05b63.tmp</t>
  </si>
  <si>
    <t>12/30/2019 07:56:57</t>
  </si>
  <si>
    <t>9393c6d8-eca9-424c-838f-069813b3ee3d.tmp</t>
  </si>
  <si>
    <t>\\acsfs\profiles$\milenaas\Downloads\9393c6d8-eca9-424c-838f-069813b3ee3d.tmp</t>
  </si>
  <si>
    <t>12/30/2019 07:59:01</t>
  </si>
  <si>
    <t>31936c88-2a1d-4616-a151-63916b9c6ad0.tmp</t>
  </si>
  <si>
    <t>\\acsfs\profiles$\milenaas\Downloads\31936c88-2a1d-4616-a151-63916b9c6ad0.tmp</t>
  </si>
  <si>
    <t>12/30/2019 07:59:49</t>
  </si>
  <si>
    <t>12/30/2019 08:02:28</t>
  </si>
  <si>
    <t>ulog_AcroARM2_Reader_22bb18ef-a0cc-4985-b2f1-d8449a05e1d0_fbf4b1cf-5089-4b67-b400-069962dbfb62_0.log</t>
  </si>
  <si>
    <t>C:\Users\Jordanarb\AppData\Roaming\Adobe\LogTransport2\Logs\ulog_AcroARM2_Reader_22bb18ef-a0cc-4985-b2f1-d8449a05e1d0_fbf4b1cf-5089-4b67-b400-069962dbfb62_0.log\</t>
  </si>
  <si>
    <t>12/30/2019 08:00:26</t>
  </si>
  <si>
    <t>4b283c6d-ac74-40b9-8058-1aa62bec49a8.tmp</t>
  </si>
  <si>
    <t>\\acsfs\profiles$\deborahsi\Downloads\4b283c6d-ac74-40b9-8058-1aa62bec49a8.tmp</t>
  </si>
  <si>
    <t>12/30/2019 07:59:29</t>
  </si>
  <si>
    <t>12/30/2019 07:58:10</t>
  </si>
  <si>
    <t>12/30/2019 07:59:34</t>
  </si>
  <si>
    <t>d5ccaa61-cf6d-4d8a-97b3-5820fe6176ba.tmp</t>
  </si>
  <si>
    <t>\\acsfs\profiles$\marcellewdl\Downloads\d5ccaa61-cf6d-4d8a-97b3-5820fe6176ba.tmp</t>
  </si>
  <si>
    <t>12/30/2019 08:01:28</t>
  </si>
  <si>
    <t>12/30/2019 08:03:29</t>
  </si>
  <si>
    <t>d92527e5-6bb3-45b7-b5a0-6977ae766c16.tmp</t>
  </si>
  <si>
    <t>\\acsfs\profiles$\LUCASNS\Downloads\d92527e5-6bb3-45b7-b5a0-6977ae766c16.tmp</t>
  </si>
  <si>
    <t>12/30/2019 08:01:31</t>
  </si>
  <si>
    <t>bb1951b5-aa17-4ca7-9a01-0a56a4ff7cdf.tmp</t>
  </si>
  <si>
    <t>\\acsfs\profiles$\LUCASNS\Downloads\bb1951b5-aa17-4ca7-9a01-0a56a4ff7cdf.tmp</t>
  </si>
  <si>
    <t>12/30/2019 08:02:23</t>
  </si>
  <si>
    <t>5228dd58-a46e-4a00-87dc-c277129deff3.tmp</t>
  </si>
  <si>
    <t>\\acsfs\profiles$\LUCASNS\Downloads\5228dd58-a46e-4a00-87dc-c277129deff3.tmp</t>
  </si>
  <si>
    <t>12/30/2019 07:59:07</t>
  </si>
  <si>
    <t>12/30/2019 08:00:38</t>
  </si>
  <si>
    <t>0222e8b7-78a1-4216-b3a7-8c800a41fb70.tmp</t>
  </si>
  <si>
    <t>\\acsfs\profiles$\vivianalds\Downloads\0222e8b7-78a1-4216-b3a7-8c800a41fb70.tmp</t>
  </si>
  <si>
    <t>12/30/2019 08:00:53</t>
  </si>
  <si>
    <t>32266d36-dfd9-4446-b6c7-e65006819756.tmp</t>
  </si>
  <si>
    <t>\\acsfs\profiles$\vivianalds\Downloads\32266d36-dfd9-4446-b6c7-e65006819756.tmp</t>
  </si>
  <si>
    <t>12/30/2019 08:02:01</t>
  </si>
  <si>
    <t>25333019-dc65-4a3b-9564-92c36fdf693a.tmp</t>
  </si>
  <si>
    <t>\\acsfs\profiles$\vivianalds\Downloads\25333019-dc65-4a3b-9564-92c36fdf693a.tmp</t>
  </si>
  <si>
    <t>12/30/2019 08:02:12</t>
  </si>
  <si>
    <t>12/30/2019 07:59:40</t>
  </si>
  <si>
    <t>4bdce624-7520-41b1-bce2-6683d1e27a58.tmp</t>
  </si>
  <si>
    <t>\\acsfs\profiles$\danielac\Downloads\4bdce624-7520-41b1-bce2-6683d1e27a58.tmp</t>
  </si>
  <si>
    <t>12/30/2019 07:59:14</t>
  </si>
  <si>
    <t>12/30/2019 08:00:29</t>
  </si>
  <si>
    <t>thyagosp</t>
  </si>
  <si>
    <t>\\acsfs\profiles$\THYAGOSP\Downloads\</t>
  </si>
  <si>
    <t>60f8fa5c-5bb1-4a15-8674-fe6384950152.tmp</t>
  </si>
  <si>
    <t>\\acsfs\profiles$\THYAGOSP\Downloads\60f8fa5c-5bb1-4a15-8674-fe6384950152.tmp</t>
  </si>
  <si>
    <t>12/30/2019 08:02:08</t>
  </si>
  <si>
    <t>15ecfaf7-261b-491b-867e-fe8119224006.tmp</t>
  </si>
  <si>
    <t>\\acsfs\profiles$\THYAGOSP\Downloads\15ecfaf7-261b-491b-867e-fe8119224006.tmp</t>
  </si>
  <si>
    <t>12/30/2019 07:59:32</t>
  </si>
  <si>
    <t>cbaccfba-def0-404f-930b-53e6b07ce6d2.tmp</t>
  </si>
  <si>
    <t>\\acsfs\profiles$\felipetds\Downloads\cbaccfba-def0-404f-930b-53e6b07ce6d2.tmp</t>
  </si>
  <si>
    <t>12/30/2019 08:01:52</t>
  </si>
  <si>
    <t>12/30/2019 08:04:29</t>
  </si>
  <si>
    <t>3fd4fac9-da81-451e-891a-558b0eb13222.tmp</t>
  </si>
  <si>
    <t>\\acsfs\profiles$\paulovadc\Downloads\3fd4fac9-da81-451e-891a-558b0eb13222.tmp</t>
  </si>
  <si>
    <t>12/30/2019 08:03:11</t>
  </si>
  <si>
    <t>.~lock.Novo(a) Planilha OpenDocument.ods#</t>
  </si>
  <si>
    <t>\\acsfs\profiles$\paulovadc\.~lock.Novo(a) Planilha OpenDocument.ods#</t>
  </si>
  <si>
    <t>12/30/2019 08:02:24</t>
  </si>
  <si>
    <t>12/30/2019 08:02:25</t>
  </si>
  <si>
    <t>12/30/2019 08:02:26</t>
  </si>
  <si>
    <t>12/30/2019 08:02:27</t>
  </si>
  <si>
    <t>12/30/2019 08:02:36</t>
  </si>
  <si>
    <t>12/30/2019 08:02:37</t>
  </si>
  <si>
    <t>12/30/2019 08:02:38</t>
  </si>
  <si>
    <t>12/30/2019 08:02:39</t>
  </si>
  <si>
    <t>12/30/2019 08:02:51</t>
  </si>
  <si>
    <t>12/30/2019 08:02:52</t>
  </si>
  <si>
    <t>12/30/2019 08:02:53</t>
  </si>
  <si>
    <t>12/30/2019 08:02:54</t>
  </si>
  <si>
    <t>12/30/2019 08:02:57</t>
  </si>
  <si>
    <t>12/30/2019 08:03:03</t>
  </si>
  <si>
    <t>12/30/2019 08:02:29</t>
  </si>
  <si>
    <t>12/30/2019 08:05:29</t>
  </si>
  <si>
    <t>60d347e8-940a-4f73-8432-38dbc3da3fb6.tmp</t>
  </si>
  <si>
    <t>\\acsfs\profiles$\mariajra\Downloads\60d347e8-940a-4f73-8432-38dbc3da3fb6.tmp</t>
  </si>
  <si>
    <t>12/30/2019 08:02:31</t>
  </si>
  <si>
    <t>21405dbf-79f7-416d-9b3f-f189a1605b90.tmp</t>
  </si>
  <si>
    <t>\\acsfs\profiles$\mariajra\Downloads\21405dbf-79f7-416d-9b3f-f189a1605b90.tmp</t>
  </si>
  <si>
    <t>d8de62eb-42e0-4ac7-87a2-cd29494e8346.tmp</t>
  </si>
  <si>
    <t>\\acsfs\profiles$\mariajra\Downloads\d8de62eb-42e0-4ac7-87a2-cd29494e8346.tmp</t>
  </si>
  <si>
    <t>12/30/2019 08:01:05</t>
  </si>
  <si>
    <t>12/30/2019 08:06:29</t>
  </si>
  <si>
    <t>12/30/2019 08:01:30</t>
  </si>
  <si>
    <t>6e3b7a1f-9a2f-4477-abef-78fd03ab06f8.tmp</t>
  </si>
  <si>
    <t>\\acsfs\profiles$\quindaizaagds\Downloads\6e3b7a1f-9a2f-4477-abef-78fd03ab06f8.tmp</t>
  </si>
  <si>
    <t>12/30/2019 08:04:15</t>
  </si>
  <si>
    <t>bfdea215-a76b-469f-8cf1-4f6492a316ee.tmp</t>
  </si>
  <si>
    <t>\\acsfs\profiles$\quindaizaagds\Downloads\bfdea215-a76b-469f-8cf1-4f6492a316ee.tmp</t>
  </si>
  <si>
    <t>12/30/2019 08:01:21</t>
  </si>
  <si>
    <t>feb56a8c-a5ae-4d12-a360-7a244c4f75cf.tmp</t>
  </si>
  <si>
    <t>\\acsfs\profiles$\milenaas\Downloads\feb56a8c-a5ae-4d12-a360-7a244c4f75cf.tmp</t>
  </si>
  <si>
    <t>12/30/2019 08:04:17</t>
  </si>
  <si>
    <t>b31c934b-fb49-4f4e-9d49-aa28a09e816c.tmp</t>
  </si>
  <si>
    <t>\\acsfs\profiles$\milenaas\Downloads\b31c934b-fb49-4f4e-9d49-aa28a09e816c.tmp</t>
  </si>
  <si>
    <t>12/30/2019 08:07:28</t>
  </si>
  <si>
    <t>\\acsfs\DEPTOS\Operacao\Banco_Votorantim\Supervisao\SUPERS BV CARTÕES\</t>
  </si>
  <si>
    <t>.~lock.Layout TV Vendas 3.1.ppt#</t>
  </si>
  <si>
    <t>\\acsfs\DEPTOS\Operacao\Banco_Votorantim\Supervisao\SUPERS BV CARTÕES\.~lock.Layout TV Vendas 3.1.ppt#</t>
  </si>
  <si>
    <t>12/30/2019 08:03:43</t>
  </si>
  <si>
    <t>a9f55fa1-c3b2-4de2-b917-c52644979907.tmp</t>
  </si>
  <si>
    <t>\\acsfs\profiles$\dhiulliananads\Downloads\a9f55fa1-c3b2-4de2-b917-c52644979907.tmp</t>
  </si>
  <si>
    <t>12/30/2019 08:04:16</t>
  </si>
  <si>
    <t>0bee9561-b0be-4689-8a1c-c32040aa7f54.tmp</t>
  </si>
  <si>
    <t>\\acsfs\profiles$\dhiulliananads\Downloads\0bee9561-b0be-4689-8a1c-c32040aa7f54.tmp</t>
  </si>
  <si>
    <t>12/30/2019 08:02:46</t>
  </si>
  <si>
    <t>2134369a-876f-40e7-a623-8935f9264b79.tmp</t>
  </si>
  <si>
    <t>\\acsfs\profiles$\henriquehmdo\Downloads\2134369a-876f-40e7-a623-8935f9264b79.tmp</t>
  </si>
  <si>
    <t>12/30/2019 08:03:41</t>
  </si>
  <si>
    <t>12/30/2019 08:04:04</t>
  </si>
  <si>
    <t>63704279-700f-4f88-b11f-b64ef593c0d0.tmp</t>
  </si>
  <si>
    <t>\\acsfs\profiles$\marcellewdl\Downloads\63704279-700f-4f88-b11f-b64ef593c0d0.tmp</t>
  </si>
  <si>
    <t>12/30/2019 08:06:46</t>
  </si>
  <si>
    <t>7d20676c-492b-4c9b-aa83-44b951cd16f9.tmp</t>
  </si>
  <si>
    <t>\\acsfs\profiles$\luanaagl\Downloads\7d20676c-492b-4c9b-aa83-44b951cd16f9.tmp</t>
  </si>
  <si>
    <t>12/30/2019 08:05:11</t>
  </si>
  <si>
    <t>12/30/2019 08:08:29</t>
  </si>
  <si>
    <t>12/30/2019 08:03:17</t>
  </si>
  <si>
    <t>0079012f-1d65-4865-bda4-3260e028d4db.tmp</t>
  </si>
  <si>
    <t>\\acsfs\profiles$\lorraynevam\Downloads\0079012f-1d65-4865-bda4-3260e028d4db.tmp</t>
  </si>
  <si>
    <t>12/30/2019 08:07:53</t>
  </si>
  <si>
    <t>12/30/2019 08:03:33</t>
  </si>
  <si>
    <t>12/30/2019 08:06:19</t>
  </si>
  <si>
    <t>12/30/2019 08:06:24</t>
  </si>
  <si>
    <t>\\acsfs\profiles$\THYAGOSP\My Documents\</t>
  </si>
  <si>
    <t>.~lock.Planilha 2019 CR.ods#</t>
  </si>
  <si>
    <t>\\acsfs\profiles$\THYAGOSP\My Documents\.~lock.Planilha 2019 CR.ods#</t>
  </si>
  <si>
    <t>12/30/2019 08:08:40</t>
  </si>
  <si>
    <t>12/30/2019 08:09:29</t>
  </si>
  <si>
    <t>12/30/2019 08:07:42</t>
  </si>
  <si>
    <t>12/30/2019 08:08:43</t>
  </si>
  <si>
    <t>12/30/2019 08:08:32</t>
  </si>
  <si>
    <t>12/30/2019 08:11:29</t>
  </si>
  <si>
    <t>12/30/2019 08:11:11</t>
  </si>
  <si>
    <t>12/30/2019 08:12:29</t>
  </si>
  <si>
    <t>12/30/2019 08:07:49</t>
  </si>
  <si>
    <t>ef643b16-d640-4929-843c-bbda103e8651.tmp</t>
  </si>
  <si>
    <t>\\acsfs\profiles$\luanaagl\Downloads\ef643b16-d640-4929-843c-bbda103e8651.tmp</t>
  </si>
  <si>
    <t>4375d20f-1a0f-420e-a8d4-395e27ab1825.tmp</t>
  </si>
  <si>
    <t>\\acsfs\profiles$\luanaagl\Downloads\4375d20f-1a0f-420e-a8d4-395e27ab1825.tmp</t>
  </si>
  <si>
    <t>12/30/2019 08:10:50</t>
  </si>
  <si>
    <t>12/30/2019 08:13:29</t>
  </si>
  <si>
    <t>cb979e40-04f0-4532-b169-5ed5eb830276.tmp</t>
  </si>
  <si>
    <t>\\acsfs\profiles$\LUCASNS\Downloads\cb979e40-04f0-4532-b169-5ed5eb830276.tmp</t>
  </si>
  <si>
    <t>12/30/2019 08:10:53</t>
  </si>
  <si>
    <t>e060f59d-be3b-41d5-ac71-6ebb3972c0ec.tmp</t>
  </si>
  <si>
    <t>\\acsfs\profiles$\LUCASNS\Downloads\e060f59d-be3b-41d5-ac71-6ebb3972c0ec.tmp</t>
  </si>
  <si>
    <t>12/30/2019 08:09:20</t>
  </si>
  <si>
    <t>12/30/2019 08:08:38</t>
  </si>
  <si>
    <t>625283a2-04fb-476a-a1eb-856ad1739dfa.tmp</t>
  </si>
  <si>
    <t>\\acsfs\profiles$\sarahbal\Downloads\625283a2-04fb-476a-a1eb-856ad1739dfa.tmp</t>
  </si>
  <si>
    <t>12/30/2019 08:12:00</t>
  </si>
  <si>
    <t>12/30/2019 08:11:13</t>
  </si>
  <si>
    <t>12/30/2019 08:09:56</t>
  </si>
  <si>
    <t>12/30/2019 08:13:42</t>
  </si>
  <si>
    <t>12/30/2019 08:14:29</t>
  </si>
  <si>
    <t>12/30/2019 08:13:52</t>
  </si>
  <si>
    <t>12/30/2019 08:15:29</t>
  </si>
  <si>
    <t>12/28/2019 14:50:26</t>
  </si>
  <si>
    <t>12/30/2019 08:14:24</t>
  </si>
  <si>
    <t>12/29/2019 07:57:45</t>
  </si>
  <si>
    <t>12/30/2019 08:16:29</t>
  </si>
  <si>
    <t>12/29/2019 07:58:07</t>
  </si>
  <si>
    <t>0e01f77a-d9fa-4e0e-9e01-7d51880a82c6.tmp</t>
  </si>
  <si>
    <t>\\acsfs\profiles$\rafaelamsv\Downloads\0e01f77a-d9fa-4e0e-9e01-7d51880a82c6.tmp</t>
  </si>
  <si>
    <t>12/30/2019 08:16:20</t>
  </si>
  <si>
    <t>0c19d0e2-7db8-4d3b-9512-7cec882bc34d.tmp</t>
  </si>
  <si>
    <t>\\acsfs\profiles$\andressagr\Downloads\0c19d0e2-7db8-4d3b-9512-7cec882bc34d.tmp</t>
  </si>
  <si>
    <t>12/30/2019 08:12:24</t>
  </si>
  <si>
    <t>12/30/2019 08:17:29</t>
  </si>
  <si>
    <t>9bbb194e-0b01-47d1-8c15-7bb2d23cf18a.tmp</t>
  </si>
  <si>
    <t>\\acsfs\profiles$\cintiadcf\Downloads\9bbb194e-0b01-47d1-8c15-7bb2d23cf18a.tmp</t>
  </si>
  <si>
    <t>12/30/2019 08:15:20</t>
  </si>
  <si>
    <t>25486d15-9c14-4d31-87a4-503927f2b275.tmp</t>
  </si>
  <si>
    <t>\\acsfs\profiles$\nayarasds\Downloads\25486d15-9c14-4d31-87a4-503927f2b275.tmp</t>
  </si>
  <si>
    <t>12/30/2019 08:16:16</t>
  </si>
  <si>
    <t>31bddd4d-663b-4d90-a3f7-8934c7b75b6c.tmp</t>
  </si>
  <si>
    <t>\\acsfs\profiles$\nayarasds\Downloads\31bddd4d-663b-4d90-a3f7-8934c7b75b6c.tmp</t>
  </si>
  <si>
    <t>12/30/2019 08:16:35</t>
  </si>
  <si>
    <t>03ca8714-a236-45c1-93f5-88a64cc25d93.tmp</t>
  </si>
  <si>
    <t>\\acsfs\profiles$\nayarasds\Downloads\03ca8714-a236-45c1-93f5-88a64cc25d93.tmp</t>
  </si>
  <si>
    <t>12/30/2019 08:13:00</t>
  </si>
  <si>
    <t>12/30/2019 08:18:29</t>
  </si>
  <si>
    <t>\\acsfs\profiles$\LORRAYNEVAM\</t>
  </si>
  <si>
    <t>.~lock.CONTROLE DE VENDAS NOVO.ods#</t>
  </si>
  <si>
    <t>\\acsfs\profiles$\LORRAYNEVAM\.~lock.CONTROLE DE VENDAS NOVO.ods#</t>
  </si>
  <si>
    <t>12/30/2019 08:14:23</t>
  </si>
  <si>
    <t>12/30/2019 08:18:04</t>
  </si>
  <si>
    <t>12/30/2019 08:19:30</t>
  </si>
  <si>
    <t>12/30/2019 08:14:42</t>
  </si>
  <si>
    <t>12/30/2019 08:15:58</t>
  </si>
  <si>
    <t>12/30/2019 08:20:29</t>
  </si>
  <si>
    <t>24f2d6be-b43f-43da-98fa-113f103ddb8a.tmp</t>
  </si>
  <si>
    <t>\\acsfs\profiles$\mariajra\Downloads\24f2d6be-b43f-43da-98fa-113f103ddb8a.tmp</t>
  </si>
  <si>
    <t>12/30/2019 08:18:57</t>
  </si>
  <si>
    <t>12/30/2019 08:18:09</t>
  </si>
  <si>
    <t>12/30/2019 08:21:29</t>
  </si>
  <si>
    <t>bd15d244-fb76-4c4d-b6b0-a64def7307a1.tmp</t>
  </si>
  <si>
    <t>\\acsfs\profiles$\ayalabfi\Downloads\bd15d244-fb76-4c4d-b6b0-a64def7307a1.tmp</t>
  </si>
  <si>
    <t>12/30/2019 08:18:10</t>
  </si>
  <si>
    <t>5a989723-cae9-43c3-8289-4cbebae4b62a.tmp</t>
  </si>
  <si>
    <t>\\acsfs\profiles$\ayalabfi\Downloads\5a989723-cae9-43c3-8289-4cbebae4b62a.tmp</t>
  </si>
  <si>
    <t>12/30/2019 08:18:14</t>
  </si>
  <si>
    <t>53a1fa9c-e868-467c-b02f-e57b25e14e96.tmp</t>
  </si>
  <si>
    <t>\\acsfs\profiles$\ayalabfi\Downloads\53a1fa9c-e868-467c-b02f-e57b25e14e96.tmp</t>
  </si>
  <si>
    <t>12/30/2019 08:19:17</t>
  </si>
  <si>
    <t>49d45795-6f18-4495-92fd-299d6ac7a610.tmp</t>
  </si>
  <si>
    <t>\\acsfs\profiles$\ayalabfi\Downloads\49d45795-6f18-4495-92fd-299d6ac7a610.tmp</t>
  </si>
  <si>
    <t>12/30/2019 08:18:00</t>
  </si>
  <si>
    <t>12/30/2019 08:19:07</t>
  </si>
  <si>
    <t>50071128-8952-43a9-8472-95b6ba4ebc06.tmp</t>
  </si>
  <si>
    <t>\\acsfs\profiles$\nathaliadf\Downloads\50071128-8952-43a9-8472-95b6ba4ebc06.tmp</t>
  </si>
  <si>
    <t>12/30/2019 08:20:19</t>
  </si>
  <si>
    <t>d5c0ae49-a51d-4903-8873-ebfb9efb202a.tmp</t>
  </si>
  <si>
    <t>\\acsfs\profiles$\nathaliadf\Downloads\d5c0ae49-a51d-4903-8873-ebfb9efb202a.tmp</t>
  </si>
  <si>
    <t>60bf2f90-3eef-4a59-9956-ea38371e7673.tmp</t>
  </si>
  <si>
    <t>\\acsfs\profiles$\nathaliadf\Downloads\60bf2f90-3eef-4a59-9956-ea38371e7673.tmp</t>
  </si>
  <si>
    <t>7a223b0f-8030-4a24-982d-5721f864226a.tmp</t>
  </si>
  <si>
    <t>\\acsfs\profiles$\nathaliadf\Downloads\7a223b0f-8030-4a24-982d-5721f864226a.tmp</t>
  </si>
  <si>
    <t>010809de-9b5c-4876-b030-2ee0cd1d6a28.tmp</t>
  </si>
  <si>
    <t>\\acsfs\profiles$\nathaliadf\Downloads\010809de-9b5c-4876-b030-2ee0cd1d6a28.tmp</t>
  </si>
  <si>
    <t>77537686-0348-451d-8794-73cc47cd2193.tmp</t>
  </si>
  <si>
    <t>\\acsfs\profiles$\nathaliadf\Downloads\77537686-0348-451d-8794-73cc47cd2193.tmp</t>
  </si>
  <si>
    <t>d347821b-a28e-4e23-a08c-16e7bb4975b7.tmp</t>
  </si>
  <si>
    <t>\\acsfs\profiles$\nathaliadf\Downloads\d347821b-a28e-4e23-a08c-16e7bb4975b7.tmp</t>
  </si>
  <si>
    <t>a1d0529f-ef6a-42b6-b77f-04f03eb758a6.tmp</t>
  </si>
  <si>
    <t>\\acsfs\profiles$\nathaliadf\Downloads\a1d0529f-ef6a-42b6-b77f-04f03eb758a6.tmp</t>
  </si>
  <si>
    <t>12/30/2019 08:17:11</t>
  </si>
  <si>
    <t>12/30/2019 08:22:28</t>
  </si>
  <si>
    <t>.~lock.LAYOUT BV Cartoes.xlsx#</t>
  </si>
  <si>
    <t>\\acsfs\DEPTOS\Operacao\Banco_Votorantim\Supervisao\SUPERS BV CARTÕES\.~lock.LAYOUT BV Cartoes.xlsx#</t>
  </si>
  <si>
    <t>12/30/2019 08:17:45</t>
  </si>
  <si>
    <t>.~lock.Layout TV Vendas 2.1.ppt#</t>
  </si>
  <si>
    <t>\\acsfs\DEPTOS\Operacao\Banco_Votorantim\Supervisao\SUPERS BV CARTÕES\.~lock.Layout TV Vendas 2.1.ppt#</t>
  </si>
  <si>
    <t>12/30/2019 08:18:49</t>
  </si>
  <si>
    <t>.~lock.Layout TV Vendas 2.ppt#</t>
  </si>
  <si>
    <t>\\acsfs\DEPTOS\Operacao\Banco_Votorantim\Supervisao\SUPERS BV CARTÕES\.~lock.Layout TV Vendas 2.ppt#</t>
  </si>
  <si>
    <t>12/30/2019 08:17:28</t>
  </si>
  <si>
    <t>a26ad837-af97-49fc-90ea-a6e76f9a9fd2.tmp</t>
  </si>
  <si>
    <t>\\acsfs\profiles$\nayarasds\Downloads\a26ad837-af97-49fc-90ea-a6e76f9a9fd2.tmp</t>
  </si>
  <si>
    <t>12/30/2019 08:18:59</t>
  </si>
  <si>
    <t>3d00be02-42ad-4f56-b6a9-3b4daceae491.tmp</t>
  </si>
  <si>
    <t>\\acsfs\profiles$\nayarasds\Downloads\3d00be02-42ad-4f56-b6a9-3b4daceae491.tmp</t>
  </si>
  <si>
    <t>12/30/2019 08:20:04</t>
  </si>
  <si>
    <t>24cc125c-203e-4fab-932b-60093af3a5ad.tmp</t>
  </si>
  <si>
    <t>\\acsfs\profiles$\nayarasds\Downloads\24cc125c-203e-4fab-932b-60093af3a5ad.tmp</t>
  </si>
  <si>
    <t>12/30/2019 08:20:08</t>
  </si>
  <si>
    <t>12/30/2019 08:21:28</t>
  </si>
  <si>
    <t>932de199-74b7-455e-b68f-419709fb4131.tmp</t>
  </si>
  <si>
    <t>\\acsfs\profiles$\luanaagl\Downloads\932de199-74b7-455e-b68f-419709fb4131.tmp</t>
  </si>
  <si>
    <t>12/30/2019 08:22:18</t>
  </si>
  <si>
    <t>12/30/2019 08:23:29</t>
  </si>
  <si>
    <t>12/30/2019 08:20:43</t>
  </si>
  <si>
    <t>10e2ddf1-3471-486d-ae78-a5251c5231d0.tmp</t>
  </si>
  <si>
    <t>\\acsfs\profiles$\LUCASNS\Downloads\10e2ddf1-3471-486d-ae78-a5251c5231d0.tmp</t>
  </si>
  <si>
    <t>12/30/2019 08:20:45</t>
  </si>
  <si>
    <t>17f0dec3-9afa-4f4c-bbb6-af3d17b549a0.tmp</t>
  </si>
  <si>
    <t>\\acsfs\profiles$\LUCASNS\Downloads\17f0dec3-9afa-4f4c-bbb6-af3d17b549a0.tmp</t>
  </si>
  <si>
    <t>12/30/2019 08:18:46</t>
  </si>
  <si>
    <t>12/30/2019 08:21:13</t>
  </si>
  <si>
    <t>12/30/2019 08:22:07</t>
  </si>
  <si>
    <t>12/30/2019 08:24:29</t>
  </si>
  <si>
    <t>12/30/2019 08:22:08</t>
  </si>
  <si>
    <t>12/30/2019 08:22:09</t>
  </si>
  <si>
    <t>12/30/2019 08:22:10</t>
  </si>
  <si>
    <t>12/30/2019 08:22:11</t>
  </si>
  <si>
    <t>12/30/2019 08:22:12</t>
  </si>
  <si>
    <t>12/30/2019 08:22:24</t>
  </si>
  <si>
    <t>12/30/2019 08:22:13</t>
  </si>
  <si>
    <t>12/30/2019 08:22:14</t>
  </si>
  <si>
    <t>12/30/2019 08:22:15</t>
  </si>
  <si>
    <t>12/30/2019 08:22:16</t>
  </si>
  <si>
    <t>12/30/2019 08:22:17</t>
  </si>
  <si>
    <t>12/30/2019 08:22:19</t>
  </si>
  <si>
    <t>12/30/2019 08:22:20</t>
  </si>
  <si>
    <t>12/30/2019 08:22:21</t>
  </si>
  <si>
    <t>12/30/2019 08:22:22</t>
  </si>
  <si>
    <t>12/30/2019 08:22:23</t>
  </si>
  <si>
    <t>12/30/2019 08:22:25</t>
  </si>
  <si>
    <t>12/30/2019 08:22:26</t>
  </si>
  <si>
    <t>12/30/2019 08:22:27</t>
  </si>
  <si>
    <t>12/30/2019 08:24:14</t>
  </si>
  <si>
    <t>12/30/2019 08:19:42</t>
  </si>
  <si>
    <t>12/30/2019 08:20:42</t>
  </si>
  <si>
    <t>12/30/2019 08:21:09</t>
  </si>
  <si>
    <t>12/30/2019 08:23:10</t>
  </si>
  <si>
    <t>12/30/2019 08:25:29</t>
  </si>
  <si>
    <t>fdaba32d-2452-4d2e-909a-3cdbbc395eba.tmp</t>
  </si>
  <si>
    <t>\\acsfs\profiles$\mariajra\Downloads\fdaba32d-2452-4d2e-909a-3cdbbc395eba.tmp</t>
  </si>
  <si>
    <t>12/30/2019 08:23:11</t>
  </si>
  <si>
    <t>7c025fa2-c94f-42a9-b7d6-44bd9eb12b5e.tmp</t>
  </si>
  <si>
    <t>\\acsfs\profiles$\geovannasm\Downloads\7c025fa2-c94f-42a9-b7d6-44bd9eb12b5e.tmp</t>
  </si>
  <si>
    <t>12/30/2019 08:24:26</t>
  </si>
  <si>
    <t>12/30/2019 08:25:01</t>
  </si>
  <si>
    <t>12/30/2019 08:23:07</t>
  </si>
  <si>
    <t>12/30/2019 08:26:29</t>
  </si>
  <si>
    <t>12/30/2019 08:25:07</t>
  </si>
  <si>
    <t>12/30/2019 08:26:10</t>
  </si>
  <si>
    <t>12/30/2019 08:27:29</t>
  </si>
  <si>
    <t>12/30/2019 08:25:41</t>
  </si>
  <si>
    <t>\\acsfs\profiles$\talitafdc\Contacts\</t>
  </si>
  <si>
    <t>TALITA FERNANDES DA COSTA (8).contact</t>
  </si>
  <si>
    <t>\\acsfs\profiles$\talitafdc\Contacts\TALITA FERNANDES DA COSTA (8).contact</t>
  </si>
  <si>
    <t>12/30/2019 08:25:52</t>
  </si>
  <si>
    <t>\\acsfs\profiles$\talitafdc\My Documents\My Videos\</t>
  </si>
  <si>
    <t>\\acsfs\profiles$\talitafdc\My Documents\My Videos\desktop.ini</t>
  </si>
  <si>
    <t>12/30/2019 08:25:53</t>
  </si>
  <si>
    <t>\\acsfs\profiles$\talitafdc\My Documents\My Pictures\</t>
  </si>
  <si>
    <t>\\acsfs\profiles$\talitafdc\My Documents\My Pictures\desktop.ini</t>
  </si>
  <si>
    <t>12/30/2019 08:25:54</t>
  </si>
  <si>
    <t>\\acsfs\profiles$\talitafdc\Contacts\desktop.ini</t>
  </si>
  <si>
    <t>\\acsfs\profiles$\talitafdc\Favorites\</t>
  </si>
  <si>
    <t>\\acsfs\profiles$\talitafdc\Favorites\desktop.ini</t>
  </si>
  <si>
    <t>12/30/2019 08:25:55</t>
  </si>
  <si>
    <t>\\acsfs\profiles$\talitafdc\My Documents\My Music\</t>
  </si>
  <si>
    <t>\\acsfs\profiles$\talitafdc\My Documents\My Music\desktop.ini</t>
  </si>
  <si>
    <t>12/30/2019 08:25:56</t>
  </si>
  <si>
    <t>12/30/2019 08:25:57</t>
  </si>
  <si>
    <t>\\acsfs\profiles$\talitafdc\Searches\</t>
  </si>
  <si>
    <t>\\acsfs\profiles$\talitafdc\Searches\desktop.ini</t>
  </si>
  <si>
    <t>\\acsfs\profiles$\talitafdc\Downloads\</t>
  </si>
  <si>
    <t>\\acsfs\profiles$\talitafdc\Downloads\desktop.ini</t>
  </si>
  <si>
    <t>12/30/2019 08:25:58</t>
  </si>
  <si>
    <t>\\acsfs\profiles$\talitafdc\My Documents\</t>
  </si>
  <si>
    <t>\\acsfs\profiles$\talitafdc\My Documents\desktop.ini</t>
  </si>
  <si>
    <t>12/30/2019 08:25:59</t>
  </si>
  <si>
    <t>12/30/2019 08:26:00</t>
  </si>
  <si>
    <t>\\acsfs\profiles$\talitafdc\Saved Games\</t>
  </si>
  <si>
    <t>\\acsfs\profiles$\talitafdc\Saved Games\desktop.ini</t>
  </si>
  <si>
    <t>12/30/2019 08:26:11</t>
  </si>
  <si>
    <t>\\acsfs\profiles$\talitafdc\Favorites\Links for Brasil\</t>
  </si>
  <si>
    <t>\\acsfs\profiles$\talitafdc\Favorites\Links for Brasil\desktop.ini</t>
  </si>
  <si>
    <t>\\acsfs\profiles$\talitafdc\Favorites\Links for Brasil\Microsoft Brasil.url</t>
  </si>
  <si>
    <t>12/30/2019 08:26:12</t>
  </si>
  <si>
    <t>\\acsfs\profiles$\talitafdc\Favorites\Links for Brasil\Windows Brasil.url</t>
  </si>
  <si>
    <t>\\acsfs\profiles$\talitafdc\Favorites\Links for Brasil\MSN Brasil.url</t>
  </si>
  <si>
    <t>12/30/2019 08:24:36</t>
  </si>
  <si>
    <t>edc9c5d3-5119-4392-91bf-39a4193732b5.tmp</t>
  </si>
  <si>
    <t>\\acsfs\profiles$\nayarasds\Downloads\edc9c5d3-5119-4392-91bf-39a4193732b5.tmp</t>
  </si>
  <si>
    <t>12/30/2019 08:26:21</t>
  </si>
  <si>
    <t>eded9eec-402c-448a-843e-cb59c531be84.tmp</t>
  </si>
  <si>
    <t>\\acsfs\profiles$\ERICALSR\Downloads\eded9eec-402c-448a-843e-cb59c531be84.tmp</t>
  </si>
  <si>
    <t>12/30/2019 08:26:44</t>
  </si>
  <si>
    <t>d124b499-7d2e-43b9-885c-17c80dc778b6.tmp</t>
  </si>
  <si>
    <t>\\acsfs\profiles$\ERICALSR\Downloads\d124b499-7d2e-43b9-885c-17c80dc778b6.tmp</t>
  </si>
  <si>
    <t>12/30/2019 08:27:21</t>
  </si>
  <si>
    <t>e2ecf2a7-774c-4803-87f6-c394e060ef38.tmp</t>
  </si>
  <si>
    <t>\\acsfs\profiles$\ERICALSR\Downloads\e2ecf2a7-774c-4803-87f6-c394e060ef38.tmp</t>
  </si>
  <si>
    <t>12/30/2019 08:22:54</t>
  </si>
  <si>
    <t>12/30/2019 08:28:29</t>
  </si>
  <si>
    <t>429cbb72-e555-47fc-a076-3d9db80d8257.tmp</t>
  </si>
  <si>
    <t>\\acsfs\profiles$\laianear\Downloads\429cbb72-e555-47fc-a076-3d9db80d8257.tmp</t>
  </si>
  <si>
    <t>12/30/2019 08:26:27</t>
  </si>
  <si>
    <t>c57f1763-4937-4372-8260-8b6183b08e66.tmp</t>
  </si>
  <si>
    <t>\\acsfs\profiles$\laianear\Downloads\c57f1763-4937-4372-8260-8b6183b08e66.tmp</t>
  </si>
  <si>
    <t>12/30/2019 08:27:09</t>
  </si>
  <si>
    <t>\\acsfs\Deptos\Operacao\Banco_Votorantim\Supervisao\Maristela\ALTO VALOR\Cópia de °ºAcompanhamento de Equipe Maristelaº°.xlsx\</t>
  </si>
  <si>
    <t>image2.svg</t>
  </si>
  <si>
    <t>\\acsfs\Deptos\Operacao\Banco_Votorantim\Supervisao\Maristela\ALTO VALOR\Cópia de °ºAcompanhamento de Equipe Maristelaº°.xlsx</t>
  </si>
  <si>
    <t>\\acsfs\Deptos\Operacao\Banco_Votorantim\Supervisao\Maristela\ALTO VALOR\</t>
  </si>
  <si>
    <t>Cópia de °ºAcompanhamento de Equipe Maristelaº°.xlsx</t>
  </si>
  <si>
    <t>12/30/2019 08:25:36</t>
  </si>
  <si>
    <t>5ec94a53-b435-4698-8de9-03e7562be68e.tmp</t>
  </si>
  <si>
    <t>\\acsfs\profiles$\anafsb\Downloads\5ec94a53-b435-4698-8de9-03e7562be68e.tmp</t>
  </si>
  <si>
    <t>12/30/2019 08:24:24</t>
  </si>
  <si>
    <t>12/30/2019 08:29:29</t>
  </si>
  <si>
    <t>12/30/2019 08:25:42</t>
  </si>
  <si>
    <t>12/30/2019 08:26:42</t>
  </si>
  <si>
    <t>12/30/2019 08:30:29</t>
  </si>
  <si>
    <t>12/30/2019 08:28:40</t>
  </si>
  <si>
    <t>12/30/2019 08:27:55</t>
  </si>
  <si>
    <t>810f1151-09f9-4228-a00d-ce3c43fa58cd.tmp</t>
  </si>
  <si>
    <t>\\acsfs\profiles$\geovannasm\Downloads\810f1151-09f9-4228-a00d-ce3c43fa58cd.tmp</t>
  </si>
  <si>
    <t>12/30/2019 08:26:18</t>
  </si>
  <si>
    <t>12/30/2019 08:28:37</t>
  </si>
  <si>
    <t>12/30/2019 08:31:30</t>
  </si>
  <si>
    <t>0c5a0fff-fc8b-4e3c-9f50-4a1b86e0df7b.tmp</t>
  </si>
  <si>
    <t>\\acsfs\profiles$\ayalabfi\Downloads\0c5a0fff-fc8b-4e3c-9f50-4a1b86e0df7b.tmp</t>
  </si>
  <si>
    <t>12/30/2019 08:28:16</t>
  </si>
  <si>
    <t>771d297b-a49d-480e-9132-18402dcfc637.tmp</t>
  </si>
  <si>
    <t>\\acsfs\profiles$\rafaelamsv\Downloads\771d297b-a49d-480e-9132-18402dcfc637.tmp</t>
  </si>
  <si>
    <t>0cb1f793-0f3c-4f56-adb4-03615782b77f.tmp</t>
  </si>
  <si>
    <t>\\acsfs\profiles$\rafaelamsv\Downloads\0cb1f793-0f3c-4f56-adb4-03615782b77f.tmp</t>
  </si>
  <si>
    <t>12/30/2019 08:28:33</t>
  </si>
  <si>
    <t>12/30/2019 08:28:25</t>
  </si>
  <si>
    <t>12/30/2019 08:32:29</t>
  </si>
  <si>
    <t>196b7d35-c540-46f1-befd-b8d8850eef67.tmp</t>
  </si>
  <si>
    <t>\\acsfs\profiles$\talitafdc\Downloads\196b7d35-c540-46f1-befd-b8d8850eef67.tmp</t>
  </si>
  <si>
    <t>Não confirmado 775643.crdownload</t>
  </si>
  <si>
    <t>\\acsfs\profiles$\talitafdc\Downloads\Não confirmado 775643.crdownload</t>
  </si>
  <si>
    <t>12/30/2019 08:30:08</t>
  </si>
  <si>
    <t>179d05e9-c67c-439e-b629-8b5f0001f9a9.tmp</t>
  </si>
  <si>
    <t>\\acsfs\profiles$\deborahsi\Downloads\179d05e9-c67c-439e-b629-8b5f0001f9a9.tmp</t>
  </si>
  <si>
    <t>12/30/2019 08:27:38</t>
  </si>
  <si>
    <t>12/30/2019 08:33:29</t>
  </si>
  <si>
    <t>12/30/2019 08:31:57</t>
  </si>
  <si>
    <t>12/30/2019 08:34:30</t>
  </si>
  <si>
    <t>12/30/2019 08:31:43</t>
  </si>
  <si>
    <t>12/30/2019 08:32:44</t>
  </si>
  <si>
    <t>12/30/2019 08:33:41</t>
  </si>
  <si>
    <t>alexandre.junior@call.neobpo.com.br;aline.toledo@call.neobpo.com.br;cs@bv.com.br;valquiria.ghirotti@call.neobpo.com.br;</t>
  </si>
  <si>
    <t>alexandre.junior@call.neobpo.com.br,aline.toledo@call.neobpo.com.br,cs@bv.com.br,valquiria.ghirotti@call.neobpo.com.br</t>
  </si>
  <si>
    <t>12/30/2019 08:33:44</t>
  </si>
  <si>
    <t>12/30/2019 08:34:15</t>
  </si>
  <si>
    <t>12/30/2019 08:34:16</t>
  </si>
  <si>
    <t>12/30/2019 08:33:07</t>
  </si>
  <si>
    <t>12/30/2019 08:35:29</t>
  </si>
  <si>
    <t>d4cbe1f6-9aaf-4cf8-afd7-4e466c96cefc.tmp</t>
  </si>
  <si>
    <t>\\acsfs\profiles$\nataliacsl\Downloads\d4cbe1f6-9aaf-4cf8-afd7-4e466c96cefc.tmp</t>
  </si>
  <si>
    <t>12/30/2019 08:33:21</t>
  </si>
  <si>
    <t>12/30/2019 08:34:13</t>
  </si>
  <si>
    <t>49e27f20-0f5b-4c8c-9320-9cd80a22f75d.tmp</t>
  </si>
  <si>
    <t>\\acsfs\profiles$\nataliacsl\Downloads\49e27f20-0f5b-4c8c-9320-9cd80a22f75d.tmp</t>
  </si>
  <si>
    <t>12/30/2019 08:30:07</t>
  </si>
  <si>
    <t>fd5303ae-9525-40a6-b3bd-d15a52353258.tmp</t>
  </si>
  <si>
    <t>\\acsfs\profiles$\geovannasm\Downloads\fd5303ae-9525-40a6-b3bd-d15a52353258.tmp</t>
  </si>
  <si>
    <t>4601810f-82b4-41da-ae83-1ad2b049f09d.tmp</t>
  </si>
  <si>
    <t>\\acsfs\profiles$\geovannasm\Downloads\4601810f-82b4-41da-ae83-1ad2b049f09d.tmp</t>
  </si>
  <si>
    <t>12/30/2019 08:31:08</t>
  </si>
  <si>
    <t>12/30/2019 08:36:30</t>
  </si>
  <si>
    <t>c39359d1-a5ce-4f16-8372-64bcdd8c4e62.tmp</t>
  </si>
  <si>
    <t>\\acsfs\profiles$\larissaad\Downloads\c39359d1-a5ce-4f16-8372-64bcdd8c4e62.tmp</t>
  </si>
  <si>
    <t>12/30/2019 08:31:13</t>
  </si>
  <si>
    <t>8190225b-14b4-4dd5-8460-b387c701a962.tmp</t>
  </si>
  <si>
    <t>\\acsfs\profiles$\larissaad\Downloads\8190225b-14b4-4dd5-8460-b387c701a962.tmp</t>
  </si>
  <si>
    <t>12/30/2019 08:32:16</t>
  </si>
  <si>
    <t>4587cc92-33a8-44d0-b291-70f14e96d15b.tmp</t>
  </si>
  <si>
    <t>\\acsfs\profiles$\larissaad\Downloads\4587cc92-33a8-44d0-b291-70f14e96d15b.tmp</t>
  </si>
  <si>
    <t>12/30/2019 08:33:30</t>
  </si>
  <si>
    <t>6c5fbfb2-460f-42a2-97db-2b9e4d8985e7.tmp</t>
  </si>
  <si>
    <t>\\acsfs\profiles$\larissaad\Downloads\6c5fbfb2-460f-42a2-97db-2b9e4d8985e7.tmp</t>
  </si>
  <si>
    <t>12/30/2019 08:31:19</t>
  </si>
  <si>
    <t>4872bc74-bc8b-4a43-946b-631c8639601b.tmp</t>
  </si>
  <si>
    <t>\\acsfs\profiles$\quindaizaagds\Downloads\4872bc74-bc8b-4a43-946b-631c8639601b.tmp</t>
  </si>
  <si>
    <t>65821edf-12c4-40e6-90fa-7bbf21a01f06.tmp</t>
  </si>
  <si>
    <t>\\acsfs\profiles$\quindaizaagds\Downloads\65821edf-12c4-40e6-90fa-7bbf21a01f06.tmp</t>
  </si>
  <si>
    <t>12/30/2019 08:35:32</t>
  </si>
  <si>
    <t>12/30/2019 08:35:47</t>
  </si>
  <si>
    <t>12/30/2019 08:38:30</t>
  </si>
  <si>
    <t>12/30/2019 08:35:42</t>
  </si>
  <si>
    <t>12/30/2019 08:36:48</t>
  </si>
  <si>
    <t>08fe6e27-8ba9-4588-af83-65cce742c3b5.tmp</t>
  </si>
  <si>
    <t>\\acsfs\profiles$\BRUNAAR\Downloads\08fe6e27-8ba9-4588-af83-65cce742c3b5.tmp</t>
  </si>
  <si>
    <t>12/30/2019 08:35:55</t>
  </si>
  <si>
    <t>12/30/2019 08:36:14</t>
  </si>
  <si>
    <t>12/30/2019 08:34:54</t>
  </si>
  <si>
    <t>12/30/2019 08:34:55</t>
  </si>
  <si>
    <t>12/30/2019 08:34:56</t>
  </si>
  <si>
    <t>12/30/2019 08:34:57</t>
  </si>
  <si>
    <t>12/30/2019 08:34:58</t>
  </si>
  <si>
    <t>12/30/2019 08:34:59</t>
  </si>
  <si>
    <t>12/30/2019 08:35:00</t>
  </si>
  <si>
    <t>12/30/2019 08:35:01</t>
  </si>
  <si>
    <t>12/30/2019 08:35:02</t>
  </si>
  <si>
    <t>12/30/2019 08:35:03</t>
  </si>
  <si>
    <t>12/30/2019 08:35:04</t>
  </si>
  <si>
    <t>12/30/2019 08:35:05</t>
  </si>
  <si>
    <t>12/30/2019 08:35:06</t>
  </si>
  <si>
    <t>12/30/2019 08:35:07</t>
  </si>
  <si>
    <t>12/30/2019 08:35:08</t>
  </si>
  <si>
    <t>12/30/2019 08:35:09</t>
  </si>
  <si>
    <t>12/30/2019 08:35:10</t>
  </si>
  <si>
    <t>12/30/2019 08:35:14</t>
  </si>
  <si>
    <t>12/30/2019 08:39:31</t>
  </si>
  <si>
    <t>12/30/2019 08:35:15</t>
  </si>
  <si>
    <t>12/30/2019 08:35:16</t>
  </si>
  <si>
    <t>12/30/2019 08:35:17</t>
  </si>
  <si>
    <t>12/30/2019 08:35:18</t>
  </si>
  <si>
    <t>12/30/2019 08:35:19</t>
  </si>
  <si>
    <t>12/30/2019 08:35:20</t>
  </si>
  <si>
    <t>12/30/2019 08:35:21</t>
  </si>
  <si>
    <t>12/30/2019 08:35:22</t>
  </si>
  <si>
    <t>12/30/2019 08:36:23</t>
  </si>
  <si>
    <t>87994112-ada2-4cb8-b8b0-c44221c29ae4.tmp</t>
  </si>
  <si>
    <t>\\acsfs\profiles$\danielmlds\Downloads\87994112-ada2-4cb8-b8b0-c44221c29ae4.tmp</t>
  </si>
  <si>
    <t>12/30/2019 08:37:27</t>
  </si>
  <si>
    <t>0f92cbd6-bea8-4bbb-a7fc-b75df1b9f759.tmp</t>
  </si>
  <si>
    <t>\\acsfs\profiles$\danielmlds\Downloads\0f92cbd6-bea8-4bbb-a7fc-b75df1b9f759.tmp</t>
  </si>
  <si>
    <t>12/30/2019 08:34:34</t>
  </si>
  <si>
    <t>12/30/2019 08:34:49</t>
  </si>
  <si>
    <t>12/30/2019 08:37:42</t>
  </si>
  <si>
    <t>12/30/2019 08:38:42</t>
  </si>
  <si>
    <t>12/30/2019 08:38:20</t>
  </si>
  <si>
    <t>12/30/2019 08:40:30</t>
  </si>
  <si>
    <t>12/30/2019 08:38:02</t>
  </si>
  <si>
    <t>Acessos SAC Algar login UAT.xlsx</t>
  </si>
  <si>
    <t>\\acsfs\DEPTOS\Operacao\PCP\5 - Comum\JUKA\Josias\Acessos SAC Algar login UAT.xlsx</t>
  </si>
  <si>
    <t>\\acsfs\DEPTOS\Operacao\Banco_Votorantim\Qualidade\Josias\Acompanhamento de Qualidade.xlsx\</t>
  </si>
  <si>
    <t>image1.emf</t>
  </si>
  <si>
    <t>\\acsfs\DEPTOS\Operacao\PCP\5 - Comum\JUKA\Josias\Acompanhamento de Qualidade.xlsx</t>
  </si>
  <si>
    <t>Acompanhamento de Qualidade.xlsx</t>
  </si>
  <si>
    <t>12/30/2019 08:38:03</t>
  </si>
  <si>
    <t>ATENÇÃO JOSIAS, APRESENTAÇÃO ---- MODELO DE MONITORIA - BV - CRBV.pptx</t>
  </si>
  <si>
    <t>\\acsfs\DEPTOS\Operacao\PCP\5 - Comum\JUKA\Josias\ATENÇÃO JOSIAS, APRESENTAÇÃO ---- MODELO DE MONITORIA - BV - CRBV.pptx</t>
  </si>
  <si>
    <t>AUDI (1).xlsx</t>
  </si>
  <si>
    <t>\\acsfs\DEPTOS\Operacao\PCP\5 - Comum\JUKA\Josias\AUDI (1).xlsx</t>
  </si>
  <si>
    <t>\\acsfs\DEPTOS\Operacao\PCP\5 - Comum\JUKA\Josias\AUDI (1).xlsx\</t>
  </si>
  <si>
    <t>\\acsfs\DEPTOS\Operacao\PCP\5 - Comum\JUKA\Josias\AUDI (1).xlsx\:Zone.Identifier:$DATA</t>
  </si>
  <si>
    <t>12/30/2019 08:38:04</t>
  </si>
  <si>
    <t>BASE DE TELEFONES JANEIRO.xlsx</t>
  </si>
  <si>
    <t>\\acsfs\DEPTOS\Operacao\PCP\5 - Comum\JUKA\Josias\BASE DE TELEFONES JANEIRO.xlsx</t>
  </si>
  <si>
    <t>BLITZ INFORMA.pptx</t>
  </si>
  <si>
    <t>\\acsfs\DEPTOS\Operacao\PCP\5 - Comum\JUKA\Josias\BLITZ INFORMA.pptx</t>
  </si>
  <si>
    <t>\\acsfs\DEPTOS\Operacao\PCP\5 - Comum\JUKA\Josias\BLITZ INFORMA.pptx\</t>
  </si>
  <si>
    <t>\\acsfs\DEPTOS\Operacao\PCP\5 - Comum\JUKA\Josias\BLITZ INFORMA.pptx\:Zone.Identifier:$DATA</t>
  </si>
  <si>
    <t>BV Dental - Check list - Planilha - 05.10.xls</t>
  </si>
  <si>
    <t>\\acsfs\DEPTOS\Operacao\PCP\5 - Comum\JUKA\Josias\BV Dental - Check list - Planilha - 05.10.xls</t>
  </si>
  <si>
    <t>BV Dental - Check list - Planilha.xlsx</t>
  </si>
  <si>
    <t>\\acsfs\DEPTOS\Operacao\PCP\5 - Comum\JUKA\Josias\BV Dental - Check list - Planilha.xlsx</t>
  </si>
  <si>
    <t>12/30/2019 08:38:05</t>
  </si>
  <si>
    <t>\\acsfs\DEPTOS\Operacao\Banco_Votorantim\Qualidade\Josias\Consolidado de vendas ABRIL (1).xlsx\</t>
  </si>
  <si>
    <t>\\acsfs\DEPTOS\Operacao\PCP\5 - Comum\JUKA\Josias\Consolidado de vendas ABRIL (1).xlsx</t>
  </si>
  <si>
    <t>image12.svg</t>
  </si>
  <si>
    <t>image4.svg</t>
  </si>
  <si>
    <t>image8.svg</t>
  </si>
  <si>
    <t>Consolidado de vendas ABRIL (1).xlsx</t>
  </si>
  <si>
    <t>\\acsfs\DEPTOS\Operacao\PCP\5 - Comum\JUKA\Josias\Consolidado de vendas ABRIL (1).xlsx\</t>
  </si>
  <si>
    <t>\\acsfs\DEPTOS\Operacao\PCP\5 - Comum\JUKA\Josias\Consolidado de vendas ABRIL (1).xlsx\:Zone.Identifier:$DATA</t>
  </si>
  <si>
    <t>12/30/2019 08:38:06</t>
  </si>
  <si>
    <t>Controle de Erros operacionais - Novembro.xlsb</t>
  </si>
  <si>
    <t>\\acsfs\DEPTOS\Operacao\PCP\5 - Comum\JUKA\Josias\Controle de Erros operacionais - Novembro.xlsb</t>
  </si>
  <si>
    <t>12/30/2019 08:38:08</t>
  </si>
  <si>
    <t>Corrida da Maluca - Campanha Fevereiro.pdf</t>
  </si>
  <si>
    <t>\\acsfs\DEPTOS\Operacao\PCP\5 - Comum\JUKA\Josias\Corrida da Maluca - Campanha Fevereiro.pdf</t>
  </si>
  <si>
    <t>12/30/2019 08:38:13</t>
  </si>
  <si>
    <t>\\acsfs\DEPTOS\Operacao\PCP\5 - Comum\JUKA\Josias\Corrida da Maluca - Campanha Fevereiro.pdf\</t>
  </si>
  <si>
    <t>\\acsfs\DEPTOS\Operacao\PCP\5 - Comum\JUKA\Josias\Corrida da Maluca - Campanha Fevereiro.pdf\:Zone.Identifier:$DATA</t>
  </si>
  <si>
    <t>\\acsfs\DEPTOS\Operacao\Banco_Votorantim\Qualidade\Josias\Cópia de Acompanhamento Erros QUALIDADE - ALGAR.xlsm\</t>
  </si>
  <si>
    <t>\\acsfs\DEPTOS\Operacao\PCP\5 - Comum\JUKA\Josias\Cópia de Acompanhamento Erros QUALIDADE - ALGAR.xlsm</t>
  </si>
  <si>
    <t>image2.emf</t>
  </si>
  <si>
    <t>12/30/2019 08:38:14</t>
  </si>
  <si>
    <t>Cópia de Acompanhamento Erros QUALIDADE - ALGAR.xlsm</t>
  </si>
  <si>
    <t>desconexões.csv</t>
  </si>
  <si>
    <t>\\acsfs\DEPTOS\Operacao\PCP\5 - Comum\JUKA\Josias\desconexões.csv</t>
  </si>
  <si>
    <t>12/30/2019 08:38:15</t>
  </si>
  <si>
    <t>Dimensionamento_Fevereiro (1).xlsx</t>
  </si>
  <si>
    <t>\\acsfs\DEPTOS\Operacao\PCP\5 - Comum\JUKA\Josias\Dimensionamento_Fevereiro (1).xlsx</t>
  </si>
  <si>
    <t>\\acsfs\DEPTOS\Operacao\PCP\5 - Comum\JUKA\Josias\Dimensionamento_Fevereiro (1).xlsx\</t>
  </si>
  <si>
    <t>\\acsfs\DEPTOS\Operacao\PCP\5 - Comum\JUKA\Josias\Dimensionamento_Fevereiro (1).xlsx\:Zone.Identifier:$DATA</t>
  </si>
  <si>
    <t>FAROL QUALIDADE.pptx</t>
  </si>
  <si>
    <t>\\acsfs\DEPTOS\Operacao\PCP\5 - Comum\JUKA\Josias\FAROL QUALIDADE.pptx</t>
  </si>
  <si>
    <t>fffff.txt</t>
  </si>
  <si>
    <t>\\acsfs\DEPTOS\Operacao\PCP\5 - Comum\JUKA\Josias\fffff.txt</t>
  </si>
  <si>
    <t>Formulário Laudo - BV.xlsx</t>
  </si>
  <si>
    <t>Algar_Encrypted Files</t>
  </si>
  <si>
    <t>\\acsfs\DEPTOS\Operacao\PCP\5 - Comum\JUKA\Josias\Formulário Laudo - BV.xlsx</t>
  </si>
  <si>
    <t>ICATU(1).xlsx</t>
  </si>
  <si>
    <t>\\acsfs\DEPTOS\Operacao\PCP\5 - Comum\JUKA\Josias\ICATU(1).xlsx</t>
  </si>
  <si>
    <t>12/30/2019 08:38:16</t>
  </si>
  <si>
    <t>Laudo de Atendimento.docx</t>
  </si>
  <si>
    <t>\\acsfs\DEPTOS\Operacao\PCP\5 - Comum\JUKA\Josias\Laudo de Atendimento.docx</t>
  </si>
  <si>
    <t>lixo (1).xlsx</t>
  </si>
  <si>
    <t>\\acsfs\DEPTOS\Operacao\PCP\5 - Comum\JUKA\Josias\lixo (1).xlsx</t>
  </si>
  <si>
    <t>\\acsfs\DEPTOS\Operacao\PCP\5 - Comum\JUKA\Josias\lixo (1).xlsx\</t>
  </si>
  <si>
    <t>\\acsfs\DEPTOS\Operacao\PCP\5 - Comum\JUKA\Josias\lixo (1).xlsx\:Zone.Identifier:$DATA</t>
  </si>
  <si>
    <t>Login Logout.xlsx</t>
  </si>
  <si>
    <t>\\acsfs\DEPTOS\Operacao\PCP\5 - Comum\JUKA\Josias\Login Logout.xlsx</t>
  </si>
  <si>
    <t>Pasta qualidade rede.xlsx</t>
  </si>
  <si>
    <t>\\acsfs\DEPTOS\Operacao\PCP\5 - Comum\JUKA\Josias\Pasta qualidade rede.xlsx</t>
  </si>
  <si>
    <t>12/30/2019 08:38:24</t>
  </si>
  <si>
    <t>\\acsfs\DEPTOS\Operacao\PCP\5 - Comum\JUKA\Josias\Pausas Financeira.xlsx</t>
  </si>
  <si>
    <t>12/30/2019 08:37:07</t>
  </si>
  <si>
    <t>12/30/2019 08:41:30</t>
  </si>
  <si>
    <t>749c0690-d3dc-433d-a5d5-99dcb87ee67f.tmp</t>
  </si>
  <si>
    <t>\\acsfs\profiles$\quindaizaagds\Downloads\749c0690-d3dc-433d-a5d5-99dcb87ee67f.tmp</t>
  </si>
  <si>
    <t>12/30/2019 08:39:26</t>
  </si>
  <si>
    <t>0b8e035a-6568-4966-85a8-513d6797c2c5.tmp</t>
  </si>
  <si>
    <t>\\acsfs\profiles$\quindaizaagds\Downloads\0b8e035a-6568-4966-85a8-513d6797c2c5.tmp</t>
  </si>
  <si>
    <t>12/30/2019 08:37:08</t>
  </si>
  <si>
    <t>61294030-fc39-47eb-a7bd-2402e6f9a2de.tmp</t>
  </si>
  <si>
    <t>\\acsfs\profiles$\wedersonbadr\My Documents\My Music\61294030-fc39-47eb-a7bd-2402e6f9a2de.tmp</t>
  </si>
  <si>
    <t>12/30/2019 08:38:21</t>
  </si>
  <si>
    <t>f992116c-6ea6-4dec-8dcb-eea09d4bcbc0.tmp</t>
  </si>
  <si>
    <t>\\acsfs\profiles$\wedersonbadr\My Documents\My Music\f992116c-6ea6-4dec-8dcb-eea09d4bcbc0.tmp</t>
  </si>
  <si>
    <t>12/30/2019 08:36:19</t>
  </si>
  <si>
    <t>93417ad7-8500-43ef-9748-4a2232c40b67.tmp</t>
  </si>
  <si>
    <t>\\acsfs\profiles$\PEDROHAB\Downloads\93417ad7-8500-43ef-9748-4a2232c40b67.tmp</t>
  </si>
  <si>
    <t>12/30/2019 08:36:20</t>
  </si>
  <si>
    <t>2713ee46-2610-4f6c-b2b1-fa8793553527.tmp</t>
  </si>
  <si>
    <t>\\acsfs\profiles$\PEDROHAB\Downloads\2713ee46-2610-4f6c-b2b1-fa8793553527.tmp</t>
  </si>
  <si>
    <t>12/30/2019 08:38:52</t>
  </si>
  <si>
    <t>110268ef-632f-47cc-84e5-e2270af7d47a.tmp</t>
  </si>
  <si>
    <t>\\acsfs\profiles$\PEDROHAB\Downloads\110268ef-632f-47cc-84e5-e2270af7d47a.tmp</t>
  </si>
  <si>
    <t>12/30/2019 08:42:30</t>
  </si>
  <si>
    <t>12/30/2019 08:40:53</t>
  </si>
  <si>
    <t>46116385-a9ee-4ce3-bed3-4a7a650175e3.tmp</t>
  </si>
  <si>
    <t>\\acsfs\profiles$\wenderbnm\Downloads\46116385-a9ee-4ce3-bed3-4a7a650175e3.tmp</t>
  </si>
  <si>
    <t>12/30/2019 08:37:10</t>
  </si>
  <si>
    <t>\\acsfs\profiles$\talitafdc\VENDAS.txt</t>
  </si>
  <si>
    <t>12/30/2019 08:40:34</t>
  </si>
  <si>
    <t>4585be4d-8a9f-47f8-832d-da4b516b91d1.tmp</t>
  </si>
  <si>
    <t>\\acsfs\profiles$\lucasgpe\Downloads\4585be4d-8a9f-47f8-832d-da4b516b91d1.tmp</t>
  </si>
  <si>
    <t>12/30/2019 08:40:54</t>
  </si>
  <si>
    <t>cfb163f2-64e9-438f-a886-575737bd24d0.tmp</t>
  </si>
  <si>
    <t>\\acsfs\profiles$\lucasgpe\Downloads\cfb163f2-64e9-438f-a886-575737bd24d0.tmp</t>
  </si>
  <si>
    <t>12/30/2019 08:37:36</t>
  </si>
  <si>
    <t>12/30/2019 08:37:37</t>
  </si>
  <si>
    <t>12/30/2019 08:37:38</t>
  </si>
  <si>
    <t>12/30/2019 08:37:39</t>
  </si>
  <si>
    <t>12/30/2019 08:37:40</t>
  </si>
  <si>
    <t>12/30/2019 08:37:41</t>
  </si>
  <si>
    <t>12/30/2019 08:37:43</t>
  </si>
  <si>
    <t>12/30/2019 08:37:44</t>
  </si>
  <si>
    <t>12/30/2019 08:37:45</t>
  </si>
  <si>
    <t>12/30/2019 08:37:46</t>
  </si>
  <si>
    <t>12/30/2019 08:37:47</t>
  </si>
  <si>
    <t>12/30/2019 08:37:48</t>
  </si>
  <si>
    <t>12/30/2019 08:37:49</t>
  </si>
  <si>
    <t>12/30/2019 08:37:50</t>
  </si>
  <si>
    <t>12/30/2019 08:37:51</t>
  </si>
  <si>
    <t>12/30/2019 08:37:52</t>
  </si>
  <si>
    <t>12/30/2019 08:37:53</t>
  </si>
  <si>
    <t>12/30/2019 08:37:54</t>
  </si>
  <si>
    <t>12/30/2019 08:37:55</t>
  </si>
  <si>
    <t>12/30/2019 08:37:56</t>
  </si>
  <si>
    <t>12/30/2019 08:41:53</t>
  </si>
  <si>
    <t>12/30/2019 08:43:31</t>
  </si>
  <si>
    <t>12/30/2019 08:42:39</t>
  </si>
  <si>
    <t>aab09079-9c35-4fb1-8e8b-bb2a8f19a6a6.tmp</t>
  </si>
  <si>
    <t>\\acsfs\profiles$\laianear\Downloads\aab09079-9c35-4fb1-8e8b-bb2a8f19a6a6.tmp</t>
  </si>
  <si>
    <t>12/30/2019 08:42:44</t>
  </si>
  <si>
    <t>d07dbbdc-a14d-4bfa-a164-e1a8a4071d68.tmp</t>
  </si>
  <si>
    <t>\\acsfs\profiles$\laianear\Downloads\d07dbbdc-a14d-4bfa-a164-e1a8a4071d68.tmp</t>
  </si>
  <si>
    <t>12/30/2019 08:42:41</t>
  </si>
  <si>
    <t>f4e8ad03-a8ed-4e07-ac94-c38a129d17fe.tmp</t>
  </si>
  <si>
    <t>\\acsfs\profiles$\KARENDSR\Downloads\f4e8ad03-a8ed-4e07-ac94-c38a129d17fe.tmp</t>
  </si>
  <si>
    <t>12/30/2019 08:39:30</t>
  </si>
  <si>
    <t>12/30/2019 08:44:30</t>
  </si>
  <si>
    <t>821d1bd7-61b1-49cc-8036-c5577c2ee69c.tmp</t>
  </si>
  <si>
    <t>\\acsfs\profiles$\YASMINSC\Downloads\821d1bd7-61b1-49cc-8036-c5577c2ee69c.tmp</t>
  </si>
  <si>
    <t>529f482c-de06-42e9-91df-d94a941cf123.tmp</t>
  </si>
  <si>
    <t>\\acsfs\profiles$\YASMINSC\Downloads\529f482c-de06-42e9-91df-d94a941cf123.tmp</t>
  </si>
  <si>
    <t>12/30/2019 08:43:42</t>
  </si>
  <si>
    <t>12/30/2019 08:40:14</t>
  </si>
  <si>
    <t>12/30/2019 08:45:31</t>
  </si>
  <si>
    <t>62927afe-ebd9-46a3-8d9b-738eafbaf0c9.tmp</t>
  </si>
  <si>
    <t>\\acsfs\profiles$\geovannasm\Downloads\62927afe-ebd9-46a3-8d9b-738eafbaf0c9.tmp</t>
  </si>
  <si>
    <t>12/30/2019 08:43:32</t>
  </si>
  <si>
    <t>12/30/2019 08:46:30</t>
  </si>
  <si>
    <t>79ef2ba4-4ddc-4452-97ca-2319e73d3bae.tmp</t>
  </si>
  <si>
    <t>\\acsfs\profiles$\larissaad\Downloads\79ef2ba4-4ddc-4452-97ca-2319e73d3bae.tmp</t>
  </si>
  <si>
    <t>12/30/2019 08:42:46</t>
  </si>
  <si>
    <t>12/30/2019 08:47:31</t>
  </si>
  <si>
    <t>6dee377b-f1a4-4de2-af6e-f3f16a969e6e.tmp</t>
  </si>
  <si>
    <t>\\acsfs\profiles$\adelvinsonle\Downloads\6dee377b-f1a4-4de2-af6e-f3f16a969e6e.tmp</t>
  </si>
  <si>
    <t>12/30/2019 08:42:51</t>
  </si>
  <si>
    <t>12/30/2019 08:41:54</t>
  </si>
  <si>
    <t>d472e3c7-f786-43c1-bc00-e6e4104a89a1.tmp</t>
  </si>
  <si>
    <t>\\acsfs\profiles$\wenderbnm\Downloads\d472e3c7-f786-43c1-bc00-e6e4104a89a1.tmp</t>
  </si>
  <si>
    <t>12/30/2019 08:42:01</t>
  </si>
  <si>
    <t>048ea719-07fa-4683-9ea3-687320bdbb55.tmp</t>
  </si>
  <si>
    <t>\\acsfs\profiles$\lucasgpe\Downloads\048ea719-07fa-4683-9ea3-687320bdbb55.tmp</t>
  </si>
  <si>
    <t>12/30/2019 08:46:19</t>
  </si>
  <si>
    <t>33a6ce63-dba4-4d07-810c-64f6af20ee87.tmp</t>
  </si>
  <si>
    <t>\\acsfs\profiles$\nayarasds\Downloads\33a6ce63-dba4-4d07-810c-64f6af20ee87.tmp</t>
  </si>
  <si>
    <t>12/30/2019 08:42:56</t>
  </si>
  <si>
    <t>fbf3f8d4-91a1-4743-be6f-2447d106a9ea.tmp</t>
  </si>
  <si>
    <t>\\acsfs\profiles$\nayarasds\Downloads\fbf3f8d4-91a1-4743-be6f-2447d106a9ea.tmp</t>
  </si>
  <si>
    <t>12/30/2019 07:42:02</t>
  </si>
  <si>
    <t>winrt--{S-1-5-21-602162358-764733703-839522115-330507}-.searchconnector-ms</t>
  </si>
  <si>
    <t>\\acsfs\profiles$\nathaliaos\Searches\winrt--{S-1-5-21-602162358-764733703-839522115-330507}-.searchconnector-ms</t>
  </si>
  <si>
    <t>12/30/2019 08:45:51</t>
  </si>
  <si>
    <t>12/30/2019 08:47:36</t>
  </si>
  <si>
    <t>12/30/2019 08:48:30</t>
  </si>
  <si>
    <t>12/30/2019 08:43:50</t>
  </si>
  <si>
    <t>lu13564rum7.tmp</t>
  </si>
  <si>
    <t>\\acsfs\profiles$\VIVIANALDS\My Documents\lu13564rum7.tmp</t>
  </si>
  <si>
    <t>\\acsfs\profiles$\VIVIANALDS\My Documents\lu13564rum7.tmp\</t>
  </si>
  <si>
    <t>\\acsfs\profiles$\VIVIANALDS\My Documents\lu13564rum7.tmp\META-INF\</t>
  </si>
  <si>
    <t>\\acsfs\profiles$\VIVIANALDS\My Documents\lu13564rum7.tmp\Thumbnails\</t>
  </si>
  <si>
    <t>12/30/2019 08:44:00</t>
  </si>
  <si>
    <t>lu13564rumb.tmp</t>
  </si>
  <si>
    <t>\\acsfs\profiles$\VIVIANALDS\My Documents\lu13564rumb.tmp</t>
  </si>
  <si>
    <t>\\acsfs\profiles$\VIVIANALDS\My Documents\lu13564rumb.tmp\</t>
  </si>
  <si>
    <t>\\acsfs\profiles$\VIVIANALDS\My Documents\lu13564rumb.tmp\META-INF\</t>
  </si>
  <si>
    <t>\\acsfs\profiles$\VIVIANALDS\My Documents\lu13564rumb.tmp\Thumbnails\</t>
  </si>
  <si>
    <t>12/30/2019 08:45:02</t>
  </si>
  <si>
    <t>12/30/2019 08:45:03</t>
  </si>
  <si>
    <t>lu13564rumf.tmp</t>
  </si>
  <si>
    <t>\\acsfs\profiles$\VIVIANALDS\My Documents\lu13564rumf.tmp</t>
  </si>
  <si>
    <t>\\acsfs\profiles$\VIVIANALDS\My Documents\lu13564rumf.tmp\</t>
  </si>
  <si>
    <t>\\acsfs\profiles$\VIVIANALDS\My Documents\lu13564rumf.tmp\META-INF\</t>
  </si>
  <si>
    <t>\\acsfs\profiles$\VIVIANALDS\My Documents\lu13564rumf.tmp\Thumbnails\</t>
  </si>
  <si>
    <t>12/30/2019 08:46:23</t>
  </si>
  <si>
    <t>caac45cf-f5b5-4ff5-846a-bbbd0be1c3b0.tmp</t>
  </si>
  <si>
    <t>\\acsfs\profiles$\danielac\Downloads\caac45cf-f5b5-4ff5-846a-bbbd0be1c3b0.tmp</t>
  </si>
  <si>
    <t>12/30/2019 08:45:36</t>
  </si>
  <si>
    <t>d032498d-4267-400d-adc5-751dcb4c81d5.tmp</t>
  </si>
  <si>
    <t>\\acsfs\profiles$\KARENDSR\Downloads\d032498d-4267-400d-adc5-751dcb4c81d5.tmp</t>
  </si>
  <si>
    <t>12/30/2019 08:46:02</t>
  </si>
  <si>
    <t>3f3b6772-f4be-4ea8-9b17-20eebe01e3be.tmp</t>
  </si>
  <si>
    <t>\\acsfs\profiles$\KARENDSR\Downloads\3f3b6772-f4be-4ea8-9b17-20eebe01e3be.tmp</t>
  </si>
  <si>
    <t>12/30/2019 08:45:53</t>
  </si>
  <si>
    <t>12/30/2019 08:49:30</t>
  </si>
  <si>
    <t>ROMARIO SILVA DE MEDEIROS_1_6770905260919692375_1_32.wav</t>
  </si>
  <si>
    <t>\\acsfs\Deptos\EDUCACAO EMPRESARIAL\KÉSIA\Ligações 3º ciclo - Késia\ROMARIO SILVA DE MEDEIROS_1_6770905260919692375_1_32.wav</t>
  </si>
  <si>
    <t>12/30/2019 08:45:35</t>
  </si>
  <si>
    <t>dcdf205f-d5f7-4205-a593-fd90f1fc2730.tmp</t>
  </si>
  <si>
    <t>\\acsfs\profiles$\danielmlds\Downloads\dcdf205f-d5f7-4205-a593-fd90f1fc2730.tmp</t>
  </si>
  <si>
    <t>12/30/2019 08:44:42</t>
  </si>
  <si>
    <t>12/30/2019 08:49:05</t>
  </si>
  <si>
    <t>12/30/2019 08:50:30</t>
  </si>
  <si>
    <t>12/30/2019 08:45:08</t>
  </si>
  <si>
    <t>a5391fab-590a-40f5-9e91-1e7ebe8b5c7e.tmp</t>
  </si>
  <si>
    <t>\\acsfs\profiles$\mariajra\Downloads\a5391fab-590a-40f5-9e91-1e7ebe8b5c7e.tmp</t>
  </si>
  <si>
    <t>12/30/2019 08:48:25</t>
  </si>
  <si>
    <t>12/30/2019 08:52:30</t>
  </si>
  <si>
    <t>838ec761-daca-4e93-b8e7-f5e55c8466ce.tmp</t>
  </si>
  <si>
    <t>\\acsfs\profiles$\adelvinsonle\Downloads\838ec761-daca-4e93-b8e7-f5e55c8466ce.tmp</t>
  </si>
  <si>
    <t>12/30/2019 08:47:23</t>
  </si>
  <si>
    <t>fe142fa5-8c3a-4a3a-908c-62961c168771.tmp</t>
  </si>
  <si>
    <t>\\acsfs\profiles$\victoriaksr\Downloads\fe142fa5-8c3a-4a3a-908c-62961c168771.tmp</t>
  </si>
  <si>
    <t>12/30/2019 08:50:38</t>
  </si>
  <si>
    <t>.~lock.1724 ate 27122019.xlsx#</t>
  </si>
  <si>
    <t>\\acsfs\profiles$\victoriaksr\Downloads\.~lock.1724 ate 27122019.xlsx#</t>
  </si>
  <si>
    <t>12/30/2019 08:48:59</t>
  </si>
  <si>
    <t>12/30/2019 08:53:30</t>
  </si>
  <si>
    <t>12/30/2019 08:49:00</t>
  </si>
  <si>
    <t>12/30/2019 08:49:01</t>
  </si>
  <si>
    <t>12/30/2019 08:49:02</t>
  </si>
  <si>
    <t>12/30/2019 08:49:03</t>
  </si>
  <si>
    <t>12/30/2019 08:49:04</t>
  </si>
  <si>
    <t>12/30/2019 08:54:30</t>
  </si>
  <si>
    <t>12/30/2019 08:49:06</t>
  </si>
  <si>
    <t>12/30/2019 08:49:07</t>
  </si>
  <si>
    <t>12/30/2019 08:49:08</t>
  </si>
  <si>
    <t>12/30/2019 08:49:09</t>
  </si>
  <si>
    <t>12/30/2019 08:49:10</t>
  </si>
  <si>
    <t>12/30/2019 08:49:11</t>
  </si>
  <si>
    <t>12/30/2019 08:49:12</t>
  </si>
  <si>
    <t>12/30/2019 08:49:13</t>
  </si>
  <si>
    <t>12/30/2019 08:49:42</t>
  </si>
  <si>
    <t>12/30/2019 08:50:43</t>
  </si>
  <si>
    <t>12/30/2019 08:54:48</t>
  </si>
  <si>
    <t>12/30/2019 08:56:30</t>
  </si>
  <si>
    <t>12/30/2019 08:54:27</t>
  </si>
  <si>
    <t>12/30/2019 08:53:14</t>
  </si>
  <si>
    <t>12/30/2019 08:57:30</t>
  </si>
  <si>
    <t>76ec54e5-1858-429f-9c2b-678a2d845552.tmp</t>
  </si>
  <si>
    <t>\\acsfs\profiles$\gabrielarb\Downloads\76ec54e5-1858-429f-9c2b-678a2d845552.tmp</t>
  </si>
  <si>
    <t>12/30/2019 08:52:49</t>
  </si>
  <si>
    <t>12/30/2019 08:53:02</t>
  </si>
  <si>
    <t>3a996203-7bc2-4cc6-a596-fc5b8192c9cb.tmp</t>
  </si>
  <si>
    <t>\\acsfs\profiles$\claudiajca\Downloads\3a996203-7bc2-4cc6-a596-fc5b8192c9cb.tmp</t>
  </si>
  <si>
    <t>12/30/2019 08:54:32</t>
  </si>
  <si>
    <t>fe62f2e9-ce5c-4d98-828a-f3c054c5429f.tmp</t>
  </si>
  <si>
    <t>\\acsfs\profiles$\claudiajca\Downloads\fe62f2e9-ce5c-4d98-828a-f3c054c5429f.tmp</t>
  </si>
  <si>
    <t>12/30/2019 08:53:19</t>
  </si>
  <si>
    <t>12/30/2019 08:58:29</t>
  </si>
  <si>
    <t>5d267710-316b-4efd-bb59-376e6b3c1eca.tmp</t>
  </si>
  <si>
    <t>\\acsfs\profiles$\laianear\Downloads\5d267710-316b-4efd-bb59-376e6b3c1eca.tmp</t>
  </si>
  <si>
    <t>12/30/2019 08:54:19</t>
  </si>
  <si>
    <t>56d621e9-005c-46f5-8758-aa3de45ec6b3.tmp</t>
  </si>
  <si>
    <t>\\acsfs\profiles$\eduardofss\Downloads\56d621e9-005c-46f5-8758-aa3de45ec6b3.tmp</t>
  </si>
  <si>
    <t>12/30/2019 08:54:24</t>
  </si>
  <si>
    <t>12/30/2019 08:54:50</t>
  </si>
  <si>
    <t>12/30/2019 08:53:54</t>
  </si>
  <si>
    <t>0428bbb3-e6ed-47b1-95bb-e1100b8dcc73.tmp</t>
  </si>
  <si>
    <t>\\acsfs\profiles$\sarahbal\Downloads\0428bbb3-e6ed-47b1-95bb-e1100b8dcc73.tmp</t>
  </si>
  <si>
    <t>12/30/2019 08:57:02</t>
  </si>
  <si>
    <t>12/30/2019 08:59:30</t>
  </si>
  <si>
    <t>2ccca493-42d4-435a-84c5-1f003b87ba71.tmp</t>
  </si>
  <si>
    <t>\\acsfs\profiles$\isabellegtds\Downloads\2ccca493-42d4-435a-84c5-1f003b87ba71.tmp</t>
  </si>
  <si>
    <t>12/30/2019 08:58:01</t>
  </si>
  <si>
    <t>12/30/2019 08:57:28</t>
  </si>
  <si>
    <t>c1febc3b-2b07-4655-8a9b-769698176a41.tmp</t>
  </si>
  <si>
    <t>\\acsfs\profiles$\paulovadc\Downloads\c1febc3b-2b07-4655-8a9b-769698176a41.tmp</t>
  </si>
  <si>
    <t>12/30/2019 08:56:12</t>
  </si>
  <si>
    <t>4e240f86-3e33-4c43-8da9-91eb1a295337.tmp</t>
  </si>
  <si>
    <t>\\acsfs\profiles$\Flaviojmm\Downloads\4e240f86-3e33-4c43-8da9-91eb1a295337.tmp</t>
  </si>
  <si>
    <t>12/30/2019 08:55:42</t>
  </si>
  <si>
    <t>12/30/2019 08:56:42</t>
  </si>
  <si>
    <t>12/30/2019 08:57:35</t>
  </si>
  <si>
    <t>f59f90e6-ca57-496b-9238-cf5f8a8f97bb.tmp</t>
  </si>
  <si>
    <t>\\acsfs\profiles$\Flaviojmm\Downloads\f59f90e6-ca57-496b-9238-cf5f8a8f97bb.tmp</t>
  </si>
  <si>
    <t>12/30/2019 08:59:14</t>
  </si>
  <si>
    <t>12/30/2019 08:59:05</t>
  </si>
  <si>
    <t>12/30/2019 09:01:30</t>
  </si>
  <si>
    <t>fded629c-c110-4f80-8b87-d603e7ef2382.tmp</t>
  </si>
  <si>
    <t>\\acsfs\profiles$\larissaad\Downloads\fded629c-c110-4f80-8b87-d603e7ef2382.tmp</t>
  </si>
  <si>
    <t>12/30/2019 08:58:21</t>
  </si>
  <si>
    <t>22a3b457-a0c5-4071-be47-b9a860a92e07.tmp</t>
  </si>
  <si>
    <t>\\acsfs\profiles$\geovanaasa\Downloads\22a3b457-a0c5-4071-be47-b9a860a92e07.tmp</t>
  </si>
  <si>
    <t>12/30/2019 09:00:49</t>
  </si>
  <si>
    <t>2314e403-ac46-43ce-a7a3-eaf7fa542833.tmp</t>
  </si>
  <si>
    <t>\\acsfs\profiles$\geovanaasa\Downloads\2314e403-ac46-43ce-a7a3-eaf7fa542833.tmp</t>
  </si>
  <si>
    <t>12/30/2019 08:58:48</t>
  </si>
  <si>
    <t>12/30/2019 09:02:29</t>
  </si>
  <si>
    <t>696c2a7e-4964-48bf-9a98-b653363b7c78.tmp</t>
  </si>
  <si>
    <t>\\acsfs\profiles$\lucasgpe\Downloads\696c2a7e-4964-48bf-9a98-b653363b7c78.tmp</t>
  </si>
  <si>
    <t>12/30/2019 08:59:51</t>
  </si>
  <si>
    <t>12/30/2019 08:59:54</t>
  </si>
  <si>
    <t>12/30/2019 09:01:44</t>
  </si>
  <si>
    <t>12/30/2019 09:01:45</t>
  </si>
  <si>
    <t>lu168722jg4u4.tmp</t>
  </si>
  <si>
    <t>\\acsfs\profiles$\dhiulliananads\My Documents\lu168722jg4u4.tmp</t>
  </si>
  <si>
    <t>\\acsfs\profiles$\dhiulliananads\My Documents\lu168722jg4u4.tmp\</t>
  </si>
  <si>
    <t>\\acsfs\profiles$\dhiulliananads\My Documents\lu168722jg4u4.tmp\META-INF\</t>
  </si>
  <si>
    <t>\\acsfs\profiles$\dhiulliananads\My Documents\lu168722jg4u4.tmp\Thumbnails\</t>
  </si>
  <si>
    <t>12/30/2019 08:59:40</t>
  </si>
  <si>
    <t>12/30/2019 08:59:58</t>
  </si>
  <si>
    <t>de9f2d06-aa9c-48d6-8210-805dde7419b4.tmp</t>
  </si>
  <si>
    <t>\\acsfs\profiles$\victoriaksr\Downloads\de9f2d06-aa9c-48d6-8210-805dde7419b4.tmp</t>
  </si>
  <si>
    <t>12/30/2019 08:58:26</t>
  </si>
  <si>
    <t>12/30/2019 08:59:13</t>
  </si>
  <si>
    <t>2a84f808-86f2-47d3-afa4-2b0fe2327c43.tmp</t>
  </si>
  <si>
    <t>\\acsfs\profiles$\LUCASBS\Downloads\2a84f808-86f2-47d3-afa4-2b0fe2327c43.tmp</t>
  </si>
  <si>
    <t>12/30/2019 09:01:06</t>
  </si>
  <si>
    <t>00de1b4f-7208-464c-90a2-9c836f722be2.tmp</t>
  </si>
  <si>
    <t>\\acsfs\profiles$\LUCASBS\Downloads\00de1b4f-7208-464c-90a2-9c836f722be2.tmp</t>
  </si>
  <si>
    <t>12/30/2019 09:01:26</t>
  </si>
  <si>
    <t>12/30/2019 09:04:30</t>
  </si>
  <si>
    <t>12/30/2019 09:01:43</t>
  </si>
  <si>
    <t>12/30/2019 09:02:42</t>
  </si>
  <si>
    <t>12/30/2019 09:01:17</t>
  </si>
  <si>
    <t>12/30/2019 09:05:29</t>
  </si>
  <si>
    <t>12/30/2019 09:00:33</t>
  </si>
  <si>
    <t>12/30/2019 09:02:14</t>
  </si>
  <si>
    <t>12/30/2019 09:06:29</t>
  </si>
  <si>
    <t>12/30/2019 09:03:34</t>
  </si>
  <si>
    <t>12/30/2019 09:03:36</t>
  </si>
  <si>
    <t>12/30/2019 09:03:37</t>
  </si>
  <si>
    <t>12/30/2019 09:03:39</t>
  </si>
  <si>
    <t>12/30/2019 09:03:44</t>
  </si>
  <si>
    <t>12/30/2019 09:03:46</t>
  </si>
  <si>
    <t>12/30/2019 09:03:56</t>
  </si>
  <si>
    <t>12/30/2019 09:03:57</t>
  </si>
  <si>
    <t>12/30/2019 09:03:58</t>
  </si>
  <si>
    <t>12/30/2019 09:04:06</t>
  </si>
  <si>
    <t>12/30/2019 09:04:18</t>
  </si>
  <si>
    <t>12/30/2019 09:04:19</t>
  </si>
  <si>
    <t>12/30/2019 09:04:20</t>
  </si>
  <si>
    <t>12/30/2019 09:04:27</t>
  </si>
  <si>
    <t>12/30/2019 09:04:28</t>
  </si>
  <si>
    <t>12/30/2019 09:04:35</t>
  </si>
  <si>
    <t>12/30/2019 09:04:36</t>
  </si>
  <si>
    <t>12/30/2019 09:04:45</t>
  </si>
  <si>
    <t>12/30/2019 09:04:46</t>
  </si>
  <si>
    <t>12/30/2019 09:05:18</t>
  </si>
  <si>
    <t>12/30/2019 09:05:20</t>
  </si>
  <si>
    <t>12/30/2019 09:05:48</t>
  </si>
  <si>
    <t>12/30/2019 09:05:50</t>
  </si>
  <si>
    <t>12/30/2019 09:02:41</t>
  </si>
  <si>
    <t>12/30/2019 09:05:30</t>
  </si>
  <si>
    <t>12/30/2019 09:07:29</t>
  </si>
  <si>
    <t>524f6a82-04de-4af3-969f-66f146ddffc4.tmp</t>
  </si>
  <si>
    <t>\\acsfs\profiles$\gabrielhca\Downloads\524f6a82-04de-4af3-969f-66f146ddffc4.tmp</t>
  </si>
  <si>
    <t>12/30/2019 09:02:24</t>
  </si>
  <si>
    <t>334c5a04-05a6-44e5-9ff5-6a4f833fca81.tmp</t>
  </si>
  <si>
    <t>\\acsfs\profiles$\gabrielhca\Downloads\334c5a04-05a6-44e5-9ff5-6a4f833fca81.tmp</t>
  </si>
  <si>
    <t>12/30/2019 09:04:32</t>
  </si>
  <si>
    <t>9d8449fb-9aaa-42f2-aadf-855884dffea9.tmp</t>
  </si>
  <si>
    <t>\\acsfs\profiles$\gabrielhca\Downloads\9d8449fb-9aaa-42f2-aadf-855884dffea9.tmp</t>
  </si>
  <si>
    <t>12/30/2019 09:02:52</t>
  </si>
  <si>
    <t>12/30/2019 09:05:02</t>
  </si>
  <si>
    <t>589e40a7-196a-4c0f-8963-99164f86d00b.tmp</t>
  </si>
  <si>
    <t>\\acsfs\profiles$\jonatanls\Downloads\589e40a7-196a-4c0f-8963-99164f86d00b.tmp</t>
  </si>
  <si>
    <t>c710d310-a3ff-406e-ae15-e30ef88ce20d.tmp</t>
  </si>
  <si>
    <t>\\acsfs\profiles$\jonatanls\Downloads\c710d310-a3ff-406e-ae15-e30ef88ce20d.tmp</t>
  </si>
  <si>
    <t>12/30/2019 09:05:58</t>
  </si>
  <si>
    <t>985e95f2-572b-4460-b54f-c26c79f06191.tmp</t>
  </si>
  <si>
    <t>\\acsfs\profiles$\jonatanls\Downloads\985e95f2-572b-4460-b54f-c26c79f06191.tmp</t>
  </si>
  <si>
    <t>12/30/2019 09:06:31</t>
  </si>
  <si>
    <t>5237d809-c1df-41e3-ac55-4f2505286c20.tmp</t>
  </si>
  <si>
    <t>\\acsfs\profiles$\jonatanls\Downloads\5237d809-c1df-41e3-ac55-4f2505286c20.tmp</t>
  </si>
  <si>
    <t>12/30/2019 09:06:50</t>
  </si>
  <si>
    <t>0d5c928d-db1f-44bd-9d63-b5574640708e.tmp</t>
  </si>
  <si>
    <t>\\acsfs\profiles$\victoriaksr\Downloads\0d5c928d-db1f-44bd-9d63-b5574640708e.tmp</t>
  </si>
  <si>
    <t>\\acsfs\profiles$\LUCASBS\RENEG BV\</t>
  </si>
  <si>
    <t>.~lock.RENEG BV - 30.12 - Venc 01.01.2019.ods#</t>
  </si>
  <si>
    <t>\\acsfs\profiles$\LUCASBS\RENEG BV\.~lock.RENEG BV - 30.12 - Venc 01.01.2019.ods#</t>
  </si>
  <si>
    <t>12/30/2019 09:06:57</t>
  </si>
  <si>
    <t>12/30/2019 09:08:29</t>
  </si>
  <si>
    <t>a2b2e90e-d55c-4024-8725-920253cd0707.tmp</t>
  </si>
  <si>
    <t>\\acsfs\profiles$\laianear\Downloads\a2b2e90e-d55c-4024-8725-920253cd0707.tmp</t>
  </si>
  <si>
    <t>12/30/2019 09:05:56</t>
  </si>
  <si>
    <t>12/30/2019 09:09:29</t>
  </si>
  <si>
    <t>12/30/2019 09:07:42</t>
  </si>
  <si>
    <t>12/30/2019 09:10:29</t>
  </si>
  <si>
    <t>12/30/2019 09:08:42</t>
  </si>
  <si>
    <t>12/30/2019 09:07:44</t>
  </si>
  <si>
    <t>RELATORIO DE LOGIN - FINANCEIRA - 26-12 - Cópia.xlsm</t>
  </si>
  <si>
    <t>\\acsfs\DEPTOS\Operacao\PCP\5 - Comum\PLANEJAMENTO BV\14 - ACOMPANHAMENTO\1 - REPORT ACOMPANHAMENTO\2019\12 - Dezembro\FINANCEIRA\Login Logout Financeira\RELATORIO DE LOGIN - FINANCEIRA - 26-12 - Cópia.xlsm</t>
  </si>
  <si>
    <t>12/30/2019 09:08:24</t>
  </si>
  <si>
    <t>12/30/2019 09:06:22</t>
  </si>
  <si>
    <t>12/30/2019 09:11:29</t>
  </si>
  <si>
    <t>8622b996-f185-451d-9d35-d11f67a87235.tmp</t>
  </si>
  <si>
    <t>\\acsfs\profiles$\geovanaasa\Downloads\8622b996-f185-451d-9d35-d11f67a87235.tmp</t>
  </si>
  <si>
    <t>12/30/2019 09:09:38</t>
  </si>
  <si>
    <t>12/30/2019 09:12:29</t>
  </si>
  <si>
    <t>be273f6b-dc87-4466-9363-8496d0a415c0.tmp</t>
  </si>
  <si>
    <t>\\acsfs\profiles$\gabrielhca\Downloads\be273f6b-dc87-4466-9363-8496d0a415c0.tmp</t>
  </si>
  <si>
    <t>12/30/2019 09:09:05</t>
  </si>
  <si>
    <t>12/30/2019 09:10:44</t>
  </si>
  <si>
    <t>1ff1d330-3db1-4b8b-abec-cd3f7985e8fe.tmp</t>
  </si>
  <si>
    <t>\\acsfs\profiles$\claudiajca\Downloads\1ff1d330-3db1-4b8b-abec-cd3f7985e8fe.tmp</t>
  </si>
  <si>
    <t>12/30/2019 09:11:38</t>
  </si>
  <si>
    <t>.~lock.Contato Reneg 30-12.ods#</t>
  </si>
  <si>
    <t>\\acsfs\profiles$\CLAUDIAJCA\.~lock.Contato Reneg 30-12.ods#</t>
  </si>
  <si>
    <t>12/30/2019 09:11:39</t>
  </si>
  <si>
    <t>lu715849mfds8.tmp</t>
  </si>
  <si>
    <t>\\acsfs\profiles$\CLAUDIAJCA\lu715849mfds8.tmp</t>
  </si>
  <si>
    <t>\\acsfs\profiles$\CLAUDIAJCA\lu715849mfds8.tmp\</t>
  </si>
  <si>
    <t>\\acsfs\profiles$\CLAUDIAJCA\lu715849mfds8.tmp\META-INF\</t>
  </si>
  <si>
    <t>\\acsfs\profiles$\CLAUDIAJCA\lu715849mfds8.tmp\Thumbnails\</t>
  </si>
  <si>
    <t>12/30/2019 09:10:58</t>
  </si>
  <si>
    <t>12/30/2019 09:13:29</t>
  </si>
  <si>
    <t>1c0fc0a0-e673-431c-b444-0ade30c79f96.tmp</t>
  </si>
  <si>
    <t>\\acsfs\profiles$\antoniosva\Downloads\1c0fc0a0-e673-431c-b444-0ade30c79f96.tmp</t>
  </si>
  <si>
    <t>12/30/2019 09:11:34</t>
  </si>
  <si>
    <t>14759b8b-2514-4f16-95ed-f1186c63e74e.tmp</t>
  </si>
  <si>
    <t>\\acsfs\profiles$\antoniosva\Downloads\14759b8b-2514-4f16-95ed-f1186c63e74e.tmp</t>
  </si>
  <si>
    <t>12/30/2019 09:13:42</t>
  </si>
  <si>
    <t>12/30/2019 09:15:29</t>
  </si>
  <si>
    <t>12/30/2019 09:11:56</t>
  </si>
  <si>
    <t>e180b8ea-4c4e-4dbf-8a23-2a57a508996e.tmp</t>
  </si>
  <si>
    <t>\\acsfs\profiles$\claudiajca\Downloads\e180b8ea-4c4e-4dbf-8a23-2a57a508996e.tmp</t>
  </si>
  <si>
    <t>12/30/2019 09:14:33</t>
  </si>
  <si>
    <t>12/30/2019 09:13:25</t>
  </si>
  <si>
    <t>12/30/2019 09:17:29</t>
  </si>
  <si>
    <t>10.200.66.159</t>
  </si>
  <si>
    <t>78-2B-CB-C1-05-20</t>
  </si>
  <si>
    <t>VOTORANT-ABB003</t>
  </si>
  <si>
    <t>3d72a74d-526a-4c66-815f-55415d868211.tmp</t>
  </si>
  <si>
    <t>\\acsfs\profiles$\gabrielhca\Downloads\3d72a74d-526a-4c66-815f-55415d868211.tmp</t>
  </si>
  <si>
    <t>12/30/2019 09:05:53</t>
  </si>
  <si>
    <t>12/30/2019 09:05:55</t>
  </si>
  <si>
    <t>12/30/2019 09:05:57</t>
  </si>
  <si>
    <t>12/30/2019 09:05:59</t>
  </si>
  <si>
    <t>12/30/2019 09:06:01</t>
  </si>
  <si>
    <t>12/30/2019 09:06:02</t>
  </si>
  <si>
    <t>12/30/2019 09:06:03</t>
  </si>
  <si>
    <t>12/30/2019 09:06:04</t>
  </si>
  <si>
    <t>12/30/2019 09:06:06</t>
  </si>
  <si>
    <t>12/30/2019 09:06:07</t>
  </si>
  <si>
    <t>12/30/2019 09:06:08</t>
  </si>
  <si>
    <t>12/30/2019 09:06:10</t>
  </si>
  <si>
    <t>12/30/2019 09:06:12</t>
  </si>
  <si>
    <t>12/30/2019 09:06:13</t>
  </si>
  <si>
    <t>12/30/2019 09:06:36</t>
  </si>
  <si>
    <t>12/30/2019 09:13:32</t>
  </si>
  <si>
    <t>728ab729-7e4b-486d-99ef-e9417ae588b1.tmp</t>
  </si>
  <si>
    <t>\\acsfs\profiles$\lucasgpe\Downloads\728ab729-7e4b-486d-99ef-e9417ae588b1.tmp</t>
  </si>
  <si>
    <t>12/30/2019 09:13:50</t>
  </si>
  <si>
    <t>748e8d57-ab98-47b5-b826-838369d50718.tmp</t>
  </si>
  <si>
    <t>\\acsfs\profiles$\lucasgpe\Downloads\748e8d57-ab98-47b5-b826-838369d50718.tmp</t>
  </si>
  <si>
    <t>12/30/2019 09:13:35</t>
  </si>
  <si>
    <t>0a068e5c-b053-4b43-9e97-3b1da2bee2ba.tmp</t>
  </si>
  <si>
    <t>\\acsfs\profiles$\jonatanls\Downloads\0a068e5c-b053-4b43-9e97-3b1da2bee2ba.tmp</t>
  </si>
  <si>
    <t>12/30/2019 09:13:58</t>
  </si>
  <si>
    <t>12/30/2019 09:16:56</t>
  </si>
  <si>
    <t>6592e6f5-4c24-48df-8b89-1c72842a2f9a.tmp</t>
  </si>
  <si>
    <t>\\acsfs\profiles$\henriquehmdo\Downloads\6592e6f5-4c24-48df-8b89-1c72842a2f9a.tmp</t>
  </si>
  <si>
    <t>12/30/2019 09:15:41</t>
  </si>
  <si>
    <t>12/30/2019 09:15:42</t>
  </si>
  <si>
    <t>lu363123wvw79.tmp</t>
  </si>
  <si>
    <t>\\acsfs\profiles$\LUCASBS\RENEG BV\lu363123wvw79.tmp</t>
  </si>
  <si>
    <t>\\acsfs\profiles$\LUCASBS\RENEG BV\lu363123wvw79.tmp\</t>
  </si>
  <si>
    <t>\\acsfs\profiles$\LUCASBS\RENEG BV\lu363123wvw79.tmp\META-INF\</t>
  </si>
  <si>
    <t>\\acsfs\profiles$\LUCASBS\RENEG BV\lu363123wvw79.tmp\Thumbnails\</t>
  </si>
  <si>
    <t>12/30/2019 09:12:48</t>
  </si>
  <si>
    <t>12/30/2019 09:18:28</t>
  </si>
  <si>
    <t>9991dbcc-6536-4d98-ad03-29ea5514b0a2.tmp</t>
  </si>
  <si>
    <t>\\acsfs\profiles$\antoniosva\Downloads\9991dbcc-6536-4d98-ad03-29ea5514b0a2.tmp</t>
  </si>
  <si>
    <t>5966a79f-40cb-403f-a8c0-d455442a0321.tmp</t>
  </si>
  <si>
    <t>\\acsfs\profiles$\antoniosva\Downloads\5966a79f-40cb-403f-a8c0-d455442a0321.tmp</t>
  </si>
  <si>
    <t>12/30/2019 09:16:09</t>
  </si>
  <si>
    <t>7acb76b2-c97b-46c9-b0e1-d307b8b7cc05.tmp</t>
  </si>
  <si>
    <t>\\acsfs\profiles$\antoniosva\Downloads\7acb76b2-c97b-46c9-b0e1-d307b8b7cc05.tmp</t>
  </si>
  <si>
    <t>12/30/2019 09:13:34</t>
  </si>
  <si>
    <t>12/30/2019 09:17:05</t>
  </si>
  <si>
    <t>12/30/2019 09:15:30</t>
  </si>
  <si>
    <t>12/30/2019 09:14:43</t>
  </si>
  <si>
    <t>12/30/2019 09:20:29</t>
  </si>
  <si>
    <t>12/30/2019 09:17:43</t>
  </si>
  <si>
    <t>12/30/2019 09:18:44</t>
  </si>
  <si>
    <t>87475fda-fc39-44b3-8d6c-0d5739678157.tmp</t>
  </si>
  <si>
    <t>\\acsfs\profiles$\claudiajca\Downloads\87475fda-fc39-44b3-8d6c-0d5739678157.tmp</t>
  </si>
  <si>
    <t>12/30/2019 09:17:08</t>
  </si>
  <si>
    <t>12/30/2019 09:21:29</t>
  </si>
  <si>
    <t>bef53ae8-f5fe-4226-870f-737a5b817e03.tmp</t>
  </si>
  <si>
    <t>\\acsfs\profiles$\PEDROHAB\Downloads\bef53ae8-f5fe-4226-870f-737a5b817e03.tmp</t>
  </si>
  <si>
    <t>12/30/2019 09:21:23</t>
  </si>
  <si>
    <t>12/30/2019 09:22:29</t>
  </si>
  <si>
    <t>12/30/2019 09:21:35</t>
  </si>
  <si>
    <t>12/30/2019 09:23:28</t>
  </si>
  <si>
    <t>12/30/2019 09:21:58</t>
  </si>
  <si>
    <t>e2bd5700-3f9b-43d1-9b5d-45bd854723bf.tmp</t>
  </si>
  <si>
    <t>\\acsfs\profiles$\LAISLG\Downloads\e2bd5700-3f9b-43d1-9b5d-45bd854723bf.tmp</t>
  </si>
  <si>
    <t>12/30/2019 09:18:45</t>
  </si>
  <si>
    <t>df61d2db-ee77-4a4f-8a90-0efd5ebed400.tmp</t>
  </si>
  <si>
    <t>\\acsfs\profiles$\sarahbal\Downloads\df61d2db-ee77-4a4f-8a90-0efd5ebed400.tmp</t>
  </si>
  <si>
    <t>12/30/2019 09:20:52</t>
  </si>
  <si>
    <t>12/30/2019 09:24:29</t>
  </si>
  <si>
    <t>12/30/2019 09:21:33</t>
  </si>
  <si>
    <t>12/30/2019 09:21:45</t>
  </si>
  <si>
    <t>12/30/2019 09:22:14</t>
  </si>
  <si>
    <t>12/30/2019 09:22:26</t>
  </si>
  <si>
    <t>12/30/2019 09:22:28</t>
  </si>
  <si>
    <t>12/30/2019 09:22:31</t>
  </si>
  <si>
    <t>12/30/2019 09:22:41</t>
  </si>
  <si>
    <t>12/30/2019 09:23:21</t>
  </si>
  <si>
    <t>12/30/2019 09:23:33</t>
  </si>
  <si>
    <t>12/30/2019 09:19:43</t>
  </si>
  <si>
    <t>12/30/2019 09:25:28</t>
  </si>
  <si>
    <t>12/30/2019 09:20:43</t>
  </si>
  <si>
    <t>12/30/2019 09:22:40</t>
  </si>
  <si>
    <t>7098cb90-eb32-4879-9d1f-0519e8b4cb2a.tmp</t>
  </si>
  <si>
    <t>\\acsfs\profiles$\mariajra\Downloads\7098cb90-eb32-4879-9d1f-0519e8b4cb2a.tmp</t>
  </si>
  <si>
    <t>12/30/2019 09:23:43</t>
  </si>
  <si>
    <t>12/30/2019 09:26:29</t>
  </si>
  <si>
    <t>8bfef8e1-bdc4-4475-8857-12616731678b.tmp</t>
  </si>
  <si>
    <t>\\acsfs\profiles$\ayalabfi\Downloads\8bfef8e1-bdc4-4475-8857-12616731678b.tmp</t>
  </si>
  <si>
    <t>12/30/2019 09:23:31</t>
  </si>
  <si>
    <t>12/30/2019 09:27:29</t>
  </si>
  <si>
    <t>12/30/2019 09:25:49</t>
  </si>
  <si>
    <t>lu363123wvw7e.tmp</t>
  </si>
  <si>
    <t>\\acsfs\profiles$\LUCASBS\RENEG BV\lu363123wvw7e.tmp</t>
  </si>
  <si>
    <t>\\acsfs\profiles$\LUCASBS\RENEG BV\lu363123wvw7e.tmp\</t>
  </si>
  <si>
    <t>\\acsfs\profiles$\LUCASBS\RENEG BV\lu363123wvw7e.tmp\META-INF\</t>
  </si>
  <si>
    <t>\\acsfs\profiles$\LUCASBS\RENEG BV\lu363123wvw7e.tmp\Thumbnails\</t>
  </si>
  <si>
    <t>12/30/2019 09:26:00</t>
  </si>
  <si>
    <t>12/30/2019 09:27:40</t>
  </si>
  <si>
    <t>12/30/2019 09:28:29</t>
  </si>
  <si>
    <t>12/30/2019 09:22:59</t>
  </si>
  <si>
    <t>bb8e939d-064a-49bc-8b33-3273cfd55470.tmp</t>
  </si>
  <si>
    <t>\\acsfs\profiles$\LAISLG\Downloads\bb8e939d-064a-49bc-8b33-3273cfd55470.tmp</t>
  </si>
  <si>
    <t>12/30/2019 09:24:17</t>
  </si>
  <si>
    <t>12/30/2019 09:28:52</t>
  </si>
  <si>
    <t>12/30/2019 09:30:29</t>
  </si>
  <si>
    <t>12/30/2019 09:28:53</t>
  </si>
  <si>
    <t>lu246123wyp2t.tmp</t>
  </si>
  <si>
    <t>\\acsfs\profiles$\FLAVIOJMM\My Documents\lu246123wyp2t.tmp</t>
  </si>
  <si>
    <t>\\acsfs\profiles$\FLAVIOJMM\My Documents\lu246123wyp2t.tmp\</t>
  </si>
  <si>
    <t>12/30/2019 09:25:43</t>
  </si>
  <si>
    <t>12/30/2019 09:26:43</t>
  </si>
  <si>
    <t>\\acsfs\profiles$\FLAVIOJMM\My Documents\lu246123wyp2t.tmp\META-INF\</t>
  </si>
  <si>
    <t>\\acsfs\profiles$\FLAVIOJMM\My Documents\lu246123wyp2t.tmp\Thumbnails\</t>
  </si>
  <si>
    <t>12/30/2019 09:27:01</t>
  </si>
  <si>
    <t>bd atualizado.xlsx</t>
  </si>
  <si>
    <t>\\acsfs\DEPTOS\Operacao\PCP\5 - Comum\PLANEJAMENTO BV\14 - ACOMPANHAMENTO\1 - REPORT ACOMPANHAMENTO\2019\12 - Dezembro\FINANCEIRA\Login Logout Financeira\bd atualizado.xlsx</t>
  </si>
  <si>
    <t>12/30/2019 09:26:39</t>
  </si>
  <si>
    <t>12/30/2019 09:31:29</t>
  </si>
  <si>
    <t>643fc0cb-dfbd-44b7-a3f0-1c5e6387e7c3.tmp</t>
  </si>
  <si>
    <t>\\acsfs\profiles$\wedersonbadr\My Documents\My Music\643fc0cb-dfbd-44b7-a3f0-1c5e6387e7c3.tmp</t>
  </si>
  <si>
    <t>12/30/2019 09:27:21</t>
  </si>
  <si>
    <t>17a3ba5b-87c9-4ee1-9cc9-b5adddf8dcdd.tmp</t>
  </si>
  <si>
    <t>\\acsfs\profiles$\wedersonbadr\My Documents\My Music\17a3ba5b-87c9-4ee1-9cc9-b5adddf8dcdd.tmp</t>
  </si>
  <si>
    <t>12/30/2019 09:27:26</t>
  </si>
  <si>
    <t>5925da22-97de-452d-8e6b-0a664dc07400.tmp</t>
  </si>
  <si>
    <t>\\acsfs\profiles$\wedersonbadr\My Documents\My Music\5925da22-97de-452d-8e6b-0a664dc07400.tmp</t>
  </si>
  <si>
    <t>12/30/2019 09:30:12</t>
  </si>
  <si>
    <t>\\acsfs\profiles$\wedersonbadr\Downloads\</t>
  </si>
  <si>
    <t>.~lock.Controle de Erros operacionais - Dezembro -ATUALIZADA.xlsb#</t>
  </si>
  <si>
    <t>\\acsfs\profiles$\wedersonbadr\Downloads\.~lock.Controle de Erros operacionais - Dezembro -ATUALIZADA.xlsb#</t>
  </si>
  <si>
    <t>12/30/2019 09:26:28</t>
  </si>
  <si>
    <t>4adf13c0-05be-48ec-a105-8f6fbf01a5a7.tmp</t>
  </si>
  <si>
    <t>\\acsfs\profiles$\ayalabfi\Downloads\4adf13c0-05be-48ec-a105-8f6fbf01a5a7.tmp</t>
  </si>
  <si>
    <t>12/30/2019 09:30:46</t>
  </si>
  <si>
    <t>12/30/2019 09:32:29</t>
  </si>
  <si>
    <t>1122a269-ada9-4966-a32b-434d55f0f79f.tmp</t>
  </si>
  <si>
    <t>\\acsfs\profiles$\gabrielarb\Downloads\1122a269-ada9-4966-a32b-434d55f0f79f.tmp</t>
  </si>
  <si>
    <t>12/30/2019 09:30:51</t>
  </si>
  <si>
    <t>12/30/2019 09:31:21</t>
  </si>
  <si>
    <t>12/30/2019 09:31:22</t>
  </si>
  <si>
    <t>lu70096a2i0u3.tmp</t>
  </si>
  <si>
    <t>\\acsfs\profiles$\jonatanls\My Documents\lu70096a2i0u3.tmp</t>
  </si>
  <si>
    <t>12/30/2019 09:31:49</t>
  </si>
  <si>
    <t>lu321723xo96r.tmp</t>
  </si>
  <si>
    <t>\\acsfs\profiles$\LUCASBS\RENEG BV\lu321723xo96r.tmp</t>
  </si>
  <si>
    <t>\\acsfs\profiles$\LUCASBS\RENEG BV\lu321723xo96r.tmp\</t>
  </si>
  <si>
    <t>\\acsfs\profiles$\LUCASBS\RENEG BV\lu321723xo96r.tmp\META-INF\</t>
  </si>
  <si>
    <t>\\acsfs\profiles$\LUCASBS\RENEG BV\lu321723xo96r.tmp\Thumbnails\</t>
  </si>
  <si>
    <t>12/30/2019 09:33:29</t>
  </si>
  <si>
    <t>19f6060e-3120-494a-96ae-9ece7ff563e3.tmp</t>
  </si>
  <si>
    <t>\\acsfs\profiles$\antoniosva\Downloads\19f6060e-3120-494a-96ae-9ece7ff563e3.tmp</t>
  </si>
  <si>
    <t>12/30/2019 09:30:03</t>
  </si>
  <si>
    <t>12/30/2019 09:34:29</t>
  </si>
  <si>
    <t>10.200.67.172</t>
  </si>
  <si>
    <t>74-86-7A-FD-D6-20</t>
  </si>
  <si>
    <t>VOTORANT-MB017</t>
  </si>
  <si>
    <t>mariellecs</t>
  </si>
  <si>
    <t>\\acsfs\profiles$\mariellecs\Downloads\</t>
  </si>
  <si>
    <t>c5c3b329-499c-4caf-b477-73ad565a16b0.tmp</t>
  </si>
  <si>
    <t>\\acsfs\profiles$\mariellecs\Downloads\c5c3b329-499c-4caf-b477-73ad565a16b0.tmp</t>
  </si>
  <si>
    <t>12/30/2019 09:31:24</t>
  </si>
  <si>
    <t>ea6f0c60-9071-4231-b597-01a60e56c668.tmp</t>
  </si>
  <si>
    <t>\\acsfs\profiles$\mariellecs\Downloads\ea6f0c60-9071-4231-b597-01a60e56c668.tmp</t>
  </si>
  <si>
    <t>12/30/2019 09:32:11</t>
  </si>
  <si>
    <t>53d7b1fb-ce46-4ce5-a4c8-feba87a6b3b0.tmp</t>
  </si>
  <si>
    <t>\\acsfs\profiles$\mariellecs\Downloads\53d7b1fb-ce46-4ce5-a4c8-feba87a6b3b0.tmp</t>
  </si>
  <si>
    <t>12/30/2019 09:32:57</t>
  </si>
  <si>
    <t>4768410c-3bca-45b1-ad54-7504bf1ea4b0.tmp</t>
  </si>
  <si>
    <t>\\acsfs\profiles$\mariellecs\Downloads\4768410c-3bca-45b1-ad54-7504bf1ea4b0.tmp</t>
  </si>
  <si>
    <t>12/30/2019 09:32:41</t>
  </si>
  <si>
    <t>deb81494-7220-4ae4-be75-fd05eda9a972.tmp</t>
  </si>
  <si>
    <t>\\acsfs\profiles$\YASMINSC\Downloads\deb81494-7220-4ae4-be75-fd05eda9a972.tmp</t>
  </si>
  <si>
    <t>12/30/2019 09:30:34</t>
  </si>
  <si>
    <t>db8a3c42-c1b8-4ac7-bf82-c6b4888f2d9f.tmp</t>
  </si>
  <si>
    <t>\\acsfs\profiles$\leticiala\Downloads\db8a3c42-c1b8-4ac7-bf82-c6b4888f2d9f.tmp</t>
  </si>
  <si>
    <t>12/30/2019 09:30:35</t>
  </si>
  <si>
    <t>5f57fc8a-ce17-45bb-be3a-605ac6409943.tmp</t>
  </si>
  <si>
    <t>\\acsfs\profiles$\leticiala\Downloads\5f57fc8a-ce17-45bb-be3a-605ac6409943.tmp</t>
  </si>
  <si>
    <t>12/30/2019 09:31:43</t>
  </si>
  <si>
    <t>12/30/2019 09:35:29</t>
  </si>
  <si>
    <t>12/30/2019 09:32:43</t>
  </si>
  <si>
    <t>12/30/2019 09:30:41</t>
  </si>
  <si>
    <t>dfd2c3cc-379b-4a58-bb2e-e0cd6823b673.tmp</t>
  </si>
  <si>
    <t>\\acsfs\profiles$\claudiajca\Downloads\dfd2c3cc-379b-4a58-bb2e-e0cd6823b673.tmp</t>
  </si>
  <si>
    <t>12/30/2019 09:33:21</t>
  </si>
  <si>
    <t>2047a489-1b67-430f-b79e-d53485c593c8.tmp</t>
  </si>
  <si>
    <t>\\acsfs\profiles$\mariajra\Downloads\2047a489-1b67-430f-b79e-d53485c593c8.tmp</t>
  </si>
  <si>
    <t>12/30/2019 09:30:56</t>
  </si>
  <si>
    <t>Jaqueline Coimbra Perez_1_6770275575764431297_1_32.wav</t>
  </si>
  <si>
    <t>\\acsfs\Deptos\EDUCACAO EMPRESARIAL\FERNANDA MONIT\Ligação para Mutant terceiro Ciclo\Jaqueline Coimbra Perez_1_6770275575764431297_1_32.wav</t>
  </si>
  <si>
    <t>12/30/2019 09:35:09</t>
  </si>
  <si>
    <t>12/30/2019 09:36:29</t>
  </si>
  <si>
    <t>f1664881-71d7-4c6d-bb8b-7a969aecf1ed.tmp</t>
  </si>
  <si>
    <t>\\acsfs\profiles$\alessandraan\Downloads\f1664881-71d7-4c6d-bb8b-7a969aecf1ed.tmp</t>
  </si>
  <si>
    <t>12/30/2019 09:35:12</t>
  </si>
  <si>
    <t>ab98b370-f1ec-4455-a267-a6d2b19088da.tmp</t>
  </si>
  <si>
    <t>\\acsfs\profiles$\alessandraan\Downloads\ab98b370-f1ec-4455-a267-a6d2b19088da.tmp</t>
  </si>
  <si>
    <t>12/30/2019 09:35:14</t>
  </si>
  <si>
    <t>87e1cedb-6150-480a-9b5a-a2986dd4398f.tmp</t>
  </si>
  <si>
    <t>\\acsfs\profiles$\alessandraan\Downloads\87e1cedb-6150-480a-9b5a-a2986dd4398f.tmp</t>
  </si>
  <si>
    <t>12/30/2019 09:35:20</t>
  </si>
  <si>
    <t>97f535cb-a564-49d1-a3b7-5fda3d39f186.tmp</t>
  </si>
  <si>
    <t>\\acsfs\profiles$\alessandraan\Downloads\97f535cb-a564-49d1-a3b7-5fda3d39f186.tmp</t>
  </si>
  <si>
    <t>12/30/2019 09:36:42</t>
  </si>
  <si>
    <t>12/30/2019 09:37:29</t>
  </si>
  <si>
    <t>12/30/2019 09:31:59</t>
  </si>
  <si>
    <t>d61bca46-6e80-4e9b-9deb-7ba3c87b84db.tmp</t>
  </si>
  <si>
    <t>\\acsfs\profiles$\gabrielhca\Downloads\d61bca46-6e80-4e9b-9deb-7ba3c87b84db.tmp</t>
  </si>
  <si>
    <t>12/30/2019 09:36:00</t>
  </si>
  <si>
    <t>85866c5a-8615-4e03-acb3-a3533d70378f.tmp</t>
  </si>
  <si>
    <t>\\acsfs\profiles$\deborahsi\Downloads\85866c5a-8615-4e03-acb3-a3533d70378f.tmp</t>
  </si>
  <si>
    <t>12/30/2019 09:36:22</t>
  </si>
  <si>
    <t>12/30/2019 09:36:23</t>
  </si>
  <si>
    <t>lu321723xo96w.tmp</t>
  </si>
  <si>
    <t>\\acsfs\profiles$\LUCASBS\RENEG BV\lu321723xo96w.tmp</t>
  </si>
  <si>
    <t>\\acsfs\profiles$\LUCASBS\RENEG BV\lu321723xo96w.tmp\</t>
  </si>
  <si>
    <t>\\acsfs\profiles$\LUCASBS\RENEG BV\lu321723xo96w.tmp\META-INF\</t>
  </si>
  <si>
    <t>\\acsfs\profiles$\LUCASBS\RENEG BV\lu321723xo96w.tmp\Thumbnails\</t>
  </si>
  <si>
    <t>12/30/2019 09:35:16</t>
  </si>
  <si>
    <t>12/30/2019 09:38:30</t>
  </si>
  <si>
    <t>12/30/2019 09:35:10</t>
  </si>
  <si>
    <t>12/30/2019 09:34:07</t>
  </si>
  <si>
    <t>12/30/2019 09:39:29</t>
  </si>
  <si>
    <t>1a1930e5-1e7f-4cec-9e77-37aa4dee0ddc.tmp</t>
  </si>
  <si>
    <t>\\acsfs\profiles$\mariellecs\Downloads\1a1930e5-1e7f-4cec-9e77-37aa4dee0ddc.tmp</t>
  </si>
  <si>
    <t>12/30/2019 09:34:16</t>
  </si>
  <si>
    <t>6a7b4900-e3af-481d-a77e-c7bf0defee1c.tmp</t>
  </si>
  <si>
    <t>\\acsfs\profiles$\mariellecs\Downloads\6a7b4900-e3af-481d-a77e-c7bf0defee1c.tmp</t>
  </si>
  <si>
    <t>12/30/2019 09:37:43</t>
  </si>
  <si>
    <t>12/30/2019 09:40:29</t>
  </si>
  <si>
    <t>12/30/2019 09:38:43</t>
  </si>
  <si>
    <t>12/30/2019 09:38:31</t>
  </si>
  <si>
    <t>12/30/2019 09:39:23</t>
  </si>
  <si>
    <t>12/30/2019 09:37:40</t>
  </si>
  <si>
    <t>a8c4ee2d-d4b1-443b-9bea-79af56648125.tmp</t>
  </si>
  <si>
    <t>\\acsfs\profiles$\mariliafplb\Downloads\a8c4ee2d-d4b1-443b-9bea-79af56648125.tmp</t>
  </si>
  <si>
    <t>12/30/2019 09:35:13</t>
  </si>
  <si>
    <t>12/30/2019 09:39:27</t>
  </si>
  <si>
    <t>12/30/2019 09:35:53</t>
  </si>
  <si>
    <t>Kellzylenne Aparecida Silva Rabelo_1_6771091181463998956_1_32.wav</t>
  </si>
  <si>
    <t>\\acsfs\Deptos\EDUCACAO EMPRESARIAL\FERNANDA MONIT\Ligação para Mutant terceiro Ciclo\Kellzylenne Aparecida Silva Rabelo_1_6771091181463998956_1_32.wav</t>
  </si>
  <si>
    <t>12/30/2019 09:36:35</t>
  </si>
  <si>
    <t>12/30/2019 09:41:29</t>
  </si>
  <si>
    <t>14faae08-a49f-43c6-abbd-1f129b4c571f.tmp</t>
  </si>
  <si>
    <t>\\acsfs\profiles$\alessandraan\Downloads\14faae08-a49f-43c6-abbd-1f129b4c571f.tmp</t>
  </si>
  <si>
    <t>12/30/2019 09:37:15</t>
  </si>
  <si>
    <t>12/30/2019 09:42:29</t>
  </si>
  <si>
    <t>12/30/2019 09:40:26</t>
  </si>
  <si>
    <t>0a68d7d9-a011-49ca-beb6-5a14290e8b72.tmp</t>
  </si>
  <si>
    <t>\\acsfs\profiles$\maxmillianosv\Downloads\0a68d7d9-a011-49ca-beb6-5a14290e8b72.tmp</t>
  </si>
  <si>
    <t>12/30/2019 09:38:26</t>
  </si>
  <si>
    <t>60178beb-c86b-4910-ba03-d2651cc8cfc9.tmp</t>
  </si>
  <si>
    <t>\\acsfs\profiles$\vivianealda\Downloads\60178beb-c86b-4910-ba03-d2651cc8cfc9.tmp</t>
  </si>
  <si>
    <t>12/30/2019 09:39:04</t>
  </si>
  <si>
    <t>lu321723xo971.tmp</t>
  </si>
  <si>
    <t>\\acsfs\profiles$\LUCASBS\RENEG BV\lu321723xo971.tmp</t>
  </si>
  <si>
    <t>\\acsfs\profiles$\LUCASBS\RENEG BV\lu321723xo971.tmp\</t>
  </si>
  <si>
    <t>\\acsfs\profiles$\LUCASBS\RENEG BV\lu321723xo971.tmp\META-INF\</t>
  </si>
  <si>
    <t>\\acsfs\profiles$\LUCASBS\RENEG BV\lu321723xo971.tmp\Thumbnails\</t>
  </si>
  <si>
    <t>12/30/2019 09:42:35</t>
  </si>
  <si>
    <t>12/30/2019 09:43:29</t>
  </si>
  <si>
    <t>12/30/2019 09:38:44</t>
  </si>
  <si>
    <t>12/30/2019 09:40:13</t>
  </si>
  <si>
    <t>12/30/2019 09:44:29</t>
  </si>
  <si>
    <t>10.200.67.175</t>
  </si>
  <si>
    <t>34-E6-D7-FC-B9-59</t>
  </si>
  <si>
    <t>VOTORANT-MB018</t>
  </si>
  <si>
    <t>inarajst</t>
  </si>
  <si>
    <t>\\acsfs\profiles$\inarajst\Downloads\</t>
  </si>
  <si>
    <t>cf0d0c3f-4b3f-41f8-976e-1a5480455b30.tmp</t>
  </si>
  <si>
    <t>\\acsfs\profiles$\inarajst\Downloads\cf0d0c3f-4b3f-41f8-976e-1a5480455b30.tmp</t>
  </si>
  <si>
    <t>12/30/2019 09:41:20</t>
  </si>
  <si>
    <t>f97b3558-d7c5-4419-851c-e0d46516ede0.tmp</t>
  </si>
  <si>
    <t>\\acsfs\profiles$\inarajst\Downloads\f97b3558-d7c5-4419-851c-e0d46516ede0.tmp</t>
  </si>
  <si>
    <t>12/30/2019 09:42:12</t>
  </si>
  <si>
    <t>bf699eb2-ea96-4555-84c2-b51fed46a38c.tmp</t>
  </si>
  <si>
    <t>\\acsfs\profiles$\inarajst\Downloads\bf699eb2-ea96-4555-84c2-b51fed46a38c.tmp</t>
  </si>
  <si>
    <t>12/30/2019 09:41:27</t>
  </si>
  <si>
    <t>12/30/2019 09:41:30</t>
  </si>
  <si>
    <t>12/30/2019 09:41:37</t>
  </si>
  <si>
    <t>12/30/2019 09:41:41</t>
  </si>
  <si>
    <t>12/30/2019 09:41:50</t>
  </si>
  <si>
    <t>12/30/2019 09:42:02</t>
  </si>
  <si>
    <t>12/30/2019 09:42:04</t>
  </si>
  <si>
    <t>12/30/2019 09:41:03</t>
  </si>
  <si>
    <t>12/30/2019 09:45:29</t>
  </si>
  <si>
    <t>lu246123wyp32.tmp</t>
  </si>
  <si>
    <t>\\acsfs\profiles$\FLAVIOJMM\My Documents\lu246123wyp32.tmp</t>
  </si>
  <si>
    <t>\\acsfs\profiles$\FLAVIOJMM\My Documents\lu246123wyp32.tmp\</t>
  </si>
  <si>
    <t>\\acsfs\profiles$\FLAVIOJMM\My Documents\lu246123wyp32.tmp\META-INF\</t>
  </si>
  <si>
    <t>12/30/2019 09:43:43</t>
  </si>
  <si>
    <t>\\acsfs\profiles$\FLAVIOJMM\My Documents\lu246123wyp32.tmp\Thumbnails\</t>
  </si>
  <si>
    <t>12/30/2019 09:42:48</t>
  </si>
  <si>
    <t>lu18284u6z.tmp</t>
  </si>
  <si>
    <t>\\acsfs\profiles$\CLAUDIAJCA\lu18284u6z.tmp</t>
  </si>
  <si>
    <t>\\acsfs\profiles$\CLAUDIAJCA\lu18284u6z.tmp\</t>
  </si>
  <si>
    <t>\\acsfs\profiles$\CLAUDIAJCA\lu18284u6z.tmp\META-INF\</t>
  </si>
  <si>
    <t>\\acsfs\profiles$\CLAUDIAJCA\lu18284u6z.tmp\Thumbnails\</t>
  </si>
  <si>
    <t>12/30/2019 09:43:54</t>
  </si>
  <si>
    <t>12/30/2019 09:46:29</t>
  </si>
  <si>
    <t>12/30/2019 09:41:01</t>
  </si>
  <si>
    <t>12/30/2019 09:45:25</t>
  </si>
  <si>
    <t>c93b1edb-7672-4c8b-826a-bdf55c19d40d.tmp</t>
  </si>
  <si>
    <t>\\acsfs\profiles$\ALYNYA\Downloads\c93b1edb-7672-4c8b-826a-bdf55c19d40d.tmp</t>
  </si>
  <si>
    <t>12/30/2019 09:46:05</t>
  </si>
  <si>
    <t>12/30/2019 09:47:29</t>
  </si>
  <si>
    <t>919c408d-6da5-41a8-a448-95bb3f5fd30d.tmp</t>
  </si>
  <si>
    <t>\\acsfs\profiles$\lucasgpe\Downloads\919c408d-6da5-41a8-a448-95bb3f5fd30d.tmp</t>
  </si>
  <si>
    <t>12/30/2019 09:42:11</t>
  </si>
  <si>
    <t>a08e127f-aaca-4702-91db-94031ce4cd75.tmp</t>
  </si>
  <si>
    <t>\\acsfs\profiles$\maxmillianosv\Downloads\a08e127f-aaca-4702-91db-94031ce4cd75.tmp</t>
  </si>
  <si>
    <t>12/30/2019 09:42:15</t>
  </si>
  <si>
    <t>fa51faa4-de53-4bb9-bd95-9b3ac5cbfefc.tmp</t>
  </si>
  <si>
    <t>\\acsfs\profiles$\maxmillianosv\Downloads\fa51faa4-de53-4bb9-bd95-9b3ac5cbfefc.tmp</t>
  </si>
  <si>
    <t>12/30/2019 09:42:19</t>
  </si>
  <si>
    <t>b808ae6e-e911-4eb4-9385-b1cf6f35e19a.tmp</t>
  </si>
  <si>
    <t>\\acsfs\profiles$\maxmillianosv\Downloads\b808ae6e-e911-4eb4-9385-b1cf6f35e19a.tmp</t>
  </si>
  <si>
    <t>12/30/2019 09:42:27</t>
  </si>
  <si>
    <t>793edefa-01af-4b5d-8130-5fef526308e4.tmp</t>
  </si>
  <si>
    <t>\\acsfs\profiles$\maxmillianosv\Downloads\793edefa-01af-4b5d-8130-5fef526308e4.tmp</t>
  </si>
  <si>
    <t>12/30/2019 09:46:24</t>
  </si>
  <si>
    <t>12/30/2019 09:49:29</t>
  </si>
  <si>
    <t>8775ebfa-bdfa-41c0-9bcb-5edd96deabb0.tmp</t>
  </si>
  <si>
    <t>\\acsfs\profiles$\leticiala\Downloads\8775ebfa-bdfa-41c0-9bcb-5edd96deabb0.tmp</t>
  </si>
  <si>
    <t>12/30/2019 09:46:30</t>
  </si>
  <si>
    <t>42590f1e-26e8-4cee-92b6-d9a0cd8d88f2.tmp</t>
  </si>
  <si>
    <t>\\acsfs\profiles$\leticiala\Downloads\42590f1e-26e8-4cee-92b6-d9a0cd8d88f2.tmp</t>
  </si>
  <si>
    <t>12/30/2019 09:46:52</t>
  </si>
  <si>
    <t>372576ca-3ee3-4c63-a2d7-b53502f3abb9.tmp</t>
  </si>
  <si>
    <t>\\acsfs\profiles$\leticiala\Downloads\372576ca-3ee3-4c63-a2d7-b53502f3abb9.tmp</t>
  </si>
  <si>
    <t>12/30/2019 09:47:02</t>
  </si>
  <si>
    <t>12/30/2019 09:48:02</t>
  </si>
  <si>
    <t>12/30/2019 09:48:38</t>
  </si>
  <si>
    <t>12/30/2019 09:50:28</t>
  </si>
  <si>
    <t>12/30/2019 09:44:43</t>
  </si>
  <si>
    <t>12/30/2019 09:48:39</t>
  </si>
  <si>
    <t>lu246123wyp37.tmp</t>
  </si>
  <si>
    <t>\\acsfs\profiles$\FLAVIOJMM\My Documents\lu246123wyp37.tmp</t>
  </si>
  <si>
    <t>\\acsfs\profiles$\FLAVIOJMM\My Documents\lu246123wyp37.tmp\</t>
  </si>
  <si>
    <t>\\acsfs\profiles$\FLAVIOJMM\My Documents\lu246123wyp37.tmp\META-INF\</t>
  </si>
  <si>
    <t>\\acsfs\profiles$\FLAVIOJMM\My Documents\lu246123wyp37.tmp\Thumbnails\</t>
  </si>
  <si>
    <t>12/30/2019 09:46:57</t>
  </si>
  <si>
    <t>2ad49755-03f9-4b10-8b97-bc7fc540531e.tmp</t>
  </si>
  <si>
    <t>\\acsfs\profiles$\inarajst\Downloads\2ad49755-03f9-4b10-8b97-bc7fc540531e.tmp</t>
  </si>
  <si>
    <t>12/30/2019 09:48:26</t>
  </si>
  <si>
    <t>c2c790fd-1856-4462-a904-e3c0456eeb14.tmp</t>
  </si>
  <si>
    <t>\\acsfs\profiles$\inarajst\Downloads\c2c790fd-1856-4462-a904-e3c0456eeb14.tmp</t>
  </si>
  <si>
    <t>12/30/2019 09:48:47</t>
  </si>
  <si>
    <t>23bf8070-bbcc-4985-8e78-9b7f60f10a35.tmp</t>
  </si>
  <si>
    <t>\\acsfs\profiles$\inarajst\Downloads\23bf8070-bbcc-4985-8e78-9b7f60f10a35.tmp</t>
  </si>
  <si>
    <t>12/30/2019 09:48:51</t>
  </si>
  <si>
    <t>b45dbee5-fa01-4303-abeb-7ed9c4d62cd4.tmp</t>
  </si>
  <si>
    <t>\\acsfs\profiles$\inarajst\Downloads\b45dbee5-fa01-4303-abeb-7ed9c4d62cd4.tmp</t>
  </si>
  <si>
    <t>12/30/2019 09:51:29</t>
  </si>
  <si>
    <t>MATHEUS HENRIQUE DOS SANTOS (13415).contact</t>
  </si>
  <si>
    <t>\\acsfs\profiles$\matheushds\Contacts\MATHEUS HENRIQUE DOS SANTOS (13415).contact</t>
  </si>
  <si>
    <t>12/30/2019 09:50:42</t>
  </si>
  <si>
    <t>12/30/2019 09:50:43</t>
  </si>
  <si>
    <t>12/30/2019 09:50:44</t>
  </si>
  <si>
    <t>12/30/2019 09:50:45</t>
  </si>
  <si>
    <t>12/30/2019 09:50:46</t>
  </si>
  <si>
    <t>12/30/2019 09:50:47</t>
  </si>
  <si>
    <t>12/30/2019 09:50:48</t>
  </si>
  <si>
    <t>12/30/2019 09:50:53</t>
  </si>
  <si>
    <t>12/30/2019 09:50:49</t>
  </si>
  <si>
    <t>12/30/2019 09:47:31</t>
  </si>
  <si>
    <t>12/30/2019 09:52:28</t>
  </si>
  <si>
    <t>d50b58ae-4295-4d50-98ed-89d7032bfb9e.tmp</t>
  </si>
  <si>
    <t>\\acsfs\profiles$\adelvinsonle\Downloads\d50b58ae-4295-4d50-98ed-89d7032bfb9e.tmp</t>
  </si>
  <si>
    <t>12/30/2019 09:48:10</t>
  </si>
  <si>
    <t>02e1e3e1-8649-43d3-98ba-4f918026314d.tmp</t>
  </si>
  <si>
    <t>\\acsfs\profiles$\henriquehmdo\Downloads\02e1e3e1-8649-43d3-98ba-4f918026314d.tmp</t>
  </si>
  <si>
    <t>12/30/2019 09:47:37</t>
  </si>
  <si>
    <t>lu321723xo976.tmp</t>
  </si>
  <si>
    <t>\\acsfs\profiles$\LUCASBS\RENEG BV\lu321723xo976.tmp</t>
  </si>
  <si>
    <t>\\acsfs\profiles$\LUCASBS\RENEG BV\lu321723xo976.tmp\</t>
  </si>
  <si>
    <t>\\acsfs\profiles$\LUCASBS\RENEG BV\lu321723xo976.tmp\META-INF\</t>
  </si>
  <si>
    <t>\\acsfs\profiles$\LUCASBS\RENEG BV\lu321723xo976.tmp\Thumbnails\</t>
  </si>
  <si>
    <t>12/30/2019 09:50:19</t>
  </si>
  <si>
    <t>12/30/2019 09:50:20</t>
  </si>
  <si>
    <t>lu321723xo97b.tmp</t>
  </si>
  <si>
    <t>\\acsfs\profiles$\LUCASBS\RENEG BV\lu321723xo97b.tmp</t>
  </si>
  <si>
    <t>\\acsfs\profiles$\LUCASBS\RENEG BV\lu321723xo97b.tmp\</t>
  </si>
  <si>
    <t>\\acsfs\profiles$\LUCASBS\RENEG BV\lu321723xo97b.tmp\META-INF\</t>
  </si>
  <si>
    <t>\\acsfs\profiles$\LUCASBS\RENEG BV\lu321723xo97b.tmp\Thumbnails\</t>
  </si>
  <si>
    <t>12/30/2019 09:50:22</t>
  </si>
  <si>
    <t>12/30/2019 09:50:23</t>
  </si>
  <si>
    <t>lu321723xo97g.tmp</t>
  </si>
  <si>
    <t>\\acsfs\profiles$\LUCASBS\RENEG BV\lu321723xo97g.tmp</t>
  </si>
  <si>
    <t>\\acsfs\profiles$\LUCASBS\RENEG BV\lu321723xo97g.tmp\</t>
  </si>
  <si>
    <t>\\acsfs\profiles$\LUCASBS\RENEG BV\lu321723xo97g.tmp\META-INF\</t>
  </si>
  <si>
    <t>\\acsfs\profiles$\LUCASBS\RENEG BV\lu321723xo97g.tmp\Thumbnails\</t>
  </si>
  <si>
    <t>12/30/2019 09:51:19</t>
  </si>
  <si>
    <t>12/30/2019 09:53:29</t>
  </si>
  <si>
    <t>TALITA SANTOS SILVA CASTRO (30051).contact</t>
  </si>
  <si>
    <t>\\acsfs\profiles$\talitassc\Contacts\TALITA SANTOS SILVA CASTRO (30051).contact</t>
  </si>
  <si>
    <t>12/30/2019 09:51:20</t>
  </si>
  <si>
    <t>12/30/2019 09:52:02</t>
  </si>
  <si>
    <t>12/30/2019 09:52:03</t>
  </si>
  <si>
    <t>12/30/2019 09:52:04</t>
  </si>
  <si>
    <t>12/30/2019 09:52:05</t>
  </si>
  <si>
    <t>12/30/2019 09:52:06</t>
  </si>
  <si>
    <t>12/30/2019 09:52:07</t>
  </si>
  <si>
    <t>12/30/2019 09:52:08</t>
  </si>
  <si>
    <t>12/30/2019 09:52:09</t>
  </si>
  <si>
    <t>12/30/2019 09:52:10</t>
  </si>
  <si>
    <t>12/30/2019 09:52:11</t>
  </si>
  <si>
    <t>12/30/2019 09:52:12</t>
  </si>
  <si>
    <t>12/30/2019 09:52:13</t>
  </si>
  <si>
    <t>12/30/2019 09:52:14</t>
  </si>
  <si>
    <t>12/30/2019 09:52:15</t>
  </si>
  <si>
    <t>12/30/2019 09:52:18</t>
  </si>
  <si>
    <t>12/30/2019 09:52:19</t>
  </si>
  <si>
    <t>12/30/2019 09:52:20</t>
  </si>
  <si>
    <t>12/30/2019 09:52:21</t>
  </si>
  <si>
    <t>12/30/2019 09:52:22</t>
  </si>
  <si>
    <t>12/30/2019 09:52:23</t>
  </si>
  <si>
    <t>12/30/2019 09:52:24</t>
  </si>
  <si>
    <t>12/30/2019 09:52:25</t>
  </si>
  <si>
    <t>12/30/2019 09:50:00</t>
  </si>
  <si>
    <t>12/30/2019 09:50:01</t>
  </si>
  <si>
    <t>12/30/2019 09:50:11</t>
  </si>
  <si>
    <t>12/30/2019 09:50:12</t>
  </si>
  <si>
    <t>875f74e0-fc50-43ec-99d7-f59e353e59b6.tmp</t>
  </si>
  <si>
    <t>\\acsfs\profiles$\sarahbal\Downloads\875f74e0-fc50-43ec-99d7-f59e353e59b6.tmp</t>
  </si>
  <si>
    <t>12/30/2019 09:53:02</t>
  </si>
  <si>
    <t>12/30/2019 09:54:29</t>
  </si>
  <si>
    <t>12/30/2019 09:54:02</t>
  </si>
  <si>
    <t>12/30/2019 09:49:44</t>
  </si>
  <si>
    <t>12/30/2019 09:55:28</t>
  </si>
  <si>
    <t>12/30/2019 09:51:10</t>
  </si>
  <si>
    <t>12/30/2019 09:53:44</t>
  </si>
  <si>
    <t>12/30/2019 09:53:53</t>
  </si>
  <si>
    <t>12/30/2019 09:54:03</t>
  </si>
  <si>
    <t>12/30/2019 09:54:18</t>
  </si>
  <si>
    <t>Fernando Freitas Silva_1_6770729351944145874_1_32.wav</t>
  </si>
  <si>
    <t>\\acsfs\Deptos\EDUCACAO EMPRESARIAL\FERNANDA MONIT\Ligação para Mutant terceiro Ciclo\Fernando Freitas Silva_1_6770729351944145874_1_32.wav</t>
  </si>
  <si>
    <t>12/30/2019 09:51:33</t>
  </si>
  <si>
    <t>12/30/2019 09:51:53</t>
  </si>
  <si>
    <t>12/30/2019 09:56:29</t>
  </si>
  <si>
    <t>12/30/2019 09:53:17</t>
  </si>
  <si>
    <t>12/30/2019 09:53:47</t>
  </si>
  <si>
    <t>12/30/2019 09:51:22</t>
  </si>
  <si>
    <t>12/30/2019 09:51:07</t>
  </si>
  <si>
    <t>12/30/2019 09:51:08</t>
  </si>
  <si>
    <t>12/30/2019 09:53:01</t>
  </si>
  <si>
    <t>cae244fc-c966-4f30-84ac-320585137625.tmp</t>
  </si>
  <si>
    <t>\\acsfs\profiles$\matheushds\Downloads\cae244fc-c966-4f30-84ac-320585137625.tmp</t>
  </si>
  <si>
    <t>35dabcf2-a44a-4139-a723-a833e25a8e53.tmp</t>
  </si>
  <si>
    <t>\\acsfs\profiles$\matheushds\Downloads\35dabcf2-a44a-4139-a723-a833e25a8e53.tmp</t>
  </si>
  <si>
    <t>12/30/2019 09:54:46</t>
  </si>
  <si>
    <t>f381ecf6-170c-409e-9666-69fb5ea5e2e3.tmp</t>
  </si>
  <si>
    <t>\\acsfs\profiles$\matheushds\Downloads\f381ecf6-170c-409e-9666-69fb5ea5e2e3.tmp</t>
  </si>
  <si>
    <t>12/30/2019 09:55:43</t>
  </si>
  <si>
    <t>9f0dd8ac-6f4d-4ef7-8af4-f885e174e6e9.tmp</t>
  </si>
  <si>
    <t>\\acsfs\profiles$\matheushds\Downloads\9f0dd8ac-6f4d-4ef7-8af4-f885e174e6e9.tmp</t>
  </si>
  <si>
    <t>12/30/2019 09:52:29</t>
  </si>
  <si>
    <t>12/30/2019 09:57:28</t>
  </si>
  <si>
    <t>12/30/2019 09:53:34</t>
  </si>
  <si>
    <t>lu168722jg4up.tmp</t>
  </si>
  <si>
    <t>\\acsfs\profiles$\dhiulliananads\My Documents\lu168722jg4up.tmp</t>
  </si>
  <si>
    <t>\\acsfs\profiles$\dhiulliananads\My Documents\lu168722jg4up.tmp\</t>
  </si>
  <si>
    <t>\\acsfs\profiles$\dhiulliananads\My Documents\lu168722jg4up.tmp\META-INF\</t>
  </si>
  <si>
    <t>\\acsfs\profiles$\dhiulliananads\My Documents\lu168722jg4up.tmp\Thumbnails\</t>
  </si>
  <si>
    <t>12/30/2019 09:54:17</t>
  </si>
  <si>
    <t>lu168722jg4uv.tmp</t>
  </si>
  <si>
    <t>\\acsfs\profiles$\dhiulliananads\My Documents\lu168722jg4uv.tmp</t>
  </si>
  <si>
    <t>\\acsfs\profiles$\dhiulliananads\My Documents\lu168722jg4uv.tmp\</t>
  </si>
  <si>
    <t>\\acsfs\profiles$\dhiulliananads\My Documents\lu168722jg4uv.tmp\META-INF\</t>
  </si>
  <si>
    <t>\\acsfs\profiles$\dhiulliananads\My Documents\lu168722jg4uv.tmp\Thumbnails\</t>
  </si>
  <si>
    <t>12/30/2019 09:55:05</t>
  </si>
  <si>
    <t>lu168722jg4v1.tmp</t>
  </si>
  <si>
    <t>\\acsfs\profiles$\dhiulliananads\My Documents\lu168722jg4v1.tmp</t>
  </si>
  <si>
    <t>\\acsfs\profiles$\dhiulliananads\My Documents\lu168722jg4v1.tmp\</t>
  </si>
  <si>
    <t>\\acsfs\profiles$\dhiulliananads\My Documents\lu168722jg4v1.tmp\META-INF\</t>
  </si>
  <si>
    <t>\\acsfs\profiles$\dhiulliananads\My Documents\lu168722jg4v1.tmp\Thumbnails\</t>
  </si>
  <si>
    <t>12/30/2019 09:56:24</t>
  </si>
  <si>
    <t>f08726c9-c9f9-48a6-9423-8ed88dfc2753.tmp</t>
  </si>
  <si>
    <t>\\acsfs\profiles$\maxmillianosv\Downloads\f08726c9-c9f9-48a6-9423-8ed88dfc2753.tmp</t>
  </si>
  <si>
    <t>12/30/2019 09:52:36</t>
  </si>
  <si>
    <t>754fba4f-ab04-47ca-8d42-adf363f80fd4.tmp</t>
  </si>
  <si>
    <t>\\acsfs\profiles$\marcellewdl\Downloads\754fba4f-ab04-47ca-8d42-adf363f80fd4.tmp</t>
  </si>
  <si>
    <t>12/30/2019 09:52:42</t>
  </si>
  <si>
    <t>ad85b2d4-9511-441f-ab55-849c2f552252.tmp</t>
  </si>
  <si>
    <t>\\acsfs\profiles$\marcellewdl\Downloads\ad85b2d4-9511-441f-ab55-849c2f552252.tmp</t>
  </si>
  <si>
    <t>12/30/2019 09:55:12</t>
  </si>
  <si>
    <t>aa843e22-1a83-4fad-a241-fc30576f2e9b.tmp</t>
  </si>
  <si>
    <t>\\acsfs\profiles$\marcellewdl\Downloads\aa843e22-1a83-4fad-a241-fc30576f2e9b.tmp</t>
  </si>
  <si>
    <t>12/30/2019 09:56:15</t>
  </si>
  <si>
    <t>249cc209-9650-43b7-83d9-8f526e9d574e.tmp</t>
  </si>
  <si>
    <t>\\acsfs\profiles$\marcellewdl\Downloads\249cc209-9650-43b7-83d9-8f526e9d574e.tmp</t>
  </si>
  <si>
    <t>12/30/2019 09:53:27</t>
  </si>
  <si>
    <t>12/30/2019 09:58:29</t>
  </si>
  <si>
    <t>12/30/2019 09:53:28</t>
  </si>
  <si>
    <t>12/30/2019 09:57:24</t>
  </si>
  <si>
    <t>12/30/2019 09:57:47</t>
  </si>
  <si>
    <t>016164c4-4006-4777-88e5-503e6938c30c.tmp</t>
  </si>
  <si>
    <t>\\acsfs\profiles$\sarahbal\Downloads\016164c4-4006-4777-88e5-503e6938c30c.tmp</t>
  </si>
  <si>
    <t>12/30/2019 09:54:42</t>
  </si>
  <si>
    <t>12/30/2019 09:59:28</t>
  </si>
  <si>
    <t>12/30/2019 09:59:02</t>
  </si>
  <si>
    <t>12/30/2019 10:00:28</t>
  </si>
  <si>
    <t>12/30/2019 09:56:43</t>
  </si>
  <si>
    <t>12/30/2019 09:55:50</t>
  </si>
  <si>
    <t>12/30/2019 09:57:05</t>
  </si>
  <si>
    <t>e81ef67a-c143-41c7-aa8b-2dcb26aee444.tmp</t>
  </si>
  <si>
    <t>\\acsfs\profiles$\mariliafplb\Downloads\e81ef67a-c143-41c7-aa8b-2dcb26aee444.tmp</t>
  </si>
  <si>
    <t>12/30/2019 09:59:52</t>
  </si>
  <si>
    <t>\\acsfs\Deptos\EDUCACAO EMPRESARIAL\FERNANDA MONIT\Fernanda\</t>
  </si>
  <si>
    <t>ILHA FLAG - ATUALIZADO Flag Contestação de Despesas.pdf</t>
  </si>
  <si>
    <t>\\acsfs\Deptos\EDUCACAO EMPRESARIAL\2 - Operações\0.01 BV CARTÕES\Larisa\ILHA FLAG - ATUALIZADO Flag Contestação de Despesas.pdf</t>
  </si>
  <si>
    <t>12/30/2019 09:56:13</t>
  </si>
  <si>
    <t>12/30/2019 10:01:29</t>
  </si>
  <si>
    <t>12/30/2019 09:56:14</t>
  </si>
  <si>
    <t>12/30/2019 09:57:53</t>
  </si>
  <si>
    <t>12/30/2019 09:57:54</t>
  </si>
  <si>
    <t>12/30/2019 09:58:59</t>
  </si>
  <si>
    <t>12/30/2019 10:02:29</t>
  </si>
  <si>
    <t>12/30/2019 09:58:38</t>
  </si>
  <si>
    <t>e712da60-1274-41e1-9e5a-05538d1292ec.tmp</t>
  </si>
  <si>
    <t>\\acsfs\profiles$\vivianealda\Downloads\e712da60-1274-41e1-9e5a-05538d1292ec.tmp</t>
  </si>
  <si>
    <t>12/30/2019 10:01:05</t>
  </si>
  <si>
    <t>12/30/2019 10:01:06</t>
  </si>
  <si>
    <t>lu321723xo97p.tmp</t>
  </si>
  <si>
    <t>\\acsfs\profiles$\LUCASBS\RENEG BV\lu321723xo97p.tmp</t>
  </si>
  <si>
    <t>\\acsfs\profiles$\LUCASBS\RENEG BV\lu321723xo97p.tmp\</t>
  </si>
  <si>
    <t>\\acsfs\profiles$\LUCASBS\RENEG BV\lu321723xo97p.tmp\META-INF\</t>
  </si>
  <si>
    <t>\\acsfs\profiles$\LUCASBS\RENEG BV\lu321723xo97p.tmp\Thumbnails\</t>
  </si>
  <si>
    <t>12/30/2019 10:02:38</t>
  </si>
  <si>
    <t>12/30/2019 10:03:28</t>
  </si>
  <si>
    <t>12/30/2019 10:00:21</t>
  </si>
  <si>
    <t>12/30/2019 10:04:29</t>
  </si>
  <si>
    <t>CPF 85098868653 - OPERADORA ADRIELY APARECIDA SILVA_1_6772576724752346369_1_32.wav</t>
  </si>
  <si>
    <t>\\acsfs\Deptos\EDUCACAO EMPRESARIAL\KÉSIA\Ligações 3º ciclo - Késia\CPF 85098868653 - OPERADORA ADRIELY APARECIDA SILVA_1_6772576724752346369_1_32.wav</t>
  </si>
  <si>
    <t>12/30/2019 10:00:02</t>
  </si>
  <si>
    <t>12/30/2019 10:01:44</t>
  </si>
  <si>
    <t>12/30/2019 10:05:28</t>
  </si>
  <si>
    <t>12/30/2019 10:02:43</t>
  </si>
  <si>
    <t>12/30/2019 09:59:54</t>
  </si>
  <si>
    <t>lu246123wyp3g.tmp</t>
  </si>
  <si>
    <t>\\acsfs\profiles$\FLAVIOJMM\My Documents\lu246123wyp3g.tmp</t>
  </si>
  <si>
    <t>\\acsfs\profiles$\FLAVIOJMM\My Documents\lu246123wyp3g.tmp\</t>
  </si>
  <si>
    <t>\\acsfs\profiles$\FLAVIOJMM\My Documents\lu246123wyp3g.tmp\META-INF\</t>
  </si>
  <si>
    <t>\\acsfs\profiles$\FLAVIOJMM\My Documents\lu246123wyp3g.tmp\Thumbnails\</t>
  </si>
  <si>
    <t>12/30/2019 10:03:52</t>
  </si>
  <si>
    <t>lu246123wyp3l.tmp</t>
  </si>
  <si>
    <t>\\acsfs\profiles$\FLAVIOJMM\My Documents\lu246123wyp3l.tmp</t>
  </si>
  <si>
    <t>\\acsfs\profiles$\FLAVIOJMM\My Documents\lu246123wyp3l.tmp\</t>
  </si>
  <si>
    <t>\\acsfs\profiles$\FLAVIOJMM\My Documents\lu246123wyp3l.tmp\META-INF\</t>
  </si>
  <si>
    <t>\\acsfs\profiles$\FLAVIOJMM\My Documents\lu246123wyp3l.tmp\Thumbnails\</t>
  </si>
  <si>
    <t>12/30/2019 10:01:14</t>
  </si>
  <si>
    <t>\\acsfs\Deptos\EDUCACAO EMPRESARIAL\2 - Operações\0.01 BV CARTÕES\Larisa\</t>
  </si>
  <si>
    <t>\\acsfs\Deptos\EDUCACAO EMPRESARIAL\2 - Operações\0.01 BV CARTÕES\Larisa\Thumbs.db</t>
  </si>
  <si>
    <t>12/30/2019 10:02:41</t>
  </si>
  <si>
    <t>22058da0-2331-41ab-8f8e-22f355b3cf31.tmp</t>
  </si>
  <si>
    <t>\\acsfs\profiles$\inarajst\Downloads\22058da0-2331-41ab-8f8e-22f355b3cf31.tmp</t>
  </si>
  <si>
    <t>12/30/2019 10:04:34</t>
  </si>
  <si>
    <t>12/30/2019 10:06:29</t>
  </si>
  <si>
    <t>12/30/2019 10:05:41</t>
  </si>
  <si>
    <t>6f1cd120-cb91-4c08-9b41-e42c8007fa76.tmp</t>
  </si>
  <si>
    <t>\\acsfs\profiles$\quindaizaagds\Downloads\6f1cd120-cb91-4c08-9b41-e42c8007fa76.tmp</t>
  </si>
  <si>
    <t>12/30/2019 10:02:55</t>
  </si>
  <si>
    <t>75159fa0-fc60-4b73-9f9f-95577a5d893b.tmp</t>
  </si>
  <si>
    <t>\\acsfs\profiles$\ayalabfi\Downloads\75159fa0-fc60-4b73-9f9f-95577a5d893b.tmp</t>
  </si>
  <si>
    <t>12/30/2019 10:03:06</t>
  </si>
  <si>
    <t>12/30/2019 10:02:12</t>
  </si>
  <si>
    <t>12/30/2019 10:07:29</t>
  </si>
  <si>
    <t>12/30/2019 10:05:01</t>
  </si>
  <si>
    <t>12/30/2019 10:05:03</t>
  </si>
  <si>
    <t>12/30/2019 10:09:29</t>
  </si>
  <si>
    <t>12/30/2019 10:06:03</t>
  </si>
  <si>
    <t>12/30/2019 10:07:43</t>
  </si>
  <si>
    <t>12/30/2019 10:10:29</t>
  </si>
  <si>
    <t>12/30/2019 10:08:43</t>
  </si>
  <si>
    <t>12/30/2019 10:07:53</t>
  </si>
  <si>
    <t>12/30/2019 10:07:54</t>
  </si>
  <si>
    <t>lu246123wyp3q.tmp</t>
  </si>
  <si>
    <t>\\acsfs\profiles$\FLAVIOJMM\My Documents\lu246123wyp3q.tmp</t>
  </si>
  <si>
    <t>\\acsfs\profiles$\FLAVIOJMM\My Documents\lu246123wyp3q.tmp\</t>
  </si>
  <si>
    <t>\\acsfs\profiles$\FLAVIOJMM\My Documents\lu246123wyp3q.tmp\META-INF\</t>
  </si>
  <si>
    <t>\\acsfs\profiles$\FLAVIOJMM\My Documents\lu246123wyp3q.tmp\Thumbnails\</t>
  </si>
  <si>
    <t>12/30/2019 10:06:42</t>
  </si>
  <si>
    <t>12/30/2019 10:07:00</t>
  </si>
  <si>
    <t>12/30/2019 10:07:22</t>
  </si>
  <si>
    <t>12/30/2019 10:08:07</t>
  </si>
  <si>
    <t>12/30/2019 10:07:13</t>
  </si>
  <si>
    <t>12/30/2019 10:11:29</t>
  </si>
  <si>
    <t>Holerite_122019_2106151.pdf.7t3wt9z.partial</t>
  </si>
  <si>
    <t>\\acsfs\profiles$\monicargds\Downloads\Holerite_122019_2106151.pdf.7t3wt9z.partial</t>
  </si>
  <si>
    <t>12/30/2019 10:12:29</t>
  </si>
  <si>
    <t>12/30/2019 10:11:25</t>
  </si>
  <si>
    <t>\\acsfs\profiles$\tainaralg\My Documents\My Music\Thumbs.db</t>
  </si>
  <si>
    <t>12/30/2019 10:11:04</t>
  </si>
  <si>
    <t>12/30/2019 10:11:05</t>
  </si>
  <si>
    <t>lu321723xo97u.tmp</t>
  </si>
  <si>
    <t>\\acsfs\profiles$\LUCASBS\RENEG BV\lu321723xo97u.tmp</t>
  </si>
  <si>
    <t>\\acsfs\profiles$\LUCASBS\RENEG BV\lu321723xo97u.tmp\</t>
  </si>
  <si>
    <t>\\acsfs\profiles$\LUCASBS\RENEG BV\lu321723xo97u.tmp\META-INF\</t>
  </si>
  <si>
    <t>\\acsfs\profiles$\LUCASBS\RENEG BV\lu321723xo97u.tmp\Thumbnails\</t>
  </si>
  <si>
    <t>12/30/2019 10:11:16</t>
  </si>
  <si>
    <t>12/30/2019 10:12:12</t>
  </si>
  <si>
    <t>12/30/2019 10:13:29</t>
  </si>
  <si>
    <t>12/30/2019 10:09:51</t>
  </si>
  <si>
    <t>12/30/2019 10:14:29</t>
  </si>
  <si>
    <t>12/30/2019 10:11:03</t>
  </si>
  <si>
    <t>12/30/2019 10:12:03</t>
  </si>
  <si>
    <t>12/30/2019 10:09:48</t>
  </si>
  <si>
    <t>12/30/2019 10:09:59</t>
  </si>
  <si>
    <t>74bd58e0-ad61-4ca6-b0fd-4f5f49465034.tmp</t>
  </si>
  <si>
    <t>\\acsfs\profiles$\mariliafplb\Downloads\74bd58e0-ad61-4ca6-b0fd-4f5f49465034.tmp</t>
  </si>
  <si>
    <t>12/30/2019 10:10:32</t>
  </si>
  <si>
    <t>5419beb0-9c0b-41ec-85cf-cf0ccdfadc51.tmp</t>
  </si>
  <si>
    <t>\\acsfs\profiles$\mariliafplb\Downloads\5419beb0-9c0b-41ec-85cf-cf0ccdfadc51.tmp</t>
  </si>
  <si>
    <t>12/30/2019 10:10:36</t>
  </si>
  <si>
    <t>3b63ab1f-38d4-41cb-96c2-0623cb3d3a46.tmp</t>
  </si>
  <si>
    <t>\\acsfs\profiles$\mariliafplb\Downloads\3b63ab1f-38d4-41cb-96c2-0623cb3d3a46.tmp</t>
  </si>
  <si>
    <t>12/30/2019 10:13:43</t>
  </si>
  <si>
    <t>12/30/2019 10:15:29</t>
  </si>
  <si>
    <t>12/30/2019 10:11:58</t>
  </si>
  <si>
    <t>4ea8564d-737b-49f2-8854-c4a27c3101e5.tmp</t>
  </si>
  <si>
    <t>\\acsfs\profiles$\mariajra\Downloads\4ea8564d-737b-49f2-8854-c4a27c3101e5.tmp</t>
  </si>
  <si>
    <t>12/30/2019 10:12:06</t>
  </si>
  <si>
    <t>99e9446b-f0ac-4444-970d-7183db5c7b96.tmp</t>
  </si>
  <si>
    <t>\\acsfs\profiles$\mariajra\Downloads\99e9446b-f0ac-4444-970d-7183db5c7b96.tmp</t>
  </si>
  <si>
    <t>12/30/2019 10:14:21</t>
  </si>
  <si>
    <t>12/30/2019 10:11:02</t>
  </si>
  <si>
    <t>nathaliarmr</t>
  </si>
  <si>
    <t>\\acsfs\profiles$\nathaliarmr\Downloads\</t>
  </si>
  <si>
    <t>99a485dd-5f25-4ad9-bfd6-ec66b1ac8a48.tmp</t>
  </si>
  <si>
    <t>\\acsfs\profiles$\nathaliarmr\Downloads\99a485dd-5f25-4ad9-bfd6-ec66b1ac8a48.tmp</t>
  </si>
  <si>
    <t>12/30/2019 10:12:51</t>
  </si>
  <si>
    <t>8ad9aa5f-bbb8-479b-ab26-d39c5e5ea16a.tmp</t>
  </si>
  <si>
    <t>\\acsfs\profiles$\nathaliarmr\Downloads\8ad9aa5f-bbb8-479b-ab26-d39c5e5ea16a.tmp</t>
  </si>
  <si>
    <t>12/30/2019 10:15:31</t>
  </si>
  <si>
    <t>12/30/2019 10:16:29</t>
  </si>
  <si>
    <t>3fe141b7-476b-42f9-8b8f-a99086ca68f4.tmp</t>
  </si>
  <si>
    <t>\\acsfs\profiles$\milenaas\Downloads\3fe141b7-476b-42f9-8b8f-a99086ca68f4.tmp</t>
  </si>
  <si>
    <t>12/30/2019 10:14:00</t>
  </si>
  <si>
    <t>12/30/2019 10:17:30</t>
  </si>
  <si>
    <t>12/30/2019 10:13:47</t>
  </si>
  <si>
    <t>12/30/2019 10:15:27</t>
  </si>
  <si>
    <t>12/30/2019 10:15:28</t>
  </si>
  <si>
    <t>lu277003zdp1k.tmp</t>
  </si>
  <si>
    <t>\\acsfs\profiles$\LUCASBS\RENEG BV\lu277003zdp1k.tmp</t>
  </si>
  <si>
    <t>\\acsfs\profiles$\LUCASBS\RENEG BV\lu277003zdp1k.tmp\</t>
  </si>
  <si>
    <t>\\acsfs\profiles$\LUCASBS\RENEG BV\lu277003zdp1k.tmp\META-INF\</t>
  </si>
  <si>
    <t>\\acsfs\profiles$\LUCASBS\RENEG BV\lu277003zdp1k.tmp\Thumbnails\</t>
  </si>
  <si>
    <t>12/30/2019 10:17:04</t>
  </si>
  <si>
    <t>6d70e320-4694-4b66-8501-942e959c2929.tmp</t>
  </si>
  <si>
    <t>\\acsfs\profiles$\LUCASBS\Downloads\6d70e320-4694-4b66-8501-942e959c2929.tmp</t>
  </si>
  <si>
    <t>12/30/2019 10:17:43</t>
  </si>
  <si>
    <t>12/30/2019 10:18:29</t>
  </si>
  <si>
    <t>12/30/2019 10:18:28</t>
  </si>
  <si>
    <t>12/30/2019 10:19:29</t>
  </si>
  <si>
    <t>\\acsfs\Deptos\EDUCACAO EMPRESARIAL\KÉSIA\LIGAÇÕES 1220\CPF 85098868653 - OPERADORA ADRIELY APARECIDA SILVA_1_6772576724752346369_1_32.wav</t>
  </si>
  <si>
    <t>12/30/2019 10:17:36</t>
  </si>
  <si>
    <t>12/30/2019 10:17:03</t>
  </si>
  <si>
    <t>12/30/2019 10:18:03</t>
  </si>
  <si>
    <t>12/30/2019 10:18:06</t>
  </si>
  <si>
    <t>eea0616a-a30f-4154-8adf-109629273064.tmp</t>
  </si>
  <si>
    <t>\\acsfs\profiles$\mariliafplb\Downloads\eea0616a-a30f-4154-8adf-109629273064.tmp</t>
  </si>
  <si>
    <t>12/30/2019 10:18:11</t>
  </si>
  <si>
    <t>fb0372cc-b433-42ad-bc9b-00ab24ca9393.tmp</t>
  </si>
  <si>
    <t>\\acsfs\profiles$\mariliafplb\Downloads\fb0372cc-b433-42ad-bc9b-00ab24ca9393.tmp</t>
  </si>
  <si>
    <t>12/30/2019 10:14:43</t>
  </si>
  <si>
    <t>12/30/2019 10:20:29</t>
  </si>
  <si>
    <t>12/30/2019 10:18:15</t>
  </si>
  <si>
    <t>12/30/2019 10:16:04</t>
  </si>
  <si>
    <t>12/30/2019 10:21:29</t>
  </si>
  <si>
    <t>12/30/2019 10:16:22</t>
  </si>
  <si>
    <t>12/30/2019 10:20:31</t>
  </si>
  <si>
    <t>12/30/2019 10:20:08</t>
  </si>
  <si>
    <t>12/30/2019 10:22:29</t>
  </si>
  <si>
    <t>9fb1583a-c372-44d4-976f-18f4588ce764.tmp</t>
  </si>
  <si>
    <t>\\acsfs\profiles$\wenderbnm\Downloads\9fb1583a-c372-44d4-976f-18f4588ce764.tmp</t>
  </si>
  <si>
    <t>12/30/2019 10:19:18</t>
  </si>
  <si>
    <t>38564b64-3dac-4b88-b660-40e6a7d1c50e.tmp</t>
  </si>
  <si>
    <t>\\acsfs\profiles$\nayarasds\Downloads\38564b64-3dac-4b88-b660-40e6a7d1c50e.tmp</t>
  </si>
  <si>
    <t>12/30/2019 10:22:05</t>
  </si>
  <si>
    <t>12/30/2019 10:23:29</t>
  </si>
  <si>
    <t>21d8acd7-684c-4764-92df-f72b86fb3b49.tmp</t>
  </si>
  <si>
    <t>\\acsfs\profiles$\ANAPDSB\Downloads\21d8acd7-684c-4764-92df-f72b86fb3b49.tmp</t>
  </si>
  <si>
    <t>12/30/2019 10:22:13</t>
  </si>
  <si>
    <t>Q29udHJvbGxlci5DYWxjdWxhZG9yYURlVmVuY2lt (22).ica</t>
  </si>
  <si>
    <t>\\acsfs\profiles$\ANAPDSB\Downloads\Q29udHJvbGxlci5DYWxjdWxhZG9yYURlVmVuY2lt (22).ica</t>
  </si>
  <si>
    <t>12/30/2019 10:23:22</t>
  </si>
  <si>
    <t>12/30/2019 10:24:29</t>
  </si>
  <si>
    <t>84837d69-971d-45e4-aff2-ae553f6e3c38.tmp</t>
  </si>
  <si>
    <t>\\acsfs\profiles$\isabellegtds\Downloads\84837d69-971d-45e4-aff2-ae553f6e3c38.tmp</t>
  </si>
  <si>
    <t>12/30/2019 10:23:03</t>
  </si>
  <si>
    <t>12/30/2019 10:24:03</t>
  </si>
  <si>
    <t>12/30/2019 10:19:43</t>
  </si>
  <si>
    <t>12/30/2019 10:25:29</t>
  </si>
  <si>
    <t>12/30/2019 10:20:43</t>
  </si>
  <si>
    <t>12/30/2019 10:23:05</t>
  </si>
  <si>
    <t>lu18284u7g.tmp</t>
  </si>
  <si>
    <t>\\acsfs\profiles$\CLAUDIAJCA\lu18284u7g.tmp</t>
  </si>
  <si>
    <t>\\acsfs\profiles$\CLAUDIAJCA\lu18284u7g.tmp\</t>
  </si>
  <si>
    <t>\\acsfs\profiles$\CLAUDIAJCA\lu18284u7g.tmp\META-INF\</t>
  </si>
  <si>
    <t>\\acsfs\profiles$\CLAUDIAJCA\lu18284u7g.tmp\Thumbnails\</t>
  </si>
  <si>
    <t>12/30/2019 10:23:58</t>
  </si>
  <si>
    <t>12/30/2019 10:24:13</t>
  </si>
  <si>
    <t>LOGIN LOGOUT FINANCEIRA - EXTRAÇÂO - Cópia.xlsx</t>
  </si>
  <si>
    <t>\\acsfs\DEPTOS\Operacao\PCP\5 - Comum\JUKA\Login Logout Financeira\LOGIN LOGOUT FINANCEIRA - EXTRAÇÂO - Cópia.xlsx</t>
  </si>
  <si>
    <t>12/30/2019 10:24:28</t>
  </si>
  <si>
    <t>12/30/2019 10:24:41</t>
  </si>
  <si>
    <t>12/30/2019 10:21:47</t>
  </si>
  <si>
    <t>12/30/2019 10:25:26</t>
  </si>
  <si>
    <t>12/30/2019 10:26:29</t>
  </si>
  <si>
    <t>12/30/2019 10:21:35</t>
  </si>
  <si>
    <t>9ba6a569-b4f4-44f1-a8b6-c67c66a1d1c3.tmp</t>
  </si>
  <si>
    <t>\\acsfs\profiles$\milenaas\Downloads\9ba6a569-b4f4-44f1-a8b6-c67c66a1d1c3.tmp</t>
  </si>
  <si>
    <t>12/30/2019 10:22:42</t>
  </si>
  <si>
    <t>12/30/2019 10:27:29</t>
  </si>
  <si>
    <t>a4976f91-d177-4403-beac-7cc7fec6e8f6.tmp</t>
  </si>
  <si>
    <t>\\acsfs\profiles$\nayarasds\Downloads\a4976f91-d177-4403-beac-7cc7fec6e8f6.tmp</t>
  </si>
  <si>
    <t>12/30/2019 10:26:50</t>
  </si>
  <si>
    <t>7822b9ed-2abe-41af-8b76-03fdf54685b8.tmp</t>
  </si>
  <si>
    <t>\\acsfs\profiles$\nayarasds\Downloads\7822b9ed-2abe-41af-8b76-03fdf54685b8.tmp</t>
  </si>
  <si>
    <t>12/30/2019 10:26:51</t>
  </si>
  <si>
    <t>12/30/2019 10:22:38</t>
  </si>
  <si>
    <t>12/30/2019 10:22:39</t>
  </si>
  <si>
    <t>lu277003zdp1p.tmp</t>
  </si>
  <si>
    <t>\\acsfs\profiles$\LUCASBS\RENEG BV\lu277003zdp1p.tmp</t>
  </si>
  <si>
    <t>\\acsfs\profiles$\LUCASBS\RENEG BV\lu277003zdp1p.tmp\</t>
  </si>
  <si>
    <t>\\acsfs\profiles$\LUCASBS\RENEG BV\lu277003zdp1p.tmp\META-INF\</t>
  </si>
  <si>
    <t>\\acsfs\profiles$\LUCASBS\RENEG BV\lu277003zdp1p.tmp\Thumbnails\</t>
  </si>
  <si>
    <t>12/30/2019 10:25:47</t>
  </si>
  <si>
    <t>lu277003zdp1u.tmp</t>
  </si>
  <si>
    <t>\\acsfs\profiles$\LUCASBS\RENEG BV\lu277003zdp1u.tmp</t>
  </si>
  <si>
    <t>\\acsfs\profiles$\LUCASBS\RENEG BV\lu277003zdp1u.tmp\</t>
  </si>
  <si>
    <t>\\acsfs\profiles$\LUCASBS\RENEG BV\lu277003zdp1u.tmp\META-INF\</t>
  </si>
  <si>
    <t>\\acsfs\profiles$\LUCASBS\RENEG BV\lu277003zdp1u.tmp\Thumbnails\</t>
  </si>
  <si>
    <t>12/30/2019 10:24:45</t>
  </si>
  <si>
    <t>12/30/2019 10:28:29</t>
  </si>
  <si>
    <t>751af9bd-8a7a-4acc-9d39-5ff681185ec9.tmp</t>
  </si>
  <si>
    <t>\\acsfs\profiles$\laianear\Downloads\751af9bd-8a7a-4acc-9d39-5ff681185ec9.tmp</t>
  </si>
  <si>
    <t>12/30/2019 10:26:58</t>
  </si>
  <si>
    <t>12/30/2019 10:23:45</t>
  </si>
  <si>
    <t>67f6d958-4e20-4c63-9dc0-712e4642714c.tmp</t>
  </si>
  <si>
    <t>\\acsfs\profiles$\THYAGOSP\Downloads\67f6d958-4e20-4c63-9dc0-712e4642714c.tmp</t>
  </si>
  <si>
    <t>f5d59fad-b8ba-4c49-82f6-02ae670d8e7f.tmp</t>
  </si>
  <si>
    <t>\\acsfs\profiles$\THYAGOSP\Downloads\f5d59fad-b8ba-4c49-82f6-02ae670d8e7f.tmp</t>
  </si>
  <si>
    <t>12/30/2019 10:23:35</t>
  </si>
  <si>
    <t>77cc1883-6771-4a0a-babe-a210198cc495.tmp</t>
  </si>
  <si>
    <t>\\acsfs\profiles$\ANAPDSB\Downloads\77cc1883-6771-4a0a-babe-a210198cc495.tmp</t>
  </si>
  <si>
    <t>12/30/2019 10:23:28</t>
  </si>
  <si>
    <t>12/30/2019 10:29:29</t>
  </si>
  <si>
    <t>12/30/2019 10:25:30</t>
  </si>
  <si>
    <t>12/30/2019 10:25:34</t>
  </si>
  <si>
    <t>12/30/2019 10:25:46</t>
  </si>
  <si>
    <t>12/30/2019 10:25:58</t>
  </si>
  <si>
    <t>12/30/2019 10:26:14</t>
  </si>
  <si>
    <t>12/30/2019 10:26:15</t>
  </si>
  <si>
    <t>12/30/2019 10:25:23</t>
  </si>
  <si>
    <t>5cda4f2c-de29-4385-b879-53388b551c43.tmp</t>
  </si>
  <si>
    <t>\\acsfs\profiles$\YASMINSC\Downloads\5cda4f2c-de29-4385-b879-53388b551c43.tmp</t>
  </si>
  <si>
    <t>12/30/2019 10:27:02</t>
  </si>
  <si>
    <t>lu486444aoe3t.tmp</t>
  </si>
  <si>
    <t>\\acsfs\profiles$\paulovadc\lu486444aoe3t.tmp</t>
  </si>
  <si>
    <t>\\acsfs\profiles$\paulovadc\lu486444aoe3t.tmp\</t>
  </si>
  <si>
    <t>\\acsfs\profiles$\paulovadc\lu486444aoe3t.tmp\META-INF\</t>
  </si>
  <si>
    <t>\\acsfs\profiles$\paulovadc\lu486444aoe3t.tmp\Thumbnails\</t>
  </si>
  <si>
    <t>12/30/2019 10:29:03</t>
  </si>
  <si>
    <t>12/30/2019 10:25:43</t>
  </si>
  <si>
    <t>12/30/2019 10:30:29</t>
  </si>
  <si>
    <t>12/30/2019 10:26:43</t>
  </si>
  <si>
    <t>12/30/2019 10:28:40</t>
  </si>
  <si>
    <t>mail.google.com/sync/u/0/i/s?hl=pt-BR&amp;c=403</t>
  </si>
  <si>
    <t>12/30/2019 10:28:45</t>
  </si>
  <si>
    <t>12/30/2019 10:28:52</t>
  </si>
  <si>
    <t>12/30/2019 10:29:02</t>
  </si>
  <si>
    <t>12/30/2019 10:29:11</t>
  </si>
  <si>
    <t>12/30/2019 10:29:14</t>
  </si>
  <si>
    <t>12/30/2019 10:29:19</t>
  </si>
  <si>
    <t>mail.google.com/sync/u/0/i/s?hl=pt-BR&amp;c=416</t>
  </si>
  <si>
    <t>931e5470-f456-4237-b261-3580ef30c468.tmp</t>
  </si>
  <si>
    <t>\\acsfs\profiles$\valeriasda\Downloads\931e5470-f456-4237-b261-3580ef30c468.tmp</t>
  </si>
  <si>
    <t>12/30/2019 10:26:20</t>
  </si>
  <si>
    <t>a715e86c-e845-4f4e-a360-c014f1822195.tmp</t>
  </si>
  <si>
    <t>\\acsfs\profiles$\valeriasda\Downloads\a715e86c-e845-4f4e-a360-c014f1822195.tmp</t>
  </si>
  <si>
    <t>12/30/2019 10:26:24</t>
  </si>
  <si>
    <t>40a61bf3-8ce3-489e-9f42-c63d2c8c3635.tmp</t>
  </si>
  <si>
    <t>\\acsfs\profiles$\valeriasda\Downloads\40a61bf3-8ce3-489e-9f42-c63d2c8c3635.tmp</t>
  </si>
  <si>
    <t>beace43d-d534-489b-926a-405a69b032c8.tmp</t>
  </si>
  <si>
    <t>\\acsfs\profiles$\valeriasda\Downloads\beace43d-d534-489b-926a-405a69b032c8.tmp</t>
  </si>
  <si>
    <t>12/30/2019 10:27:04</t>
  </si>
  <si>
    <t>12/30/2019 10:27:24</t>
  </si>
  <si>
    <t>941f6c59-bd66-41dc-a406-6aad6eb48fa1.tmp</t>
  </si>
  <si>
    <t>\\acsfs\profiles$\valeriasda\Downloads\941f6c59-bd66-41dc-a406-6aad6eb48fa1.tmp</t>
  </si>
  <si>
    <t>12/30/2019 10:27:32</t>
  </si>
  <si>
    <t>94fb72be-51cf-4e66-83af-0a92774c800a.tmp</t>
  </si>
  <si>
    <t>\\acsfs\profiles$\valeriasda\Downloads\94fb72be-51cf-4e66-83af-0a92774c800a.tmp</t>
  </si>
  <si>
    <t>12/30/2019 10:30:25</t>
  </si>
  <si>
    <t>12/30/2019 10:31:29</t>
  </si>
  <si>
    <t>12/30/2019 10:28:34</t>
  </si>
  <si>
    <t>12/30/2019 10:31:19</t>
  </si>
  <si>
    <t>12/30/2019 10:32:29</t>
  </si>
  <si>
    <t>12/30/2019 10:28:56</t>
  </si>
  <si>
    <t>lu70096a2i0ul.tmp</t>
  </si>
  <si>
    <t>\\acsfs\profiles$\jonatanls\My Documents\lu70096a2i0ul.tmp</t>
  </si>
  <si>
    <t>12/30/2019 10:30:33</t>
  </si>
  <si>
    <t>2a68d085-4fd5-481f-bd8a-cbb03444d349.tmp</t>
  </si>
  <si>
    <t>\\acsfs\profiles$\marcellewdl\Downloads\2a68d085-4fd5-481f-bd8a-cbb03444d349.tmp</t>
  </si>
  <si>
    <t>12/30/2019 10:29:47</t>
  </si>
  <si>
    <t>12/30/2019 10:29:48</t>
  </si>
  <si>
    <t>lu277003zdp1z.tmp</t>
  </si>
  <si>
    <t>\\acsfs\profiles$\LUCASBS\RENEG BV\lu277003zdp1z.tmp</t>
  </si>
  <si>
    <t>\\acsfs\profiles$\LUCASBS\RENEG BV\lu277003zdp1z.tmp\</t>
  </si>
  <si>
    <t>\\acsfs\profiles$\LUCASBS\RENEG BV\lu277003zdp1z.tmp\META-INF\</t>
  </si>
  <si>
    <t>\\acsfs\profiles$\LUCASBS\RENEG BV\lu277003zdp1z.tmp\Thumbnails\</t>
  </si>
  <si>
    <t>12/30/2019 10:31:26</t>
  </si>
  <si>
    <t>12/30/2019 10:33:29</t>
  </si>
  <si>
    <t>12/30/2019 10:29:31</t>
  </si>
  <si>
    <t>12/30/2019 10:34:29</t>
  </si>
  <si>
    <t>12/30/2019 10:30:03</t>
  </si>
  <si>
    <t>12/30/2019 10:31:43</t>
  </si>
  <si>
    <t>12/30/2019 10:35:29</t>
  </si>
  <si>
    <t>12/30/2019 10:32:43</t>
  </si>
  <si>
    <t>12/30/2019 10:34:07</t>
  </si>
  <si>
    <t>12/30/2019 10:31:31</t>
  </si>
  <si>
    <t>12/30/2019 10:36:29</t>
  </si>
  <si>
    <t>a615c302-357c-47ab-98b1-2a713984d13d.tmp</t>
  </si>
  <si>
    <t>\\acsfs\profiles$\valeriasda\Downloads\a615c302-357c-47ab-98b1-2a713984d13d.tmp</t>
  </si>
  <si>
    <t>12/30/2019 10:32:31</t>
  </si>
  <si>
    <t>12/30/2019 10:33:06</t>
  </si>
  <si>
    <t>12/30/2019 10:33:18</t>
  </si>
  <si>
    <t>12/30/2019 10:35:37</t>
  </si>
  <si>
    <t>12/30/2019 10:32:18</t>
  </si>
  <si>
    <t>12/30/2019 10:37:30</t>
  </si>
  <si>
    <t>60cf2bee-a933-4772-a01b-df024eda58e5.tmp</t>
  </si>
  <si>
    <t>\\acsfs\profiles$\wenderbnm\Downloads\60cf2bee-a933-4772-a01b-df024eda58e5.tmp</t>
  </si>
  <si>
    <t>12/30/2019 10:32:32</t>
  </si>
  <si>
    <t>86619f03-f264-4a71-bbad-0699714d16e2.tmp</t>
  </si>
  <si>
    <t>\\acsfs\profiles$\deborahsi\Downloads\86619f03-f264-4a71-bbad-0699714d16e2.tmp</t>
  </si>
  <si>
    <t>12/30/2019 10:36:23</t>
  </si>
  <si>
    <t>9705caec-7c9c-419a-bd4b-8ca84521a30c.tmp</t>
  </si>
  <si>
    <t>\\acsfs\profiles$\vivianealda\Downloads\9705caec-7c9c-419a-bd4b-8ca84521a30c.tmp</t>
  </si>
  <si>
    <t>12/30/2019 10:35:11</t>
  </si>
  <si>
    <t>12/30/2019 10:38:29</t>
  </si>
  <si>
    <t>df682799-c11a-425c-92f2-678a93aaaffd.tmp</t>
  </si>
  <si>
    <t>\\acsfs\profiles$\kellzylenneasr\Downloads\df682799-c11a-425c-92f2-678a93aaaffd.tmp</t>
  </si>
  <si>
    <t>12/30/2019 10:36:19</t>
  </si>
  <si>
    <t>3cb1a11b-f4a4-4c8c-9a60-dcb8ac8f8573.tmp</t>
  </si>
  <si>
    <t>\\acsfs\profiles$\kellzylenneasr\Downloads\3cb1a11b-f4a4-4c8c-9a60-dcb8ac8f8573.tmp</t>
  </si>
  <si>
    <t>12/30/2019 10:34:02</t>
  </si>
  <si>
    <t>12/30/2019 10:35:01</t>
  </si>
  <si>
    <t>12/30/2019 10:39:30</t>
  </si>
  <si>
    <t>12/30/2019 10:35:03</t>
  </si>
  <si>
    <t>12/30/2019 10:36:03</t>
  </si>
  <si>
    <t>12/30/2019 10:37:43</t>
  </si>
  <si>
    <t>12/30/2019 10:40:30</t>
  </si>
  <si>
    <t>12/30/2019 10:38:43</t>
  </si>
  <si>
    <t>12/30/2019 10:38:27</t>
  </si>
  <si>
    <t>12/30/2019 10:38:34</t>
  </si>
  <si>
    <t>12/30/2019 10:39:11</t>
  </si>
  <si>
    <t>12/30/2019 10:39:21</t>
  </si>
  <si>
    <t>12/30/2019 10:37:38</t>
  </si>
  <si>
    <t>d8e57c4b-2082-4b87-a5fa-52cc745d28e5.tmp</t>
  </si>
  <si>
    <t>\\acsfs\profiles$\mariajra\Downloads\d8e57c4b-2082-4b87-a5fa-52cc745d28e5.tmp</t>
  </si>
  <si>
    <t>12/30/2019 10:39:20</t>
  </si>
  <si>
    <t>c153391d-88aa-4cfb-8c77-2138b7ccbeee.tmp</t>
  </si>
  <si>
    <t>\\acsfs\profiles$\MATEUSJM\Downloads\c153391d-88aa-4cfb-8c77-2138b7ccbeee.tmp</t>
  </si>
  <si>
    <t>12/30/2019 10:39:23</t>
  </si>
  <si>
    <t>12/30/2019 10:39:50</t>
  </si>
  <si>
    <t>12/30/2019 10:41:30</t>
  </si>
  <si>
    <t>f044acb6-936b-48f2-8a08-c9496db9c0a6.tmp</t>
  </si>
  <si>
    <t>\\acsfs\profiles$\luanarda\Downloads\f044acb6-936b-48f2-8a08-c9496db9c0a6.tmp</t>
  </si>
  <si>
    <t>12/30/2019 10:36:55</t>
  </si>
  <si>
    <t>3394f7aa-8565-435d-a794-0139e1d69c1a.tmp</t>
  </si>
  <si>
    <t>\\acsfs\profiles$\gabrielafs\Downloads\3394f7aa-8565-435d-a794-0139e1d69c1a.tmp</t>
  </si>
  <si>
    <t>12/30/2019 10:36:56</t>
  </si>
  <si>
    <t>fbb5d2dd-c48e-4f4c-a479-13ce97b12bc8.tmp</t>
  </si>
  <si>
    <t>\\acsfs\profiles$\gabrielafs\Downloads\fbb5d2dd-c48e-4f4c-a479-13ce97b12bc8.tmp</t>
  </si>
  <si>
    <t>12/30/2019 10:36:57</t>
  </si>
  <si>
    <t>e4559888-0fa5-4f29-9a18-6761da8160a2.tmp</t>
  </si>
  <si>
    <t>\\acsfs\profiles$\gabrielafs\Downloads\e4559888-0fa5-4f29-9a18-6761da8160a2.tmp</t>
  </si>
  <si>
    <t>12/30/2019 10:38:09</t>
  </si>
  <si>
    <t>33eb591d-1072-453b-bc2a-b5258c48e986.tmp</t>
  </si>
  <si>
    <t>\\acsfs\profiles$\gabrielafs\Downloads\33eb591d-1072-453b-bc2a-b5258c48e986.tmp</t>
  </si>
  <si>
    <t>12/30/2019 10:38:15</t>
  </si>
  <si>
    <t>547a4f0b-b1ba-4416-a884-61e955df9dd4.tmp</t>
  </si>
  <si>
    <t>\\acsfs\profiles$\gabrielafs\Downloads\547a4f0b-b1ba-4416-a884-61e955df9dd4.tmp</t>
  </si>
  <si>
    <t>12/30/2019 10:39:56</t>
  </si>
  <si>
    <t>50c1e52f-a318-4024-bb56-90588adec568.tmp</t>
  </si>
  <si>
    <t>\\acsfs\profiles$\gabrielafs\Downloads\50c1e52f-a318-4024-bb56-90588adec568.tmp</t>
  </si>
  <si>
    <t>12/30/2019 10:42:30</t>
  </si>
  <si>
    <t>35336204-832c-4d2a-b1fd-7015d94e38a1.tmp</t>
  </si>
  <si>
    <t>\\acsfs\profiles$\wenderbnm\Downloads\35336204-832c-4d2a-b1fd-7015d94e38a1.tmp</t>
  </si>
  <si>
    <t>12/30/2019 10:41:06</t>
  </si>
  <si>
    <t>12/30/2019 10:43:30</t>
  </si>
  <si>
    <t>12/30/2019 10:41:04</t>
  </si>
  <si>
    <t>12/30/2019 10:44:30</t>
  </si>
  <si>
    <t>12/30/2019 10:42:03</t>
  </si>
  <si>
    <t>12/30/2019 10:43:43</t>
  </si>
  <si>
    <t>12/30/2019 10:45:30</t>
  </si>
  <si>
    <t>12/30/2019 10:42:54</t>
  </si>
  <si>
    <t>4af55917-07a7-4890-b3be-ff8886341c2e.tmp</t>
  </si>
  <si>
    <t>\\acsfs\profiles$\JOAOVAL\Downloads\4af55917-07a7-4890-b3be-ff8886341c2e.tmp</t>
  </si>
  <si>
    <t>12/30/2019 10:42:55</t>
  </si>
  <si>
    <t>4543cec7-0b97-4123-8bc1-e52af38b1cad.tmp</t>
  </si>
  <si>
    <t>\\acsfs\profiles$\JOAOVAL\Downloads\4543cec7-0b97-4123-8bc1-e52af38b1cad.tmp</t>
  </si>
  <si>
    <t>12/30/2019 10:44:29</t>
  </si>
  <si>
    <t>504ccdcb-8072-4017-ad12-e50cfc2539f8.tmp</t>
  </si>
  <si>
    <t>\\acsfs\profiles$\JOAOVAL\Downloads\504ccdcb-8072-4017-ad12-e50cfc2539f8.tmp</t>
  </si>
  <si>
    <t>12/30/2019 10:38:11</t>
  </si>
  <si>
    <t>\\acsfs\profiles$\geovannasm\My Documents\xworkcenter\logs\</t>
  </si>
  <si>
    <t>XLOG_geovannasm_30122019_085553.log</t>
  </si>
  <si>
    <t>\\acsfs\profiles$\geovannasm\My Documents\xworkcenter\logs\XLOG_geovannasm_30122019_085553.log</t>
  </si>
  <si>
    <t>12/30/2019 10:39:46</t>
  </si>
  <si>
    <t>12/30/2019 10:39:53</t>
  </si>
  <si>
    <t>12/30/2019 10:40:00</t>
  </si>
  <si>
    <t>12/30/2019 10:40:07</t>
  </si>
  <si>
    <t>12/30/2019 10:40:21</t>
  </si>
  <si>
    <t>RELATORIO DE LOGIN - FINANCEIRA - 27-12.xlsm</t>
  </si>
  <si>
    <t>\\acsfs\DEPTOS\Operacao\PCP\5 - Comum\PLANEJAMENTO BV\14 - ACOMPANHAMENTO\1 - REPORT ACOMPANHAMENTO\2019\12 - Dezembro\FINANCEIRA\Login Logout Financeira\RELATORIO DE LOGIN - FINANCEIRA - 27-12.xlsm</t>
  </si>
  <si>
    <t>12/30/2019 10:40:25</t>
  </si>
  <si>
    <t>26a5fa00-bfbb-4b38-8680-fe71dfd742ba.tmp</t>
  </si>
  <si>
    <t>\\acsfs\profiles$\MATEUSJM\Downloads\26a5fa00-bfbb-4b38-8680-fe71dfd742ba.tmp</t>
  </si>
  <si>
    <t>12/30/2019 10:44:13</t>
  </si>
  <si>
    <t>Leandro Morais Santos_1_6769323811011638137_1_32.wav</t>
  </si>
  <si>
    <t>\\acsfs\Deptos\EDUCACAO EMPRESARIAL\FERNANDA MONIT\Ligação para Mutant terceiro Ciclo\Leandro Morais Santos_1_6769323811011638137_1_32.wav</t>
  </si>
  <si>
    <t>12/30/2019 10:43:26</t>
  </si>
  <si>
    <t>12/30/2019 10:46:30</t>
  </si>
  <si>
    <t>https://udpmailboxap01.acs.com.br:8443/h/search?si=13&amp;so=0&amp;sc=56788&amp;sfi=2&amp;st=conversation&amp;action=compose&amp;paction=paneview2</t>
  </si>
  <si>
    <t>12/30/2019 10:42:45</t>
  </si>
  <si>
    <t>38797b40-fe58-45e5-95ed-1167285b3b97.tmp</t>
  </si>
  <si>
    <t>\\acsfs\profiles$\ayalabfi\Downloads\38797b40-fe58-45e5-95ed-1167285b3b97.tmp</t>
  </si>
  <si>
    <t>12/30/2019 10:42:51</t>
  </si>
  <si>
    <t>12/30/2019 10:43:31</t>
  </si>
  <si>
    <t>2e398393-b516-437c-b27e-02edd815ec5d.tmp</t>
  </si>
  <si>
    <t>\\acsfs\profiles$\nathaliadf\Downloads\2e398393-b516-437c-b27e-02edd815ec5d.tmp</t>
  </si>
  <si>
    <t>12/30/2019 10:43:58</t>
  </si>
  <si>
    <t>54db6607-a7c7-4ea0-872f-35e8a390d722.tmp</t>
  </si>
  <si>
    <t>\\acsfs\profiles$\nathaliadf\Downloads\54db6607-a7c7-4ea0-872f-35e8a390d722.tmp</t>
  </si>
  <si>
    <t>12/30/2019 10:45:59</t>
  </si>
  <si>
    <t>12/30/2019 10:47:29</t>
  </si>
  <si>
    <t>0b97fd6c-2821-4bd7-9efc-39d717c5c562.tmp</t>
  </si>
  <si>
    <t>\\acsfs\profiles$\deboraaa\Downloads\0b97fd6c-2821-4bd7-9efc-39d717c5c562.tmp</t>
  </si>
  <si>
    <t>12/30/2019 10:46:13</t>
  </si>
  <si>
    <t>793937b3-8b6c-42df-add5-e7eb0d013187.tmp</t>
  </si>
  <si>
    <t>\\acsfs\profiles$\deboraaa\Downloads\793937b3-8b6c-42df-add5-e7eb0d013187.tmp</t>
  </si>
  <si>
    <t>12/30/2019 10:43:01</t>
  </si>
  <si>
    <t>75801dad-d9ce-4af8-9e4e-300d8811344d.tmp</t>
  </si>
  <si>
    <t>\\acsfs\profiles$\nathaliaos\Downloads\75801dad-d9ce-4af8-9e4e-300d8811344d.tmp</t>
  </si>
  <si>
    <t>12/30/2019 10:44:24</t>
  </si>
  <si>
    <t>ce1a35b2-2229-4f40-9521-3811a1e3e5cd.tmp</t>
  </si>
  <si>
    <t>\\acsfs\profiles$\nathaliaos\Downloads\ce1a35b2-2229-4f40-9521-3811a1e3e5cd.tmp</t>
  </si>
  <si>
    <t>12/30/2019 10:45:34</t>
  </si>
  <si>
    <t>79c6d59d-a9f2-4fd6-a632-ab0a5b2869bf.tmp</t>
  </si>
  <si>
    <t>\\acsfs\profiles$\wenderbnm\Downloads\79c6d59d-a9f2-4fd6-a632-ab0a5b2869bf.tmp</t>
  </si>
  <si>
    <t>12/30/2019 10:46:34</t>
  </si>
  <si>
    <t>12/30/2019 10:48:30</t>
  </si>
  <si>
    <t>0818f33a-a369-4996-add1-5200f59a194b.tmp</t>
  </si>
  <si>
    <t>\\acsfs\profiles$\LUCASNS\Downloads\0818f33a-a369-4996-add1-5200f59a194b.tmp</t>
  </si>
  <si>
    <t>12/30/2019 10:46:35</t>
  </si>
  <si>
    <t>76707949-0d40-48c5-9ddc-50199b0cc128.tmp</t>
  </si>
  <si>
    <t>\\acsfs\profiles$\sarahbal\Downloads\76707949-0d40-48c5-9ddc-50199b0cc128.tmp</t>
  </si>
  <si>
    <t>12/30/2019 10:46:04</t>
  </si>
  <si>
    <t>12/30/2019 10:49:30</t>
  </si>
  <si>
    <t>12/30/2019 10:47:03</t>
  </si>
  <si>
    <t>78f454a7-464e-4321-b8a0-77889591a653.tmp</t>
  </si>
  <si>
    <t>\\acsfs\profiles$\mariliafplb\Downloads\78f454a7-464e-4321-b8a0-77889591a653.tmp</t>
  </si>
  <si>
    <t>12/30/2019 10:48:03</t>
  </si>
  <si>
    <t>12/30/2019 10:44:43</t>
  </si>
  <si>
    <t>12/30/2019 10:50:30</t>
  </si>
  <si>
    <t>12/30/2019 10:46:38</t>
  </si>
  <si>
    <t>82264ac6-57f2-4607-a519-8b50249f0823.tmp</t>
  </si>
  <si>
    <t>\\acsfs\profiles$\JOAOVAL\Downloads\82264ac6-57f2-4607-a519-8b50249f0823.tmp</t>
  </si>
  <si>
    <t>12/30/2019 10:44:53</t>
  </si>
  <si>
    <t>12/30/2019 10:47:47</t>
  </si>
  <si>
    <t>RELATORIO DE LOGIN - FINANCEIRA - 27-12 - Cópia.xlsm</t>
  </si>
  <si>
    <t>\\acsfs\DEPTOS\Operacao\PCP\5 - Comum\PLANEJAMENTO BV\14 - ACOMPANHAMENTO\1 - REPORT ACOMPANHAMENTO\2019\12 - Dezembro\FINANCEIRA\Login Logout Financeira\RELATORIO DE LOGIN - FINANCEIRA - 27-12 - Cópia.xlsm</t>
  </si>
  <si>
    <t>12/30/2019 10:48:06</t>
  </si>
  <si>
    <t>12/30/2019 10:51:30</t>
  </si>
  <si>
    <t>98f384fb-7cac-4ffe-9adc-d502f1bfcbb4.tmp</t>
  </si>
  <si>
    <t>\\acsfs\profiles$\ayalabfi\Downloads\98f384fb-7cac-4ffe-9adc-d502f1bfcbb4.tmp</t>
  </si>
  <si>
    <t>12/30/2019 10:49:43</t>
  </si>
  <si>
    <t>12/30/2019 10:52:30</t>
  </si>
  <si>
    <t>Holerite_122019_2106291.pdf.ismggyi.partial</t>
  </si>
  <si>
    <t>\\acsfs\profiles$\sayharaefs\Downloads\Holerite_122019_2106291.pdf.ismggyi.partial</t>
  </si>
  <si>
    <t>12/30/2019 10:49:27</t>
  </si>
  <si>
    <t>6e12c12c-968f-4be1-b219-eb2a5f920d8c.tmp</t>
  </si>
  <si>
    <t>\\acsfs\profiles$\gabrielarb\Downloads\6e12c12c-968f-4be1-b219-eb2a5f920d8c.tmp</t>
  </si>
  <si>
    <t>12/30/2019 10:47:14</t>
  </si>
  <si>
    <t>735ee980-6e52-4d5c-a604-06187be3921a.tmp</t>
  </si>
  <si>
    <t>\\acsfs\profiles$\henriquehmdo\Downloads\735ee980-6e52-4d5c-a604-06187be3921a.tmp</t>
  </si>
  <si>
    <t>12/30/2019 10:47:30</t>
  </si>
  <si>
    <t>627e2c99-15ef-43f1-8fea-1bcc9930b4ea.tmp</t>
  </si>
  <si>
    <t>\\acsfs\profiles$\henriquehmdo\Downloads\627e2c99-15ef-43f1-8fea-1bcc9930b4ea.tmp</t>
  </si>
  <si>
    <t>12/30/2019 10:48:21</t>
  </si>
  <si>
    <t>12/30/2019 10:53:30</t>
  </si>
  <si>
    <t>90c6d0b6-f6c5-4277-bd5b-583737bc72b0.tmp</t>
  </si>
  <si>
    <t>\\acsfs\profiles$\kellzylenneasr\Downloads\90c6d0b6-f6c5-4277-bd5b-583737bc72b0.tmp</t>
  </si>
  <si>
    <t>12/30/2019 10:48:39</t>
  </si>
  <si>
    <t>82892bea-4db8-4881-800c-b48c03d83458.tmp</t>
  </si>
  <si>
    <t>\\acsfs\profiles$\kellzylenneasr\Downloads\82892bea-4db8-4881-800c-b48c03d83458.tmp</t>
  </si>
  <si>
    <t>12/30/2019 10:48:52</t>
  </si>
  <si>
    <t>12/30/2019 10:49:13</t>
  </si>
  <si>
    <t>Holerite_122019_2118642.pdf.ld3q9tw.partial</t>
  </si>
  <si>
    <t>\\acsfs\profiles$\ANAPDSB\Downloads\Holerite_122019_2118642.pdf.ld3q9tw.partial</t>
  </si>
  <si>
    <t>12/30/2019 10:50:57</t>
  </si>
  <si>
    <t>12/30/2019 10:54:30</t>
  </si>
  <si>
    <t>12/30/2019 10:53:26</t>
  </si>
  <si>
    <t>12/30/2019 10:52:22</t>
  </si>
  <si>
    <t>e8637c39-758a-4de2-b3de-c207b9288e5e.tmp</t>
  </si>
  <si>
    <t>\\acsfs\profiles$\mariellecs\Downloads\e8637c39-758a-4de2-b3de-c207b9288e5e.tmp</t>
  </si>
  <si>
    <t>12/30/2019 10:49:41</t>
  </si>
  <si>
    <t>12/30/2019 10:49:48</t>
  </si>
  <si>
    <t>CPF 85098868653 ADRIANA APARECIDA DE ASSIS ALMEIDA.pdf</t>
  </si>
  <si>
    <t>\\acsfs\Deptos\EDUCACAO EMPRESARIAL\KÉSIA\LIGAÇÕES 1220\CPF 85098868653 ADRIANA APARECIDA DE ASSIS ALMEIDA.pdf</t>
  </si>
  <si>
    <t>\\acsfs\Deptos\EDUCACAO EMPRESARIAL\KÉSIA\LIGAÇÕES 1220\CPF 85098868653 ADRIANA APARECIDA DE ASSIS ALMEIDA.pdf\</t>
  </si>
  <si>
    <t>\\acsfs\Deptos\EDUCACAO EMPRESARIAL\KÉSIA\LIGAÇÕES 1220\CPF 85098868653 ADRIANA APARECIDA DE ASSIS ALMEIDA.pdf\:Zone.Identifier:$DATA</t>
  </si>
  <si>
    <t>12/30/2019 10:49:54</t>
  </si>
  <si>
    <t>12/30/2019 10:49:58</t>
  </si>
  <si>
    <t>mail.google.com/_/upload?authuser=0&amp;dcp=asu-n&amp;upload_id=AEnB2UqjWaDSotC4RW43zBte3rz14hNVlO35MOkBxyhak-vLxmY-zxSGjWgeiDQ909B4tlbLDeyKhjPnJ6miyqsMoAICe0_kcw&amp;upload_protocol=resumable</t>
  </si>
  <si>
    <t>12/30/2019 10:53:03</t>
  </si>
  <si>
    <t>12/30/2019 10:54:03</t>
  </si>
  <si>
    <t>12/30/2019 10:55:30</t>
  </si>
  <si>
    <t>12/30/2019 10:50:43</t>
  </si>
  <si>
    <t>12/30/2019 10:51:57</t>
  </si>
  <si>
    <t>020b332e-85a5-44fc-b511-e6aca9e318d6.tmp</t>
  </si>
  <si>
    <t>\\acsfs\profiles$\geovannasm\Downloads\020b332e-85a5-44fc-b511-e6aca9e318d6.tmp</t>
  </si>
  <si>
    <t>12/30/2019 10:54:01</t>
  </si>
  <si>
    <t>2a0055be-db5a-4530-a458-395247b6539a.tmp</t>
  </si>
  <si>
    <t>\\acsfs\profiles$\mariajra\Downloads\2a0055be-db5a-4530-a458-395247b6539a.tmp</t>
  </si>
  <si>
    <t>12/30/2019 10:52:06</t>
  </si>
  <si>
    <t>12/30/2019 10:56:30</t>
  </si>
  <si>
    <t>12/30/2019 10:52:20</t>
  </si>
  <si>
    <t>12/30/2019 10:52:21</t>
  </si>
  <si>
    <t>12/30/2019 10:54:45</t>
  </si>
  <si>
    <t>12/30/2019 10:55:48</t>
  </si>
  <si>
    <t>678e88ea-c210-4964-b768-8cee62e6abf1.tmp</t>
  </si>
  <si>
    <t>\\acsfs\profiles$\gabrielafs\Downloads\678e88ea-c210-4964-b768-8cee62e6abf1.tmp</t>
  </si>
  <si>
    <t>12/30/2019 10:56:15</t>
  </si>
  <si>
    <t>12/30/2019 10:57:29</t>
  </si>
  <si>
    <t>56e671b8-e323-4235-989c-54fd391965af.tmp</t>
  </si>
  <si>
    <t>\\acsfs\profiles$\gabrielarb\Downloads\56e671b8-e323-4235-989c-54fd391965af.tmp</t>
  </si>
  <si>
    <t>12/30/2019 10:53:54</t>
  </si>
  <si>
    <t>d5e5c241-de86-4aac-b29d-c1d1f060237b.tmp</t>
  </si>
  <si>
    <t>\\acsfs\profiles$\jonatanls\Downloads\d5e5c241-de86-4aac-b29d-c1d1f060237b.tmp</t>
  </si>
  <si>
    <t>12/30/2019 10:54:29</t>
  </si>
  <si>
    <t>79f973f1-35b5-4435-a38c-6bebbd0e5944.tmp</t>
  </si>
  <si>
    <t>\\acsfs\profiles$\jonatanls\Downloads\79f973f1-35b5-4435-a38c-6bebbd0e5944.tmp</t>
  </si>
  <si>
    <t>12/30/2019 10:55:43</t>
  </si>
  <si>
    <t>12/30/2019 10:55:44</t>
  </si>
  <si>
    <t>lu168722jg4vi.tmp</t>
  </si>
  <si>
    <t>\\acsfs\profiles$\dhiulliananads\My Documents\lu168722jg4vi.tmp</t>
  </si>
  <si>
    <t>\\acsfs\profiles$\dhiulliananads\My Documents\lu168722jg4vi.tmp\</t>
  </si>
  <si>
    <t>\\acsfs\profiles$\dhiulliananads\My Documents\lu168722jg4vi.tmp\META-INF\</t>
  </si>
  <si>
    <t>\\acsfs\profiles$\dhiulliananads\My Documents\lu168722jg4vi.tmp\Thumbnails\</t>
  </si>
  <si>
    <t>12/30/2019 10:55:05</t>
  </si>
  <si>
    <t>ac48fe7f-5066-4cfc-b3e2-36e4c403eaa3.tmp</t>
  </si>
  <si>
    <t>\\acsfs\profiles$\henriquehmdo\Downloads\ac48fe7f-5066-4cfc-b3e2-36e4c403eaa3.tmp</t>
  </si>
  <si>
    <t>12/30/2019 10:53:51</t>
  </si>
  <si>
    <t>12/30/2019 10:57:44</t>
  </si>
  <si>
    <t>12/30/2019 10:58:30</t>
  </si>
  <si>
    <t>12/30/2019 10:56:44</t>
  </si>
  <si>
    <t>9a8fc8d7-0fb1-4e18-8108-f5f1509cbd79.tmp</t>
  </si>
  <si>
    <t>\\acsfs\profiles$\eduardofss\Downloads\9a8fc8d7-0fb1-4e18-8108-f5f1509cbd79.tmp</t>
  </si>
  <si>
    <t>12/30/2019 10:56:55</t>
  </si>
  <si>
    <t>9684aa1e-8d12-4131-8ef4-3ecb909c6bdc.tmp</t>
  </si>
  <si>
    <t>\\acsfs\profiles$\eduardofss\Downloads\9684aa1e-8d12-4131-8ef4-3ecb909c6bdc.tmp</t>
  </si>
  <si>
    <t>12/30/2019 10:56:57</t>
  </si>
  <si>
    <t>Não confirmado 420104.crdownload</t>
  </si>
  <si>
    <t>\\acsfs\profiles$\eduardofss\Downloads\Não confirmado 420104.crdownload</t>
  </si>
  <si>
    <t>c286c633-abed-4d0b-971b-e5b698ef5573.tmp</t>
  </si>
  <si>
    <t>\\acsfs\profiles$\sarahbal\Downloads\c286c633-abed-4d0b-971b-e5b698ef5573.tmp</t>
  </si>
  <si>
    <t>12/30/2019 10:53:46</t>
  </si>
  <si>
    <t>33d915fa-c391-46f5-93f0-686034d31da8.tmp</t>
  </si>
  <si>
    <t>\\acsfs\profiles$\ROZENCAM\Downloads\33d915fa-c391-46f5-93f0-686034d31da8.tmp</t>
  </si>
  <si>
    <t>12/30/2019 10:53:57</t>
  </si>
  <si>
    <t>8a671566-d785-4eb3-8051-98841c6e939c.tmp</t>
  </si>
  <si>
    <t>\\acsfs\profiles$\ROZENCAM\Downloads\8a671566-d785-4eb3-8051-98841c6e939c.tmp</t>
  </si>
  <si>
    <t>12/30/2019 10:57:24</t>
  </si>
  <si>
    <t>12/30/2019 10:59:30</t>
  </si>
  <si>
    <t>12/30/2019 10:57:28</t>
  </si>
  <si>
    <t>12/30/2019 10:57:36</t>
  </si>
  <si>
    <t>12/30/2019 10:57:39</t>
  </si>
  <si>
    <t>12/30/2019 10:59:03</t>
  </si>
  <si>
    <t>12/30/2019 11:00:30</t>
  </si>
  <si>
    <t>12/30/2019 10:56:43</t>
  </si>
  <si>
    <t>12/30/2019 10:58:35</t>
  </si>
  <si>
    <t>andrelpsa@algartech.com;flora.lira@bv.com.br;jose.gomes@bv.com.br;renata.farina@bv.com.br;supervisaobancovotorantim@algartech.com;</t>
  </si>
  <si>
    <t>andrelpsa@algartech.com,flora.lira@bv.com.br,jose.gomes@bv.com.br,renata.farina@bv.com.br,supervisaobancovotorantim@algartech.com</t>
  </si>
  <si>
    <t>12/30/2019 10:55:07</t>
  </si>
  <si>
    <t>70e2f333-c689-4120-8087-7146d7e16c75.tmp</t>
  </si>
  <si>
    <t>\\acsfs\profiles$\geovannasm\Downloads\70e2f333-c689-4120-8087-7146d7e16c75.tmp</t>
  </si>
  <si>
    <t>12/30/2019 10:57:58</t>
  </si>
  <si>
    <t>532c87f6-edc1-49e2-af1c-a5b2f7aa6467.tmp</t>
  </si>
  <si>
    <t>\\acsfs\profiles$\geovannasm\Downloads\532c87f6-edc1-49e2-af1c-a5b2f7aa6467.tmp</t>
  </si>
  <si>
    <t>12/30/2019 10:59:20</t>
  </si>
  <si>
    <t>3b148b21-8130-4e3d-8da7-a799eb5328dd.tmp</t>
  </si>
  <si>
    <t>\\acsfs\profiles$\geovannasm\Downloads\3b148b21-8130-4e3d-8da7-a799eb5328dd.tmp</t>
  </si>
  <si>
    <t>12/30/2019 10:55:58</t>
  </si>
  <si>
    <t>12/30/2019 10:56:08</t>
  </si>
  <si>
    <t>12/30/2019 10:56:14</t>
  </si>
  <si>
    <t>12/30/2019 10:56:33</t>
  </si>
  <si>
    <t>12/30/2019 10:56:41</t>
  </si>
  <si>
    <t>12/30/2019 10:56:51</t>
  </si>
  <si>
    <t>12/30/2019 10:56:54</t>
  </si>
  <si>
    <t>12/30/2019 10:56:59</t>
  </si>
  <si>
    <t>12/30/2019 10:57:07</t>
  </si>
  <si>
    <t>12/30/2019 10:57:16</t>
  </si>
  <si>
    <t>mail.google.com/sync/u/0/i/s?hl=pt-BR&amp;c=504</t>
  </si>
  <si>
    <t>mail.google.com/sync/u/0/i/s?hl=pt-BR&amp;c=506</t>
  </si>
  <si>
    <t>12/30/2019 10:57:32</t>
  </si>
  <si>
    <t>mail.google.com/sync/u/0/i/s?hl=pt-BR&amp;c=508</t>
  </si>
  <si>
    <t>12/30/2019 10:57:46</t>
  </si>
  <si>
    <t>RELATORIO DE LOGIN - FINANCEIRA - 28-12 - SAC.xlsm</t>
  </si>
  <si>
    <t>\\acsfs\DEPTOS\Operacao\PCP\5 - Comum\PLANEJAMENTO BV\14 - ACOMPANHAMENTO\1 - REPORT ACOMPANHAMENTO\2019\12 - Dezembro\FINANCEIRA\Login Logout Financeira\RELATORIO DE LOGIN - FINANCEIRA - 28-12 - SAC.xlsm</t>
  </si>
  <si>
    <t>12/30/2019 10:57:53</t>
  </si>
  <si>
    <t>mail.google.com/_/upload?authuser=0&amp;dcp=asu-n&amp;upload_id=AEnB2Urv1CTGag9x_EsgOZqWUiGWgoamMVTlnJAG557yPj3XJQZj4Gfdk3VEqUWPX2Of0g7v0uUHG70wH-ZJqM7GoKtGtUYy3WcdfcGCS1tnbBCydkqFmDQ&amp;upload_protocol=resumable</t>
  </si>
  <si>
    <t>12/30/2019 10:56:10</t>
  </si>
  <si>
    <t>c2e3204d-3c68-4eeb-bf89-547b8b0f0cdf.tmp</t>
  </si>
  <si>
    <t>\\acsfs\profiles$\MATEUSJM\Downloads\c2e3204d-3c68-4eeb-bf89-547b8b0f0cdf.tmp</t>
  </si>
  <si>
    <t>12/30/2019 10:56:06</t>
  </si>
  <si>
    <t>95f76afa-41e4-44e2-9a5a-8ac0cf3e1ec9.tmp</t>
  </si>
  <si>
    <t>\\acsfs\profiles$\valeriasda\Downloads\95f76afa-41e4-44e2-9a5a-8ac0cf3e1ec9.tmp</t>
  </si>
  <si>
    <t>12/30/2019 10:56:13</t>
  </si>
  <si>
    <t>12/30/2019 11:01:30</t>
  </si>
  <si>
    <t>7a4b92cc-e68d-4526-8f4c-f9a15b25363e.tmp</t>
  </si>
  <si>
    <t>\\acsfs\profiles$\valeriasda\Downloads\7a4b92cc-e68d-4526-8f4c-f9a15b25363e.tmp</t>
  </si>
  <si>
    <t>12/30/2019 10:57:50</t>
  </si>
  <si>
    <t>12/30/2019 11:00:26</t>
  </si>
  <si>
    <t>https://udpmailboxap01/h/search?si=7&amp;so=0&amp;sc=56580&amp;sfi=2&amp;st=conversation&amp;action=compose&amp;paction=paneview2</t>
  </si>
  <si>
    <t>12/30/2019 11:00:25</t>
  </si>
  <si>
    <t>12/30/2019 11:02:29</t>
  </si>
  <si>
    <t>394ba4d2-5969-4a82-9383-3171e25f9df9.tmp</t>
  </si>
  <si>
    <t>\\acsfs\profiles$\adelvinsonle\Downloads\394ba4d2-5969-4a82-9383-3171e25f9df9.tmp</t>
  </si>
  <si>
    <t>12/30/2019 11:00:03</t>
  </si>
  <si>
    <t>12/30/2019 11:03:30</t>
  </si>
  <si>
    <t>2c4d6c3a-2fc9-443d-b996-f06e7f62b263.tmp</t>
  </si>
  <si>
    <t>\\acsfs\profiles$\eduardofss\Downloads\2c4d6c3a-2fc9-443d-b996-f06e7f62b263.tmp</t>
  </si>
  <si>
    <t>12/30/2019 11:02:30</t>
  </si>
  <si>
    <t>1dba7f50-df3c-488a-9d3b-fc7bde46b234.tmp</t>
  </si>
  <si>
    <t>\\acsfs\profiles$\ROZENCAM\Downloads\1dba7f50-df3c-488a-9d3b-fc7bde46b234.tmp</t>
  </si>
  <si>
    <t>12/30/2019 11:02:45</t>
  </si>
  <si>
    <t>e5aa4f68-9619-4974-b684-44935565b365.tmp</t>
  </si>
  <si>
    <t>\\acsfs\profiles$\ROZENCAM\Downloads\e5aa4f68-9619-4974-b684-44935565b365.tmp</t>
  </si>
  <si>
    <t>12/30/2019 11:04:30</t>
  </si>
  <si>
    <t>12/30/2019 11:01:44</t>
  </si>
  <si>
    <t>12/30/2019 11:05:30</t>
  </si>
  <si>
    <t>12/30/2019 11:02:43</t>
  </si>
  <si>
    <t>09255b7b-3636-4ef6-bf19-1f40bc3f3f23.tmp</t>
  </si>
  <si>
    <t>\\acsfs\profiles$\MATEUSJM\Downloads\09255b7b-3636-4ef6-bf19-1f40bc3f3f23.tmp</t>
  </si>
  <si>
    <t>12/30/2019 11:00:34</t>
  </si>
  <si>
    <t>5617b146-bf09-4253-a9de-0453c240f462.tmp</t>
  </si>
  <si>
    <t>\\acsfs\profiles$\MATEUSJM\Downloads\5617b146-bf09-4253-a9de-0453c240f462.tmp</t>
  </si>
  <si>
    <t>12/30/2019 11:00:29</t>
  </si>
  <si>
    <t>12/30/2019 11:01:01</t>
  </si>
  <si>
    <t>12/30/2019 11:02:17</t>
  </si>
  <si>
    <t>12/30/2019 11:04:59</t>
  </si>
  <si>
    <t>12/30/2019 11:04:01</t>
  </si>
  <si>
    <t>12/30/2019 11:06:30</t>
  </si>
  <si>
    <t>12/30/2019 11:04:23</t>
  </si>
  <si>
    <t>12/30/2019 11:04:38</t>
  </si>
  <si>
    <t>12/30/2019 11:05:02</t>
  </si>
  <si>
    <t>12/30/2019 11:03:41</t>
  </si>
  <si>
    <t>12/30/2019 11:06:00</t>
  </si>
  <si>
    <t>d7fb51ca-1232-4f3e-b168-9ed6ed9cc4e0.tmp</t>
  </si>
  <si>
    <t>\\acsfs\profiles$\luanarda\Downloads\d7fb51ca-1232-4f3e-b168-9ed6ed9cc4e0.tmp</t>
  </si>
  <si>
    <t>12/30/2019 11:03:57</t>
  </si>
  <si>
    <t>583b2c1b-a723-4e42-a34f-68525c05f54d.tmp</t>
  </si>
  <si>
    <t>\\acsfs\profiles$\ALYNYA\Downloads\583b2c1b-a723-4e42-a34f-68525c05f54d.tmp</t>
  </si>
  <si>
    <t>12/30/2019 11:05:33</t>
  </si>
  <si>
    <t>28bf4a73-c231-4708-a203-faa71e9f578d.tmp</t>
  </si>
  <si>
    <t>\\acsfs\profiles$\ALYNYA\Downloads\28bf4a73-c231-4708-a203-faa71e9f578d.tmp</t>
  </si>
  <si>
    <t>12/30/2019 11:07:29</t>
  </si>
  <si>
    <t>194521aa-8a30-44a7-9816-ee91a18980df.tmp</t>
  </si>
  <si>
    <t>\\acsfs\profiles$\gabrielarb\Downloads\194521aa-8a30-44a7-9816-ee91a18980df.tmp</t>
  </si>
  <si>
    <t>12/30/2019 11:05:29</t>
  </si>
  <si>
    <t>12/30/2019 11:06:15</t>
  </si>
  <si>
    <t>12/30/2019 11:09:29</t>
  </si>
  <si>
    <t>CPF 02648480803 - OPERADORA ALYNY ALVES_1_6756908731301177149_1_32.wav</t>
  </si>
  <si>
    <t>\\acsfs\Deptos\EDUCACAO EMPRESARIAL\KÉSIA\LIGAÇÕES 1220\CPF 02648480803 - OPERADORA ALYNY ALVES_1_6756908731301177149_1_32.wav</t>
  </si>
  <si>
    <t>12/30/2019 11:05:45</t>
  </si>
  <si>
    <t>12/30/2019 11:05:03</t>
  </si>
  <si>
    <t>12/30/2019 11:06:03</t>
  </si>
  <si>
    <t>12/30/2019 11:07:19</t>
  </si>
  <si>
    <t>12/30/2019 11:10:30</t>
  </si>
  <si>
    <t>12/30/2019 11:07:43</t>
  </si>
  <si>
    <t>12/30/2019 11:08:43</t>
  </si>
  <si>
    <t>12/30/2019 11:05:00</t>
  </si>
  <si>
    <t>12/30/2019 11:05:01</t>
  </si>
  <si>
    <t>lu246123wyp4b.tmp</t>
  </si>
  <si>
    <t>\\acsfs\profiles$\FLAVIOJMM\My Documents\lu246123wyp4b.tmp</t>
  </si>
  <si>
    <t>\\acsfs\profiles$\FLAVIOJMM\My Documents\lu246123wyp4b.tmp\</t>
  </si>
  <si>
    <t>\\acsfs\profiles$\FLAVIOJMM\My Documents\lu246123wyp4b.tmp\META-INF\</t>
  </si>
  <si>
    <t>\\acsfs\profiles$\FLAVIOJMM\My Documents\lu246123wyp4b.tmp\Thumbnails\</t>
  </si>
  <si>
    <t>12/30/2019 11:06:52</t>
  </si>
  <si>
    <t>12/30/2019 11:06:53</t>
  </si>
  <si>
    <t>lu18284u7z.tmp</t>
  </si>
  <si>
    <t>\\acsfs\profiles$\CLAUDIAJCA\lu18284u7z.tmp</t>
  </si>
  <si>
    <t>\\acsfs\profiles$\CLAUDIAJCA\lu18284u7z.tmp\</t>
  </si>
  <si>
    <t>\\acsfs\profiles$\CLAUDIAJCA\lu18284u7z.tmp\META-INF\</t>
  </si>
  <si>
    <t>\\acsfs\profiles$\CLAUDIAJCA\lu18284u7z.tmp\Thumbnails\</t>
  </si>
  <si>
    <t>12/30/2019 11:07:46</t>
  </si>
  <si>
    <t>RELATORIO DE LOGIN - FINANCEIRA - 28-12 - SAC - Cópia.xlsm</t>
  </si>
  <si>
    <t>\\acsfs\DEPTOS\Operacao\PCP\5 - Comum\PLANEJAMENTO BV\14 - ACOMPANHAMENTO\1 - REPORT ACOMPANHAMENTO\2019\12 - Dezembro\FINANCEIRA\Login Logout Financeira\RELATORIO DE LOGIN - FINANCEIRA - 28-12 - SAC - Cópia.xlsm</t>
  </si>
  <si>
    <t>b4fa4aa2-f915-4384-9089-042dfca46ca3.tmp</t>
  </si>
  <si>
    <t>\\acsfs\profiles$\MATEUSJM\Downloads\b4fa4aa2-f915-4384-9089-042dfca46ca3.tmp</t>
  </si>
  <si>
    <t>12/30/2019 11:06:54</t>
  </si>
  <si>
    <t>ff330586-dfe8-4e70-94a9-aec73badf080.tmp</t>
  </si>
  <si>
    <t>\\acsfs\profiles$\MATEUSJM\Downloads\ff330586-dfe8-4e70-94a9-aec73badf080.tmp</t>
  </si>
  <si>
    <t>12/30/2019 11:09:08</t>
  </si>
  <si>
    <t>12/30/2019 11:11:30</t>
  </si>
  <si>
    <t>12/30/2019 11:09:09</t>
  </si>
  <si>
    <t>12/30/2019 11:09:15</t>
  </si>
  <si>
    <t>12/30/2019 11:09:20</t>
  </si>
  <si>
    <t>12/30/2019 11:09:21</t>
  </si>
  <si>
    <t>12/30/2019 11:09:23</t>
  </si>
  <si>
    <t>12/30/2019 11:08:20</t>
  </si>
  <si>
    <t>12/30/2019 11:11:21</t>
  </si>
  <si>
    <t>12/30/2019 11:13:30</t>
  </si>
  <si>
    <t>89b234d8-9756-495c-9135-52c04c5a9ae3.tmp</t>
  </si>
  <si>
    <t>\\acsfs\profiles$\KARENDSR\Downloads\89b234d8-9756-495c-9135-52c04c5a9ae3.tmp</t>
  </si>
  <si>
    <t>12/30/2019 11:09:17</t>
  </si>
  <si>
    <t>12/30/2019 11:14:30</t>
  </si>
  <si>
    <t>12/30/2019 11:11:06</t>
  </si>
  <si>
    <t>55be8dff-5551-4c10-a999-6b5be6a946ca.tmp</t>
  </si>
  <si>
    <t>\\acsfs\profiles$\leticiala\Downloads\55be8dff-5551-4c10-a999-6b5be6a946ca.tmp</t>
  </si>
  <si>
    <t>12/30/2019 11:11:03</t>
  </si>
  <si>
    <t>12/30/2019 11:12:03</t>
  </si>
  <si>
    <t>12/30/2019 11:12:11</t>
  </si>
  <si>
    <t>12/30/2019 11:15:30</t>
  </si>
  <si>
    <t>12/30/2019 11:12:14</t>
  </si>
  <si>
    <t>12/30/2019 11:12:35</t>
  </si>
  <si>
    <t>12/30/2019 11:12:57</t>
  </si>
  <si>
    <t>alexandre.junior@call.neobpo.com.br;aline.toledo@call.neobpo.com.br;andrelpsa@algartech.com;cs@bv.com.br;flora.lira@bv.com.br;jose.gomes@bv.com.br;renata.farina@bv.com.br;supervisaobancovotorantim@algartech.com;valquiria.ghirotti@call.neobpo.com.br;</t>
  </si>
  <si>
    <t>alexandre.junior@call.neobpo.com.br,aline.toledo@call.neobpo.com.br,andrelpsa@algartech.com,cs@bv.com.br,flora.lira@bv.com.br,jose.gomes@bv.com.br,renata.farina@bv.com.br,supervisaobancovotorantim@algartech.com,valquiria.ghirotti@call.neobpo.com.br</t>
  </si>
  <si>
    <t>12/30/2019 11:13:07</t>
  </si>
  <si>
    <t>12/30/2019 11:13:35</t>
  </si>
  <si>
    <t>12/30/2019 11:13:39</t>
  </si>
  <si>
    <t>12/30/2019 11:13:42</t>
  </si>
  <si>
    <t>12/30/2019 11:13:43</t>
  </si>
  <si>
    <t>12/30/2019 11:14:05</t>
  </si>
  <si>
    <t>12/30/2019 11:14:18</t>
  </si>
  <si>
    <t>12/30/2019 11:14:31</t>
  </si>
  <si>
    <t>12/30/2019 11:13:23</t>
  </si>
  <si>
    <t>12/30/2019 11:13:36</t>
  </si>
  <si>
    <t>mail.google.com/sync/u/0/i/s?hl=pt-BR&amp;c=528</t>
  </si>
  <si>
    <t>12/30/2019 11:13:46</t>
  </si>
  <si>
    <t>mail.google.com/sync/u/0/i/s?hl=pt-BR&amp;c=535</t>
  </si>
  <si>
    <t>12/30/2019 11:14:07</t>
  </si>
  <si>
    <t>12/30/2019 11:14:15</t>
  </si>
  <si>
    <t>12/30/2019 11:14:29</t>
  </si>
  <si>
    <t>RELATORIO DE LOGIN - FINANCEIRA - 29-12 - SAC.xlsm</t>
  </si>
  <si>
    <t>\\acsfs\DEPTOS\Operacao\PCP\5 - Comum\PLANEJAMENTO BV\14 - ACOMPANHAMENTO\1 - REPORT ACOMPANHAMENTO\2019\12 - Dezembro\FINANCEIRA\Login Logout Financeira\RELATORIO DE LOGIN - FINANCEIRA - 29-12 - SAC.xlsm</t>
  </si>
  <si>
    <t>12/30/2019 11:14:38</t>
  </si>
  <si>
    <t>mail.google.com/_/upload?authuser=0&amp;dcp=asu-n&amp;upload_id=AEnB2UoAvIK9kXvlMn4fWCcs0g6o8zjOQ0oE7nsKbSghx86HT1OwgZ-XB-whggK3lAZsKcQZNsZ1lCqL_luu8C9iYdpNPYdX3FNPKFfyrz5Fzioczis_5cU&amp;upload_protocol=resumable</t>
  </si>
  <si>
    <t>12/30/2019 11:10:56</t>
  </si>
  <si>
    <t>12/30/2019 11:16:30</t>
  </si>
  <si>
    <t>12/30/2019 11:11:26</t>
  </si>
  <si>
    <t>12/30/2019 11:12:26</t>
  </si>
  <si>
    <t>12/30/2019 11:12:56</t>
  </si>
  <si>
    <t>12/30/2019 11:13:26</t>
  </si>
  <si>
    <t>12/30/2019 11:13:56</t>
  </si>
  <si>
    <t>12/30/2019 11:12:02</t>
  </si>
  <si>
    <t>12/30/2019 11:14:02</t>
  </si>
  <si>
    <t>244c17fd-8445-4a5e-a0cd-e2e26eda5609.tmp</t>
  </si>
  <si>
    <t>\\acsfs\profiles$\ALYNYA\Downloads\244c17fd-8445-4a5e-a0cd-e2e26eda5609.tmp</t>
  </si>
  <si>
    <t>12/30/2019 11:16:02</t>
  </si>
  <si>
    <t>12/30/2019 11:17:31</t>
  </si>
  <si>
    <t>karinefg</t>
  </si>
  <si>
    <t>\\acsfs\Deptos\Operacao\Banco_Votorantim\Supervisao\</t>
  </si>
  <si>
    <t>\\acsfs\Deptos\Operacao\Banco_Votorantim\Supervisao\João Pedro\ACO\Thumbs.db</t>
  </si>
  <si>
    <t>92bc941a-1272-4b18-87c2-cf09ac24dd05.tmp</t>
  </si>
  <si>
    <t>\\acsfs\profiles$\gabrielarb\Downloads\92bc941a-1272-4b18-87c2-cf09ac24dd05.tmp</t>
  </si>
  <si>
    <t>12/30/2019 11:16:14</t>
  </si>
  <si>
    <t>5e983972-d2b7-4c67-99a8-7edbfaa5451b.tmp</t>
  </si>
  <si>
    <t>\\acsfs\profiles$\wenderbnm\Downloads\5e983972-d2b7-4c67-99a8-7edbfaa5451b.tmp</t>
  </si>
  <si>
    <t>12/30/2019 11:16:32</t>
  </si>
  <si>
    <t>e9d54188-e403-435d-a81b-e98f0e15b896.tmp</t>
  </si>
  <si>
    <t>\\acsfs\profiles$\wenderbnm\Downloads\e9d54188-e403-435d-a81b-e98f0e15b896.tmp</t>
  </si>
  <si>
    <t>12/30/2019 11:14:25</t>
  </si>
  <si>
    <t>12/30/2019 11:18:31</t>
  </si>
  <si>
    <t>1a019fcb-25de-431e-83fc-73c140355822.tmp</t>
  </si>
  <si>
    <t>\\acsfs\profiles$\antoniosva\Downloads\1a019fcb-25de-431e-83fc-73c140355822.tmp</t>
  </si>
  <si>
    <t>12/30/2019 11:13:45</t>
  </si>
  <si>
    <t>12/30/2019 11:13:18</t>
  </si>
  <si>
    <t>10.200.66.1</t>
  </si>
  <si>
    <t>39edaa66-2365-4940-bc50-e6b60def9ea5.tmp</t>
  </si>
  <si>
    <t>\\acsfs\profiles$\matheushds\Downloads\39edaa66-2365-4940-bc50-e6b60def9ea5.tmp</t>
  </si>
  <si>
    <t>12/30/2019 11:13:52</t>
  </si>
  <si>
    <t>c45e85e2-838f-4232-86b9-2900bde2505c.tmp</t>
  </si>
  <si>
    <t>\\acsfs\profiles$\matheushds\Downloads\c45e85e2-838f-4232-86b9-2900bde2505c.tmp</t>
  </si>
  <si>
    <t>12/30/2019 11:14:59</t>
  </si>
  <si>
    <t>bea14e73-2039-4ba0-b2ca-5a8a937bff0c.tmp</t>
  </si>
  <si>
    <t>\\acsfs\profiles$\matheushds\Downloads\bea14e73-2039-4ba0-b2ca-5a8a937bff0c.tmp</t>
  </si>
  <si>
    <t>12/30/2019 11:17:03</t>
  </si>
  <si>
    <t>12/30/2019 11:19:30</t>
  </si>
  <si>
    <t>12/30/2019 11:18:03</t>
  </si>
  <si>
    <t>12/30/2019 11:14:56</t>
  </si>
  <si>
    <t>12/30/2019 11:20:31</t>
  </si>
  <si>
    <t>23907dfd-2a6d-4a09-b61e-55e356f823d7.tmp</t>
  </si>
  <si>
    <t>\\acsfs\profiles$\Flaviojmm\Downloads\23907dfd-2a6d-4a09-b61e-55e356f823d7.tmp</t>
  </si>
  <si>
    <t>12/30/2019 11:17:01</t>
  </si>
  <si>
    <t>12/30/2019 11:14:43</t>
  </si>
  <si>
    <t>12/30/2019 11:14:54</t>
  </si>
  <si>
    <t>12/30/2019 11:15:33</t>
  </si>
  <si>
    <t>12/30/2019 11:15:37</t>
  </si>
  <si>
    <t>12/30/2019 11:15:55</t>
  </si>
  <si>
    <t>12/30/2019 11:16:22</t>
  </si>
  <si>
    <t>andrelpsa@algartech.com;eliane.martins@bv.com.br;flora.lira@bv.com.br;jose.gomes@bv.com.br;luciene.ssilva@bv.com.br;renata.farina@bv.com.br;supervisaobancovotorantim@algartech.com;</t>
  </si>
  <si>
    <t>andrelpsa@algartech.com,eliane.martins@bv.com.br,flora.lira@bv.com.br,jose.gomes@bv.com.br,luciene.ssilva@bv.com.br,renata.farina@bv.com.br,supervisaobancovotorantim@algartech.com</t>
  </si>
  <si>
    <t>alexandre.junior@call.neobpo.com.br;aline.toledo@call.neobpo.com.br;andrelpsa@algartech.com;cs@bv.com.br;eliane.martins@bv.com.br;flora.lira@bv.com.br;jose.gomes@bv.com.br;luciene.ssilva@bv.com.br;renata.farina@bv.com.br;supervisaobancovotorantim@algartech.com;valquiria.ghirotti@call.neobpo.com.br;</t>
  </si>
  <si>
    <t>alexandre.junior@call.neobpo.com.br,aline.toledo@call.neobpo.com.br,andrelpsa@algartech.com,cs@bv.com.br,eliane.martins@bv.com.br,flora.lira@bv.com.br,jose.gomes@bv.com.br,luciene.ssilva@bv.com.br,renata.farina@bv.com.br,supervisaobancovotorantim@algartech.com,valquiria.ghirotti@call.neobpo.com.br</t>
  </si>
  <si>
    <t>12/30/2019 11:16:35</t>
  </si>
  <si>
    <t>12/30/2019 11:16:42</t>
  </si>
  <si>
    <t>12/30/2019 11:16:46</t>
  </si>
  <si>
    <t>12/30/2019 11:16:59</t>
  </si>
  <si>
    <t>12/30/2019 11:17:27</t>
  </si>
  <si>
    <t>12/30/2019 11:17:30</t>
  </si>
  <si>
    <t>12/30/2019 11:17:39</t>
  </si>
  <si>
    <t>12/30/2019 11:17:42</t>
  </si>
  <si>
    <t>12/30/2019 11:17:46</t>
  </si>
  <si>
    <t>12/30/2019 11:19:10</t>
  </si>
  <si>
    <t>12/30/2019 11:15:24</t>
  </si>
  <si>
    <t>12/30/2019 11:19:15</t>
  </si>
  <si>
    <t>12/30/2019 11:18:18</t>
  </si>
  <si>
    <t>12/30/2019 11:18:39</t>
  </si>
  <si>
    <t>12/30/2019 11:18:49</t>
  </si>
  <si>
    <t>bvcartes-supervisores@algarnet.onmicrosoft.com;bvs-centralcartoes@bv.com.br;daniela.ribeiro@bv.com.br;eduardo.santana@bv.com.br;fabio.ernest@bv.com.br;joaogvc@algartech.com;leonardoao@algartech.com;marcus.pelegrine@bv.com.br;marcus.pellegrini@bv.com.br;mirianppb@algartech.com;paulacn@algartech.com;planejamentodeoperacoesetrafego@bv.com.br;rafaelggs@algartech.com;taysdss@algartech.com;thiagordu@algartech.com;viniciussg@algartech.com;</t>
  </si>
  <si>
    <t>bvcartes-supervisores@algarnet.onmicrosoft.com,bvs-centralcartoes@bv.com.br,daniela.ribeiro@bv.com.br,eduardo.santana@bv.com.br,fabio.ernest@bv.com.br,joaogvc@algartech.com,leonardoao@algartech.com,marcus.pelegrine@bv.com.br,marcus.pellegrini@bv.com.br,mirianppb@algartech.com,paulacn@algartech.com,planejamentodeoperacoesetrafego@bv.com.br,rafaelggs@algartech.com,taysdss@algartech.com,thiagordu@algartech.com,viniciussg@algartech.com</t>
  </si>
  <si>
    <t>12/30/2019 11:18:52</t>
  </si>
  <si>
    <t>12/30/2019 11:19:08</t>
  </si>
  <si>
    <t>12/30/2019 11:19:11</t>
  </si>
  <si>
    <t>12/30/2019 11:19:25</t>
  </si>
  <si>
    <t>mail.google.com/sync/u/0/i/s?hl=pt-BR&amp;c=585</t>
  </si>
  <si>
    <t>12/30/2019 11:19:29</t>
  </si>
  <si>
    <t>mail.google.com/sync/u/0/i/s?hl=pt-BR&amp;c=587</t>
  </si>
  <si>
    <t>12/30/2019 11:21:30</t>
  </si>
  <si>
    <t>12/30/2019 11:17:04</t>
  </si>
  <si>
    <t>35269cb0-9b9f-4887-a374-e3c2218def6d.tmp</t>
  </si>
  <si>
    <t>\\acsfs\profiles$\ayalabfi\Downloads\35269cb0-9b9f-4887-a374-e3c2218def6d.tmp</t>
  </si>
  <si>
    <t>12/30/2019 11:19:13</t>
  </si>
  <si>
    <t>b78d21ef-3154-4f49-9801-8ea308961ef8.tmp</t>
  </si>
  <si>
    <t>\\acsfs\profiles$\ALYNYA\Downloads\b78d21ef-3154-4f49-9801-8ea308961ef8.tmp</t>
  </si>
  <si>
    <t>12/30/2019 11:17:00</t>
  </si>
  <si>
    <t>37c1584c-5c1a-4ed8-8894-237a3a846108.tmp</t>
  </si>
  <si>
    <t>\\acsfs\profiles$\nathaliadf\Downloads\37c1584c-5c1a-4ed8-8894-237a3a846108.tmp</t>
  </si>
  <si>
    <t>12/30/2019 11:20:25</t>
  </si>
  <si>
    <t>12/30/2019 11:22:30</t>
  </si>
  <si>
    <t>12/30/2019 11:21:57</t>
  </si>
  <si>
    <t>12/30/2019 11:23:31</t>
  </si>
  <si>
    <t>12/30/2019 11:21:09</t>
  </si>
  <si>
    <t>12/30/2019 11:23:03</t>
  </si>
  <si>
    <t>12/30/2019 11:24:30</t>
  </si>
  <si>
    <t>12/30/2019 11:24:03</t>
  </si>
  <si>
    <t>12/30/2019 11:19:43</t>
  </si>
  <si>
    <t>12/30/2019 11:25:31</t>
  </si>
  <si>
    <t>12/30/2019 11:20:43</t>
  </si>
  <si>
    <t>12/30/2019 11:20:03</t>
  </si>
  <si>
    <t>12/30/2019 11:22:25</t>
  </si>
  <si>
    <t>12/30/2019 11:23:33</t>
  </si>
  <si>
    <t>12/30/2019 11:24:15</t>
  </si>
  <si>
    <t>12/30/2019 11:22:02</t>
  </si>
  <si>
    <t>12/30/2019 11:26:30</t>
  </si>
  <si>
    <t>12/30/2019 11:22:16</t>
  </si>
  <si>
    <t>12/30/2019 11:23:48</t>
  </si>
  <si>
    <t>12/30/2019 11:21:56</t>
  </si>
  <si>
    <t>12/30/2019 11:22:26</t>
  </si>
  <si>
    <t>12/30/2019 11:25:28</t>
  </si>
  <si>
    <t>3fa72bf1-2a90-4a7a-a910-ad528ecbdf27.tmp</t>
  </si>
  <si>
    <t>\\acsfs\profiles$\wedersonbadr\My Documents\My Music\3fa72bf1-2a90-4a7a-a910-ad528ecbdf27.tmp</t>
  </si>
  <si>
    <t>12/30/2019 11:24:25</t>
  </si>
  <si>
    <t>12/30/2019 11:26:45</t>
  </si>
  <si>
    <t>12/30/2019 11:27:30</t>
  </si>
  <si>
    <t>8bba5f6b-988e-4a01-8697-1dde66ed835c.tmp</t>
  </si>
  <si>
    <t>\\acsfs\profiles$\gabrielhca\Downloads\8bba5f6b-988e-4a01-8697-1dde66ed835c.tmp</t>
  </si>
  <si>
    <t>12/30/2019 11:24:21</t>
  </si>
  <si>
    <t>e8c32423-2d8b-4013-999a-58b20b63caec.tmp</t>
  </si>
  <si>
    <t>\\acsfs\profiles$\wenderbnm\Downloads\e8c32423-2d8b-4013-999a-58b20b63caec.tmp</t>
  </si>
  <si>
    <t>12/30/2019 11:22:38</t>
  </si>
  <si>
    <t>12/30/2019 11:25:20</t>
  </si>
  <si>
    <t>23ed154e-a7aa-4379-a928-3717c18ccb68.tmp</t>
  </si>
  <si>
    <t>\\acsfs\profiles$\henriquehmdo\Downloads\23ed154e-a7aa-4379-a928-3717c18ccb68.tmp</t>
  </si>
  <si>
    <t>12/30/2019 11:24:05</t>
  </si>
  <si>
    <t>b4e7ca67-8a2a-4719-8e6e-3863fe1f7835.tmp</t>
  </si>
  <si>
    <t>\\acsfs\profiles$\ERICALSR\Downloads\b4e7ca67-8a2a-4719-8e6e-3863fe1f7835.tmp</t>
  </si>
  <si>
    <t>12/30/2019 11:27:11</t>
  </si>
  <si>
    <t>12/30/2019 11:27:12</t>
  </si>
  <si>
    <t>lu277003zdp2o.tmp</t>
  </si>
  <si>
    <t>\\acsfs\profiles$\LUCASBS\RENEG BV\lu277003zdp2o.tmp</t>
  </si>
  <si>
    <t>\\acsfs\profiles$\LUCASBS\RENEG BV\lu277003zdp2o.tmp\</t>
  </si>
  <si>
    <t>\\acsfs\profiles$\LUCASBS\RENEG BV\lu277003zdp2o.tmp\META-INF\</t>
  </si>
  <si>
    <t>\\acsfs\profiles$\LUCASBS\RENEG BV\lu277003zdp2o.tmp\Thumbnails\</t>
  </si>
  <si>
    <t>12/30/2019 11:27:26</t>
  </si>
  <si>
    <t>12/30/2019 11:25:03</t>
  </si>
  <si>
    <t>12/30/2019 11:28:31</t>
  </si>
  <si>
    <t>12/30/2019 11:23:41</t>
  </si>
  <si>
    <t>12/30/2019 11:29:03</t>
  </si>
  <si>
    <t>12/30/2019 11:29:30</t>
  </si>
  <si>
    <t>12/30/2019 11:26:41</t>
  </si>
  <si>
    <t>12/30/2019 11:30:30</t>
  </si>
  <si>
    <t>9eff47d1-673b-49a4-8498-70c07606ae7c.tmp</t>
  </si>
  <si>
    <t>\\acsfs\profiles$\geovannasm\Downloads\9eff47d1-673b-49a4-8498-70c07606ae7c.tmp</t>
  </si>
  <si>
    <t>12/30/2019 11:25:43</t>
  </si>
  <si>
    <t>12/30/2019 11:26:44</t>
  </si>
  <si>
    <t>12/30/2019 11:28:32</t>
  </si>
  <si>
    <t>Leonardo Costa Barros_1_6770112886698221572_1_32.wav</t>
  </si>
  <si>
    <t>\\acsfs\Deptos\EDUCACAO EMPRESARIAL\FERNANDA MONIT\Ligação para Mutant terceiro Ciclo\Leonardo Costa Barros_1_6770112886698221572_1_32.wav</t>
  </si>
  <si>
    <t>12/30/2019 11:30:17</t>
  </si>
  <si>
    <t>12/30/2019 11:31:30</t>
  </si>
  <si>
    <t>1a7517f4-c454-49c6-b85a-92b0b6c8f7b5.tmp</t>
  </si>
  <si>
    <t>\\acsfs\profiles$\larissaad\Downloads\1a7517f4-c454-49c6-b85a-92b0b6c8f7b5.tmp</t>
  </si>
  <si>
    <t>12/30/2019 11:29:26</t>
  </si>
  <si>
    <t>12/30/2019 11:29:56</t>
  </si>
  <si>
    <t>12/30/2019 11:30:23</t>
  </si>
  <si>
    <t>a6c3a0b2-9c04-4456-a930-429258e9a981.tmp</t>
  </si>
  <si>
    <t>\\acsfs\profiles$\wedersonbadr\My Documents\My Music\a6c3a0b2-9c04-4456-a930-429258e9a981.tmp</t>
  </si>
  <si>
    <t>12/30/2019 11:28:59</t>
  </si>
  <si>
    <t>12/30/2019 11:29:31</t>
  </si>
  <si>
    <t>ce0c0c86-7004-4bad-a65f-29f27e116e51.tmp</t>
  </si>
  <si>
    <t>\\acsfs\profiles$\milenaas\Downloads\ce0c0c86-7004-4bad-a65f-29f27e116e51.tmp</t>
  </si>
  <si>
    <t>12/30/2019 11:30:02</t>
  </si>
  <si>
    <t>52708be1-7489-4d97-b49d-ca2da70c7105.tmp</t>
  </si>
  <si>
    <t>\\acsfs\profiles$\milenaas\Downloads\52708be1-7489-4d97-b49d-ca2da70c7105.tmp</t>
  </si>
  <si>
    <t>12/30/2019 11:32:30</t>
  </si>
  <si>
    <t>12/30/2019 11:29:53</t>
  </si>
  <si>
    <t>9bcd1f40-48e6-46bb-bd63-b0375db9e7f4.tmp</t>
  </si>
  <si>
    <t>\\acsfs\profiles$\gabrielhca\Downloads\9bcd1f40-48e6-46bb-bd63-b0375db9e7f4.tmp</t>
  </si>
  <si>
    <t>12/30/2019 11:30:27</t>
  </si>
  <si>
    <t>a9c80d0a-9165-4d99-98e7-af88f12b110f.tmp</t>
  </si>
  <si>
    <t>\\acsfs\profiles$\gabrielhca\Downloads\a9c80d0a-9165-4d99-98e7-af88f12b110f.tmp</t>
  </si>
  <si>
    <t>72cbc1e8-b6a5-43af-88db-6198f9dbdb8a.tmp</t>
  </si>
  <si>
    <t>\\acsfs\profiles$\nathaliaos\Downloads\72cbc1e8-b6a5-43af-88db-6198f9dbdb8a.tmp</t>
  </si>
  <si>
    <t>12/30/2019 11:29:07</t>
  </si>
  <si>
    <t>12/30/2019 11:34:30</t>
  </si>
  <si>
    <t>12/30/2019 11:30:03</t>
  </si>
  <si>
    <t>12/30/2019 11:33:13</t>
  </si>
  <si>
    <t>https://portalth.algarnet.com.br/webponto/just_user/pesqfunc_corpo.asp?hidtelachamadora=solicitarelat&amp;data=01/11/2019</t>
  </si>
  <si>
    <t>12/30/2019 11:31:48</t>
  </si>
  <si>
    <t>12/30/2019 11:35:30</t>
  </si>
  <si>
    <t>12/30/2019 11:31:49</t>
  </si>
  <si>
    <t>lu246123wyp4o.tmp</t>
  </si>
  <si>
    <t>\\acsfs\profiles$\FLAVIOJMM\My Documents\lu246123wyp4o.tmp</t>
  </si>
  <si>
    <t>\\acsfs\profiles$\FLAVIOJMM\My Documents\lu246123wyp4o.tmp\</t>
  </si>
  <si>
    <t>\\acsfs\profiles$\FLAVIOJMM\My Documents\lu246123wyp4o.tmp\META-INF\</t>
  </si>
  <si>
    <t>\\acsfs\profiles$\FLAVIOJMM\My Documents\lu246123wyp4o.tmp\Thumbnails\</t>
  </si>
  <si>
    <t>12/30/2019 11:31:44</t>
  </si>
  <si>
    <t>12/30/2019 11:32:44</t>
  </si>
  <si>
    <t>12/30/2019 11:32:13</t>
  </si>
  <si>
    <t>12/30/2019 11:36:29</t>
  </si>
  <si>
    <t>12/30/2019 11:32:31</t>
  </si>
  <si>
    <t>12/30/2019 11:32:39</t>
  </si>
  <si>
    <t>12/30/2019 11:32:35</t>
  </si>
  <si>
    <t>12/30/2019 11:37:30</t>
  </si>
  <si>
    <t>ce4ad271-94e0-4ac2-9b86-d40832bb9308.tmp</t>
  </si>
  <si>
    <t>\\acsfs\profiles$\gabrielarb\Downloads\ce4ad271-94e0-4ac2-9b86-d40832bb9308.tmp</t>
  </si>
  <si>
    <t>12/30/2019 11:32:58</t>
  </si>
  <si>
    <t>298aec4b-83fe-429d-80e7-015bdb8379b4.tmp</t>
  </si>
  <si>
    <t>\\acsfs\profiles$\nathaliaos\Downloads\298aec4b-83fe-429d-80e7-015bdb8379b4.tmp</t>
  </si>
  <si>
    <t>12/30/2019 11:33:40</t>
  </si>
  <si>
    <t>7ddd4e13-7bc1-4005-99a1-9e1362a14266.tmp</t>
  </si>
  <si>
    <t>\\acsfs\profiles$\nathaliaos\Downloads\7ddd4e13-7bc1-4005-99a1-9e1362a14266.tmp</t>
  </si>
  <si>
    <t>12/30/2019 11:34:31</t>
  </si>
  <si>
    <t>12/30/2019 11:34:32</t>
  </si>
  <si>
    <t>lu25484420eou.tmp</t>
  </si>
  <si>
    <t>\\acsfs\profiles$\LUCASBS\RENEG BV\lu25484420eou.tmp</t>
  </si>
  <si>
    <t>\\acsfs\profiles$\LUCASBS\RENEG BV\lu25484420eou.tmp\</t>
  </si>
  <si>
    <t>\\acsfs\profiles$\LUCASBS\RENEG BV\lu25484420eou.tmp\META-INF\</t>
  </si>
  <si>
    <t>\\acsfs\profiles$\LUCASBS\RENEG BV\lu25484420eou.tmp\Thumbnails\</t>
  </si>
  <si>
    <t>12/30/2019 11:36:51</t>
  </si>
  <si>
    <t>12/30/2019 11:38:29</t>
  </si>
  <si>
    <t>92aa5ce9-6a99-4d88-b526-ca0e6616857a.tmp</t>
  </si>
  <si>
    <t>\\acsfs\profiles$\laianear\Downloads\92aa5ce9-6a99-4d88-b526-ca0e6616857a.tmp</t>
  </si>
  <si>
    <t>12/30/2019 11:39:29</t>
  </si>
  <si>
    <t>12/30/2019 11:34:56</t>
  </si>
  <si>
    <t>e942b0bd-6815-49cc-b375-cd3cc7ed129e.tmp</t>
  </si>
  <si>
    <t>\\acsfs\profiles$\leticiala\Downloads\e942b0bd-6815-49cc-b375-cd3cc7ed129e.tmp</t>
  </si>
  <si>
    <t>12/30/2019 11:35:13</t>
  </si>
  <si>
    <t>1436fa86-2813-47ed-9f66-26fe0e16321a.tmp</t>
  </si>
  <si>
    <t>\\acsfs\profiles$\leticiala\Downloads\1436fa86-2813-47ed-9f66-26fe0e16321a.tmp</t>
  </si>
  <si>
    <t>12/30/2019 11:35:03</t>
  </si>
  <si>
    <t>12/30/2019 11:36:03</t>
  </si>
  <si>
    <t>12/30/2019 11:37:44</t>
  </si>
  <si>
    <t>12/30/2019 11:40:30</t>
  </si>
  <si>
    <t>12/30/2019 11:38:44</t>
  </si>
  <si>
    <t>12/30/2019 11:35:26</t>
  </si>
  <si>
    <t>12/30/2019 11:39:42</t>
  </si>
  <si>
    <t>5cc7e410-0d4c-4499-97fa-3694d672eae4.tmp</t>
  </si>
  <si>
    <t>\\acsfs\profiles$\MATEUSJM\Downloads\5cc7e410-0d4c-4499-97fa-3694d672eae4.tmp</t>
  </si>
  <si>
    <t>12/30/2019 11:36:25</t>
  </si>
  <si>
    <t>12/30/2019 11:41:29</t>
  </si>
  <si>
    <t>12/30/2019 11:36:49</t>
  </si>
  <si>
    <t>12/30/2019 11:40:24</t>
  </si>
  <si>
    <t>12/30/2019 11:39:17</t>
  </si>
  <si>
    <t>12/30/2019 11:41:15</t>
  </si>
  <si>
    <t>c9e558fa-4dd7-46e7-888a-e33546584b57.tmp</t>
  </si>
  <si>
    <t>\\acsfs\profiles$\gabrielafs\Downloads\c9e558fa-4dd7-46e7-888a-e33546584b57.tmp</t>
  </si>
  <si>
    <t>12/30/2019 11:37:00</t>
  </si>
  <si>
    <t>12/30/2019 11:42:30</t>
  </si>
  <si>
    <t>d7c1cbc5-27de-450f-b013-6cfbc6a816ab.tmp</t>
  </si>
  <si>
    <t>\\acsfs\profiles$\nathaliaos\Downloads\d7c1cbc5-27de-450f-b013-6cfbc6a816ab.tmp</t>
  </si>
  <si>
    <t>12/30/2019 11:40:03</t>
  </si>
  <si>
    <t>12/30/2019 11:44:30</t>
  </si>
  <si>
    <t>12/30/2019 11:41:03</t>
  </si>
  <si>
    <t>12/30/2019 11:42:03</t>
  </si>
  <si>
    <t>12/30/2019 11:44:04</t>
  </si>
  <si>
    <t>12/30/2019 11:45:29</t>
  </si>
  <si>
    <t>12/30/2019 11:44:05</t>
  </si>
  <si>
    <t>lu246123wyp54.tmp</t>
  </si>
  <si>
    <t>\\acsfs\profiles$\FLAVIOJMM\My Documents\lu246123wyp54.tmp</t>
  </si>
  <si>
    <t>\\acsfs\profiles$\FLAVIOJMM\My Documents\lu246123wyp54.tmp\</t>
  </si>
  <si>
    <t>\\acsfs\profiles$\FLAVIOJMM\My Documents\lu246123wyp54.tmp\META-INF\</t>
  </si>
  <si>
    <t>\\acsfs\profiles$\FLAVIOJMM\My Documents\lu246123wyp54.tmp\Thumbnails\</t>
  </si>
  <si>
    <t>12/30/2019 11:43:44</t>
  </si>
  <si>
    <t>12/30/2019 11:40:06</t>
  </si>
  <si>
    <t>3ed33f20-815e-4610-9246-66a916fbabf5.tmp</t>
  </si>
  <si>
    <t>\\acsfs\profiles$\mariajra\Downloads\3ed33f20-815e-4610-9246-66a916fbabf5.tmp</t>
  </si>
  <si>
    <t>12/30/2019 11:43:35</t>
  </si>
  <si>
    <t>12/30/2019 11:46:29</t>
  </si>
  <si>
    <t>12/30/2019 11:43:22</t>
  </si>
  <si>
    <t>12/30/2019 11:44:56</t>
  </si>
  <si>
    <t>12/30/2019 11:45:26</t>
  </si>
  <si>
    <t>12/30/2019 11:47:29</t>
  </si>
  <si>
    <t>12/30/2019 11:46:35</t>
  </si>
  <si>
    <t>12/30/2019 11:46:37</t>
  </si>
  <si>
    <t>lu25484420ep3.tmp</t>
  </si>
  <si>
    <t>\\acsfs\profiles$\LUCASBS\RENEG BV\lu25484420ep3.tmp</t>
  </si>
  <si>
    <t>\\acsfs\profiles$\LUCASBS\RENEG BV\lu25484420ep3.tmp\</t>
  </si>
  <si>
    <t>\\acsfs\profiles$\LUCASBS\RENEG BV\lu25484420ep3.tmp\META-INF\</t>
  </si>
  <si>
    <t>\\acsfs\profiles$\LUCASBS\RENEG BV\lu25484420ep3.tmp\Thumbnails\</t>
  </si>
  <si>
    <t>12/30/2019 11:45:41</t>
  </si>
  <si>
    <t>12/30/2019 11:48:29</t>
  </si>
  <si>
    <t>12/30/2019 11:47:03</t>
  </si>
  <si>
    <t>12/30/2019 11:49:29</t>
  </si>
  <si>
    <t>12/30/2019 11:48:03</t>
  </si>
  <si>
    <t>12/30/2019 11:44:44</t>
  </si>
  <si>
    <t>12/30/2019 11:50:29</t>
  </si>
  <si>
    <t>12/30/2019 11:48:56</t>
  </si>
  <si>
    <t>12/30/2019 11:51:29</t>
  </si>
  <si>
    <t>12/30/2019 11:48:47</t>
  </si>
  <si>
    <t>12/30/2019 11:48:57</t>
  </si>
  <si>
    <t>12/30/2019 11:49:00</t>
  </si>
  <si>
    <t>12/30/2019 11:49:03</t>
  </si>
  <si>
    <t>12/30/2019 11:49:14</t>
  </si>
  <si>
    <t>12/30/2019 11:45:56</t>
  </si>
  <si>
    <t>12/30/2019 11:46:26</t>
  </si>
  <si>
    <t>12/30/2019 11:46:56</t>
  </si>
  <si>
    <t>12/30/2019 11:47:56</t>
  </si>
  <si>
    <t>12/30/2019 11:48:26</t>
  </si>
  <si>
    <t>12/30/2019 11:49:26</t>
  </si>
  <si>
    <t>12/30/2019 11:47:02</t>
  </si>
  <si>
    <t>12/30/2019 11:48:15</t>
  </si>
  <si>
    <t>489a6102-c01b-4fa8-bec5-e1e0f238eaac.tmp</t>
  </si>
  <si>
    <t>\\acsfs\profiles$\ALYNYA\Downloads\489a6102-c01b-4fa8-bec5-e1e0f238eaac.tmp</t>
  </si>
  <si>
    <t>12/30/2019 11:52:29</t>
  </si>
  <si>
    <t>12/30/2019 11:49:15</t>
  </si>
  <si>
    <t>12/30/2019 11:49:16</t>
  </si>
  <si>
    <t>12/30/2019 11:53:29</t>
  </si>
  <si>
    <t>lu25484420ep8.tmp</t>
  </si>
  <si>
    <t>\\acsfs\profiles$\LUCASBS\RENEG BV\lu25484420ep8.tmp</t>
  </si>
  <si>
    <t>\\acsfs\profiles$\LUCASBS\RENEG BV\lu25484420ep8.tmp\</t>
  </si>
  <si>
    <t>\\acsfs\profiles$\LUCASBS\RENEG BV\lu25484420ep8.tmp\META-INF\</t>
  </si>
  <si>
    <t>\\acsfs\profiles$\LUCASBS\RENEG BV\lu25484420ep8.tmp\Thumbnails\</t>
  </si>
  <si>
    <t>12/30/2019 11:50:00</t>
  </si>
  <si>
    <t>12/30/2019 11:50:01</t>
  </si>
  <si>
    <t>lu25484420epd.tmp</t>
  </si>
  <si>
    <t>\\acsfs\profiles$\LUCASBS\RENEG BV\lu25484420epd.tmp</t>
  </si>
  <si>
    <t>\\acsfs\profiles$\LUCASBS\RENEG BV\lu25484420epd.tmp\</t>
  </si>
  <si>
    <t>\\acsfs\profiles$\LUCASBS\RENEG BV\lu25484420epd.tmp\META-INF\</t>
  </si>
  <si>
    <t>\\acsfs\profiles$\LUCASBS\RENEG BV\lu25484420epd.tmp\Thumbnails\</t>
  </si>
  <si>
    <t>12/30/2019 11:51:13</t>
  </si>
  <si>
    <t>12/30/2019 11:54:29</t>
  </si>
  <si>
    <t>12/30/2019 11:53:01</t>
  </si>
  <si>
    <t>CPF 02648480803 CELINA CANDIDO RODRIGUES.pdf</t>
  </si>
  <si>
    <t>\\acsfs\Deptos\EDUCACAO EMPRESARIAL\KÉSIA\LIGAÇÕES 1220\CPF 02648480803 CELINA CANDIDO RODRIGUES.pdf</t>
  </si>
  <si>
    <t>\\acsfs\Deptos\EDUCACAO EMPRESARIAL\KÉSIA\LIGAÇÕES 1220\CPF 02648480803 CELINA CANDIDO RODRIGUES.pdf\</t>
  </si>
  <si>
    <t>\\acsfs\Deptos\EDUCACAO EMPRESARIAL\KÉSIA\LIGAÇÕES 1220\CPF 02648480803 CELINA CANDIDO RODRIGUES.pdf\:Zone.Identifier:$DATA</t>
  </si>
  <si>
    <t>12/30/2019 11:53:22</t>
  </si>
  <si>
    <t>12/30/2019 11:53:03</t>
  </si>
  <si>
    <t>12/30/2019 11:54:03</t>
  </si>
  <si>
    <t>12/30/2019 11:49:44</t>
  </si>
  <si>
    <t>12/30/2019 11:55:29</t>
  </si>
  <si>
    <t>12/30/2019 11:50:44</t>
  </si>
  <si>
    <t>12/30/2019 11:50:39</t>
  </si>
  <si>
    <t>12/30/2019 11:56:29</t>
  </si>
  <si>
    <t>12/30/2019 11:54:41</t>
  </si>
  <si>
    <t>12/30/2019 11:52:31</t>
  </si>
  <si>
    <t>12/30/2019 11:54:33</t>
  </si>
  <si>
    <t>12/30/2019 11:54:23</t>
  </si>
  <si>
    <t>12/30/2019 11:57:29</t>
  </si>
  <si>
    <t>12/30/2019 11:54:14</t>
  </si>
  <si>
    <t>12/30/2019 11:58:30</t>
  </si>
  <si>
    <t>12/30/2019 11:52:32</t>
  </si>
  <si>
    <t>lu25484420epi.tmp</t>
  </si>
  <si>
    <t>\\acsfs\profiles$\LUCASBS\RENEG BV\lu25484420epi.tmp</t>
  </si>
  <si>
    <t>\\acsfs\profiles$\LUCASBS\RENEG BV\lu25484420epi.tmp\</t>
  </si>
  <si>
    <t>\\acsfs\profiles$\LUCASBS\RENEG BV\lu25484420epi.tmp\META-INF\</t>
  </si>
  <si>
    <t>\\acsfs\profiles$\LUCASBS\RENEG BV\lu25484420epi.tmp\Thumbnails\</t>
  </si>
  <si>
    <t>12/30/2019 11:59:30</t>
  </si>
  <si>
    <t>12/30/2019 11:56:16</t>
  </si>
  <si>
    <t>4f29be1b-c03d-468a-8a1c-0fcf0e9cfe0b.tmp</t>
  </si>
  <si>
    <t>\\acsfs\profiles$\leticiala\Downloads\4f29be1b-c03d-468a-8a1c-0fcf0e9cfe0b.tmp</t>
  </si>
  <si>
    <t>12/30/2019 11:56:02</t>
  </si>
  <si>
    <t>12/30/2019 11:59:03</t>
  </si>
  <si>
    <t>12/30/2019 11:55:44</t>
  </si>
  <si>
    <t>12/30/2019 12:00:30</t>
  </si>
  <si>
    <t>12/30/2019 11:56:44</t>
  </si>
  <si>
    <t>12/30/2019 11:59:08</t>
  </si>
  <si>
    <t>10.200.67.51</t>
  </si>
  <si>
    <t>90-B1-1C-71-35-16</t>
  </si>
  <si>
    <t>VOTORANT-IB007</t>
  </si>
  <si>
    <t>kamilamrc</t>
  </si>
  <si>
    <t>\\acsfs\profiles$\kamilamrc\Downloads\</t>
  </si>
  <si>
    <t>0ac447bb-9061-4849-a1e4-a972dc08ea9a.tmp</t>
  </si>
  <si>
    <t>\\acsfs\profiles$\kamilamrc\Downloads\0ac447bb-9061-4849-a1e4-a972dc08ea9a.tmp</t>
  </si>
  <si>
    <t>12/30/2019 11:58:46</t>
  </si>
  <si>
    <t>Lorrayne Valentino Amancio_1_6769242344071961504_1_32.wav</t>
  </si>
  <si>
    <t>\\acsfs\Deptos\EDUCACAO EMPRESARIAL\FERNANDA MONIT\Ligação para Mutant terceiro Ciclo\Lorrayne Valentino Amancio_1_6769242344071961504_1_32.wav</t>
  </si>
  <si>
    <t>12/30/2019 11:57:47</t>
  </si>
  <si>
    <t>12/30/2019 12:01:30</t>
  </si>
  <si>
    <t>12/30/2019 11:58:26</t>
  </si>
  <si>
    <t>12/30/2019 12:03:34</t>
  </si>
  <si>
    <t>12/30/2019 12:01:31</t>
  </si>
  <si>
    <t>12/30/2019 12:02:37</t>
  </si>
  <si>
    <t>12/30/2019 12:04:31</t>
  </si>
  <si>
    <t>078ad4a3-086d-45ee-a6c8-f558e8d7af6d.tmp</t>
  </si>
  <si>
    <t>\\acsfs\profiles$\leticiala\Downloads\078ad4a3-086d-45ee-a6c8-f558e8d7af6d.tmp</t>
  </si>
  <si>
    <t>12/30/2019 12:00:16</t>
  </si>
  <si>
    <t>12/30/2019 11:59:19</t>
  </si>
  <si>
    <t>https://www.tsaonline.com.br/operacaodeploy/moninovamanifestacao.aspx?monitoria=26535082&amp;status=14653</t>
  </si>
  <si>
    <t>00:00:01;00:03:17;</t>
  </si>
  <si>
    <t>C:\Users\elianegr\Desktop\</t>
  </si>
  <si>
    <t>Assessoria.PNG</t>
  </si>
  <si>
    <t>https://00:00:01,00:03:17</t>
  </si>
  <si>
    <t>12/30/2019 12:00:03</t>
  </si>
  <si>
    <t>Assessoria.zip</t>
  </si>
  <si>
    <t>C:\Users\elianegr\Desktop\Assessoria.zip\</t>
  </si>
  <si>
    <t>12/30/2019 12:00:04</t>
  </si>
  <si>
    <t>12/30/2019 12:01:45</t>
  </si>
  <si>
    <t>12/30/2019 12:05:31</t>
  </si>
  <si>
    <t>12/30/2019 12:02:44</t>
  </si>
  <si>
    <t>12/30/2019 12:01:49</t>
  </si>
  <si>
    <t>7a0644ae-6580-4bda-9e12-9f21e588f3ab.tmp</t>
  </si>
  <si>
    <t>\\acsfs\profiles$\kamilamrc\Downloads\7a0644ae-6580-4bda-9e12-9f21e588f3ab.tmp</t>
  </si>
  <si>
    <t>12/30/2019 12:01:54</t>
  </si>
  <si>
    <t>bc0beba7-e2b8-40d6-8a07-4c24d5f7a217.tmp</t>
  </si>
  <si>
    <t>\\acsfs\profiles$\kamilamrc\Downloads\bc0beba7-e2b8-40d6-8a07-4c24d5f7a217.tmp</t>
  </si>
  <si>
    <t>12/30/2019 12:01:59</t>
  </si>
  <si>
    <t>17dff2ee-3a44-4f85-905f-d939b0621488.tmp</t>
  </si>
  <si>
    <t>\\acsfs\profiles$\kamilamrc\Downloads\17dff2ee-3a44-4f85-905f-d939b0621488.tmp</t>
  </si>
  <si>
    <t>12/30/2019 12:00:56</t>
  </si>
  <si>
    <t>12/30/2019 12:06:31</t>
  </si>
  <si>
    <t>12/30/2019 12:03:02</t>
  </si>
  <si>
    <t>12/30/2019 12:03:29</t>
  </si>
  <si>
    <t>12/30/2019 12:03:42</t>
  </si>
  <si>
    <t>12/30/2019 12:01:04</t>
  </si>
  <si>
    <t>.~lock.Erro Operacional Marta. (dezembro).ods#</t>
  </si>
  <si>
    <t>\\acsfs\profiles$\wedersonbadr\Downloads\.~lock.Erro Operacional Marta. (dezembro).ods#</t>
  </si>
  <si>
    <t>12/30/2019 12:01:06</t>
  </si>
  <si>
    <t>Erro Operacional Marta. (dezembro).ods</t>
  </si>
  <si>
    <t>\\acsfs\profiles$\wedersonbadr\Downloads\Erro Operacional Marta. (dezembro).ods</t>
  </si>
  <si>
    <t>\\acsfs\profiles$\wedersonbadr\Downloads\Erro Operacional Marta. (dezembro).ods\</t>
  </si>
  <si>
    <t>\\acsfs\profiles$\wedersonbadr\Downloads\Erro Operacional Marta. (dezembro).ods\META-INF\</t>
  </si>
  <si>
    <t>\\acsfs\profiles$\wedersonbadr\Downloads\Erro Operacional Marta. (dezembro).ods\Thumbnails\</t>
  </si>
  <si>
    <t>12/30/2019 12:02:34</t>
  </si>
  <si>
    <t>12/30/2019 12:07:31</t>
  </si>
  <si>
    <t>12/30/2019 12:02:35</t>
  </si>
  <si>
    <t>lu259921yd2m6.tmp</t>
  </si>
  <si>
    <t>\\acsfs\profiles$\victoriaksr\My Documents\lu259921yd2m6.tmp</t>
  </si>
  <si>
    <t>12/30/2019 12:06:17</t>
  </si>
  <si>
    <t>12/30/2019 12:08:32</t>
  </si>
  <si>
    <t>515a0fb1-c6a7-4289-84b1-5081f896e3db.tmp</t>
  </si>
  <si>
    <t>\\acsfs\profiles$\LAISLG\Downloads\515a0fb1-c6a7-4289-84b1-5081f896e3db.tmp</t>
  </si>
  <si>
    <t>12/30/2019 12:08:03</t>
  </si>
  <si>
    <t>12/30/2019 12:05:13</t>
  </si>
  <si>
    <t>12/30/2019 12:09:31</t>
  </si>
  <si>
    <t>12/30/2019 12:07:12</t>
  </si>
  <si>
    <t>778a7a33-903f-486a-9f5b-f2415a7c3657.tmp</t>
  </si>
  <si>
    <t>\\acsfs\profiles$\leticiala\Downloads\778a7a33-903f-486a-9f5b-f2415a7c3657.tmp</t>
  </si>
  <si>
    <t>12/30/2019 12:06:09</t>
  </si>
  <si>
    <t>12/30/2019 12:07:37</t>
  </si>
  <si>
    <t>d3efafeb-dce0-42aa-bb6f-df38be674d27.tmp</t>
  </si>
  <si>
    <t>\\acsfs\profiles$\paulovadc\Downloads\d3efafeb-dce0-42aa-bb6f-df38be674d27.tmp</t>
  </si>
  <si>
    <t>12/30/2019 12:05:04</t>
  </si>
  <si>
    <t>12/30/2019 12:06:04</t>
  </si>
  <si>
    <t>12/30/2019 12:04:53</t>
  </si>
  <si>
    <t>12/30/2019 12:10:32</t>
  </si>
  <si>
    <t>12/30/2019 12:07:23</t>
  </si>
  <si>
    <t>12/30/2019 12:07:24</t>
  </si>
  <si>
    <t>lu246123wyp5t.tmp</t>
  </si>
  <si>
    <t>\\acsfs\profiles$\FLAVIOJMM\My Documents\lu246123wyp5t.tmp</t>
  </si>
  <si>
    <t>\\acsfs\profiles$\FLAVIOJMM\My Documents\lu246123wyp5t.tmp\</t>
  </si>
  <si>
    <t>\\acsfs\profiles$\FLAVIOJMM\My Documents\lu246123wyp5t.tmp\META-INF\</t>
  </si>
  <si>
    <t>\\acsfs\profiles$\FLAVIOJMM\My Documents\lu246123wyp5t.tmp\Thumbnails\</t>
  </si>
  <si>
    <t>12/30/2019 12:07:44</t>
  </si>
  <si>
    <t>12/30/2019 12:08:44</t>
  </si>
  <si>
    <t>12/30/2019 12:07:35</t>
  </si>
  <si>
    <t>12/30/2019 12:07:57</t>
  </si>
  <si>
    <t>12/30/2019 12:11:31</t>
  </si>
  <si>
    <t>12/30/2019 12:08:56</t>
  </si>
  <si>
    <t>12/30/2019 12:09:26</t>
  </si>
  <si>
    <t>12/30/2019 12:08:51</t>
  </si>
  <si>
    <t>12/30/2019 12:12:32</t>
  </si>
  <si>
    <t>12/30/2019 12:11:03</t>
  </si>
  <si>
    <t>12/30/2019 12:14:31</t>
  </si>
  <si>
    <t>12/30/2019 12:12:03</t>
  </si>
  <si>
    <t>12/30/2019 12:13:45</t>
  </si>
  <si>
    <t>12/30/2019 12:15:31</t>
  </si>
  <si>
    <t>12/30/2019 12:10:28</t>
  </si>
  <si>
    <t>5c3353c0-9163-488c-be08-08e1d41d0f5d.tmp</t>
  </si>
  <si>
    <t>\\acsfs\profiles$\kamilamrc\Downloads\5c3353c0-9163-488c-be08-08e1d41d0f5d.tmp</t>
  </si>
  <si>
    <t>12/30/2019 12:11:04</t>
  </si>
  <si>
    <t>64c9dbd3-81bc-47ab-bef8-909b27320327.tmp</t>
  </si>
  <si>
    <t>\\acsfs\profiles$\kamilamrc\Downloads\64c9dbd3-81bc-47ab-bef8-909b27320327.tmp</t>
  </si>
  <si>
    <t>12/30/2019 12:18:31</t>
  </si>
  <si>
    <t>12/30/2019 12:16:19</t>
  </si>
  <si>
    <t>scritpt.txt</t>
  </si>
  <si>
    <t>\\acsfs\profiles$\talitafdc\scritpt.txt</t>
  </si>
  <si>
    <t>12/30/2019 12:13:49</t>
  </si>
  <si>
    <t>12/30/2019 12:18:51</t>
  </si>
  <si>
    <t>12/30/2019 12:19:31</t>
  </si>
  <si>
    <t>12/30/2019 12:17:03</t>
  </si>
  <si>
    <t>12/30/2019 12:18:03</t>
  </si>
  <si>
    <t>12/30/2019 12:14:12</t>
  </si>
  <si>
    <t>12/30/2019 12:20:31</t>
  </si>
  <si>
    <t>12/30/2019 12:19:05</t>
  </si>
  <si>
    <t>RELATORIO DE LOGIN - BV CARTÕES 26-12 - Cópia.xlsm</t>
  </si>
  <si>
    <t>\\acsfs\DEPTOS\Operacao\PCP\5 - Comum\PLANEJAMENTO BV\14 - ACOMPANHAMENTO\1 - REPORT ACOMPANHAMENTO\2019\12 - Dezembro\CARTÕES\Login Logout Cartões\RELATORIO DE LOGIN - BV CARTÕES 26-12 - Cópia.xlsm</t>
  </si>
  <si>
    <t>12/30/2019 12:14:44</t>
  </si>
  <si>
    <t>12/30/2019 12:19:44</t>
  </si>
  <si>
    <t>12/30/2019 12:16:27</t>
  </si>
  <si>
    <t>12/30/2019 12:21:31</t>
  </si>
  <si>
    <t>12/30/2019 12:19:27</t>
  </si>
  <si>
    <t>12/30/2019 12:19:56</t>
  </si>
  <si>
    <t>12/30/2019 12:20:26</t>
  </si>
  <si>
    <t>12/30/2019 12:18:37</t>
  </si>
  <si>
    <t>12/30/2019 12:20:50</t>
  </si>
  <si>
    <t>cd97e620-ca7d-44d1-9128-f1ff92294d95.tmp</t>
  </si>
  <si>
    <t>\\acsfs\profiles$\gabrielafs\Downloads\cd97e620-ca7d-44d1-9128-f1ff92294d95.tmp</t>
  </si>
  <si>
    <t>12/30/2019 12:17:44</t>
  </si>
  <si>
    <t>12/30/2019 12:22:30</t>
  </si>
  <si>
    <t>12/30/2019 12:23:17</t>
  </si>
  <si>
    <t>12/30/2019 12:24:31</t>
  </si>
  <si>
    <t>ddb61273-ecb0-42c2-b8f4-bfcbc4742709.tmp</t>
  </si>
  <si>
    <t>\\acsfs\profiles$\YASMINSC\Downloads\ddb61273-ecb0-42c2-b8f4-bfcbc4742709.tmp</t>
  </si>
  <si>
    <t>12/30/2019 12:21:15</t>
  </si>
  <si>
    <t>947cddeb-e93f-484f-aafc-6c2780087a1c.tmp</t>
  </si>
  <si>
    <t>\\acsfs\profiles$\paulovadc\Downloads\947cddeb-e93f-484f-aafc-6c2780087a1c.tmp</t>
  </si>
  <si>
    <t>12/30/2019 12:23:04</t>
  </si>
  <si>
    <t>12/30/2019 12:24:04</t>
  </si>
  <si>
    <t>12/30/2019 12:20:05</t>
  </si>
  <si>
    <t>12/30/2019 12:25:31</t>
  </si>
  <si>
    <t>lu246123wyp68.tmp</t>
  </si>
  <si>
    <t>\\acsfs\profiles$\FLAVIOJMM\My Documents\lu246123wyp68.tmp</t>
  </si>
  <si>
    <t>\\acsfs\profiles$\FLAVIOJMM\My Documents\lu246123wyp68.tmp\</t>
  </si>
  <si>
    <t>\\acsfs\profiles$\FLAVIOJMM\My Documents\lu246123wyp68.tmp\META-INF\</t>
  </si>
  <si>
    <t>\\acsfs\profiles$\FLAVIOJMM\My Documents\lu246123wyp68.tmp\Thumbnails\</t>
  </si>
  <si>
    <t>12/30/2019 12:23:02</t>
  </si>
  <si>
    <t>lu246123wyp6e.tmp</t>
  </si>
  <si>
    <t>\\acsfs\profiles$\FLAVIOJMM\My Documents\lu246123wyp6e.tmp</t>
  </si>
  <si>
    <t>\\acsfs\profiles$\FLAVIOJMM\My Documents\lu246123wyp6e.tmp\</t>
  </si>
  <si>
    <t>\\acsfs\profiles$\FLAVIOJMM\My Documents\lu246123wyp6e.tmp\META-INF\</t>
  </si>
  <si>
    <t>12/30/2019 12:23:03</t>
  </si>
  <si>
    <t>\\acsfs\profiles$\FLAVIOJMM\My Documents\lu246123wyp6e.tmp\Thumbnails\</t>
  </si>
  <si>
    <t>12/30/2019 12:22:57</t>
  </si>
  <si>
    <t>55ba20e2-a16a-415b-ae6f-680db6a15a92.tmp</t>
  </si>
  <si>
    <t>\\acsfs\profiles$\MATEUSJM\Downloads\55ba20e2-a16a-415b-ae6f-680db6a15a92.tmp</t>
  </si>
  <si>
    <t>12/30/2019 12:21:53</t>
  </si>
  <si>
    <t>12/30/2019 12:20:46</t>
  </si>
  <si>
    <t>12/30/2019 12:24:50</t>
  </si>
  <si>
    <t>c736ca3d-6c6b-4d1f-96f3-b5e768d2a2ff;</t>
  </si>
  <si>
    <t>12/30/2019 12:24:57</t>
  </si>
  <si>
    <t>12/30/2019 12:26:30</t>
  </si>
  <si>
    <t>12/30/2019 12:23:58</t>
  </si>
  <si>
    <t>ce00ce41-3740-468c-a00b-03729aa3cadb.tmp</t>
  </si>
  <si>
    <t>\\acsfs\profiles$\geovanaasa\Downloads\ce00ce41-3740-468c-a00b-03729aa3cadb.tmp</t>
  </si>
  <si>
    <t>12/30/2019 12:24:35</t>
  </si>
  <si>
    <t>6447ef8b-405d-4906-8c59-7d8ad01bfc4d.tmp</t>
  </si>
  <si>
    <t>\\acsfs\profiles$\geovanaasa\Downloads\6447ef8b-405d-4906-8c59-7d8ad01bfc4d.tmp</t>
  </si>
  <si>
    <t>12/30/2019 12:22:47</t>
  </si>
  <si>
    <t>12/30/2019 12:28:30</t>
  </si>
  <si>
    <t>12/30/2019 12:23:25</t>
  </si>
  <si>
    <t>Holerite_122019_2100832.pdf.rw1wp6g.partial</t>
  </si>
  <si>
    <t>\\acsfs\profiles$\anafsb\Downloads\Holerite_122019_2100832.pdf.rw1wp6g.partial</t>
  </si>
  <si>
    <t>12/30/2019 12:25:43</t>
  </si>
  <si>
    <t>Holerite_122019_2100832 (1).pdf.hlg9ehp.partial</t>
  </si>
  <si>
    <t>\\acsfs\profiles$\anafsb\Downloads\Holerite_122019_2100832 (1).pdf.hlg9ehp.partial</t>
  </si>
  <si>
    <t>12/30/2019 12:27:47</t>
  </si>
  <si>
    <t>Holerite_122019_2100832 (2).pdf.b37m4ry.partial</t>
  </si>
  <si>
    <t>\\acsfs\profiles$\anafsb\Downloads\Holerite_122019_2100832 (2).pdf.b37m4ry.partial</t>
  </si>
  <si>
    <t>12/30/2019 12:27:23</t>
  </si>
  <si>
    <t>12/30/2019 12:26:10</t>
  </si>
  <si>
    <t>12/30/2019 12:29:30</t>
  </si>
  <si>
    <t>12/30/2019 12:29:04</t>
  </si>
  <si>
    <t>12/30/2019 12:24:36</t>
  </si>
  <si>
    <t>12/30/2019 12:30:30</t>
  </si>
  <si>
    <t>\\acsfs\ACS\Q29udHJvbGxlci5TQUNBLVNBQw--.ica.crdownload</t>
  </si>
  <si>
    <t>12/30/2019 12:24:37</t>
  </si>
  <si>
    <t>\\acsfs\ACS\Q29udHJvbGxlci5TQUNBLVNBQw--.ica:Zone.Identifier</t>
  </si>
  <si>
    <t>12/30/2019 12:25:36</t>
  </si>
  <si>
    <t>\\acsfs\ACS\Q29udHJvbGxlci5FeHBsb3Jlcl8x.ica.crdownload</t>
  </si>
  <si>
    <t>12/30/2019 12:25:37</t>
  </si>
  <si>
    <t>\\acsfs\ACS\Q29udHJvbGxlci5FeHBsb3Jlcl8x.ica:Zone.Identifier</t>
  </si>
  <si>
    <t>12/30/2019 12:29:07</t>
  </si>
  <si>
    <t>12/30/2019 12:29:26</t>
  </si>
  <si>
    <t>Q29udHJvbGxlci5Xb3Jrc3BhY2UtRGVza3RvcC1F.ica.crdownload</t>
  </si>
  <si>
    <t>\\acsfs\ACS\Q29udHJvbGxlci5Xb3Jrc3BhY2UtRGVza3RvcC1F.ica.crdownload</t>
  </si>
  <si>
    <t>Q29udHJvbGxlci5Xb3Jrc3BhY2UtRGVza3RvcC1F.ica:Zone.Identifier</t>
  </si>
  <si>
    <t>\\acsfs\ACS\Q29udHJvbGxlci5Xb3Jrc3BhY2UtRGVza3RvcC1F.ica:Zone.Identifier</t>
  </si>
  <si>
    <t>12/30/2019 12:26:32</t>
  </si>
  <si>
    <t>12/30/2019 12:26:35</t>
  </si>
  <si>
    <t>mail.google.com/sync/u/0/i/s?hl=pt-BR&amp;c=649</t>
  </si>
  <si>
    <t>12/30/2019 12:26:39</t>
  </si>
  <si>
    <t>12/30/2019 12:26:47</t>
  </si>
  <si>
    <t>12/30/2019 12:25:56</t>
  </si>
  <si>
    <t>ba469d77-16db-4171-aba9-5d5c8b60c747.tmp</t>
  </si>
  <si>
    <t>\\acsfs\profiles$\nataliacsl\Downloads\ba469d77-16db-4171-aba9-5d5c8b60c747.tmp</t>
  </si>
  <si>
    <t>12/30/2019 12:25:44</t>
  </si>
  <si>
    <t>12/30/2019 12:26:44</t>
  </si>
  <si>
    <t>12/30/2019 12:29:47</t>
  </si>
  <si>
    <t>5f4900b0-0ea3-4d12-9f89-21ae68fc2961.tmp</t>
  </si>
  <si>
    <t>\\acsfs\profiles$\nathaliarmr\Downloads\5f4900b0-0ea3-4d12-9f89-21ae68fc2961.tmp</t>
  </si>
  <si>
    <t>12/30/2019 12:29:55</t>
  </si>
  <si>
    <t>7d16eb04-e044-41fd-b30d-fec85f66a5c2.tmp</t>
  </si>
  <si>
    <t>\\acsfs\profiles$\nathaliarmr\Downloads\7d16eb04-e044-41fd-b30d-fec85f66a5c2.tmp</t>
  </si>
  <si>
    <t>12/30/2019 12:26:22</t>
  </si>
  <si>
    <t>12/30/2019 12:31:30</t>
  </si>
  <si>
    <t>12/30/2019 12:26:27</t>
  </si>
  <si>
    <t>12/30/2019 12:26:57</t>
  </si>
  <si>
    <t>12/30/2019 12:28:47</t>
  </si>
  <si>
    <t>https://udpmailboxap01.acs.com.br:8443/h/search;jsessionid=1gwuazqv55npq6mv84xt10n9u?si=0&amp;so=0&amp;sc=57056&amp;st=conversation&amp;action=compose</t>
  </si>
  <si>
    <t>12/30/2019 12:30:58</t>
  </si>
  <si>
    <t>297450b2-1fb6-4b08-bef4-8b9e893e0e2d.tmp</t>
  </si>
  <si>
    <t>\\acsfs\profiles$\LUISPLS\Downloads\297450b2-1fb6-4b08-bef4-8b9e893e0e2d.tmp</t>
  </si>
  <si>
    <t>12/30/2019 12:27:02</t>
  </si>
  <si>
    <t>24bdb5d8-0164-4e2c-b493-de83472a0f8a.tmp</t>
  </si>
  <si>
    <t>\\acsfs\profiles$\geovanaasa\Downloads\24bdb5d8-0164-4e2c-b493-de83472a0f8a.tmp</t>
  </si>
  <si>
    <t>12/30/2019 12:27:30</t>
  </si>
  <si>
    <t>73126c5f-26a2-46cc-ad1b-3d3f40f76de0.tmp</t>
  </si>
  <si>
    <t>\\acsfs\profiles$\geovanaasa\Downloads\73126c5f-26a2-46cc-ad1b-3d3f40f76de0.tmp</t>
  </si>
  <si>
    <t>12/30/2019 12:29:46</t>
  </si>
  <si>
    <t>adff6a56-ebca-4690-a480-4c5c92a899d7.tmp</t>
  </si>
  <si>
    <t>\\acsfs\profiles$\geovanaasa\Downloads\adff6a56-ebca-4690-a480-4c5c92a899d7.tmp</t>
  </si>
  <si>
    <t>12/30/2019 12:32:45</t>
  </si>
  <si>
    <t>12/30/2019 12:33:29</t>
  </si>
  <si>
    <t>e13a3cc5-8142-4f21-812c-30ca811291e0.tmp</t>
  </si>
  <si>
    <t>\\acsfs\profiles$\vivianalds\Downloads\e13a3cc5-8142-4f21-812c-30ca811291e0.tmp</t>
  </si>
  <si>
    <t>12/30/2019 12:29:08</t>
  </si>
  <si>
    <t>Holerite_122019_2100832.pdf.lwt82wy.partial</t>
  </si>
  <si>
    <t>\\acsfs\profiles$\anafsb\Downloads\Holerite_122019_2100832.pdf.lwt82wy.partial</t>
  </si>
  <si>
    <t>12/30/2019 12:32:17</t>
  </si>
  <si>
    <t>a128a352-16b9-43ae-b151-2094d73b4520.tmp</t>
  </si>
  <si>
    <t>\\acsfs\profiles$\anafsb\Downloads\a128a352-16b9-43ae-b151-2094d73b4520.tmp</t>
  </si>
  <si>
    <t>12/30/2019 12:30:04</t>
  </si>
  <si>
    <t>12/30/2019 12:34:30</t>
  </si>
  <si>
    <t>12/30/2019 12:30:49</t>
  </si>
  <si>
    <t>12/30/2019 12:35:30</t>
  </si>
  <si>
    <t>Q29udHJvbGxlci5JbnRlcmFjdGlvbldvcmtzcGFj.ica.crdownload</t>
  </si>
  <si>
    <t>\\acsfs\ACS\Q29udHJvbGxlci5JbnRlcmFjdGlvbldvcmtzcGFj.ica.crdownload</t>
  </si>
  <si>
    <t>Q29udHJvbGxlci5JbnRlcmFjdGlvbldvcmtzcGFj.ica:Zone.Identifier</t>
  </si>
  <si>
    <t>\\acsfs\ACS\Q29udHJvbGxlci5JbnRlcmFjdGlvbldvcmtzcGFj.ica:Zone.Identifier</t>
  </si>
  <si>
    <t>12/30/2019 12:34:22</t>
  </si>
  <si>
    <t>12/30/2019 12:31:44</t>
  </si>
  <si>
    <t>12/30/2019 12:32:34</t>
  </si>
  <si>
    <t>12/30/2019 12:32:44</t>
  </si>
  <si>
    <t>12/30/2019 12:32:27</t>
  </si>
  <si>
    <t>12/30/2019 12:34:00</t>
  </si>
  <si>
    <t>12/30/2019 12:36:29</t>
  </si>
  <si>
    <t>12/30/2019 12:35:36</t>
  </si>
  <si>
    <t>4d2ed87e-a1ca-43ee-bb50-57f1a9e22600.tmp</t>
  </si>
  <si>
    <t>\\acsfs\profiles$\wedersonbadr\My Documents\My Music\4d2ed87e-a1ca-43ee-bb50-57f1a9e22600.tmp</t>
  </si>
  <si>
    <t>\\acsfs\profiles$\wedersonbadr\My Documents\My Music\4d2ed87e-a1ca-43ee-bb50-57f1a9e22600.tmp\</t>
  </si>
  <si>
    <t>\\acsfs\profiles$\wedersonbadr\My Documents\My Music\4d2ed87e-a1ca-43ee-bb50-57f1a9e22600.tmp\META-INF\</t>
  </si>
  <si>
    <t>\\acsfs\profiles$\wedersonbadr\My Documents\My Music\4d2ed87e-a1ca-43ee-bb50-57f1a9e22600.tmp\Thumbnails\</t>
  </si>
  <si>
    <t>12/30/2019 12:35:13</t>
  </si>
  <si>
    <t>a3d9130f-4a04-4ce6-90ea-4d77fd648230.tmp</t>
  </si>
  <si>
    <t>\\acsfs\profiles$\ayalabfi\Downloads\a3d9130f-4a04-4ce6-90ea-4d77fd648230.tmp</t>
  </si>
  <si>
    <t>12/30/2019 12:32:22</t>
  </si>
  <si>
    <t>67661572-6412-441a-a3ca-fe919588f64b.tmp</t>
  </si>
  <si>
    <t>\\acsfs\profiles$\LUISPLS\Downloads\67661572-6412-441a-a3ca-fe919588f64b.tmp</t>
  </si>
  <si>
    <t>12/30/2019 12:31:22</t>
  </si>
  <si>
    <t>3e00b4aa-f6a3-4e2a-9824-8ded079142fa.tmp</t>
  </si>
  <si>
    <t>\\acsfs\profiles$\geovanaasa\Downloads\3e00b4aa-f6a3-4e2a-9824-8ded079142fa.tmp</t>
  </si>
  <si>
    <t>12/30/2019 12:31:15</t>
  </si>
  <si>
    <t>12/30/2019 12:33:11</t>
  </si>
  <si>
    <t>12/30/2019 12:37:30</t>
  </si>
  <si>
    <t>eb7b0610-ad6a-4267-8488-9ad282ec8cfd.tmp</t>
  </si>
  <si>
    <t>\\acsfs\profiles$\jonatanls\Downloads\eb7b0610-ad6a-4267-8488-9ad282ec8cfd.tmp</t>
  </si>
  <si>
    <t>12/30/2019 12:34:53</t>
  </si>
  <si>
    <t>5458a6a6-b77b-4df7-beb9-fb70a57be7f8.tmp</t>
  </si>
  <si>
    <t>\\acsfs\profiles$\welidicdj\Downloads\5458a6a6-b77b-4df7-beb9-fb70a57be7f8.tmp</t>
  </si>
  <si>
    <t>12/30/2019 12:34:59</t>
  </si>
  <si>
    <t>Q29udHJvbGxlci5QYXl3YXJl (16).ica</t>
  </si>
  <si>
    <t>\\acsfs\profiles$\welidicdj\Downloads\Q29udHJvbGxlci5QYXl3YXJl (16).ica</t>
  </si>
  <si>
    <t>12/30/2019 12:35:32</t>
  </si>
  <si>
    <t>12/30/2019 12:36:49</t>
  </si>
  <si>
    <t>d3d4099f-2aba-4d88-9fd0-0db1030367a7.tmp</t>
  </si>
  <si>
    <t>\\acsfs\profiles$\welidicdj\Downloads\d3d4099f-2aba-4d88-9fd0-0db1030367a7.tmp</t>
  </si>
  <si>
    <t>12/30/2019 12:35:04</t>
  </si>
  <si>
    <t>12/30/2019 12:39:30</t>
  </si>
  <si>
    <t>12/30/2019 12:36:07</t>
  </si>
  <si>
    <t>12/30/2019 12:38:38</t>
  </si>
  <si>
    <t>12/30/2019 12:38:58</t>
  </si>
  <si>
    <t>12/30/2019 12:40:30</t>
  </si>
  <si>
    <t>12/30/2019 12:38:06</t>
  </si>
  <si>
    <t>12/30/2019 12:37:44</t>
  </si>
  <si>
    <t>12/30/2019 12:38:44</t>
  </si>
  <si>
    <t>12/30/2019 12:37:17</t>
  </si>
  <si>
    <t>12/30/2019 12:41:29</t>
  </si>
  <si>
    <t>12/30/2019 12:37:47</t>
  </si>
  <si>
    <t>12/30/2019 12:39:06</t>
  </si>
  <si>
    <t>12/30/2019 12:36:38</t>
  </si>
  <si>
    <t>12/30/2019 12:39:39</t>
  </si>
  <si>
    <t>8e60ffc8-1b77-4b75-ae14-4e0eeef4d8b5.tmp</t>
  </si>
  <si>
    <t>\\acsfs\profiles$\LUISPLS\Downloads\8e60ffc8-1b77-4b75-ae14-4e0eeef4d8b5.tmp</t>
  </si>
  <si>
    <t>12/30/2019 12:40:02</t>
  </si>
  <si>
    <t>2cedb0de-54a9-4e30-9103-8f2d19c33aa1.tmp</t>
  </si>
  <si>
    <t>\\acsfs\profiles$\LUISPLS\Downloads\2cedb0de-54a9-4e30-9103-8f2d19c33aa1.tmp</t>
  </si>
  <si>
    <t>12/30/2019 12:40:03</t>
  </si>
  <si>
    <t>Unconfirmed 115736.crdownload</t>
  </si>
  <si>
    <t>\\acsfs\profiles$\LUISPLS\Downloads\Unconfirmed 115736.crdownload</t>
  </si>
  <si>
    <t>12/30/2019 12:37:54</t>
  </si>
  <si>
    <t>14cd9bc2-d071-46bb-8e05-462f4f5de472.tmp</t>
  </si>
  <si>
    <t>\\acsfs\profiles$\ALYNYA\Downloads\14cd9bc2-d071-46bb-8e05-462f4f5de472.tmp</t>
  </si>
  <si>
    <t>12/30/2019 12:40:38</t>
  </si>
  <si>
    <t>12/30/2019 12:42:30</t>
  </si>
  <si>
    <t>12/30/2019 12:40:07</t>
  </si>
  <si>
    <t>12/30/2019 12:43:30</t>
  </si>
  <si>
    <t>12/30/2019 12:38:27</t>
  </si>
  <si>
    <t>12/30/2019 12:38:51</t>
  </si>
  <si>
    <t>12/30/2019 12:40:59</t>
  </si>
  <si>
    <t>12/30/2019 12:41:04</t>
  </si>
  <si>
    <t>12/30/2019 12:44:30</t>
  </si>
  <si>
    <t>12/30/2019 12:42:04</t>
  </si>
  <si>
    <t>12/30/2019 12:44:15</t>
  </si>
  <si>
    <t>12/30/2019 12:45:30</t>
  </si>
  <si>
    <t>mail.google.com/sync/u/0/i/s?hl=pt-BR&amp;c=663</t>
  </si>
  <si>
    <t>12/30/2019 12:44:19</t>
  </si>
  <si>
    <t>12/30/2019 12:44:28</t>
  </si>
  <si>
    <t>12/30/2019 12:44:38</t>
  </si>
  <si>
    <t>mail.google.com/sync/u/0/i/s?hl=pt-BR&amp;c=671</t>
  </si>
  <si>
    <t>bvcartes-supervisores@algarnet.onmicrosoft.com;bvs-centralcartoes@bv.com.br;daniela.ribeiro@bv.com.br;eduardo.santana@bv.com.br;fabio.ernest@bv.com.br;joaogvc@algartech.com;leonardoao@algartech.com;marcus.pelegrine@bv.com.br;marcus.pellegrini@bv.com.br;marianacds@algartech.com;marianadjc@algartech.com;paulacn@algartech.com;planejamentodeoperacoesetrafego@bv.com.br;taysdss@algartech.com;thiagordu@algartech.com;viniciussg@algartech.com;</t>
  </si>
  <si>
    <t>bvcartes-supervisores@algarnet.onmicrosoft.com,bvs-centralcartoes@bv.com.br,daniela.ribeiro@bv.com.br,eduardo.santana@bv.com.br,fabio.ernest@bv.com.br,joaogvc@algartech.com,leonardoao@algartech.com,marcus.pelegrine@bv.com.br,marcus.pellegrini@bv.com.br,marianacds@algartech.com,marianadjc@algartech.com,paulacn@algartech.com,planejamentodeoperacoesetrafego@bv.com.br,taysdss@algartech.com,thiagordu@algartech.com,viniciussg@algartech.com</t>
  </si>
  <si>
    <t>12/30/2019 12:42:34</t>
  </si>
  <si>
    <t>1aa9acc5-4cca-4709-84dc-f1fdf12343a1.tmp</t>
  </si>
  <si>
    <t>\\acsfs\profiles$\MATEUSJM\Downloads\1aa9acc5-4cca-4709-84dc-f1fdf12343a1.tmp</t>
  </si>
  <si>
    <t>12/30/2019 12:43:41</t>
  </si>
  <si>
    <t>12/30/2019 12:43:44</t>
  </si>
  <si>
    <t>12/30/2019 12:44:44</t>
  </si>
  <si>
    <t>12/30/2019 12:43:28</t>
  </si>
  <si>
    <t>387a4842-5c65-44ef-8c17-8519b583786e.tmp</t>
  </si>
  <si>
    <t>\\acsfs\profiles$\mariagsg\Downloads\387a4842-5c65-44ef-8c17-8519b583786e.tmp</t>
  </si>
  <si>
    <t>12/30/2019 12:43:32</t>
  </si>
  <si>
    <t>ae2c3559-6d65-41cf-9700-af2bd2b05690.tmp</t>
  </si>
  <si>
    <t>\\acsfs\profiles$\mariagsg\Downloads\ae2c3559-6d65-41cf-9700-af2bd2b05690.tmp</t>
  </si>
  <si>
    <t>12/30/2019 12:43:40</t>
  </si>
  <si>
    <t>12/30/2019 12:46:30</t>
  </si>
  <si>
    <t>12/30/2019 12:41:17</t>
  </si>
  <si>
    <t>12/30/2019 12:41:47</t>
  </si>
  <si>
    <t>12/30/2019 12:45:42</t>
  </si>
  <si>
    <t>02e8278e-5d91-4186-963b-441a64994f74.tmp</t>
  </si>
  <si>
    <t>\\acsfs\profiles$\geovanaasa\Downloads\02e8278e-5d91-4186-963b-441a64994f74.tmp</t>
  </si>
  <si>
    <t>12/30/2019 12:41:49</t>
  </si>
  <si>
    <t>0bb0cd25-59cf-40a5-bfbd-4ffb039c6c72.tmp</t>
  </si>
  <si>
    <t>\\acsfs\profiles$\ALYNYA\Downloads\0bb0cd25-59cf-40a5-bfbd-4ffb039c6c72.tmp</t>
  </si>
  <si>
    <t>12/30/2019 12:46:01</t>
  </si>
  <si>
    <t>12/30/2019 12:47:30</t>
  </si>
  <si>
    <t>\\acsfs\profiles$\leydianeamd\Contacts\</t>
  </si>
  <si>
    <t>LEYDIANE APARECIDA MOREIRA DUARTE (31).contact</t>
  </si>
  <si>
    <t>\\acsfs\profiles$\leydianeamd\Contacts\LEYDIANE APARECIDA MOREIRA DUARTE (31).contact</t>
  </si>
  <si>
    <t>12/30/2019 12:46:13</t>
  </si>
  <si>
    <t>\\acsfs\profiles$\leydianeamd\My Documents\My Videos\</t>
  </si>
  <si>
    <t>\\acsfs\profiles$\leydianeamd\My Documents\My Videos\desktop.ini</t>
  </si>
  <si>
    <t>12/30/2019 12:46:14</t>
  </si>
  <si>
    <t>\\acsfs\profiles$\leydianeamd\My Documents\My Pictures\</t>
  </si>
  <si>
    <t>\\acsfs\profiles$\leydianeamd\My Documents\My Pictures\desktop.ini</t>
  </si>
  <si>
    <t>\\acsfs\profiles$\leydianeamd\Contacts\desktop.ini</t>
  </si>
  <si>
    <t>12/30/2019 12:46:15</t>
  </si>
  <si>
    <t>\\acsfs\profiles$\leydianeamd\My Documents\My Music\</t>
  </si>
  <si>
    <t>\\acsfs\profiles$\leydianeamd\My Documents\My Music\desktop.ini</t>
  </si>
  <si>
    <t>12/30/2019 12:46:16</t>
  </si>
  <si>
    <t>\\acsfs\profiles$\leydianeamd\Searches\</t>
  </si>
  <si>
    <t>\\acsfs\profiles$\leydianeamd\Searches\desktop.ini</t>
  </si>
  <si>
    <t>12/30/2019 12:46:17</t>
  </si>
  <si>
    <t>\\acsfs\profiles$\leydianeamd\My Documents\desktop.ini</t>
  </si>
  <si>
    <t>\\acsfs\profiles$\leydianeamd\Saved Games\</t>
  </si>
  <si>
    <t>\\acsfs\profiles$\leydianeamd\Saved Games\desktop.ini</t>
  </si>
  <si>
    <t>12/30/2019 12:46:18</t>
  </si>
  <si>
    <t>12/30/2019 12:43:26</t>
  </si>
  <si>
    <t>12/30/2019 12:48:30</t>
  </si>
  <si>
    <t>10.200.67.168</t>
  </si>
  <si>
    <t>78-2B-CB-C1-07-47</t>
  </si>
  <si>
    <t>VOTORANT-JB007</t>
  </si>
  <si>
    <t>\\acsfs\profiles$\maxmillianosv\Contacts\</t>
  </si>
  <si>
    <t>MAXMILLIANO SILVA VIEIRA (28894).contact</t>
  </si>
  <si>
    <t>\\acsfs\profiles$\maxmillianosv\Contacts\MAXMILLIANO SILVA VIEIRA (28894).contact</t>
  </si>
  <si>
    <t>12/30/2019 12:43:27</t>
  </si>
  <si>
    <t>12/30/2019 12:43:57</t>
  </si>
  <si>
    <t>\\acsfs\profiles$\maxmillianosv\My Documents\My Videos\</t>
  </si>
  <si>
    <t>\\acsfs\profiles$\maxmillianosv\My Documents\My Videos\desktop.ini</t>
  </si>
  <si>
    <t>12/30/2019 12:43:58</t>
  </si>
  <si>
    <t>\\acsfs\profiles$\maxmillianosv\My Documents\My Pictures\</t>
  </si>
  <si>
    <t>\\acsfs\profiles$\maxmillianosv\My Documents\My Pictures\desktop.ini</t>
  </si>
  <si>
    <t>12/30/2019 12:43:59</t>
  </si>
  <si>
    <t>12/30/2019 12:44:00</t>
  </si>
  <si>
    <t>\\acsfs\profiles$\maxmillianosv\Contacts\desktop.ini</t>
  </si>
  <si>
    <t>12/30/2019 12:44:01</t>
  </si>
  <si>
    <t>\\acsfs\profiles$\maxmillianosv\Favorites\desktop.ini</t>
  </si>
  <si>
    <t>12/30/2019 12:44:02</t>
  </si>
  <si>
    <t>12/30/2019 12:44:03</t>
  </si>
  <si>
    <t>\\acsfs\profiles$\maxmillianosv\My Documents\My Music\</t>
  </si>
  <si>
    <t>\\acsfs\profiles$\maxmillianosv\My Documents\My Music\desktop.ini</t>
  </si>
  <si>
    <t>12/30/2019 12:44:04</t>
  </si>
  <si>
    <t>12/30/2019 12:44:05</t>
  </si>
  <si>
    <t>12/30/2019 12:44:06</t>
  </si>
  <si>
    <t>\\acsfs\profiles$\maxmillianosv\Searches\</t>
  </si>
  <si>
    <t>\\acsfs\profiles$\maxmillianosv\Searches\desktop.ini</t>
  </si>
  <si>
    <t>12/30/2019 12:44:07</t>
  </si>
  <si>
    <t>\\acsfs\profiles$\maxmillianosv\Downloads\desktop.ini</t>
  </si>
  <si>
    <t>12/30/2019 12:44:08</t>
  </si>
  <si>
    <t>\\acsfs\profiles$\maxmillianosv\My Documents\</t>
  </si>
  <si>
    <t>\\acsfs\profiles$\maxmillianosv\My Documents\desktop.ini</t>
  </si>
  <si>
    <t>12/30/2019 12:44:09</t>
  </si>
  <si>
    <t>12/30/2019 12:44:10</t>
  </si>
  <si>
    <t>\\acsfs\profiles$\maxmillianosv\Saved Games\</t>
  </si>
  <si>
    <t>\\acsfs\profiles$\maxmillianosv\Saved Games\desktop.ini</t>
  </si>
  <si>
    <t>12/30/2019 12:44:11</t>
  </si>
  <si>
    <t>12/30/2019 12:44:56</t>
  </si>
  <si>
    <t>\\acsfs\profiles$\maxmillianosv\Favorites\Links for Brasil\</t>
  </si>
  <si>
    <t>\\acsfs\profiles$\maxmillianosv\Favorites\Links for Brasil\desktop.ini</t>
  </si>
  <si>
    <t>12/30/2019 12:44:57</t>
  </si>
  <si>
    <t>\\acsfs\profiles$\maxmillianosv\Favorites\Links for Brasil\Microsoft Brasil.url</t>
  </si>
  <si>
    <t>12/30/2019 12:44:58</t>
  </si>
  <si>
    <t>\\acsfs\profiles$\maxmillianosv\Favorites\Links for Brasil\Windows Brasil.url</t>
  </si>
  <si>
    <t>12/30/2019 12:44:59</t>
  </si>
  <si>
    <t>\\acsfs\profiles$\maxmillianosv\Favorites\Links for Brasil\MSN Brasil.url</t>
  </si>
  <si>
    <t>12/30/2019 12:45:00</t>
  </si>
  <si>
    <t>12/30/2019 12:46:41</t>
  </si>
  <si>
    <t>12/30/2019 12:44:21</t>
  </si>
  <si>
    <t>e389d039-5dee-4bef-8332-d10fcdeb0395.tmp</t>
  </si>
  <si>
    <t>\\acsfs\profiles$\kellzylenneasr\Downloads\e389d039-5dee-4bef-8332-d10fcdeb0395.tmp</t>
  </si>
  <si>
    <t>12/30/2019 12:44:24</t>
  </si>
  <si>
    <t>12/30/2019 12:44:50</t>
  </si>
  <si>
    <t>12/30/2019 12:49:30</t>
  </si>
  <si>
    <t>MODELO DE MONITORIA - BV - SAC.pptx</t>
  </si>
  <si>
    <t>\\acsfs\DEPTOS\Operacao\Banco_Votorantim\Qualidade\Eliane\MODELO DE MONITORIA - BV - SAC.pptx</t>
  </si>
  <si>
    <t>12/30/2019 12:45:58</t>
  </si>
  <si>
    <t>12/30/2019 12:45:59</t>
  </si>
  <si>
    <t>12/30/2019 12:46:21</t>
  </si>
  <si>
    <t>12/30/2019 12:47:13</t>
  </si>
  <si>
    <t>12/30/2019 12:47:04</t>
  </si>
  <si>
    <t>12/30/2019 12:48:04</t>
  </si>
  <si>
    <t>12/30/2019 12:49:19</t>
  </si>
  <si>
    <t>12/30/2019 12:50:30</t>
  </si>
  <si>
    <t>cc34cc3e-ba64-4df7-8a04-182d63fc8ac1.tmp</t>
  </si>
  <si>
    <t>\\acsfs\profiles$\geovannasm\Downloads\cc34cc3e-ba64-4df7-8a04-182d63fc8ac1.tmp</t>
  </si>
  <si>
    <t>mail.google.com/sync/u/0/i/s?hl=pt-BR&amp;c=673</t>
  </si>
  <si>
    <t>12/30/2019 12:45:02</t>
  </si>
  <si>
    <t>mail.google.com/sync/u/0/i/s?hl=pt-BR&amp;c=675</t>
  </si>
  <si>
    <t>12/30/2019 12:45:06</t>
  </si>
  <si>
    <t>mail.google.com/sync/u/0/i/s?hl=pt-BR&amp;c=677</t>
  </si>
  <si>
    <t>12/30/2019 12:45:07</t>
  </si>
  <si>
    <t>12/30/2019 12:45:49</t>
  </si>
  <si>
    <t>12/30/2019 12:46:33</t>
  </si>
  <si>
    <t>RELATORIO DE LOGIN - BV CARTÕES 29-12.xlsm</t>
  </si>
  <si>
    <t>\\acsfs\DEPTOS\Operacao\PCP\5 - Comum\PLANEJAMENTO BV\14 - ACOMPANHAMENTO\1 - REPORT ACOMPANHAMENTO\2019\12 - Dezembro\CARTÕES\Login Logout Cartões\RELATORIO DE LOGIN - BV CARTÕES 29-12.xlsm</t>
  </si>
  <si>
    <t>12/30/2019 12:48:11</t>
  </si>
  <si>
    <t>mail.google.com/sync/u/0/i/s?hl=pt-BR&amp;c=694</t>
  </si>
  <si>
    <t>12/30/2019 12:48:35</t>
  </si>
  <si>
    <t>12/30/2019 12:48:40</t>
  </si>
  <si>
    <t>12/30/2019 12:48:47</t>
  </si>
  <si>
    <t>12/30/2019 12:48:51</t>
  </si>
  <si>
    <t>12/30/2019 12:49:00</t>
  </si>
  <si>
    <t>12/30/2019 12:49:45</t>
  </si>
  <si>
    <t>12/30/2019 12:50:44</t>
  </si>
  <si>
    <t>12/30/2019 12:52:30</t>
  </si>
  <si>
    <t>d3179d0a-1173-44a6-934d-46bea4ad57e3.tmp</t>
  </si>
  <si>
    <t>\\acsfs\profiles$\cintiadcf\Downloads\d3179d0a-1173-44a6-934d-46bea4ad57e3.tmp</t>
  </si>
  <si>
    <t>12/30/2019 12:51:43</t>
  </si>
  <si>
    <t>12/30/2019 12:53:30</t>
  </si>
  <si>
    <t>OPERACAO CSC 24X7</t>
  </si>
  <si>
    <t>12/30/2019 12:50:28</t>
  </si>
  <si>
    <t>12/30/2019 12:50:27</t>
  </si>
  <si>
    <t>lu439285q9sho.tmp</t>
  </si>
  <si>
    <t>\\acsfs\profiles$\BRUNAAR\Numero\lu439285q9sho.tmp</t>
  </si>
  <si>
    <t>12/30/2019 12:51:54</t>
  </si>
  <si>
    <t>12/30/2019 12:53:04</t>
  </si>
  <si>
    <t>12/30/2019 12:54:29</t>
  </si>
  <si>
    <t>12/30/2019 12:54:04</t>
  </si>
  <si>
    <t>12/30/2019 12:51:41</t>
  </si>
  <si>
    <t>12/30/2019 12:55:30</t>
  </si>
  <si>
    <t>576512dc-9acc-4039-b077-0f399437a7a2.tmp</t>
  </si>
  <si>
    <t>\\acsfs\profiles$\claudiajca\Downloads\576512dc-9acc-4039-b077-0f399437a7a2.tmp</t>
  </si>
  <si>
    <t>12/30/2019 12:53:46</t>
  </si>
  <si>
    <t>https://bvcartes-supervisores@algarnet.onmicrosoft.com,joaogvc@algartech.com,leonardoao@algartech.com,mirianppb@algartech.com,paulacn@algartech.com,rafaelggs@algartech.com,taysdss@algartech.com,viniciussg@algartech.com</t>
  </si>
  <si>
    <t>12/30/2019 12:50:15</t>
  </si>
  <si>
    <t>12/30/2019 12:52:21</t>
  </si>
  <si>
    <t>12/30/2019 12:56:29</t>
  </si>
  <si>
    <t>12/30/2019 12:53:13</t>
  </si>
  <si>
    <t>12/30/2019 12:53:29</t>
  </si>
  <si>
    <t>12/30/2019 12:54:56</t>
  </si>
  <si>
    <t>12/30/2019 12:50:47</t>
  </si>
  <si>
    <t>12/30/2019 12:51:17</t>
  </si>
  <si>
    <t>12/30/2019 12:51:47</t>
  </si>
  <si>
    <t>12/30/2019 12:51:08</t>
  </si>
  <si>
    <t>ab7c2f93-3d2e-4174-ad13-fb17f5ca8ea9.tmp</t>
  </si>
  <si>
    <t>\\acsfs\profiles$\rafaelamsv\Downloads\ab7c2f93-3d2e-4174-ad13-fb17f5ca8ea9.tmp</t>
  </si>
  <si>
    <t>12/30/2019 12:53:54</t>
  </si>
  <si>
    <t>e62f7c8e-3de5-4443-b72c-2531daa41f95.tmp</t>
  </si>
  <si>
    <t>\\acsfs\profiles$\rafaelamsv\Downloads\e62f7c8e-3de5-4443-b72c-2531daa41f95.tmp</t>
  </si>
  <si>
    <t>12/30/2019 12:55:49</t>
  </si>
  <si>
    <t>12/30/2019 12:58:30</t>
  </si>
  <si>
    <t>12/30/2019 12:58:01</t>
  </si>
  <si>
    <t>12/30/2019 12:55:24</t>
  </si>
  <si>
    <t>ced7e8bd-f24d-4229-918b-77d9b9791cf8.tmp</t>
  </si>
  <si>
    <t>\\acsfs\profiles$\KARENJSS\Downloads\ced7e8bd-f24d-4229-918b-77d9b9791cf8.tmp</t>
  </si>
  <si>
    <t>12/30/2019 12:57:48</t>
  </si>
  <si>
    <t>df883e73-01e1-4cd7-bf09-906229c276f6.tmp</t>
  </si>
  <si>
    <t>\\acsfs\profiles$\KARENJSS\Downloads\df883e73-01e1-4cd7-bf09-906229c276f6.tmp</t>
  </si>
  <si>
    <t>12/30/2019 12:55:07</t>
  </si>
  <si>
    <t>12/30/2019 12:56:26</t>
  </si>
  <si>
    <t>12/30/2019 12:56:27</t>
  </si>
  <si>
    <t>lu18284u8q.tmp</t>
  </si>
  <si>
    <t>\\acsfs\profiles$\CLAUDIAJCA\lu18284u8q.tmp</t>
  </si>
  <si>
    <t>\\acsfs\profiles$\CLAUDIAJCA\lu18284u8q.tmp\</t>
  </si>
  <si>
    <t>\\acsfs\profiles$\CLAUDIAJCA\lu18284u8q.tmp\META-INF\</t>
  </si>
  <si>
    <t>\\acsfs\profiles$\CLAUDIAJCA\lu18284u8q.tmp\Thumbnails\</t>
  </si>
  <si>
    <t>12/30/2019 12:59:04</t>
  </si>
  <si>
    <t>12/30/2019 12:59:30</t>
  </si>
  <si>
    <t>12/30/2019 12:55:53</t>
  </si>
  <si>
    <t>12/30/2019 13:00:30</t>
  </si>
  <si>
    <t>\\acsfs\profiles$\kamilamrc\My Documents\xworkcenter\lex\</t>
  </si>
  <si>
    <t>\\acsfs\profiles$\kamilamrc\My Documents\xworkcenter\lex\temp.tlx</t>
  </si>
  <si>
    <t>12/30/2019 12:55:54</t>
  </si>
  <si>
    <t>12/30/2019 12:55:55</t>
  </si>
  <si>
    <t>12/30/2019 12:55:56</t>
  </si>
  <si>
    <t>12/30/2019 12:55:57</t>
  </si>
  <si>
    <t>12/30/2019 12:55:58</t>
  </si>
  <si>
    <t>12/30/2019 12:55:59</t>
  </si>
  <si>
    <t>12/30/2019 12:56:00</t>
  </si>
  <si>
    <t>12/30/2019 12:56:01</t>
  </si>
  <si>
    <t>12/30/2019 12:56:02</t>
  </si>
  <si>
    <t>12/30/2019 12:56:03</t>
  </si>
  <si>
    <t>12/30/2019 12:56:04</t>
  </si>
  <si>
    <t>12/30/2019 12:56:05</t>
  </si>
  <si>
    <t>12/30/2019 12:56:06</t>
  </si>
  <si>
    <t>12/30/2019 12:56:07</t>
  </si>
  <si>
    <t>12/30/2019 12:56:08</t>
  </si>
  <si>
    <t>12/30/2019 12:56:09</t>
  </si>
  <si>
    <t>12/30/2019 12:56:10</t>
  </si>
  <si>
    <t>12/30/2019 12:56:11</t>
  </si>
  <si>
    <t>12/30/2019 12:56:12</t>
  </si>
  <si>
    <t>12/30/2019 12:56:13</t>
  </si>
  <si>
    <t>12/30/2019 12:56:14</t>
  </si>
  <si>
    <t>12/30/2019 12:55:44</t>
  </si>
  <si>
    <t>12/30/2019 12:56:44</t>
  </si>
  <si>
    <t>12/30/2019 12:56:15</t>
  </si>
  <si>
    <t>12/30/2019 12:57:13</t>
  </si>
  <si>
    <t>12/30/2019 13:01:29</t>
  </si>
  <si>
    <t>12/30/2019 12:58:48</t>
  </si>
  <si>
    <t>12/30/2019 12:58:49</t>
  </si>
  <si>
    <t>12/30/2019 13:03:30</t>
  </si>
  <si>
    <t>12/30/2019 12:59:12</t>
  </si>
  <si>
    <t>12/30/2019 13:03:18</t>
  </si>
  <si>
    <t>015d3cac-a783-400a-accc-adcac9ec5719.tmp</t>
  </si>
  <si>
    <t>\\acsfs\profiles$\anafsb\Downloads\015d3cac-a783-400a-accc-adcac9ec5719.tmp</t>
  </si>
  <si>
    <t>12/30/2019 13:01:25</t>
  </si>
  <si>
    <t>12/30/2019 13:03:23</t>
  </si>
  <si>
    <t>7a330d35-5b5f-4fd4-8c9a-76b5f3db4ff5.tmp</t>
  </si>
  <si>
    <t>\\acsfs\profiles$\claudiajca\Downloads\7a330d35-5b5f-4fd4-8c9a-76b5f3db4ff5.tmp</t>
  </si>
  <si>
    <t>12/30/2019 13:01:34</t>
  </si>
  <si>
    <t>12/30/2019 13:04:29</t>
  </si>
  <si>
    <t>26c21003-8231-447f-aad1-ff739d93f830.tmp</t>
  </si>
  <si>
    <t>\\acsfs\profiles$\mariellecs\Downloads\26c21003-8231-447f-aad1-ff739d93f830.tmp</t>
  </si>
  <si>
    <t>12/30/2019 13:00:04</t>
  </si>
  <si>
    <t>12/30/2019 13:04:05</t>
  </si>
  <si>
    <t>12/30/2019 13:05:30</t>
  </si>
  <si>
    <t>mail.google.com/sync/u/0/i/s?hl=pt-BR&amp;c=713</t>
  </si>
  <si>
    <t>12/30/2019 13:04:11</t>
  </si>
  <si>
    <t>mail.google.com/sync/u/0/i/s?hl=pt-BR&amp;c=715</t>
  </si>
  <si>
    <t>12/30/2019 13:04:13</t>
  </si>
  <si>
    <t>mail.google.com/sync/u/0/i/s?hl=pt-BR&amp;c=717</t>
  </si>
  <si>
    <t>12/30/2019 13:04:19</t>
  </si>
  <si>
    <t>mail.google.com/sync/u/0/i/s?hl=pt-BR&amp;c=719</t>
  </si>
  <si>
    <t>12/30/2019 13:04:21</t>
  </si>
  <si>
    <t>12/30/2019 13:04:27</t>
  </si>
  <si>
    <t>12/30/2019 13:04:34</t>
  </si>
  <si>
    <t>mail.google.com/sync/u/0/i/s?hl=pt-BR&amp;c=725</t>
  </si>
  <si>
    <t>bvcartes-supervisores@algarnet.onmicrosoft.com;bvs-centralcartoes@bv.com.br;daniela.ribeiro@bv.com.br;eduardo.santana@bv.com.br;fabio.ernest@bv.com.br;joaogvc@algartech.com;leonardoao@algartech.com;marcus.pelegrine@bv.com.br;marcus.pellegrini@bv.com.br;marianacds@algartech.com;marianadjc@algartech.com;paulacn@algartech.com;planejamentodeoperacoesetrafego@bv.com.br;rafaelggs@algartech.com;taysdss@algartech.com;thiagordu@algartech.com;viniciussg@algartech.com;</t>
  </si>
  <si>
    <t>bvcartes-supervisores@algarnet.onmicrosoft.com,bvs-centralcartoes@bv.com.br,daniela.ribeiro@bv.com.br,eduardo.santana@bv.com.br,fabio.ernest@bv.com.br,joaogvc@algartech.com,leonardoao@algartech.com,marcus.pelegrine@bv.com.br,marcus.pellegrini@bv.com.br,marianacds@algartech.com,marianadjc@algartech.com,paulacn@algartech.com,planejamentodeoperacoesetrafego@bv.com.br,rafaelggs@algartech.com,taysdss@algartech.com,thiagordu@algartech.com,viniciussg@algartech.com</t>
  </si>
  <si>
    <t>12/30/2019 13:04:39</t>
  </si>
  <si>
    <t>mail.google.com/sync/u/0/i/s?hl=pt-BR&amp;c=728</t>
  </si>
  <si>
    <t>12/30/2019 13:04:48</t>
  </si>
  <si>
    <t>bvcartes-supervisores@algarnet.onmicrosoft.com;bvs-centralcartoes@bv.com.br;daniela.ribeiro@bv.com.br;eduardo.santana@bv.com.br;fabio.ernest@bv.com.br;joaogvc@algartech.com;leonardoao@algartech.com;marcus.pelegrine@bv.com.br;marcus.pellegrini@bv.com.br;paulacn@algartech.com;planejamentodeoperacoesetrafego@bv.com.br;rafaelggs@algartech.com;taysdss@algartech.com;thiagordu@algartech.com;viniciussg@algartech.com;</t>
  </si>
  <si>
    <t>bvcartes-supervisores@algarnet.onmicrosoft.com,bvs-centralcartoes@bv.com.br,daniela.ribeiro@bv.com.br,eduardo.santana@bv.com.br,fabio.ernest@bv.com.br,joaogvc@algartech.com,leonardoao@algartech.com,marcus.pelegrine@bv.com.br,marcus.pellegrini@bv.com.br,paulacn@algartech.com,planejamentodeoperacoesetrafego@bv.com.br,rafaelggs@algartech.com,taysdss@algartech.com,thiagordu@algartech.com,viniciussg@algartech.com</t>
  </si>
  <si>
    <t>12/30/2019 13:01:46</t>
  </si>
  <si>
    <t>12/30/2019 13:02:44</t>
  </si>
  <si>
    <t>12/30/2019 13:05:09</t>
  </si>
  <si>
    <t>12/30/2019 13:06:30</t>
  </si>
  <si>
    <t>12/30/2019 13:05:15</t>
  </si>
  <si>
    <t>12/30/2019 13:02:54</t>
  </si>
  <si>
    <t>12/30/2019 13:05:17</t>
  </si>
  <si>
    <t>12/30/2019 13:08:30</t>
  </si>
  <si>
    <t>92bc48b1-3ee3-4686-baf5-9a71314f894f.tmp</t>
  </si>
  <si>
    <t>\\acsfs\profiles$\sarahbal\Downloads\92bc48b1-3ee3-4686-baf5-9a71314f894f.tmp</t>
  </si>
  <si>
    <t>12/30/2019 13:05:21</t>
  </si>
  <si>
    <t>2374d7d7-ce59-4e31-8103-6b1f538a481e.tmp</t>
  </si>
  <si>
    <t>\\acsfs\profiles$\anafsb\Downloads\2374d7d7-ce59-4e31-8103-6b1f538a481e.tmp</t>
  </si>
  <si>
    <t>12/30/2019 13:05:04</t>
  </si>
  <si>
    <t>12/30/2019 13:09:30</t>
  </si>
  <si>
    <t>12/30/2019 13:06:04</t>
  </si>
  <si>
    <t>12/30/2019 13:05:08</t>
  </si>
  <si>
    <t>12/30/2019 13:10:31</t>
  </si>
  <si>
    <t>bvcartes-supervisores@algarnet.onmicrosoft.com;joaogvc@algartech.com;leonardoao@algartech.com;marianadjc@algartech.com;paulacn@algartech.com;rafaelggs@algartech.com;taysdss@algartech.com;viniciussg@algartech.com;</t>
  </si>
  <si>
    <t>bvcartes-supervisores@algarnet.onmicrosoft.com,joaogvc@algartech.com,leonardoao@algartech.com,marianadjc@algartech.com,paulacn@algartech.com,rafaelggs@algartech.com,taysdss@algartech.com,viniciussg@algartech.com</t>
  </si>
  <si>
    <t>12/30/2019 13:05:10</t>
  </si>
  <si>
    <t>12/30/2019 13:05:23</t>
  </si>
  <si>
    <t>bvcartes-supervisores@algarnet.onmicrosoft.com;joaogvc@algartech.com;leonardoao@algartech.com;paulacn@algartech.com;rafaelggs@algartech.com;taysdss@algartech.com;viniciussg@algartech.com;</t>
  </si>
  <si>
    <t>bvcartes-supervisores@algarnet.onmicrosoft.com,joaogvc@algartech.com,leonardoao@algartech.com,paulacn@algartech.com,rafaelggs@algartech.com,taysdss@algartech.com,viniciussg@algartech.com</t>
  </si>
  <si>
    <t>12/30/2019 13:05:39</t>
  </si>
  <si>
    <t>12/30/2019 13:05:43</t>
  </si>
  <si>
    <t>12/30/2019 13:05:50</t>
  </si>
  <si>
    <t>mail.google.com/sync/u/0/i/s?hl=pt-BR&amp;c=746</t>
  </si>
  <si>
    <t>12/30/2019 13:06:34</t>
  </si>
  <si>
    <t>bvcartes-supervisores@algarnet.onmicrosoft.com;joaogvc@algartech.com;leonardoao@algartech.com;marianadjc@algartech.com;paulacn@algartech.com;rafaelggs@algartech.com;taysdss@algartech.com;thiagordu@algartech.com;viniciussg@algartech.com;</t>
  </si>
  <si>
    <t>bvcartes-supervisores@algarnet.onmicrosoft.com,joaogvc@algartech.com,leonardoao@algartech.com,marianadjc@algartech.com,paulacn@algartech.com,rafaelggs@algartech.com,taysdss@algartech.com,thiagordu@algartech.com,viniciussg@algartech.com</t>
  </si>
  <si>
    <t>12/30/2019 13:06:51</t>
  </si>
  <si>
    <t>mail.google.com/sync/u/0/i/s?hl=pt-BR&amp;c=753</t>
  </si>
  <si>
    <t>12/30/2019 13:07:07</t>
  </si>
  <si>
    <t>mail.google.com/sync/u/0/i/s?hl=pt-BR&amp;c=755</t>
  </si>
  <si>
    <t>12/30/2019 13:07:22</t>
  </si>
  <si>
    <t>12/30/2019 13:07:46</t>
  </si>
  <si>
    <t>12/30/2019 13:07:52</t>
  </si>
  <si>
    <t>12/30/2019 13:07:56</t>
  </si>
  <si>
    <t>12/30/2019 13:07:59</t>
  </si>
  <si>
    <t>mail.google.com/sync/u/0/i/s?hl=pt-BR&amp;c=766</t>
  </si>
  <si>
    <t>bvcartes-supervisores@algarnet.onmicrosoft.com;joaogvc@algartech.com;karolynecj@algartech.com.br;leonardoao@algartech.com;marianadjc@algartech.com;paulacn@algartech.com;rafaelggs@algartech.com;taysdss@algartech.com;thiagordu@algartech.com;viniciussg@algartech.com;</t>
  </si>
  <si>
    <t>bvcartes-supervisores@algarnet.onmicrosoft.com,joaogvc@algartech.com,karolynecj@algartech.com.br,leonardoao@algartech.com,marianadjc@algartech.com,paulacn@algartech.com,rafaelggs@algartech.com,taysdss@algartech.com,thiagordu@algartech.com,viniciussg@algartech.com</t>
  </si>
  <si>
    <t>12/30/2019 13:08:07</t>
  </si>
  <si>
    <t>mail.google.com/sync/u/0/i/s?hl=pt-BR&amp;c=768</t>
  </si>
  <si>
    <t>bvcartes-supervisores@algarnet.onmicrosoft.com;joaogvc@algartech.com;karolynecj@algartech.com.br;leonardoao@algartech.com;paulacn@algartech.com;rafaelggs@algartech.com;taysdss@algartech.com;viniciussg@algartech.com;</t>
  </si>
  <si>
    <t>bvcartes-supervisores@algarnet.onmicrosoft.com,joaogvc@algartech.com,karolynecj@algartech.com.br,leonardoao@algartech.com,paulacn@algartech.com,rafaelggs@algartech.com,taysdss@algartech.com,viniciussg@algartech.com</t>
  </si>
  <si>
    <t>12/30/2019 13:08:19</t>
  </si>
  <si>
    <t>mail.google.com/sync/u/0/i/s?hl=pt-BR&amp;c=771</t>
  </si>
  <si>
    <t>12/30/2019 13:08:29</t>
  </si>
  <si>
    <t>mail.google.com/sync/u/0/i/s?hl=pt-BR&amp;c=773</t>
  </si>
  <si>
    <t>bvcartes-supervisores@algarnet.onmicrosoft.com;joaogvc@algartech.com;karolynecj@algartech.com.br;leonardoao@algartech.com;marianacds@algartech.com;marianadjc@algartech.com;paulacn@algartech.com;rafaelggs@algartech.com;taysdss@algartech.com;thiagordu@algartech.com;viniciussg@algartech.com;</t>
  </si>
  <si>
    <t>bvcartes-supervisores@algarnet.onmicrosoft.com,joaogvc@algartech.com,karolynecj@algartech.com.br,leonardoao@algartech.com,marianacds@algartech.com,marianadjc@algartech.com,paulacn@algartech.com,rafaelggs@algartech.com,taysdss@algartech.com,thiagordu@algartech.com,viniciussg@algartech.com</t>
  </si>
  <si>
    <t>12/30/2019 13:09:44</t>
  </si>
  <si>
    <t>https://bvcartes-supervisores@algarnet.onmicrosoft.com,bvs-centralcartoes@bv.com.br,daniela.ribeiro@bv.com.br,eduardo.santana@bv.com.br,fabio.ernest@bv.com.br,joaogvc@algartech.com,leonardoao@algartech.com,marcus.pelegrine@bv.com.br,marcus.pellegrini@bv.com.br,mirianppb@algartech.com,paulacn@algartech.com,planejamentodeoperacoesetrafego@bv.com.br,rafaelggs@algartech.com,taysdss@algartech.com,thiagordu@algartech.com,viniciussg@algartech.com</t>
  </si>
  <si>
    <t>12/30/2019 13:07:44</t>
  </si>
  <si>
    <t>12/30/2019 13:08:45</t>
  </si>
  <si>
    <t>12/30/2019 13:11:30</t>
  </si>
  <si>
    <t>12/30/2019 13:06:15</t>
  </si>
  <si>
    <t>12/30/2019 13:06:45</t>
  </si>
  <si>
    <t>adrielecds</t>
  </si>
  <si>
    <t>https://portalth.algarnet.com.br/webponto/relatorios/visualizarsolicitacao.asp</t>
  </si>
  <si>
    <t>12/30/2019 13:10:10</t>
  </si>
  <si>
    <t>12/30/2019 13:12:31</t>
  </si>
  <si>
    <t>c2e874a6-a21f-4df6-94d1-e58637107c73.tmp</t>
  </si>
  <si>
    <t>\\acsfs\profiles$\gabrielafs\Downloads\c2e874a6-a21f-4df6-94d1-e58637107c73.tmp</t>
  </si>
  <si>
    <t>12/30/2019 13:10:39</t>
  </si>
  <si>
    <t>12/30/2019 13:10:53</t>
  </si>
  <si>
    <t>12/30/2019 13:11:58</t>
  </si>
  <si>
    <t>12/30/2019 13:13:30</t>
  </si>
  <si>
    <t>12/30/2019 13:11:59</t>
  </si>
  <si>
    <t>lu25484420epv.tmp</t>
  </si>
  <si>
    <t>\\acsfs\profiles$\LUCASBS\RENEG BV\lu25484420epv.tmp</t>
  </si>
  <si>
    <t>\\acsfs\profiles$\LUCASBS\RENEG BV\lu25484420epv.tmp\</t>
  </si>
  <si>
    <t>\\acsfs\profiles$\LUCASBS\RENEG BV\lu25484420epv.tmp\META-INF\</t>
  </si>
  <si>
    <t>\\acsfs\profiles$\LUCASBS\RENEG BV\lu25484420epv.tmp\Thumbnails\</t>
  </si>
  <si>
    <t>12/30/2019 13:12:56</t>
  </si>
  <si>
    <t>d74f52dc-7b9d-4ffc-ae35-42af3b250cb2.tmp</t>
  </si>
  <si>
    <t>\\acsfs\profiles$\kellzylenneasr\Downloads\d74f52dc-7b9d-4ffc-ae35-42af3b250cb2.tmp</t>
  </si>
  <si>
    <t>12/30/2019 13:09:36</t>
  </si>
  <si>
    <t>12/30/2019 13:09:46</t>
  </si>
  <si>
    <t>c92545c5-533c-48bb-9c54-ee506f51737b.tmp</t>
  </si>
  <si>
    <t>\\acsfs\profiles$\claudiajca\Downloads\c92545c5-533c-48bb-9c54-ee506f51737b.tmp</t>
  </si>
  <si>
    <t>12/30/2019 13:11:39</t>
  </si>
  <si>
    <t>61dd4eb9-2f20-4df5-b3e7-a3f8ad71db86.tmp</t>
  </si>
  <si>
    <t>\\acsfs\profiles$\claudiajca\Downloads\61dd4eb9-2f20-4df5-b3e7-a3f8ad71db86.tmp</t>
  </si>
  <si>
    <t>12/30/2019 13:11:04</t>
  </si>
  <si>
    <t>12/30/2019 13:14:30</t>
  </si>
  <si>
    <t>12/30/2019 13:12:04</t>
  </si>
  <si>
    <t>12/30/2019 13:13:44</t>
  </si>
  <si>
    <t>12/30/2019 13:15:30</t>
  </si>
  <si>
    <t>12/30/2019 13:14:44</t>
  </si>
  <si>
    <t>12/30/2019 13:11:27</t>
  </si>
  <si>
    <t>12/30/2019 13:16:30</t>
  </si>
  <si>
    <t>12/30/2019 13:13:33</t>
  </si>
  <si>
    <t>7b7be3ff-8542-44df-aeb0-9cdc43193c98.tmp</t>
  </si>
  <si>
    <t>\\acsfs\profiles$\websondsa\Downloads\7b7be3ff-8542-44df-aeb0-9cdc43193c98.tmp</t>
  </si>
  <si>
    <t>12/30/2019 13:11:29</t>
  </si>
  <si>
    <t>12/30/2019 13:12:17</t>
  </si>
  <si>
    <t>12/30/2019 13:17:30</t>
  </si>
  <si>
    <t>805dd86b-ab85-4a35-80d6-f9990b4a7d84.tmp</t>
  </si>
  <si>
    <t>\\acsfs\profiles$\gabrielafs\Downloads\805dd86b-ab85-4a35-80d6-f9990b4a7d84.tmp</t>
  </si>
  <si>
    <t>12/30/2019 13:15:38</t>
  </si>
  <si>
    <t>ulog_Acrobat12_Reader_22bb18ef-a0cc-4985-b2f1-d8449a05e1d0_cee389ee-e7eb-4bc4-9854-35b0ddf79c69_0.log</t>
  </si>
  <si>
    <t>C:\Users\Jordanarb\AppData\Roaming\Adobe\LogTransport2\Logs\ulog_Acrobat12_Reader_22bb18ef-a0cc-4985-b2f1-d8449a05e1d0_cee389ee-e7eb-4bc4-9854-35b0ddf79c69_0.log\</t>
  </si>
  <si>
    <t>12/30/2019 13:12:07</t>
  </si>
  <si>
    <t>b40bb40a-17e4-4b2e-ad27-57e8a6305311.tmp</t>
  </si>
  <si>
    <t>\\acsfs\profiles$\nathaliaos\Downloads\b40bb40a-17e4-4b2e-ad27-57e8a6305311.tmp</t>
  </si>
  <si>
    <t>12/30/2019 13:15:01</t>
  </si>
  <si>
    <t>93681f62-f000-460c-b601-6ce9e42ee3f3.tmp</t>
  </si>
  <si>
    <t>\\acsfs\profiles$\dhiulliananads\Downloads\93681f62-f000-460c-b601-6ce9e42ee3f3.tmp</t>
  </si>
  <si>
    <t>12/30/2019 13:15:17</t>
  </si>
  <si>
    <t>12/30/2019 13:18:30</t>
  </si>
  <si>
    <t>12/30/2019 13:16:28</t>
  </si>
  <si>
    <t>12/30/2019 13:15:28</t>
  </si>
  <si>
    <t>12/30/2019 13:19:30</t>
  </si>
  <si>
    <t>\\acsfs\profiles$\mariellecs\My Documents\marielle\</t>
  </si>
  <si>
    <t>Relatorio.Recibo.Ferias_20191230131455210648.xls.pntgcek.partial</t>
  </si>
  <si>
    <t>\\acsfs\profiles$\mariellecs\My Documents\marielle\Relatorio.Recibo.Ferias_20191230131455210648.xls.pntgcek.partial</t>
  </si>
  <si>
    <t>12/30/2019 13:14:20</t>
  </si>
  <si>
    <t>12/30/2019 13:17:04</t>
  </si>
  <si>
    <t>12/30/2019 13:18:04</t>
  </si>
  <si>
    <t>12/30/2019 13:16:45</t>
  </si>
  <si>
    <t>12/30/2019 13:20:31</t>
  </si>
  <si>
    <t>4d9f4396-9eff-4ae2-a152-4dd6ddefee3c.tmp</t>
  </si>
  <si>
    <t>\\acsfs\profiles$\MATEUSJM\Downloads\4d9f4396-9eff-4ae2-a152-4dd6ddefee3c.tmp</t>
  </si>
  <si>
    <t>12/30/2019 13:17:27</t>
  </si>
  <si>
    <t>12/30/2019 13:17:32</t>
  </si>
  <si>
    <t>12/30/2019 13:17:36</t>
  </si>
  <si>
    <t>mail.google.com/sync/u/0/i/s?hl=pt-BR&amp;c=802</t>
  </si>
  <si>
    <t>12/30/2019 13:17:40</t>
  </si>
  <si>
    <t>mail.google.com/sync/u/0/i/s?hl=pt-BR&amp;c=804</t>
  </si>
  <si>
    <t>12/30/2019 13:17:43</t>
  </si>
  <si>
    <t>mail.google.com/sync/u/0/i/s?hl=pt-BR&amp;c=806</t>
  </si>
  <si>
    <t>12/30/2019 13:17:48</t>
  </si>
  <si>
    <t>12/30/2019 13:17:54</t>
  </si>
  <si>
    <t>12/30/2019 13:18:08</t>
  </si>
  <si>
    <t>bvcartes-supervisores@algarnet.onmicrosoft.com;bvs-centralcartoes@bv.com.br;daniela.ribeiro@bv.com.br;eduardo.santana@bv.com.br;fabio.ernest@bv.com.br;leonardoao@algartech.com;marcus.pelegrine@bv.com.br;marcus.pellegrini@bv.com.br;paulacn@algartech.com;planejamentodeoperacoesetrafego@bv.com.br;taysdss@algartech.com;thiagordu@algartech.com;</t>
  </si>
  <si>
    <t>bvcartes-supervisores@algarnet.onmicrosoft.com,bvs-centralcartoes@bv.com.br,daniela.ribeiro@bv.com.br,eduardo.santana@bv.com.br,fabio.ernest@bv.com.br,leonardoao@algartech.com,marcus.pelegrine@bv.com.br,marcus.pellegrini@bv.com.br,paulacn@algartech.com,planejamentodeoperacoesetrafego@bv.com.br,taysdss@algartech.com,thiagordu@algartech.com</t>
  </si>
  <si>
    <t>12/30/2019 13:18:14</t>
  </si>
  <si>
    <t>12/30/2019 13:18:38</t>
  </si>
  <si>
    <t>mail.google.com/sync/u/0/i/s?hl=pt-BR&amp;c=822</t>
  </si>
  <si>
    <t>12/30/2019 13:18:42</t>
  </si>
  <si>
    <t>mail.google.com/sync/u/0/i/s?hl=pt-BR&amp;c=824</t>
  </si>
  <si>
    <t>12/30/2019 13:18:48</t>
  </si>
  <si>
    <t>mail.google.com/sync/u/0/i/s?hl=pt-BR&amp;c=826</t>
  </si>
  <si>
    <t>12/30/2019 13:18:49</t>
  </si>
  <si>
    <t>12/30/2019 13:19:12</t>
  </si>
  <si>
    <t>12/30/2019 13:16:39</t>
  </si>
  <si>
    <t>db798fbd-abdf-4ae2-a926-2da67d6149e5.tmp</t>
  </si>
  <si>
    <t>\\acsfs\profiles$\nathaliarmr\Downloads\db798fbd-abdf-4ae2-a926-2da67d6149e5.tmp</t>
  </si>
  <si>
    <t>12/30/2019 13:19:44</t>
  </si>
  <si>
    <t>12/30/2019 13:17:46</t>
  </si>
  <si>
    <t>12/30/2019 13:22:31</t>
  </si>
  <si>
    <t>12/30/2019 13:23:30</t>
  </si>
  <si>
    <t>12/30/2019 13:18:31</t>
  </si>
  <si>
    <t>lu439285q9shr.tmp</t>
  </si>
  <si>
    <t>\\acsfs\profiles$\BRUNAAR\Numero\lu439285q9shr.tmp</t>
  </si>
  <si>
    <t>12/30/2019 13:23:04</t>
  </si>
  <si>
    <t>12/30/2019 13:24:31</t>
  </si>
  <si>
    <t>12/30/2019 13:24:04</t>
  </si>
  <si>
    <t>12/30/2019 13:24:19</t>
  </si>
  <si>
    <t>12/30/2019 13:25:30</t>
  </si>
  <si>
    <t>12/30/2019 13:20:25</t>
  </si>
  <si>
    <t>b4ff8800-3788-41ba-bf52-5665e5434cc3.tmp</t>
  </si>
  <si>
    <t>\\acsfs\profiles$\mariajra\Downloads\b4ff8800-3788-41ba-bf52-5665e5434cc3.tmp</t>
  </si>
  <si>
    <t>12/30/2019 13:22:32</t>
  </si>
  <si>
    <t>89fddd44-d964-4e4c-983a-44cf95c1e687.tmp</t>
  </si>
  <si>
    <t>\\acsfs\profiles$\mariajra\Downloads\89fddd44-d964-4e4c-983a-44cf95c1e687.tmp</t>
  </si>
  <si>
    <t>12/30/2019 13:20:45</t>
  </si>
  <si>
    <t>12/30/2019 13:20:53</t>
  </si>
  <si>
    <t>12/30/2019 13:26:30</t>
  </si>
  <si>
    <t>6428d34e-45e2-4b79-a846-8a0d9a4c60ca.tmp</t>
  </si>
  <si>
    <t>\\acsfs\profiles$\lucasqdss\Downloads\6428d34e-45e2-4b79-a846-8a0d9a4c60ca.tmp</t>
  </si>
  <si>
    <t>12/30/2019 13:23:57</t>
  </si>
  <si>
    <t>12/30/2019 13:26:32</t>
  </si>
  <si>
    <t>12/30/2019 13:27:30</t>
  </si>
  <si>
    <t>b1decbbc-62e8-45f0-9653-ceda53eb739f.tmp</t>
  </si>
  <si>
    <t>\\acsfs\profiles$\gabrielarb\Downloads\b1decbbc-62e8-45f0-9653-ceda53eb739f.tmp</t>
  </si>
  <si>
    <t>12/30/2019 13:22:26</t>
  </si>
  <si>
    <t>$ISG10F7.pdf</t>
  </si>
  <si>
    <t>\\acsfs\profiles$\jonatanls\Downloads\$RECYCLE.BIN\$ISG10F7.pdf</t>
  </si>
  <si>
    <t>12/30/2019 13:22:27</t>
  </si>
  <si>
    <t>$IPV3N6V.pdf</t>
  </si>
  <si>
    <t>\\acsfs\profiles$\jonatanls\Downloads\$RECYCLE.BIN\$IPV3N6V.pdf</t>
  </si>
  <si>
    <t>$IG9O552.pdf</t>
  </si>
  <si>
    <t>\\acsfs\profiles$\jonatanls\Downloads\$RECYCLE.BIN\$IG9O552.pdf</t>
  </si>
  <si>
    <t>$IG3J0IB.pdf</t>
  </si>
  <si>
    <t>\\acsfs\profiles$\jonatanls\Downloads\$RECYCLE.BIN\$IG3J0IB.pdf</t>
  </si>
  <si>
    <t>12/30/2019 13:22:28</t>
  </si>
  <si>
    <t>$I2G1ERJ.pdf</t>
  </si>
  <si>
    <t>\\acsfs\profiles$\jonatanls\Downloads\$RECYCLE.BIN\$I2G1ERJ.pdf</t>
  </si>
  <si>
    <t>$IDW1NL0.pdf</t>
  </si>
  <si>
    <t>\\acsfs\profiles$\jonatanls\Downloads\$RECYCLE.BIN\$IDW1NL0.pdf</t>
  </si>
  <si>
    <t>$IDHBGZP.pdf</t>
  </si>
  <si>
    <t>\\acsfs\profiles$\jonatanls\Downloads\$RECYCLE.BIN\$IDHBGZP.pdf</t>
  </si>
  <si>
    <t>12/30/2019 13:22:29</t>
  </si>
  <si>
    <t>$IDARQY7.pdf</t>
  </si>
  <si>
    <t>\\acsfs\profiles$\jonatanls\Downloads\$RECYCLE.BIN\$IDARQY7.pdf</t>
  </si>
  <si>
    <t>$IMTFZ39.pdf</t>
  </si>
  <si>
    <t>\\acsfs\profiles$\jonatanls\Downloads\$RECYCLE.BIN\$IMTFZ39.pdf</t>
  </si>
  <si>
    <t>12/30/2019 13:22:30</t>
  </si>
  <si>
    <t>$IE19460.pdf</t>
  </si>
  <si>
    <t>\\acsfs\profiles$\jonatanls\Downloads\$RECYCLE.BIN\$IE19460.pdf</t>
  </si>
  <si>
    <t>$I7HSWQ4.pdf</t>
  </si>
  <si>
    <t>\\acsfs\profiles$\jonatanls\Downloads\$RECYCLE.BIN\$I7HSWQ4.pdf</t>
  </si>
  <si>
    <t>$I5UB9U1.pdf</t>
  </si>
  <si>
    <t>\\acsfs\profiles$\jonatanls\Downloads\$RECYCLE.BIN\$I5UB9U1.pdf</t>
  </si>
  <si>
    <t>$ITRFAMI.pdf</t>
  </si>
  <si>
    <t>\\acsfs\profiles$\jonatanls\Downloads\$RECYCLE.BIN\$ITRFAMI.pdf</t>
  </si>
  <si>
    <t>$IOVCTER.pdf</t>
  </si>
  <si>
    <t>\\acsfs\profiles$\jonatanls\Downloads\$RECYCLE.BIN\$IOVCTER.pdf</t>
  </si>
  <si>
    <t>$I8WDSD1.pdf</t>
  </si>
  <si>
    <t>\\acsfs\profiles$\jonatanls\Downloads\$RECYCLE.BIN\$I8WDSD1.pdf</t>
  </si>
  <si>
    <t>$IBZT6B1.pdf</t>
  </si>
  <si>
    <t>\\acsfs\profiles$\jonatanls\Downloads\$RECYCLE.BIN\$IBZT6B1.pdf</t>
  </si>
  <si>
    <t>12/30/2019 13:23:01</t>
  </si>
  <si>
    <t>9d1c322b-9aa5-4185-b151-262f0484d4d9.tmp</t>
  </si>
  <si>
    <t>\\acsfs\profiles$\jonatanls\Downloads\9d1c322b-9aa5-4185-b151-262f0484d4d9.tmp</t>
  </si>
  <si>
    <t>12/30/2019 13:23:12</t>
  </si>
  <si>
    <t>.~lock.Relatorio.Recibo.Ferias_20191230132255210862.xls#</t>
  </si>
  <si>
    <t>\\acsfs\profiles$\jonatanls\Downloads\.~lock.Relatorio.Recibo.Ferias_20191230132255210862.xls#</t>
  </si>
  <si>
    <t>12/30/2019 13:23:34</t>
  </si>
  <si>
    <t>3f261cb2-3969-40ef-a304-f422353854fc.tmp</t>
  </si>
  <si>
    <t>\\acsfs\profiles$\jonatanls\Downloads\3f261cb2-3969-40ef-a304-f422353854fc.tmp</t>
  </si>
  <si>
    <t>12/30/2019 13:24:13</t>
  </si>
  <si>
    <t>$IN6XD32.xls</t>
  </si>
  <si>
    <t>\\acsfs\profiles$\jonatanls\Downloads\$RECYCLE.BIN\$IN6XD32.xls</t>
  </si>
  <si>
    <t>$I25FBCE.pdf</t>
  </si>
  <si>
    <t>\\acsfs\profiles$\jonatanls\Downloads\$RECYCLE.BIN\$I25FBCE.pdf</t>
  </si>
  <si>
    <t>12/30/2019 13:25:36</t>
  </si>
  <si>
    <t>lu168722jg4wd.tmp</t>
  </si>
  <si>
    <t>\\acsfs\profiles$\dhiulliananads\My Documents\lu168722jg4wd.tmp</t>
  </si>
  <si>
    <t>\\acsfs\profiles$\dhiulliananads\My Documents\lu168722jg4wd.tmp\</t>
  </si>
  <si>
    <t>\\acsfs\profiles$\dhiulliananads\My Documents\lu168722jg4wd.tmp\META-INF\</t>
  </si>
  <si>
    <t>\\acsfs\profiles$\dhiulliananads\My Documents\lu168722jg4wd.tmp\Thumbnails\</t>
  </si>
  <si>
    <t>12/30/2019 13:28:30</t>
  </si>
  <si>
    <t>12/30/2019 13:23:06</t>
  </si>
  <si>
    <t>12/30/2019 13:23:07</t>
  </si>
  <si>
    <t>lu25484420eq0.tmp</t>
  </si>
  <si>
    <t>\\acsfs\profiles$\LUCASBS\RENEG BV\lu25484420eq0.tmp</t>
  </si>
  <si>
    <t>\\acsfs\profiles$\LUCASBS\RENEG BV\lu25484420eq0.tmp\</t>
  </si>
  <si>
    <t>\\acsfs\profiles$\LUCASBS\RENEG BV\lu25484420eq0.tmp\META-INF\</t>
  </si>
  <si>
    <t>\\acsfs\profiles$\LUCASBS\RENEG BV\lu25484420eq0.tmp\Thumbnails\</t>
  </si>
  <si>
    <t>12/30/2019 13:23:53</t>
  </si>
  <si>
    <t>12/30/2019 13:29:04</t>
  </si>
  <si>
    <t>12/30/2019 13:29:30</t>
  </si>
  <si>
    <t>12/30/2019 13:27:18</t>
  </si>
  <si>
    <t>12/30/2019 13:30:30</t>
  </si>
  <si>
    <t>12/30/2019 13:29:56</t>
  </si>
  <si>
    <t>12/30/2019 13:25:45</t>
  </si>
  <si>
    <t>12/30/2019 13:31:29</t>
  </si>
  <si>
    <t>12/30/2019 13:26:44</t>
  </si>
  <si>
    <t>12/30/2019 13:27:25</t>
  </si>
  <si>
    <t>7ea77d0b-cba2-4324-be64-e76d25c77e6c.tmp</t>
  </si>
  <si>
    <t>\\acsfs\profiles$\quindaizaagds\Downloads\7ea77d0b-cba2-4324-be64-e76d25c77e6c.tmp</t>
  </si>
  <si>
    <t>12/30/2019 13:28:29</t>
  </si>
  <si>
    <t>44fa116e-8011-40c2-afea-c0e19dc66d08.tmp</t>
  </si>
  <si>
    <t>\\acsfs\profiles$\websondsa\Downloads\44fa116e-8011-40c2-afea-c0e19dc66d08.tmp</t>
  </si>
  <si>
    <t>12/30/2019 13:28:31</t>
  </si>
  <si>
    <t>5c6dcc79-4662-41ff-ba89-4392276e1b3e.tmp</t>
  </si>
  <si>
    <t>\\acsfs\profiles$\websondsa\Downloads\5c6dcc79-4662-41ff-ba89-4392276e1b3e.tmp</t>
  </si>
  <si>
    <t>12/30/2019 13:32:29</t>
  </si>
  <si>
    <t>12/30/2019 13:29:18</t>
  </si>
  <si>
    <t>a07c1dd3-33d0-42e2-a5a3-de3e8ff1ad12.tmp</t>
  </si>
  <si>
    <t>\\acsfs\profiles$\cintiadcf\Downloads\a07c1dd3-33d0-42e2-a5a3-de3e8ff1ad12.tmp</t>
  </si>
  <si>
    <t>12/30/2019 13:28:10</t>
  </si>
  <si>
    <t>12/30/2019 13:33:29</t>
  </si>
  <si>
    <t>12/30/2019 13:28:11</t>
  </si>
  <si>
    <t>lu25484420eq5.tmp</t>
  </si>
  <si>
    <t>\\acsfs\profiles$\LUCASBS\RENEG BV\lu25484420eq5.tmp</t>
  </si>
  <si>
    <t>\\acsfs\profiles$\LUCASBS\RENEG BV\lu25484420eq5.tmp\</t>
  </si>
  <si>
    <t>\\acsfs\profiles$\LUCASBS\RENEG BV\lu25484420eq5.tmp\META-INF\</t>
  </si>
  <si>
    <t>\\acsfs\profiles$\LUCASBS\RENEG BV\lu25484420eq5.tmp\Thumbnails\</t>
  </si>
  <si>
    <t>12/30/2019 13:31:03</t>
  </si>
  <si>
    <t>12/30/2019 13:31:04</t>
  </si>
  <si>
    <t>lu25484420eqa.tmp</t>
  </si>
  <si>
    <t>\\acsfs\profiles$\LUCASBS\RENEG BV\lu25484420eqa.tmp</t>
  </si>
  <si>
    <t>\\acsfs\profiles$\LUCASBS\RENEG BV\lu25484420eqa.tmp\</t>
  </si>
  <si>
    <t>12/30/2019 13:29:09</t>
  </si>
  <si>
    <t>\\acsfs\profiles$\LUCASBS\RENEG BV\lu25484420eqa.tmp\META-INF\</t>
  </si>
  <si>
    <t>\\acsfs\profiles$\LUCASBS\RENEG BV\lu25484420eqa.tmp\Thumbnails\</t>
  </si>
  <si>
    <t>12/30/2019 13:31:49</t>
  </si>
  <si>
    <t>12/30/2019 13:30:04</t>
  </si>
  <si>
    <t>12/30/2019 13:34:30</t>
  </si>
  <si>
    <t>12/30/2019 13:31:36</t>
  </si>
  <si>
    <t>12/30/2019 13:35:30</t>
  </si>
  <si>
    <t>195f2d00-7720-4451-937c-0fe4aa94d41a.tmp</t>
  </si>
  <si>
    <t>\\acsfs\profiles$\geovannasm\Downloads\195f2d00-7720-4451-937c-0fe4aa94d41a.tmp</t>
  </si>
  <si>
    <t>12/30/2019 13:31:44</t>
  </si>
  <si>
    <t>12/30/2019 13:36:29</t>
  </si>
  <si>
    <t>12/30/2019 13:32:45</t>
  </si>
  <si>
    <t>12/30/2019 13:32:57</t>
  </si>
  <si>
    <t>f90de21d-01a0-4c11-b291-84cef89642cf.tmp</t>
  </si>
  <si>
    <t>\\acsfs\profiles$\larissaad\Downloads\f90de21d-01a0-4c11-b291-84cef89642cf.tmp</t>
  </si>
  <si>
    <t>12/30/2019 13:34:47</t>
  </si>
  <si>
    <t>12/30/2019 13:35:17</t>
  </si>
  <si>
    <t>12/30/2019 13:32:39</t>
  </si>
  <si>
    <t>12/30/2019 13:37:29</t>
  </si>
  <si>
    <t>ulog_Acrobat12_Reader_22bb18ef-a0cc-4985-b2f1-d8449a05e1d0_76454921-5cf1-4dc7-95ff-d83d225ec446_0.log</t>
  </si>
  <si>
    <t>C:\Users\Jordanarb\AppData\Roaming\Adobe\LogTransport2\Logs\ulog_Acrobat12_Reader_22bb18ef-a0cc-4985-b2f1-d8449a05e1d0_76454921-5cf1-4dc7-95ff-d83d225ec446_0.log\</t>
  </si>
  <si>
    <t>12/30/2019 13:33:22</t>
  </si>
  <si>
    <t>a8236759-5206-43af-879c-06e3ee4fca91.tmp</t>
  </si>
  <si>
    <t>\\acsfs\profiles$\gabrielarb\Downloads\a8236759-5206-43af-879c-06e3ee4fca91.tmp</t>
  </si>
  <si>
    <t>12/30/2019 13:35:53</t>
  </si>
  <si>
    <t>12/30/2019 13:38:29</t>
  </si>
  <si>
    <t>lu25484420eqf.tmp</t>
  </si>
  <si>
    <t>\\acsfs\profiles$\LUCASBS\RENEG BV\lu25484420eqf.tmp</t>
  </si>
  <si>
    <t>\\acsfs\profiles$\LUCASBS\RENEG BV\lu25484420eqf.tmp\</t>
  </si>
  <si>
    <t>\\acsfs\profiles$\LUCASBS\RENEG BV\lu25484420eqf.tmp\META-INF\</t>
  </si>
  <si>
    <t>\\acsfs\profiles$\LUCASBS\RENEG BV\lu25484420eqf.tmp\Thumbnails\</t>
  </si>
  <si>
    <t>12/30/2019 13:35:26</t>
  </si>
  <si>
    <t>12/30/2019 13:35:04</t>
  </si>
  <si>
    <t>12/30/2019 13:39:29</t>
  </si>
  <si>
    <t>12/30/2019 13:36:04</t>
  </si>
  <si>
    <t>12/30/2019 13:39:10</t>
  </si>
  <si>
    <t>12/30/2019 13:40:29</t>
  </si>
  <si>
    <t>ca8b92fd-a919-44d2-9f00-c298556769bc.tmp</t>
  </si>
  <si>
    <t>\\acsfs\profiles$\kamilamrc\Downloads\ca8b92fd-a919-44d2-9f00-c298556769bc.tmp</t>
  </si>
  <si>
    <t>12/30/2019 13:37:44</t>
  </si>
  <si>
    <t>12/30/2019 13:41:29</t>
  </si>
  <si>
    <t>12/30/2019 13:38:44</t>
  </si>
  <si>
    <t>12/30/2019 13:35:47</t>
  </si>
  <si>
    <t>12/30/2019 13:36:17</t>
  </si>
  <si>
    <t>12/30/2019 13:39:09</t>
  </si>
  <si>
    <t>12/30/2019 13:36:51</t>
  </si>
  <si>
    <t>C:\Users\adrielecds\AppData\Roaming\Adobe\LogTransport2\Logs\</t>
  </si>
  <si>
    <t>ulog_Acrobat12_Reader_52e1554a-defc-43dd-b561-ba4f3de22e5c_24045b97-ce1b-44dc-a6da-a6423ae43582_0.log</t>
  </si>
  <si>
    <t>C:\Users\adrielecds\AppData\Roaming\Adobe\LogTransport2\Logs\ulog_Acrobat12_Reader_52e1554a-defc-43dd-b561-ba4f3de22e5c_24045b97-ce1b-44dc-a6da-a6423ae43582_0.log\</t>
  </si>
  <si>
    <t>12/30/2019 13:36:39</t>
  </si>
  <si>
    <t>12/30/2019 13:42:29</t>
  </si>
  <si>
    <t>5f508290-0b4f-4cec-9519-9f32d07d5539.tmp</t>
  </si>
  <si>
    <t>\\acsfs\profiles$\gabrielafs\Downloads\5f508290-0b4f-4cec-9519-9f32d07d5539.tmp</t>
  </si>
  <si>
    <t>12/30/2019 13:41:17</t>
  </si>
  <si>
    <t>b3dc0b7a-63c3-40b1-ad50-5a5c047344fb.tmp</t>
  </si>
  <si>
    <t>\\acsfs\profiles$\gabrielarb\Downloads\b3dc0b7a-63c3-40b1-ad50-5a5c047344fb.tmp</t>
  </si>
  <si>
    <t>12/30/2019 13:41:00</t>
  </si>
  <si>
    <t>12/30/2019 13:42:15</t>
  </si>
  <si>
    <t>11be1e24-c25e-4015-a767-d009d67d0491.tmp</t>
  </si>
  <si>
    <t>\\acsfs\profiles$\vivianealda\Downloads\11be1e24-c25e-4015-a767-d009d67d0491.tmp</t>
  </si>
  <si>
    <t>12/30/2019 13:41:39</t>
  </si>
  <si>
    <t>12/30/2019 13:43:29</t>
  </si>
  <si>
    <t>12/30/2019 13:42:42</t>
  </si>
  <si>
    <t>12/30/2019 13:38:14</t>
  </si>
  <si>
    <t>12/30/2019 13:38:17</t>
  </si>
  <si>
    <t>12/30/2019 13:41:06</t>
  </si>
  <si>
    <t>12/30/2019 13:44:29</t>
  </si>
  <si>
    <t>12/30/2019 13:42:04</t>
  </si>
  <si>
    <t>12/30/2019 13:41:28</t>
  </si>
  <si>
    <t>12/30/2019 13:45:29</t>
  </si>
  <si>
    <t>a4d74b73-d3c9-4114-978b-02068c9af061.tmp</t>
  </si>
  <si>
    <t>\\acsfs\profiles$\mariajra\Downloads\a4d74b73-d3c9-4114-978b-02068c9af061.tmp</t>
  </si>
  <si>
    <t>12/30/2019 13:42:52</t>
  </si>
  <si>
    <t>68469b3f-470e-4ecc-a4ff-69d1e6b3ce84.tmp</t>
  </si>
  <si>
    <t>\\acsfs\profiles$\brendadsl\Downloads\68469b3f-470e-4ecc-a4ff-69d1e6b3ce84.tmp</t>
  </si>
  <si>
    <t>d2c9f58c-5d8e-401d-b57d-aea968f8281e.tmp</t>
  </si>
  <si>
    <t>\\acsfs\profiles$\brendadsl\Downloads\d2c9f58c-5d8e-401d-b57d-aea968f8281e.tmp</t>
  </si>
  <si>
    <t>9a82867a-9ce2-4189-b554-0526234d0c82.tmp</t>
  </si>
  <si>
    <t>\\acsfs\profiles$\brendadsl\Downloads\9a82867a-9ce2-4189-b554-0526234d0c82.tmp</t>
  </si>
  <si>
    <t>ff01d3e2-28d8-4a2f-9af4-b858cde3fb24.tmp</t>
  </si>
  <si>
    <t>\\acsfs\profiles$\brendadsl\Downloads\ff01d3e2-28d8-4a2f-9af4-b858cde3fb24.tmp</t>
  </si>
  <si>
    <t>d534504a-fd37-4b30-8754-8bcc99ebabe6.tmp</t>
  </si>
  <si>
    <t>\\acsfs\profiles$\brendadsl\Downloads\d534504a-fd37-4b30-8754-8bcc99ebabe6.tmp</t>
  </si>
  <si>
    <t>12/30/2019 13:44:47</t>
  </si>
  <si>
    <t>670691ad-1a63-46a8-8dce-681eeffdb1f1.tmp</t>
  </si>
  <si>
    <t>\\acsfs\profiles$\brendadsl\Downloads\670691ad-1a63-46a8-8dce-681eeffdb1f1.tmp</t>
  </si>
  <si>
    <t>12/30/2019 13:40:55</t>
  </si>
  <si>
    <t>12/30/2019 13:46:29</t>
  </si>
  <si>
    <t>8476db62-c436-4ba9-9de9-c8d8675d5fd2.tmp</t>
  </si>
  <si>
    <t>\\acsfs\profiles$\valeriasda\Downloads\8476db62-c436-4ba9-9de9-c8d8675d5fd2.tmp</t>
  </si>
  <si>
    <t>70109356-a75e-4def-801a-7bd258684fe7.tmp</t>
  </si>
  <si>
    <t>\\acsfs\profiles$\valeriasda\Downloads\70109356-a75e-4def-801a-7bd258684fe7.tmp</t>
  </si>
  <si>
    <t>12/30/2019 13:42:56</t>
  </si>
  <si>
    <t>433acd96-c74c-4cb5-b10a-e30e9922a66a.tmp</t>
  </si>
  <si>
    <t>\\acsfs\profiles$\valeriasda\Downloads\433acd96-c74c-4cb5-b10a-e30e9922a66a.tmp</t>
  </si>
  <si>
    <t>12/30/2019 13:42:33</t>
  </si>
  <si>
    <t>12/30/2019 13:42:38</t>
  </si>
  <si>
    <t>12/30/2019 13:42:47</t>
  </si>
  <si>
    <t>12/30/2019 13:42:55</t>
  </si>
  <si>
    <t>12/30/2019 13:43:01</t>
  </si>
  <si>
    <t>12/30/2019 13:43:04</t>
  </si>
  <si>
    <t>12/30/2019 13:43:44</t>
  </si>
  <si>
    <t>12/30/2019 13:44:44</t>
  </si>
  <si>
    <t>12/30/2019 13:43:15</t>
  </si>
  <si>
    <t>3b13df72-7cc0-4ce7-a1e6-6832d32a8762.tmp</t>
  </si>
  <si>
    <t>\\acsfs\profiles$\websondsa\Downloads\3b13df72-7cc0-4ce7-a1e6-6832d32a8762.tmp</t>
  </si>
  <si>
    <t>12/30/2019 13:43:17</t>
  </si>
  <si>
    <t>663d85b7-06c5-48af-8651-2ea946592e15.tmp</t>
  </si>
  <si>
    <t>\\acsfs\profiles$\websondsa\Downloads\663d85b7-06c5-48af-8651-2ea946592e15.tmp</t>
  </si>
  <si>
    <t>12/30/2019 13:43:18</t>
  </si>
  <si>
    <t>Não confirmado 841882.crdownload</t>
  </si>
  <si>
    <t>\\acsfs\profiles$\websondsa\Downloads\Não confirmado 841882.crdownload</t>
  </si>
  <si>
    <t>da4aaf1f-fdca-4732-8d7a-c0c9a6035ca7.tmp</t>
  </si>
  <si>
    <t>\\acsfs\profiles$\websondsa\Downloads\da4aaf1f-fdca-4732-8d7a-c0c9a6035ca7.tmp</t>
  </si>
  <si>
    <t>12/30/2019 13:43:55</t>
  </si>
  <si>
    <t>12/30/2019 13:47:28</t>
  </si>
  <si>
    <t>12/30/2019 13:43:28</t>
  </si>
  <si>
    <t>f3d19b0f-ef82-4a75-a453-7b76a101c0d0.tmp</t>
  </si>
  <si>
    <t>\\acsfs\profiles$\andrezacapf\Downloads\f3d19b0f-ef82-4a75-a453-7b76a101c0d0.tmp</t>
  </si>
  <si>
    <t>12/30/2019 13:43:31</t>
  </si>
  <si>
    <t>366fa9d7-5069-4653-a903-687575f8c23e.tmp</t>
  </si>
  <si>
    <t>\\acsfs\profiles$\andrezacapf\Downloads\366fa9d7-5069-4653-a903-687575f8c23e.tmp</t>
  </si>
  <si>
    <t>12/30/2019 13:43:35</t>
  </si>
  <si>
    <t>e4481eb5-53e8-4aa7-a6fb-c278718005ab.tmp</t>
  </si>
  <si>
    <t>\\acsfs\profiles$\andrezacapf\Downloads\e4481eb5-53e8-4aa7-a6fb-c278718005ab.tmp</t>
  </si>
  <si>
    <t>12/30/2019 13:43:38</t>
  </si>
  <si>
    <t>f35e5182-bb95-4a47-b98f-d4a342f95927.tmp</t>
  </si>
  <si>
    <t>\\acsfs\profiles$\andrezacapf\Downloads\f35e5182-bb95-4a47-b98f-d4a342f95927.tmp</t>
  </si>
  <si>
    <t>12/30/2019 13:43:41</t>
  </si>
  <si>
    <t>2190c856-1f49-446b-ac32-ff64270e8b24.tmp</t>
  </si>
  <si>
    <t>\\acsfs\profiles$\andrezacapf\Downloads\2190c856-1f49-446b-ac32-ff64270e8b24.tmp</t>
  </si>
  <si>
    <t>12/30/2019 13:43:45</t>
  </si>
  <si>
    <t>4afe46de-977b-4981-b8b4-296fc8801bb0.tmp</t>
  </si>
  <si>
    <t>\\acsfs\profiles$\andrezacapf\Downloads\4afe46de-977b-4981-b8b4-296fc8801bb0.tmp</t>
  </si>
  <si>
    <t>12/30/2019 13:43:48</t>
  </si>
  <si>
    <t>8dda1524-450e-4a79-a458-1fb9fe80454e.tmp</t>
  </si>
  <si>
    <t>\\acsfs\profiles$\andrezacapf\Downloads\8dda1524-450e-4a79-a458-1fb9fe80454e.tmp</t>
  </si>
  <si>
    <t>12/30/2019 13:44:19</t>
  </si>
  <si>
    <t>3e7d9dfc-9136-47c2-a4bd-ee3b5dd364c3.tmp</t>
  </si>
  <si>
    <t>\\acsfs\profiles$\andrezacapf\Downloads\3e7d9dfc-9136-47c2-a4bd-ee3b5dd364c3.tmp</t>
  </si>
  <si>
    <t>12/30/2019 13:44:35</t>
  </si>
  <si>
    <t>f733370d-84eb-4ef5-ac18-b9de992532b4.tmp</t>
  </si>
  <si>
    <t>\\acsfs\profiles$\andrezacapf\Downloads\f733370d-84eb-4ef5-ac18-b9de992532b4.tmp</t>
  </si>
  <si>
    <t>12/30/2019 13:44:37</t>
  </si>
  <si>
    <t>e0448118-211d-4e93-a4d8-e595671b3767.tmp</t>
  </si>
  <si>
    <t>\\acsfs\profiles$\andrezacapf\Downloads\e0448118-211d-4e93-a4d8-e595671b3767.tmp</t>
  </si>
  <si>
    <t>12/30/2019 13:46:49</t>
  </si>
  <si>
    <t>3a1c101a-758f-4d2a-baee-07f31484240a.tmp</t>
  </si>
  <si>
    <t>\\acsfs\profiles$\andrezacapf\Downloads\3a1c101a-758f-4d2a-baee-07f31484240a.tmp</t>
  </si>
  <si>
    <t>12/30/2019 13:46:57</t>
  </si>
  <si>
    <t>5ebf3a5b-869d-4eb8-84df-59e8c174cbef.tmp</t>
  </si>
  <si>
    <t>\\acsfs\profiles$\andrezacapf\Downloads\5ebf3a5b-869d-4eb8-84df-59e8c174cbef.tmp</t>
  </si>
  <si>
    <t>12/30/2019 13:44:57</t>
  </si>
  <si>
    <t>d5c282da-5f01-4eae-ad75-1556c26ed098.tmp</t>
  </si>
  <si>
    <t>\\acsfs\profiles$\henriquehmdo\Downloads\d5c282da-5f01-4eae-ad75-1556c26ed098.tmp</t>
  </si>
  <si>
    <t>12/30/2019 13:43:42</t>
  </si>
  <si>
    <t>12/30/2019 13:48:29</t>
  </si>
  <si>
    <t>4ce28189-371f-4a9e-9276-f2916c08ead9.tmp</t>
  </si>
  <si>
    <t>\\acsfs\profiles$\georgendsq\Downloads\4ce28189-371f-4a9e-9276-f2916c08ead9.tmp</t>
  </si>
  <si>
    <t>12/30/2019 13:44:27</t>
  </si>
  <si>
    <t>cc3c3ab8-2338-4144-8c4b-3caf4c042ef6.tmp</t>
  </si>
  <si>
    <t>\\acsfs\profiles$\georgendsq\Downloads\cc3c3ab8-2338-4144-8c4b-3caf4c042ef6.tmp</t>
  </si>
  <si>
    <t>12/30/2019 13:45:14</t>
  </si>
  <si>
    <t>5621501f-a430-429d-b6bd-0ef7b1394ae0.tmp</t>
  </si>
  <si>
    <t>\\acsfs\profiles$\georgendsq\Downloads\5621501f-a430-429d-b6bd-0ef7b1394ae0.tmp</t>
  </si>
  <si>
    <t>12/30/2019 13:45:24</t>
  </si>
  <si>
    <t>b14e69d2-da19-4d8b-ae8e-a33e9f14f286.tmp</t>
  </si>
  <si>
    <t>\\acsfs\profiles$\georgendsq\Downloads\b14e69d2-da19-4d8b-ae8e-a33e9f14f286.tmp</t>
  </si>
  <si>
    <t>12/30/2019 13:45:48</t>
  </si>
  <si>
    <t>ccf77015-9a2d-4521-8255-5900c25005b2.tmp</t>
  </si>
  <si>
    <t>\\acsfs\profiles$\georgendsq\Downloads\ccf77015-9a2d-4521-8255-5900c25005b2.tmp</t>
  </si>
  <si>
    <t>12/30/2019 13:46:03</t>
  </si>
  <si>
    <t>1f7621f2-fc46-47cc-8cd6-4ee792e2d3d3.tmp</t>
  </si>
  <si>
    <t>\\acsfs\profiles$\georgendsq\Downloads\1f7621f2-fc46-47cc-8cd6-4ee792e2d3d3.tmp</t>
  </si>
  <si>
    <t>12/30/2019 13:46:20</t>
  </si>
  <si>
    <t>590d6452-bc4f-43c1-b47a-baab839c4a90.tmp</t>
  </si>
  <si>
    <t>\\acsfs\profiles$\georgendsq\Downloads\590d6452-bc4f-43c1-b47a-baab839c4a90.tmp</t>
  </si>
  <si>
    <t>12/30/2019 13:46:36</t>
  </si>
  <si>
    <t>12/30/2019 13:45:01</t>
  </si>
  <si>
    <t>12/30/2019 13:49:30</t>
  </si>
  <si>
    <t>12/30/2019 13:45:55</t>
  </si>
  <si>
    <t>7b0708fe-0ca4-403e-a63e-6a836977f22f.tmp</t>
  </si>
  <si>
    <t>\\acsfs\profiles$\regisadsa\Downloads\7b0708fe-0ca4-403e-a63e-6a836977f22f.tmp</t>
  </si>
  <si>
    <t>12/30/2019 13:47:01</t>
  </si>
  <si>
    <t>d9e8a113-dbe6-4137-81c5-4745d0428fba.tmp</t>
  </si>
  <si>
    <t>\\acsfs\profiles$\regisadsa\Downloads\d9e8a113-dbe6-4137-81c5-4745d0428fba.tmp</t>
  </si>
  <si>
    <t>12/30/2019 13:47:35</t>
  </si>
  <si>
    <t>cd36060e-287a-4709-9dc5-15526c7a57f0.tmp</t>
  </si>
  <si>
    <t>\\acsfs\profiles$\regisadsa\Downloads\cd36060e-287a-4709-9dc5-15526c7a57f0.tmp</t>
  </si>
  <si>
    <t>12/30/2019 13:48:06</t>
  </si>
  <si>
    <t>ab353762-86fc-47a0-91d4-1e0a9f4711ea.tmp</t>
  </si>
  <si>
    <t>\\acsfs\profiles$\regisadsa\Downloads\ab353762-86fc-47a0-91d4-1e0a9f4711ea.tmp</t>
  </si>
  <si>
    <t>12/30/2019 13:48:14</t>
  </si>
  <si>
    <t>fb0c55b3-7812-46a4-9f7e-6a7888ac0215.tmp</t>
  </si>
  <si>
    <t>\\acsfs\profiles$\regisadsa\Downloads\fb0c55b3-7812-46a4-9f7e-6a7888ac0215.tmp</t>
  </si>
  <si>
    <t>12/30/2019 13:46:34</t>
  </si>
  <si>
    <t>12/30/2019 13:47:05</t>
  </si>
  <si>
    <t>12/30/2019 13:48:05</t>
  </si>
  <si>
    <t>12/30/2019 13:48:58</t>
  </si>
  <si>
    <t>12/30/2019 13:50:29</t>
  </si>
  <si>
    <t>12/30/2019 13:47:26</t>
  </si>
  <si>
    <t>12/30/2019 13:47:27</t>
  </si>
  <si>
    <t>lu246123wyp6u.tmp</t>
  </si>
  <si>
    <t>\\acsfs\profiles$\FLAVIOJMM\My Documents\lu246123wyp6u.tmp</t>
  </si>
  <si>
    <t>\\acsfs\profiles$\FLAVIOJMM\My Documents\lu246123wyp6u.tmp\</t>
  </si>
  <si>
    <t>\\acsfs\profiles$\FLAVIOJMM\My Documents\lu246123wyp6u.tmp\META-INF\</t>
  </si>
  <si>
    <t>\\acsfs\profiles$\FLAVIOJMM\My Documents\lu246123wyp6u.tmp\Thumbnails\</t>
  </si>
  <si>
    <t>12/30/2019 13:47:33</t>
  </si>
  <si>
    <t>12/30/2019 13:47:37</t>
  </si>
  <si>
    <t>12/30/2019 13:47:39</t>
  </si>
  <si>
    <t>lu1464811ga9i.tmp</t>
  </si>
  <si>
    <t>\\acsfs\profiles$\jonathanwap\lu1464811ga9i.tmp</t>
  </si>
  <si>
    <t>\\acsfs\profiles$\jonathanwap\lu1464811ga9i.tmp\</t>
  </si>
  <si>
    <t>\\acsfs\profiles$\jonathanwap\lu1464811ga9i.tmp\META-INF\</t>
  </si>
  <si>
    <t>\\acsfs\profiles$\jonathanwap\lu1464811ga9i.tmp\Thumbnails\</t>
  </si>
  <si>
    <t>12/30/2019 13:45:52</t>
  </si>
  <si>
    <t>b7fb1d5a-4265-4ffa-b90d-d03070ec3c17.tmp</t>
  </si>
  <si>
    <t>\\acsfs\profiles$\brendadsl\Downloads\b7fb1d5a-4265-4ffa-b90d-d03070ec3c17.tmp</t>
  </si>
  <si>
    <t>12/30/2019 13:51:29</t>
  </si>
  <si>
    <t>andrelpsa@algartech.com;leonardoao@algartech.com;maristelavodq@bv.algartech.com;supervisaobancovotorantim@algartech.com;thiagolrc@bv.algartech.com;</t>
  </si>
  <si>
    <t>andrelpsa@algartech.com,leonardoao@algartech.com,maristelavodq@bv.algartech.com,supervisaobancovotorantim@algartech.com,thiagolrc@bv.algartech.com</t>
  </si>
  <si>
    <t>12/30/2019 13:45:58</t>
  </si>
  <si>
    <t>12/30/2019 13:47:03</t>
  </si>
  <si>
    <t>12/30/2019 13:49:45</t>
  </si>
  <si>
    <t>12/30/2019 13:47:47</t>
  </si>
  <si>
    <t>12/30/2019 13:49:17</t>
  </si>
  <si>
    <t>a3466771-f260-40ff-82b3-01877dbeaa71.tmp</t>
  </si>
  <si>
    <t>\\acsfs\profiles$\gabriellalpr\Downloads\a3466771-f260-40ff-82b3-01877dbeaa71.tmp</t>
  </si>
  <si>
    <t>12/30/2019 13:49:00</t>
  </si>
  <si>
    <t>73ede427-43d4-4839-9dec-248ea2720305.tmp</t>
  </si>
  <si>
    <t>\\acsfs\profiles$\gabriellalpr\Downloads\73ede427-43d4-4839-9dec-248ea2720305.tmp</t>
  </si>
  <si>
    <t>12/30/2019 13:47:57</t>
  </si>
  <si>
    <t>12/30/2019 13:52:29</t>
  </si>
  <si>
    <t>fa59f837-eb03-42f6-8fe9-e4846db3e5be.tmp</t>
  </si>
  <si>
    <t>\\acsfs\profiles$\andrezacapf\Downloads\fa59f837-eb03-42f6-8fe9-e4846db3e5be.tmp</t>
  </si>
  <si>
    <t>12/30/2019 13:48:26</t>
  </si>
  <si>
    <t>12/30/2019 13:48:27</t>
  </si>
  <si>
    <t>lu168722jg4wo.tmp</t>
  </si>
  <si>
    <t>\\acsfs\profiles$\dhiulliananads\My Documents\lu168722jg4wo.tmp</t>
  </si>
  <si>
    <t>\\acsfs\profiles$\dhiulliananads\My Documents\lu168722jg4wo.tmp\</t>
  </si>
  <si>
    <t>\\acsfs\profiles$\dhiulliananads\My Documents\lu168722jg4wo.tmp\META-INF\</t>
  </si>
  <si>
    <t>\\acsfs\profiles$\dhiulliananads\My Documents\lu168722jg4wo.tmp\Thumbnails\</t>
  </si>
  <si>
    <t>12/30/2019 13:49:12</t>
  </si>
  <si>
    <t>12/30/2019 13:49:13</t>
  </si>
  <si>
    <t>lu168722jg4ws.tmp</t>
  </si>
  <si>
    <t>\\acsfs\profiles$\dhiulliananads\My Documents\lu168722jg4ws.tmp</t>
  </si>
  <si>
    <t>\\acsfs\profiles$\dhiulliananads\My Documents\lu168722jg4ws.tmp\</t>
  </si>
  <si>
    <t>\\acsfs\profiles$\dhiulliananads\My Documents\lu168722jg4ws.tmp\META-INF\</t>
  </si>
  <si>
    <t>\\acsfs\profiles$\dhiulliananads\My Documents\lu168722jg4ws.tmp\Thumbnails\</t>
  </si>
  <si>
    <t>12/30/2019 13:50:39</t>
  </si>
  <si>
    <t>12/30/2019 13:51:53</t>
  </si>
  <si>
    <t>lu168722jg4wy.tmp</t>
  </si>
  <si>
    <t>\\acsfs\profiles$\dhiulliananads\My Documents\lu168722jg4wy.tmp</t>
  </si>
  <si>
    <t>\\acsfs\profiles$\dhiulliananads\My Documents\lu168722jg4wy.tmp\</t>
  </si>
  <si>
    <t>\\acsfs\profiles$\dhiulliananads\My Documents\lu168722jg4wy.tmp\META-INF\</t>
  </si>
  <si>
    <t>\\acsfs\profiles$\dhiulliananads\My Documents\lu168722jg4wy.tmp\Thumbnails\</t>
  </si>
  <si>
    <t>12/30/2019 13:53:53</t>
  </si>
  <si>
    <t>12/30/2019 13:54:29</t>
  </si>
  <si>
    <t>e5a590c8-4d55-4027-a05b-8d7b365bc042.tmp</t>
  </si>
  <si>
    <t>\\acsfs\profiles$\gabrieleods\Downloads\e5a590c8-4d55-4027-a05b-8d7b365bc042.tmp</t>
  </si>
  <si>
    <t>1b36da20-5f34-4949-b906-0309181840cc.tmp</t>
  </si>
  <si>
    <t>\\acsfs\profiles$\gabrieleods\Downloads\1b36da20-5f34-4949-b906-0309181840cc.tmp</t>
  </si>
  <si>
    <t>12/30/2019 13:54:04</t>
  </si>
  <si>
    <t>efced968-2659-4c15-b6b7-31203a891c94.tmp</t>
  </si>
  <si>
    <t>\\acsfs\profiles$\gabrieleods\Downloads\efced968-2659-4c15-b6b7-31203a891c94.tmp</t>
  </si>
  <si>
    <t>12/30/2019 13:53:05</t>
  </si>
  <si>
    <t>12/30/2019 13:55:29</t>
  </si>
  <si>
    <t>12/30/2019 13:54:05</t>
  </si>
  <si>
    <t>12/30/2019 13:51:45</t>
  </si>
  <si>
    <t>12/30/2019 13:51:34</t>
  </si>
  <si>
    <t>c1b55592-895f-4b88-8978-3880fe824a19.tmp</t>
  </si>
  <si>
    <t>\\acsfs\profiles$\nathaliarmr\Downloads\c1b55592-895f-4b88-8978-3880fe824a19.tmp</t>
  </si>
  <si>
    <t>12/30/2019 13:50:40</t>
  </si>
  <si>
    <t>960fec0a-1b87-4fda-85a6-a62367d70fda.tmp</t>
  </si>
  <si>
    <t>\\acsfs\profiles$\mariagsg\Downloads\960fec0a-1b87-4fda-85a6-a62367d70fda.tmp</t>
  </si>
  <si>
    <t>12/30/2019 13:50:46</t>
  </si>
  <si>
    <t>aaf5280b-e772-4ea5-94c4-a15a66dac5b8.tmp</t>
  </si>
  <si>
    <t>\\acsfs\profiles$\brendadsl\Downloads\aaf5280b-e772-4ea5-94c4-a15a66dac5b8.tmp</t>
  </si>
  <si>
    <t>12/30/2019 13:50:45</t>
  </si>
  <si>
    <t>12/30/2019 13:56:28</t>
  </si>
  <si>
    <t>12/30/2019 13:51:26</t>
  </si>
  <si>
    <t>e5580d96-f7b7-4787-97b4-6d90ccac8450.tmp</t>
  </si>
  <si>
    <t>\\acsfs\profiles$\gabriellalpr\Downloads\e5580d96-f7b7-4787-97b4-6d90ccac8450.tmp</t>
  </si>
  <si>
    <t>12/30/2019 13:53:58</t>
  </si>
  <si>
    <t>ulog_Acrobat12_Reader_52e1554a-defc-43dd-b561-ba4f3de22e5c_0dd4dc4b-888f-4fa0-aa85-803e54513a54_0.log</t>
  </si>
  <si>
    <t>12/30/2019 13:53:59</t>
  </si>
  <si>
    <t>C:\Users\adrielecds\AppData\Roaming\Adobe\LogTransport2\Logs\ulog_Acrobat12_Reader_52e1554a-defc-43dd-b561-ba4f3de22e5c_0dd4dc4b-888f-4fa0-aa85-803e54513a54_0.log\</t>
  </si>
  <si>
    <t>12/30/2019 13:52:17</t>
  </si>
  <si>
    <t>3f295629-8e39-4087-9553-24b41fd50166.tmp</t>
  </si>
  <si>
    <t>\\acsfs\profiles$\milenaas\Downloads\3f295629-8e39-4087-9553-24b41fd50166.tmp</t>
  </si>
  <si>
    <t>12/30/2019 13:52:24</t>
  </si>
  <si>
    <t>7ea5cc99-6535-4600-9da6-2a8e26653c01.tmp</t>
  </si>
  <si>
    <t>\\acsfs\profiles$\milenaas\Downloads\7ea5cc99-6535-4600-9da6-2a8e26653c01.tmp</t>
  </si>
  <si>
    <t>12/30/2019 13:55:20</t>
  </si>
  <si>
    <t>12/30/2019 13:57:29</t>
  </si>
  <si>
    <t>d7c52b9a-0a28-4922-b65e-14ced19eddf5.tmp</t>
  </si>
  <si>
    <t>\\acsfs\profiles$\marcosvnds\Downloads\d7c52b9a-0a28-4922-b65e-14ced19eddf5.tmp</t>
  </si>
  <si>
    <t>12/30/2019 13:55:21</t>
  </si>
  <si>
    <t>5d35aa30-1621-4104-81ef-78656800ee73.tmp</t>
  </si>
  <si>
    <t>\\acsfs\profiles$\marcosvnds\Downloads\5d35aa30-1621-4104-81ef-78656800ee73.tmp</t>
  </si>
  <si>
    <t>12/30/2019 13:56:27</t>
  </si>
  <si>
    <t>247b7568-d594-4cd9-9ce5-70a3310883cd.tmp</t>
  </si>
  <si>
    <t>\\acsfs\profiles$\marcosvnds\Downloads\247b7568-d594-4cd9-9ce5-70a3310883cd.tmp</t>
  </si>
  <si>
    <t>12/30/2019 13:55:15</t>
  </si>
  <si>
    <t>12/30/2019 13:55:16</t>
  </si>
  <si>
    <t>lu168722jg4x4.tmp</t>
  </si>
  <si>
    <t>\\acsfs\profiles$\dhiulliananads\My Documents\lu168722jg4x4.tmp</t>
  </si>
  <si>
    <t>\\acsfs\profiles$\dhiulliananads\My Documents\lu168722jg4x4.tmp\</t>
  </si>
  <si>
    <t>\\acsfs\profiles$\dhiulliananads\My Documents\lu168722jg4x4.tmp\META-INF\</t>
  </si>
  <si>
    <t>\\acsfs\profiles$\dhiulliananads\My Documents\lu168722jg4x4.tmp\Thumbnails\</t>
  </si>
  <si>
    <t>12/30/2019 13:54:03</t>
  </si>
  <si>
    <t>0c2186f5-bc5c-4477-8d87-844a1c09f739.tmp</t>
  </si>
  <si>
    <t>\\acsfs\profiles$\gabrielamdp\Downloads\0c2186f5-bc5c-4477-8d87-844a1c09f739.tmp</t>
  </si>
  <si>
    <t>c8f43037-ee7d-4c8e-a04a-173242023265.tmp</t>
  </si>
  <si>
    <t>\\acsfs\profiles$\gabrielamdp\Downloads\c8f43037-ee7d-4c8e-a04a-173242023265.tmp</t>
  </si>
  <si>
    <t>0f11a93e-2b1a-42a0-a69b-5aa8811682f5.tmp</t>
  </si>
  <si>
    <t>\\acsfs\profiles$\gabrielamdp\Downloads\0f11a93e-2b1a-42a0-a69b-5aa8811682f5.tmp</t>
  </si>
  <si>
    <t>12/30/2019 13:54:06</t>
  </si>
  <si>
    <t>d068b304-6892-4b41-bde8-93e2c085727f.tmp</t>
  </si>
  <si>
    <t>\\acsfs\profiles$\gabrielamdp\Downloads\d068b304-6892-4b41-bde8-93e2c085727f.tmp</t>
  </si>
  <si>
    <t>e9b34784-c949-4ac2-bce0-bd2f57dc6402.tmp</t>
  </si>
  <si>
    <t>\\acsfs\profiles$\gabrielamdp\Downloads\e9b34784-c949-4ac2-bce0-bd2f57dc6402.tmp</t>
  </si>
  <si>
    <t>12/30/2019 13:54:23</t>
  </si>
  <si>
    <t>12/30/2019 13:58:29</t>
  </si>
  <si>
    <t>12/30/2019 13:54:24</t>
  </si>
  <si>
    <t>lu25484420eqo.tmp</t>
  </si>
  <si>
    <t>\\acsfs\profiles$\LUCASBS\RENEG BV\lu25484420eqo.tmp</t>
  </si>
  <si>
    <t>\\acsfs\profiles$\LUCASBS\RENEG BV\lu25484420eqo.tmp\</t>
  </si>
  <si>
    <t>\\acsfs\profiles$\LUCASBS\RENEG BV\lu25484420eqo.tmp\META-INF\</t>
  </si>
  <si>
    <t>\\acsfs\profiles$\LUCASBS\RENEG BV\lu25484420eqo.tmp\Thumbnails\</t>
  </si>
  <si>
    <t>12/30/2019 13:54:35</t>
  </si>
  <si>
    <t>12/30/2019 13:59:29</t>
  </si>
  <si>
    <t>3f41ada9-673e-4657-90a8-4fd8d41e8c0d.tmp</t>
  </si>
  <si>
    <t>\\acsfs\profiles$\YASMINSC\Downloads\3f41ada9-673e-4657-90a8-4fd8d41e8c0d.tmp</t>
  </si>
  <si>
    <t>12/30/2019 13:54:40</t>
  </si>
  <si>
    <t>15154f32-afd3-4e13-a1ce-a8599a241589.tmp</t>
  </si>
  <si>
    <t>\\acsfs\profiles$\YASMINSC\Downloads\15154f32-afd3-4e13-a1ce-a8599a241589.tmp</t>
  </si>
  <si>
    <t>12/30/2019 13:57:41</t>
  </si>
  <si>
    <t>12/30/2019 13:55:48</t>
  </si>
  <si>
    <t>534f5b95-d0ea-4f96-99af-b6a2f7f83e0e.tmp</t>
  </si>
  <si>
    <t>\\acsfs\profiles$\gabrieleods\Downloads\534f5b95-d0ea-4f96-99af-b6a2f7f83e0e.tmp</t>
  </si>
  <si>
    <t>12/30/2019 13:55:56</t>
  </si>
  <si>
    <t>1780ff6f-a57c-4088-9d7d-08f2f8fe1ead.tmp</t>
  </si>
  <si>
    <t>\\acsfs\profiles$\gabrieleods\Downloads\1780ff6f-a57c-4088-9d7d-08f2f8fe1ead.tmp</t>
  </si>
  <si>
    <t>12/30/2019 13:56:02</t>
  </si>
  <si>
    <t>6426a0d2-28e3-44f9-9583-ff4916539c4b.tmp</t>
  </si>
  <si>
    <t>\\acsfs\profiles$\gabrieleods\Downloads\6426a0d2-28e3-44f9-9583-ff4916539c4b.tmp</t>
  </si>
  <si>
    <t>12/30/2019 13:59:05</t>
  </si>
  <si>
    <t>12/30/2019 14:00:29</t>
  </si>
  <si>
    <t>12/30/2019 13:57:05</t>
  </si>
  <si>
    <t>\\acsfs\profiles$\leydianeamd\My Documents\xworkcenter\lex\</t>
  </si>
  <si>
    <t>\\acsfs\profiles$\leydianeamd\My Documents\xworkcenter\lex\temp.tlx</t>
  </si>
  <si>
    <t>12/30/2019 13:57:06</t>
  </si>
  <si>
    <t>12/30/2019 13:57:07</t>
  </si>
  <si>
    <t>12/30/2019 13:57:08</t>
  </si>
  <si>
    <t>12/30/2019 13:57:09</t>
  </si>
  <si>
    <t>12/30/2019 13:57:10</t>
  </si>
  <si>
    <t>12/30/2019 13:57:11</t>
  </si>
  <si>
    <t>12/30/2019 13:57:12</t>
  </si>
  <si>
    <t>12/30/2019 13:57:13</t>
  </si>
  <si>
    <t>12/30/2019 13:57:14</t>
  </si>
  <si>
    <t>12/30/2019 13:57:15</t>
  </si>
  <si>
    <t>12/30/2019 13:57:16</t>
  </si>
  <si>
    <t>12/30/2019 13:57:17</t>
  </si>
  <si>
    <t>12/30/2019 13:57:18</t>
  </si>
  <si>
    <t>12/30/2019 13:57:19</t>
  </si>
  <si>
    <t>12/30/2019 13:57:20</t>
  </si>
  <si>
    <t>12/30/2019 13:57:21</t>
  </si>
  <si>
    <t>12/30/2019 13:57:22</t>
  </si>
  <si>
    <t>12/30/2019 13:57:23</t>
  </si>
  <si>
    <t>12/30/2019 13:57:24</t>
  </si>
  <si>
    <t>12/30/2019 13:57:25</t>
  </si>
  <si>
    <t>12/30/2019 13:57:26</t>
  </si>
  <si>
    <t>12/30/2019 13:57:27</t>
  </si>
  <si>
    <t>12/30/2019 13:57:28</t>
  </si>
  <si>
    <t>12/30/2019 13:55:45</t>
  </si>
  <si>
    <t>12/30/2019 13:56:10</t>
  </si>
  <si>
    <t>73138454-a8d4-4722-b8a5-cbcf6acde4bc.tmp</t>
  </si>
  <si>
    <t>\\acsfs\profiles$\nathaliarmr\Downloads\73138454-a8d4-4722-b8a5-cbcf6acde4bc.tmp</t>
  </si>
  <si>
    <t>12/30/2019 13:58:39</t>
  </si>
  <si>
    <t>Lucas Quitonio de souza Silva_1_6769879854657642559_1_32.wav</t>
  </si>
  <si>
    <t>\\acsfs\Deptos\EDUCACAO EMPRESARIAL\FERNANDA MONIT\Ligação para Mutant terceiro Ciclo\Lucas Quitonio de souza Silva_1_6769879854657642559_1_32.wav</t>
  </si>
  <si>
    <t>12/27/2019 21:54:59</t>
  </si>
  <si>
    <t>12/30/2019 14:01:29</t>
  </si>
  <si>
    <t>10.200.67.173</t>
  </si>
  <si>
    <t>74-86-7A-FB-17-6D</t>
  </si>
  <si>
    <t>VOTORANT-MB010</t>
  </si>
  <si>
    <t>natanaellf</t>
  </si>
  <si>
    <t>\\acsfs\profiles$\natanaellf\</t>
  </si>
  <si>
    <t>citrix.txt</t>
  </si>
  <si>
    <t>\\acsfs\profiles$\natanaellf\citrix.txt</t>
  </si>
  <si>
    <t>12/30/2019 13:56:45</t>
  </si>
  <si>
    <t>12/30/2019 14:00:20</t>
  </si>
  <si>
    <t>mail.google.com/sync/u/0/i/s?hl=pt-BR&amp;c=410</t>
  </si>
  <si>
    <t>12/30/2019 13:58:43</t>
  </si>
  <si>
    <t>5a03254a-e2d0-4d2e-b37b-7c6fbc7c6459.tmp</t>
  </si>
  <si>
    <t>\\acsfs\profiles$\alinepp\Downloads\5a03254a-e2d0-4d2e-b37b-7c6fbc7c6459.tmp</t>
  </si>
  <si>
    <t>12/30/2019 14:00:11</t>
  </si>
  <si>
    <t>17cc3c1a-c0d0-4649-b3e9-aa38868f498c.tmp</t>
  </si>
  <si>
    <t>\\acsfs\profiles$\alinepp\Downloads\17cc3c1a-c0d0-4649-b3e9-aa38868f498c.tmp</t>
  </si>
  <si>
    <t>12/30/2019 14:00:35</t>
  </si>
  <si>
    <t>e9cca7ee-d3b6-4622-b845-334e29fb7698.tmp</t>
  </si>
  <si>
    <t>\\acsfs\profiles$\alinepp\Downloads\e9cca7ee-d3b6-4622-b845-334e29fb7698.tmp</t>
  </si>
  <si>
    <t>12/30/2019 13:58:57</t>
  </si>
  <si>
    <t>12/30/2019 14:02:29</t>
  </si>
  <si>
    <t>e746704e-7384-4501-9c98-17fc834fa502.tmp</t>
  </si>
  <si>
    <t>\\acsfs\profiles$\marcosvnds\Downloads\e746704e-7384-4501-9c98-17fc834fa502.tmp</t>
  </si>
  <si>
    <t>12/30/2019 13:59:21</t>
  </si>
  <si>
    <t>eaa3f965-b202-4529-bf1d-d41b0a842844.tmp</t>
  </si>
  <si>
    <t>\\acsfs\profiles$\gabrielamdp\Downloads\eaa3f965-b202-4529-bf1d-d41b0a842844.tmp</t>
  </si>
  <si>
    <t>12/30/2019 13:58:59</t>
  </si>
  <si>
    <t>12/30/2019 14:04:29</t>
  </si>
  <si>
    <t>12/30/2019 14:00:05</t>
  </si>
  <si>
    <t>12/30/2019 14:05:29</t>
  </si>
  <si>
    <t>12/30/2019 13:59:55</t>
  </si>
  <si>
    <t>12/30/2019 13:59:56</t>
  </si>
  <si>
    <t>lu246123wyp79.tmp</t>
  </si>
  <si>
    <t>\\acsfs\profiles$\FLAVIOJMM\My Documents\lu246123wyp79.tmp</t>
  </si>
  <si>
    <t>\\acsfs\profiles$\FLAVIOJMM\My Documents\lu246123wyp79.tmp\</t>
  </si>
  <si>
    <t>\\acsfs\profiles$\FLAVIOJMM\My Documents\lu246123wyp79.tmp\META-INF\</t>
  </si>
  <si>
    <t>\\acsfs\profiles$\FLAVIOJMM\My Documents\lu246123wyp79.tmp\Thumbnails\</t>
  </si>
  <si>
    <t>12/30/2019 14:01:49</t>
  </si>
  <si>
    <t>12/30/2019 14:06:29</t>
  </si>
  <si>
    <t>12/30/2019 14:02:45</t>
  </si>
  <si>
    <t>12/30/2019 14:01:01</t>
  </si>
  <si>
    <t>\\acsfs\profiles$\kamillacr\My Documents\My Pictures\</t>
  </si>
  <si>
    <t>\\acsfs\profiles$\kamillacr\My Documents\My Videos\desktop.ini</t>
  </si>
  <si>
    <t>12/30/2019 14:01:05</t>
  </si>
  <si>
    <t>\\acsfs\profiles$\kamillacr\My Documents\My Videos\</t>
  </si>
  <si>
    <t>12/30/2019 14:01:06</t>
  </si>
  <si>
    <t>12/30/2019 14:01:08</t>
  </si>
  <si>
    <t>12/30/2019 14:01:11</t>
  </si>
  <si>
    <t>\\acsfs\profiles$\kamillacr\My Documents\My Music\</t>
  </si>
  <si>
    <t>\\acsfs\profiles$\kamillacr\My Documents\My Pictures\desktop.ini</t>
  </si>
  <si>
    <t>12/30/2019 14:01:13</t>
  </si>
  <si>
    <t>12/30/2019 14:01:15</t>
  </si>
  <si>
    <t>12/30/2019 14:01:16</t>
  </si>
  <si>
    <t>12/30/2019 14:01:18</t>
  </si>
  <si>
    <t>\\acsfs\profiles$\kamillacr\Contacts\</t>
  </si>
  <si>
    <t>\\acsfs\profiles$\kamillacr\Contacts\desktop.ini</t>
  </si>
  <si>
    <t>12/30/2019 14:01:20</t>
  </si>
  <si>
    <t>12/30/2019 14:01:21</t>
  </si>
  <si>
    <t>12/30/2019 14:01:22</t>
  </si>
  <si>
    <t>12/30/2019 14:01:23</t>
  </si>
  <si>
    <t>12/30/2019 14:01:24</t>
  </si>
  <si>
    <t>\\acsfs\profiles$\kamillacr\Favorites\desktop.ini</t>
  </si>
  <si>
    <t>12/30/2019 14:01:25</t>
  </si>
  <si>
    <t>12/30/2019 14:01:26</t>
  </si>
  <si>
    <t>12/30/2019 14:01:27</t>
  </si>
  <si>
    <t>12/30/2019 14:01:28</t>
  </si>
  <si>
    <t>12/30/2019 14:01:30</t>
  </si>
  <si>
    <t>12/30/2019 14:01:31</t>
  </si>
  <si>
    <t>\\acsfs\profiles$\kamillacr\My Documents\My Music\desktop.ini</t>
  </si>
  <si>
    <t>12/30/2019 14:01:33</t>
  </si>
  <si>
    <t>12/30/2019 14:01:34</t>
  </si>
  <si>
    <t>12/30/2019 14:01:35</t>
  </si>
  <si>
    <t>12/30/2019 14:01:36</t>
  </si>
  <si>
    <t>\\acsfs\profiles$\kamillacr\Searches\</t>
  </si>
  <si>
    <t>\\acsfs\profiles$\kamillacr\Searches\desktop.ini</t>
  </si>
  <si>
    <t>12/30/2019 14:01:37</t>
  </si>
  <si>
    <t>12/30/2019 14:01:38</t>
  </si>
  <si>
    <t>12/30/2019 14:01:39</t>
  </si>
  <si>
    <t>12/30/2019 14:01:40</t>
  </si>
  <si>
    <t>\\acsfs\profiles$\kamillacr\Downloads\</t>
  </si>
  <si>
    <t>\\acsfs\profiles$\kamillacr\Downloads\desktop.ini</t>
  </si>
  <si>
    <t>12/30/2019 14:01:41</t>
  </si>
  <si>
    <t>12/30/2019 14:01:42</t>
  </si>
  <si>
    <t>\\acsfs\profiles$\kamillacr\Favorites\</t>
  </si>
  <si>
    <t>\\acsfs\profiles$\kamillacr\My Documents\desktop.ini</t>
  </si>
  <si>
    <t>12/30/2019 14:01:43</t>
  </si>
  <si>
    <t>12/30/2019 14:01:44</t>
  </si>
  <si>
    <t>12/30/2019 14:01:45</t>
  </si>
  <si>
    <t>12/30/2019 14:01:46</t>
  </si>
  <si>
    <t>12/30/2019 14:01:47</t>
  </si>
  <si>
    <t>12/30/2019 14:01:48</t>
  </si>
  <si>
    <t>\\acsfs\profiles$\kamillacr\Saved Games\desktop.ini</t>
  </si>
  <si>
    <t>12/30/2019 14:02:12</t>
  </si>
  <si>
    <t>winrt--{S-1-5-21-602162358-764733703-839522115-352953}-.searchconnector-ms</t>
  </si>
  <si>
    <t>\\acsfs\profiles$\kamillacr\Searches\winrt--{S-1-5-21-602162358-764733703-839522115-352953}-.searchconnector-ms</t>
  </si>
  <si>
    <t>12/30/2019 14:06:03</t>
  </si>
  <si>
    <t>c4a2df7c-9c9d-4086-9d70-5d692cd08f17.tmp</t>
  </si>
  <si>
    <t>\\acsfs\profiles$\adelvinsonle\Downloads\c4a2df7c-9c9d-4086-9d70-5d692cd08f17.tmp</t>
  </si>
  <si>
    <t>12/30/2019 14:04:05</t>
  </si>
  <si>
    <t>12/30/2019 14:07:29</t>
  </si>
  <si>
    <t>d8a42070-5fc9-4bd0-9798-c4a58a42c998.tmp</t>
  </si>
  <si>
    <t>\\acsfs\profiles$\marcosvnds\Downloads\d8a42070-5fc9-4bd0-9798-c4a58a42c998.tmp</t>
  </si>
  <si>
    <t>12/30/2019 14:04:22</t>
  </si>
  <si>
    <t>19652f1f-3efa-4f46-9420-adc0ddaaeaad.tmp</t>
  </si>
  <si>
    <t>\\acsfs\profiles$\marcosvnds\Downloads\19652f1f-3efa-4f46-9420-adc0ddaaeaad.tmp</t>
  </si>
  <si>
    <t>12/30/2019 14:05:34</t>
  </si>
  <si>
    <t>12/30/2019 14:05:35</t>
  </si>
  <si>
    <t>12/30/2019 14:05:36</t>
  </si>
  <si>
    <t>12/30/2019 14:05:37</t>
  </si>
  <si>
    <t>12/30/2019 14:05:38</t>
  </si>
  <si>
    <t>12/30/2019 14:05:39</t>
  </si>
  <si>
    <t>12/30/2019 14:05:40</t>
  </si>
  <si>
    <t>12/30/2019 14:05:41</t>
  </si>
  <si>
    <t>12/30/2019 14:05:42</t>
  </si>
  <si>
    <t>12/30/2019 14:05:43</t>
  </si>
  <si>
    <t>12/30/2019 14:05:44</t>
  </si>
  <si>
    <t>12/30/2019 14:05:45</t>
  </si>
  <si>
    <t>12/30/2019 14:05:46</t>
  </si>
  <si>
    <t>12/30/2019 14:05:47</t>
  </si>
  <si>
    <t>12/30/2019 14:05:48</t>
  </si>
  <si>
    <t>12/30/2019 14:05:49</t>
  </si>
  <si>
    <t>12/30/2019 14:05:50</t>
  </si>
  <si>
    <t>12/30/2019 14:05:51</t>
  </si>
  <si>
    <t>12/30/2019 14:05:52</t>
  </si>
  <si>
    <t>12/30/2019 14:05:53</t>
  </si>
  <si>
    <t>12/30/2019 14:05:54</t>
  </si>
  <si>
    <t>12/30/2019 14:05:55</t>
  </si>
  <si>
    <t>12/30/2019 14:05:56</t>
  </si>
  <si>
    <t>12/30/2019 14:05:57</t>
  </si>
  <si>
    <t>12/30/2019 14:05:58</t>
  </si>
  <si>
    <t>12/30/2019 14:05:59</t>
  </si>
  <si>
    <t>12/30/2019 14:02:01</t>
  </si>
  <si>
    <t>e8675a88-78a4-430d-8017-2157f5bbace6.tmp</t>
  </si>
  <si>
    <t>\\acsfs\profiles$\brendadsl\Downloads\e8675a88-78a4-430d-8017-2157f5bbace6.tmp</t>
  </si>
  <si>
    <t>12/30/2019 14:06:47</t>
  </si>
  <si>
    <t>fdb7b6da-700b-4bc7-9190-63af31d37828.tmp</t>
  </si>
  <si>
    <t>\\acsfs\profiles$\henriquehmdo\Downloads\fdb7b6da-700b-4bc7-9190-63af31d37828.tmp</t>
  </si>
  <si>
    <t>12/30/2019 14:08:28</t>
  </si>
  <si>
    <t>lu455045qstpm.tmp</t>
  </si>
  <si>
    <t>\\acsfs\DEPTOS\Operacao\Banco_Votorantim\Supervisao\SUPERS BV CARTÕES\ANA VITORIA\APOIO\lu455045qstpm.tmp</t>
  </si>
  <si>
    <t>\\acsfs\DEPTOS\Operacao\Banco_Votorantim\Supervisao\SUPERS BV CARTÕES\ANA VITORIA\APOIO\lu455045qstpm.tmp\</t>
  </si>
  <si>
    <t>\\acsfs\DEPTOS\Operacao\Banco_Votorantim\Supervisao\SUPERS BV CARTÕES\ANA VITORIA\APOIO\lu455045qstpm.tmp\META-INF\</t>
  </si>
  <si>
    <t>\\acsfs\DEPTOS\Operacao\Banco_Votorantim\Supervisao\SUPERS BV CARTÕES\ANA VITORIA\APOIO\lu455045qstpm.tmp\Thumbnails\</t>
  </si>
  <si>
    <t>12/30/2019 14:06:42</t>
  </si>
  <si>
    <t>12/30/2019 14:04:59</t>
  </si>
  <si>
    <t>3b78465e-4aef-4dd0-8844-ad61cc1c1c8b.tmp</t>
  </si>
  <si>
    <t>\\acsfs\profiles$\vivianalds\Downloads\3b78465e-4aef-4dd0-8844-ad61cc1c1c8b.tmp</t>
  </si>
  <si>
    <t>12/30/2019 14:07:38</t>
  </si>
  <si>
    <t>10.200.67.184</t>
  </si>
  <si>
    <t>199f1ee6-32e0-4791-bc99-924d20b4ad73.tmp</t>
  </si>
  <si>
    <t>\\acsfs\profiles$\victorgl\Downloads\199f1ee6-32e0-4791-bc99-924d20b4ad73.tmp</t>
  </si>
  <si>
    <t>12/30/2019 14:05:09</t>
  </si>
  <si>
    <t>12/30/2019 14:09:29</t>
  </si>
  <si>
    <t>d066673e-cc37-4f9d-ad55-e9dca9110dab.tmp</t>
  </si>
  <si>
    <t>\\acsfs\profiles$\paulovadc\Downloads\d066673e-cc37-4f9d-ad55-e9dca9110dab.tmp</t>
  </si>
  <si>
    <t>12/30/2019 14:05:05</t>
  </si>
  <si>
    <t>12/30/2019 14:10:29</t>
  </si>
  <si>
    <t>12/30/2019 14:06:05</t>
  </si>
  <si>
    <t>12/30/2019 14:07:45</t>
  </si>
  <si>
    <t>12/30/2019 14:11:29</t>
  </si>
  <si>
    <t>12/30/2019 14:08:45</t>
  </si>
  <si>
    <t>12/30/2019 14:07:48</t>
  </si>
  <si>
    <t>https://udpwfmniceap02/web/guest/home?p_auth=kooghmp5&amp;p_p_id=58&amp;p_p_lifecycle=1&amp;p_p_state=maximized&amp;p_p_mode=view&amp;savelastpath=0&amp;_58_struts_action=/login/forgot_password</t>
  </si>
  <si>
    <t>12/30/2019 14:06:16</t>
  </si>
  <si>
    <t>Q29udHJvbGxlci5DYWxjdWxhZG9yYURlVmVuY2lt (10).ica</t>
  </si>
  <si>
    <t>\\acsfs\profiles$\adelvinsonle\Downloads\Q29udHJvbGxlci5DYWxjdWxhZG9yYURlVmVuY2lt (10).ica</t>
  </si>
  <si>
    <t>12/30/2019 14:07:42</t>
  </si>
  <si>
    <t>02fec6a2-0ca8-4e33-910e-bd9384fb56fa.tmp</t>
  </si>
  <si>
    <t>\\acsfs\profiles$\adelvinsonle\Downloads\02fec6a2-0ca8-4e33-910e-bd9384fb56fa.tmp</t>
  </si>
  <si>
    <t>12/30/2019 14:12:29</t>
  </si>
  <si>
    <t>12/30/2019 14:06:00</t>
  </si>
  <si>
    <t>12/30/2019 14:06:01</t>
  </si>
  <si>
    <t>12/30/2019 14:06:02</t>
  </si>
  <si>
    <t>12/30/2019 14:10:24</t>
  </si>
  <si>
    <t>bccd95b3-a3ad-430c-85f3-c006b2032b24.tmp</t>
  </si>
  <si>
    <t>\\acsfs\profiles$\marcosvnds\Downloads\bccd95b3-a3ad-430c-85f3-c006b2032b24.tmp</t>
  </si>
  <si>
    <t>12/30/2019 14:11:27</t>
  </si>
  <si>
    <t>95c7f374-8b15-4944-be2b-45dd7e101ba8.tmp</t>
  </si>
  <si>
    <t>\\acsfs\profiles$\brendadsl\Downloads\95c7f374-8b15-4944-be2b-45dd7e101ba8.tmp</t>
  </si>
  <si>
    <t>12/30/2019 14:11:54</t>
  </si>
  <si>
    <t>b0d05175-38c0-4410-a758-862f75cf0354.tmp</t>
  </si>
  <si>
    <t>\\acsfs\profiles$\andrezacapf\Downloads\b0d05175-38c0-4410-a758-862f75cf0354.tmp</t>
  </si>
  <si>
    <t>12/30/2019 14:11:42</t>
  </si>
  <si>
    <t>12/30/2019 14:11:43</t>
  </si>
  <si>
    <t>lu168722jg4xa.tmp</t>
  </si>
  <si>
    <t>\\acsfs\profiles$\dhiulliananads\My Documents\lu168722jg4xa.tmp</t>
  </si>
  <si>
    <t>\\acsfs\profiles$\dhiulliananads\My Documents\lu168722jg4xa.tmp\</t>
  </si>
  <si>
    <t>\\acsfs\profiles$\dhiulliananads\My Documents\lu168722jg4xa.tmp\META-INF\</t>
  </si>
  <si>
    <t>\\acsfs\profiles$\dhiulliananads\My Documents\lu168722jg4xa.tmp\Thumbnails\</t>
  </si>
  <si>
    <t>12/30/2019 14:09:46</t>
  </si>
  <si>
    <t>12/30/2019 14:13:29</t>
  </si>
  <si>
    <t>12/30/2019 14:09:47</t>
  </si>
  <si>
    <t>lu25484420eqt.tmp</t>
  </si>
  <si>
    <t>\\acsfs\profiles$\LUCASBS\RENEG BV\lu25484420eqt.tmp</t>
  </si>
  <si>
    <t>\\acsfs\profiles$\LUCASBS\RENEG BV\lu25484420eqt.tmp\</t>
  </si>
  <si>
    <t>\\acsfs\profiles$\LUCASBS\RENEG BV\lu25484420eqt.tmp\META-INF\</t>
  </si>
  <si>
    <t>\\acsfs\profiles$\LUCASBS\RENEG BV\lu25484420eqt.tmp\Thumbnails\</t>
  </si>
  <si>
    <t>12/30/2019 14:09:28</t>
  </si>
  <si>
    <t>12/30/2019 14:10:07</t>
  </si>
  <si>
    <t>a68fec62-c652-4076-a0a0-e1974395d8db.tmp</t>
  </si>
  <si>
    <t>\\acsfs\profiles$\matheusmax\Downloads\a68fec62-c652-4076-a0a0-e1974395d8db.tmp</t>
  </si>
  <si>
    <t>12/30/2019 14:10:44</t>
  </si>
  <si>
    <t>4fb367d7-919b-4ad6-8fb3-ec41b2a41284.tmp</t>
  </si>
  <si>
    <t>\\acsfs\profiles$\matheusmax\Downloads\4fb367d7-919b-4ad6-8fb3-ec41b2a41284.tmp</t>
  </si>
  <si>
    <t>12/30/2019 14:08:39</t>
  </si>
  <si>
    <t>8a069989-7c73-4109-a3ed-d57ceb7346be.tmp</t>
  </si>
  <si>
    <t>\\acsfs\profiles$\victorgl\Downloads\8a069989-7c73-4109-a3ed-d57ceb7346be.tmp</t>
  </si>
  <si>
    <t>12/30/2019 14:14:30</t>
  </si>
  <si>
    <t>a4290028-c084-49eb-8e55-b544b4271409.tmp</t>
  </si>
  <si>
    <t>\\acsfs\profiles$\gabrieleods\Downloads\a4290028-c084-49eb-8e55-b544b4271409.tmp</t>
  </si>
  <si>
    <t>12/30/2019 14:11:05</t>
  </si>
  <si>
    <t>12/30/2019 14:12:05</t>
  </si>
  <si>
    <t>12/30/2019 14:13:45</t>
  </si>
  <si>
    <t>12/30/2019 14:16:29</t>
  </si>
  <si>
    <t>12/30/2019 14:14:45</t>
  </si>
  <si>
    <t>12/30/2019 14:12:47</t>
  </si>
  <si>
    <t>57b845cd-bf58-40d3-a51e-f8592c8701eb.tmp</t>
  </si>
  <si>
    <t>\\acsfs\profiles$\larissaad\Downloads\57b845cd-bf58-40d3-a51e-f8592c8701eb.tmp</t>
  </si>
  <si>
    <t>12/30/2019 14:13:25</t>
  </si>
  <si>
    <t>19201636-c71d-46d7-8e48-41bf523a1197.tmp</t>
  </si>
  <si>
    <t>\\acsfs\profiles$\gabriellalpr\Downloads\19201636-c71d-46d7-8e48-41bf523a1197.tmp</t>
  </si>
  <si>
    <t>12/30/2019 14:12:34</t>
  </si>
  <si>
    <t>eb033f66-e516-4b8e-a0b2-ff57b11f5661.tmp</t>
  </si>
  <si>
    <t>\\acsfs\profiles$\websondsa\Downloads\eb033f66-e516-4b8e-a0b2-ff57b11f5661.tmp</t>
  </si>
  <si>
    <t>12/30/2019 14:12:28</t>
  </si>
  <si>
    <t>12/30/2019 14:17:29</t>
  </si>
  <si>
    <t>c6f16ffd-a7bd-45d4-bfb2-6c230b0571e3.tmp</t>
  </si>
  <si>
    <t>\\acsfs\profiles$\gabrielarb\Downloads\c6f16ffd-a7bd-45d4-bfb2-6c230b0571e3.tmp</t>
  </si>
  <si>
    <t>12/30/2019 14:12:18</t>
  </si>
  <si>
    <t>e0f50524-6293-41fd-9d8b-8ba360e6882b.tmp</t>
  </si>
  <si>
    <t>\\acsfs\profiles$\andrezacapf\Downloads\e0f50524-6293-41fd-9d8b-8ba360e6882b.tmp</t>
  </si>
  <si>
    <t>12/30/2019 14:14:40</t>
  </si>
  <si>
    <t>12/30/2019 14:15:11</t>
  </si>
  <si>
    <t>12/30/2019 14:16:17</t>
  </si>
  <si>
    <t>12/30/2019 14:18:29</t>
  </si>
  <si>
    <t>12/30/2019 14:17:51</t>
  </si>
  <si>
    <t>12/30/2019 14:16:07</t>
  </si>
  <si>
    <t>12/30/2019 14:19:30</t>
  </si>
  <si>
    <t>10.200.67.163</t>
  </si>
  <si>
    <t>74-86-7A-FB-14-4D</t>
  </si>
  <si>
    <t>VOTORANT-LB008</t>
  </si>
  <si>
    <t>ingridsm</t>
  </si>
  <si>
    <t>\\acsfs\profiles$\ingridsm\Downloads\</t>
  </si>
  <si>
    <t>d10868ff-7324-4815-a376-790d572d2ed7.tmp</t>
  </si>
  <si>
    <t>\\acsfs\profiles$\ingridsm\Downloads\d10868ff-7324-4815-a376-790d572d2ed7.tmp</t>
  </si>
  <si>
    <t>12/30/2019 14:16:19</t>
  </si>
  <si>
    <t>0597f93b-0749-48f7-9c06-58f89e61e7e4.tmp</t>
  </si>
  <si>
    <t>\\acsfs\profiles$\ingridsm\Downloads\0597f93b-0749-48f7-9c06-58f89e61e7e4.tmp</t>
  </si>
  <si>
    <t>12/30/2019 14:16:35</t>
  </si>
  <si>
    <t>0ac01f4f-04fd-4853-b4c2-3de9e78c251f.tmp</t>
  </si>
  <si>
    <t>\\acsfs\profiles$\ingridsm\Downloads\0ac01f4f-04fd-4853-b4c2-3de9e78c251f.tmp</t>
  </si>
  <si>
    <t>12/30/2019 14:17:04</t>
  </si>
  <si>
    <t>12/30/2019 14:18:05</t>
  </si>
  <si>
    <t>12/30/2019 14:17:35</t>
  </si>
  <si>
    <t>12/30/2019 14:20:29</t>
  </si>
  <si>
    <t>12/30/2019 14:17:37</t>
  </si>
  <si>
    <t>12/30/2019 14:17:38</t>
  </si>
  <si>
    <t>12/30/2019 14:17:39</t>
  </si>
  <si>
    <t>12/30/2019 14:17:16</t>
  </si>
  <si>
    <t>12/30/2019 14:17:17</t>
  </si>
  <si>
    <t>lu246123wyp7j.tmp</t>
  </si>
  <si>
    <t>\\acsfs\profiles$\FLAVIOJMM\My Documents\lu246123wyp7j.tmp</t>
  </si>
  <si>
    <t>\\acsfs\profiles$\FLAVIOJMM\My Documents\lu246123wyp7j.tmp\</t>
  </si>
  <si>
    <t>\\acsfs\profiles$\FLAVIOJMM\My Documents\lu246123wyp7j.tmp\META-INF\</t>
  </si>
  <si>
    <t>\\acsfs\profiles$\FLAVIOJMM\My Documents\lu246123wyp7j.tmp\Thumbnails\</t>
  </si>
  <si>
    <t>12/30/2019 14:19:18</t>
  </si>
  <si>
    <t>92c179d1-3151-422b-a9f7-fd39c1343c24.tmp</t>
  </si>
  <si>
    <t>\\acsfs\profiles$\nathaliarmr\Downloads\92c179d1-3151-422b-a9f7-fd39c1343c24.tmp</t>
  </si>
  <si>
    <t>12/30/2019 14:20:17</t>
  </si>
  <si>
    <t>ada4d610-0daa-400d-bbd4-cb5e94382f07.tmp</t>
  </si>
  <si>
    <t>\\acsfs\profiles$\nathaliarmr\Downloads\ada4d610-0daa-400d-bbd4-cb5e94382f07.tmp</t>
  </si>
  <si>
    <t>12/30/2019 14:19:45</t>
  </si>
  <si>
    <t>12/30/2019 14:21:29</t>
  </si>
  <si>
    <t>12/30/2019 14:16:28</t>
  </si>
  <si>
    <t>12/30/2019 14:20:09</t>
  </si>
  <si>
    <t>12/30/2019 14:16:11</t>
  </si>
  <si>
    <t>49e65020-7cca-4a1b-a212-cc8d0dcce77c.tmp</t>
  </si>
  <si>
    <t>\\acsfs\profiles$\alinepp\Downloads\49e65020-7cca-4a1b-a212-cc8d0dcce77c.tmp</t>
  </si>
  <si>
    <t>12/30/2019 14:18:45</t>
  </si>
  <si>
    <t>12/30/2019 14:22:29</t>
  </si>
  <si>
    <t>7bcaf92a-8c26-4042-a910-b70dd4d74ab4.tmp</t>
  </si>
  <si>
    <t>\\acsfs\profiles$\gabrielarb\Downloads\7bcaf92a-8c26-4042-a910-b70dd4d74ab4.tmp</t>
  </si>
  <si>
    <t>12/30/2019 14:18:16</t>
  </si>
  <si>
    <t>12/30/2019 14:19:03</t>
  </si>
  <si>
    <t>008577d6-1830-4a53-b036-dde5be2c4275.tmp</t>
  </si>
  <si>
    <t>\\acsfs\profiles$\andrezacapf\Downloads\008577d6-1830-4a53-b036-dde5be2c4275.tmp</t>
  </si>
  <si>
    <t>12/30/2019 14:18:36</t>
  </si>
  <si>
    <t>9505d6cc-f2c4-4156-b17b-ae901738fc27.tmp</t>
  </si>
  <si>
    <t>\\acsfs\profiles$\henriquehmdo\Downloads\9505d6cc-f2c4-4156-b17b-ae901738fc27.tmp</t>
  </si>
  <si>
    <t>12/30/2019 14:21:45</t>
  </si>
  <si>
    <t>Holerite_122019_2107321.pdf.bo1892v.partial</t>
  </si>
  <si>
    <t>\\acsfs\profiles$\welidicdj\Downloads\Holerite_122019_2107321.pdf.bo1892v.partial</t>
  </si>
  <si>
    <t>12/30/2019 14:21:16</t>
  </si>
  <si>
    <t>12/30/2019 14:23:29</t>
  </si>
  <si>
    <t>12/30/2019 14:18:43</t>
  </si>
  <si>
    <t>12/30/2019 14:19:54</t>
  </si>
  <si>
    <t>12/30/2019 14:24:29</t>
  </si>
  <si>
    <t>12/30/2019 14:20:00</t>
  </si>
  <si>
    <t>12/30/2019 14:23:30</t>
  </si>
  <si>
    <t>12/30/2019 14:19:29</t>
  </si>
  <si>
    <t>12/30/2019 14:23:05</t>
  </si>
  <si>
    <t>12/30/2019 14:25:29</t>
  </si>
  <si>
    <t>12/30/2019 14:24:05</t>
  </si>
  <si>
    <t>12/30/2019 13:48:30</t>
  </si>
  <si>
    <t>lu1950410uhju.tmp</t>
  </si>
  <si>
    <t>\\acsfs\profiles$\ALYNYA\My Documents\lu1950410uhju.tmp</t>
  </si>
  <si>
    <t>\\acsfs\profiles$\ALYNYA\My Documents\lu1950410uhju.tmp\</t>
  </si>
  <si>
    <t>\\acsfs\profiles$\ALYNYA\My Documents\lu1950410uhju.tmp\META-INF\</t>
  </si>
  <si>
    <t>\\acsfs\profiles$\ALYNYA\My Documents\lu1950410uhju.tmp\Thumbnails\</t>
  </si>
  <si>
    <t>12/30/2019 14:19:57</t>
  </si>
  <si>
    <t>12/30/2019 14:24:59</t>
  </si>
  <si>
    <t>12/30/2019 14:22:00</t>
  </si>
  <si>
    <t>12/30/2019 14:22:53</t>
  </si>
  <si>
    <t>12/30/2019 14:23:04</t>
  </si>
  <si>
    <t>12/30/2019 14:23:06</t>
  </si>
  <si>
    <t>12/30/2019 14:23:16</t>
  </si>
  <si>
    <t>12/30/2019 14:23:18</t>
  </si>
  <si>
    <t>12/30/2019 14:25:08</t>
  </si>
  <si>
    <t>Lucas Barbosa da Silva_1_6771009508365901821_1_32.wav</t>
  </si>
  <si>
    <t>\\acsfs\Deptos\EDUCACAO EMPRESARIAL\FERNANDA MONIT\Ligação para Mutant terceiro Ciclo\Lucas Barbosa da Silva_1_6771009508365901821_1_32.wav</t>
  </si>
  <si>
    <t>12/30/2019 14:23:20</t>
  </si>
  <si>
    <t>12/30/2019 14:23:21</t>
  </si>
  <si>
    <t>12/30/2019 14:23:23</t>
  </si>
  <si>
    <t>12/30/2019 14:23:26</t>
  </si>
  <si>
    <t>12/30/2019 14:23:31</t>
  </si>
  <si>
    <t>12/30/2019 14:23:32</t>
  </si>
  <si>
    <t>12/30/2019 14:23:33</t>
  </si>
  <si>
    <t>12/30/2019 14:23:36</t>
  </si>
  <si>
    <t>12/30/2019 14:23:38</t>
  </si>
  <si>
    <t>12/30/2019 14:23:40</t>
  </si>
  <si>
    <t>12/30/2019 14:23:42</t>
  </si>
  <si>
    <t>12/30/2019 14:23:44</t>
  </si>
  <si>
    <t>12/30/2019 14:23:45</t>
  </si>
  <si>
    <t>12/30/2019 14:23:47</t>
  </si>
  <si>
    <t>12/30/2019 14:23:48</t>
  </si>
  <si>
    <t>12/30/2019 14:23:50</t>
  </si>
  <si>
    <t>12/30/2019 14:23:51</t>
  </si>
  <si>
    <t>12/30/2019 14:23:52</t>
  </si>
  <si>
    <t>12/30/2019 14:23:53</t>
  </si>
  <si>
    <t>12/30/2019 14:23:55</t>
  </si>
  <si>
    <t>12/30/2019 14:23:56</t>
  </si>
  <si>
    <t>12/30/2019 14:23:57</t>
  </si>
  <si>
    <t>12/30/2019 14:23:58</t>
  </si>
  <si>
    <t>12/30/2019 14:24:00</t>
  </si>
  <si>
    <t>12/30/2019 14:24:01</t>
  </si>
  <si>
    <t>12/30/2019 14:24:02</t>
  </si>
  <si>
    <t>12/30/2019 14:24:03</t>
  </si>
  <si>
    <t>12/30/2019 14:24:04</t>
  </si>
  <si>
    <t>12/30/2019 14:24:06</t>
  </si>
  <si>
    <t>12/30/2019 14:24:07</t>
  </si>
  <si>
    <t>12/30/2019 14:24:09</t>
  </si>
  <si>
    <t>12/30/2019 14:24:11</t>
  </si>
  <si>
    <t>12/30/2019 14:24:33</t>
  </si>
  <si>
    <t>winrt--{S-1-5-21-602162358-764733703-839522115-347221}-.searchconnector-ms</t>
  </si>
  <si>
    <t>\\acsfs\profiles$\henriqueco\Searches\winrt--{S-1-5-21-602162358-764733703-839522115-347221}-.searchconnector-ms</t>
  </si>
  <si>
    <t>12/30/2019 14:20:45</t>
  </si>
  <si>
    <t>12/30/2019 14:26:29</t>
  </si>
  <si>
    <t>12/30/2019 14:25:24</t>
  </si>
  <si>
    <t>12/30/2019 14:23:01</t>
  </si>
  <si>
    <t>12/30/2019 14:23:35</t>
  </si>
  <si>
    <t>12/30/2019 14:24:48</t>
  </si>
  <si>
    <t>84be32be-9733-4c75-b546-c5b038bfcd7e.tmp</t>
  </si>
  <si>
    <t>\\acsfs\profiles$\wedersonbadr\My Documents\My Music\84be32be-9733-4c75-b546-c5b038bfcd7e.tmp</t>
  </si>
  <si>
    <t>12/30/2019 14:23:54</t>
  </si>
  <si>
    <t>12/30/2019 14:27:29</t>
  </si>
  <si>
    <t>658d4e59-794d-4053-b217-97f3dff64369.tmp</t>
  </si>
  <si>
    <t>\\acsfs\profiles$\gabrielafs\Downloads\658d4e59-794d-4053-b217-97f3dff64369.tmp</t>
  </si>
  <si>
    <t>93ec7917-ffd0-4b28-ae5d-313cb0b9d49b.tmp</t>
  </si>
  <si>
    <t>\\acsfs\profiles$\jonatanls\Downloads\93ec7917-ffd0-4b28-ae5d-313cb0b9d49b.tmp</t>
  </si>
  <si>
    <t>12/30/2019 14:22:10</t>
  </si>
  <si>
    <t>12/30/2019 14:24:13</t>
  </si>
  <si>
    <t>12/30/2019 14:25:51</t>
  </si>
  <si>
    <t>12/30/2019 14:28:29</t>
  </si>
  <si>
    <t>12/30/2019 14:25:52</t>
  </si>
  <si>
    <t>lu25484420eqy.tmp</t>
  </si>
  <si>
    <t>\\acsfs\profiles$\LUCASBS\RENEG BV\lu25484420eqy.tmp</t>
  </si>
  <si>
    <t>\\acsfs\profiles$\LUCASBS\RENEG BV\lu25484420eqy.tmp\</t>
  </si>
  <si>
    <t>\\acsfs\profiles$\LUCASBS\RENEG BV\lu25484420eqy.tmp\META-INF\</t>
  </si>
  <si>
    <t>\\acsfs\profiles$\LUCASBS\RENEG BV\lu25484420eqy.tmp\Thumbnails\</t>
  </si>
  <si>
    <t>12/30/2019 14:24:21</t>
  </si>
  <si>
    <t>12/30/2019 14:25:47</t>
  </si>
  <si>
    <t>79659068-25ef-4ee2-9b10-5cf6093456a1.tmp</t>
  </si>
  <si>
    <t>\\acsfs\profiles$\victorgl\Downloads\79659068-25ef-4ee2-9b10-5cf6093456a1.tmp</t>
  </si>
  <si>
    <t>12/30/2019 14:25:00</t>
  </si>
  <si>
    <t>\\acsfs\profiles$\fabianobmf\My Documents\My Pictures\</t>
  </si>
  <si>
    <t>\\acsfs\profiles$\fabianobmf\My Documents\My Videos\desktop.ini</t>
  </si>
  <si>
    <t>12/30/2019 14:25:13</t>
  </si>
  <si>
    <t>\\acsfs\profiles$\fabianobmf\My Documents\My Videos\</t>
  </si>
  <si>
    <t>12/30/2019 14:25:15</t>
  </si>
  <si>
    <t>12/30/2019 14:25:17</t>
  </si>
  <si>
    <t>12/30/2019 14:25:20</t>
  </si>
  <si>
    <t>\\acsfs\profiles$\fabianobmf\My Documents\My Music\</t>
  </si>
  <si>
    <t>\\acsfs\profiles$\fabianobmf\My Documents\My Pictures\desktop.ini</t>
  </si>
  <si>
    <t>12/30/2019 14:25:21</t>
  </si>
  <si>
    <t>12/30/2019 14:25:31</t>
  </si>
  <si>
    <t>12/30/2019 14:25:33</t>
  </si>
  <si>
    <t>12/30/2019 14:25:38</t>
  </si>
  <si>
    <t>\\acsfs\profiles$\fabianobmf\Contacts\</t>
  </si>
  <si>
    <t>\\acsfs\profiles$\fabianobmf\Contacts\desktop.ini</t>
  </si>
  <si>
    <t>12/30/2019 14:25:40</t>
  </si>
  <si>
    <t>12/30/2019 14:25:42</t>
  </si>
  <si>
    <t>12/30/2019 14:25:43</t>
  </si>
  <si>
    <t>12/30/2019 14:25:48</t>
  </si>
  <si>
    <t>12/30/2019 14:25:54</t>
  </si>
  <si>
    <t>\\acsfs\profiles$\fabianobmf\My Documents\</t>
  </si>
  <si>
    <t>\\acsfs\profiles$\fabianobmf\Favorites\desktop.ini</t>
  </si>
  <si>
    <t>12/30/2019 14:26:10</t>
  </si>
  <si>
    <t>12/30/2019 14:26:11</t>
  </si>
  <si>
    <t>12/30/2019 14:26:16</t>
  </si>
  <si>
    <t>12/30/2019 14:26:22</t>
  </si>
  <si>
    <t>12/30/2019 14:26:23</t>
  </si>
  <si>
    <t>12/30/2019 14:26:31</t>
  </si>
  <si>
    <t>\\acsfs\profiles$\fabianobmf\My Documents\My Music\desktop.ini</t>
  </si>
  <si>
    <t>12/30/2019 14:26:32</t>
  </si>
  <si>
    <t>12/30/2019 14:26:33</t>
  </si>
  <si>
    <t>12/30/2019 14:26:34</t>
  </si>
  <si>
    <t>12/30/2019 14:26:35</t>
  </si>
  <si>
    <t>12/30/2019 14:26:37</t>
  </si>
  <si>
    <t>\\acsfs\profiles$\fabianobmf\Searches\</t>
  </si>
  <si>
    <t>\\acsfs\profiles$\fabianobmf\Searches\desktop.ini</t>
  </si>
  <si>
    <t>12/30/2019 14:26:39</t>
  </si>
  <si>
    <t>12/30/2019 14:26:40</t>
  </si>
  <si>
    <t>12/30/2019 14:26:42</t>
  </si>
  <si>
    <t>12/30/2019 14:26:43</t>
  </si>
  <si>
    <t>\\acsfs\profiles$\fabianobmf\Downloads\desktop.ini</t>
  </si>
  <si>
    <t>12/30/2019 14:26:44</t>
  </si>
  <si>
    <t>12/30/2019 14:26:45</t>
  </si>
  <si>
    <t>\\acsfs\profiles$\fabianobmf\Favorites\</t>
  </si>
  <si>
    <t>\\acsfs\profiles$\fabianobmf\My Documents\desktop.ini</t>
  </si>
  <si>
    <t>12/30/2019 14:26:47</t>
  </si>
  <si>
    <t>12/30/2019 14:26:48</t>
  </si>
  <si>
    <t>12/30/2019 14:26:49</t>
  </si>
  <si>
    <t>12/30/2019 14:26:50</t>
  </si>
  <si>
    <t>12/30/2019 14:26:51</t>
  </si>
  <si>
    <t>\\acsfs\profiles$\fabianobmf\Saved Games\desktop.ini</t>
  </si>
  <si>
    <t>12/30/2019 14:26:52</t>
  </si>
  <si>
    <t>12/30/2019 14:27:20</t>
  </si>
  <si>
    <t>winrt--{S-1-5-21-602162358-764733703-839522115-354137}-.searchconnector-ms</t>
  </si>
  <si>
    <t>\\acsfs\profiles$\fabianobmf\Searches\winrt--{S-1-5-21-602162358-764733703-839522115-354137}-.searchconnector-ms</t>
  </si>
  <si>
    <t>12/30/2019 14:25:37</t>
  </si>
  <si>
    <t>12/30/2019 14:29:29</t>
  </si>
  <si>
    <t>12/30/2019 14:26:02</t>
  </si>
  <si>
    <t>a3a11fb4-4c07-4263-a924-8aa941f577a9.tmp</t>
  </si>
  <si>
    <t>\\acsfs\profiles$\fabianafv\Downloads\a3a11fb4-4c07-4263-a924-8aa941f577a9.tmp</t>
  </si>
  <si>
    <t>12/30/2019 14:29:05</t>
  </si>
  <si>
    <t>12/30/2019 14:30:29</t>
  </si>
  <si>
    <t>12/30/2019 14:25:30</t>
  </si>
  <si>
    <t>120fac58-ac5e-4ca9-abbd-e6edfd0d9cce.tmp</t>
  </si>
  <si>
    <t>\\acsfs\profiles$\laylaams\Downloads\120fac58-ac5e-4ca9-abbd-e6edfd0d9cce.tmp</t>
  </si>
  <si>
    <t>12/30/2019 14:26:46</t>
  </si>
  <si>
    <t>063e7ffc-a0a4-4faa-8dd5-e2934df014f0.tmp</t>
  </si>
  <si>
    <t>\\acsfs\profiles$\laylaams\Downloads\063e7ffc-a0a4-4faa-8dd5-e2934df014f0.tmp</t>
  </si>
  <si>
    <t>12/30/2019 14:29:07</t>
  </si>
  <si>
    <t>e0da06fd-c411-4a26-9298-8fbcda580fc3.tmp</t>
  </si>
  <si>
    <t>\\acsfs\profiles$\laylaams\Downloads\e0da06fd-c411-4a26-9298-8fbcda580fc3.tmp</t>
  </si>
  <si>
    <t>12/30/2019 14:26:26</t>
  </si>
  <si>
    <t>12/30/2019 14:31:29</t>
  </si>
  <si>
    <t>12/30/2019 14:25:45</t>
  </si>
  <si>
    <t>12/30/2019 14:27:26</t>
  </si>
  <si>
    <t>3762b887-c733-478e-b810-cc8af43daf14.tmp</t>
  </si>
  <si>
    <t>\\acsfs\profiles$\philipegsf\Downloads\3762b887-c733-478e-b810-cc8af43daf14.tmp</t>
  </si>
  <si>
    <t>12/30/2019 14:30:11</t>
  </si>
  <si>
    <t>12/30/2019 14:29:14</t>
  </si>
  <si>
    <t>12/30/2019 14:32:28</t>
  </si>
  <si>
    <t>ccf125e1-75aa-41ed-a279-95c0ca14ab85.tmp</t>
  </si>
  <si>
    <t>\\acsfs\profiles$\jonatanls\Downloads\ccf125e1-75aa-41ed-a279-95c0ca14ab85.tmp</t>
  </si>
  <si>
    <t>12/30/2019 14:28:02</t>
  </si>
  <si>
    <t>12/30/2019 14:33:29</t>
  </si>
  <si>
    <t>12/30/2019 14:28:03</t>
  </si>
  <si>
    <t>lu25484420er3.tmp</t>
  </si>
  <si>
    <t>\\acsfs\profiles$\LUCASBS\RENEG BV\lu25484420er3.tmp</t>
  </si>
  <si>
    <t>\\acsfs\profiles$\LUCASBS\RENEG BV\lu25484420er3.tmp\</t>
  </si>
  <si>
    <t>\\acsfs\profiles$\LUCASBS\RENEG BV\lu25484420er3.tmp\META-INF\</t>
  </si>
  <si>
    <t>\\acsfs\profiles$\LUCASBS\RENEG BV\lu25484420er3.tmp\Thumbnails\</t>
  </si>
  <si>
    <t>12/30/2019 14:31:33</t>
  </si>
  <si>
    <t>0b42743e-26c2-49f6-9316-bf0a700663df.tmp</t>
  </si>
  <si>
    <t>\\acsfs\profiles$\ingridsm\Downloads\0b42743e-26c2-49f6-9316-bf0a700663df.tmp</t>
  </si>
  <si>
    <t>12/30/2019 14:31:36</t>
  </si>
  <si>
    <t>12/30/2019 14:34:28</t>
  </si>
  <si>
    <t>12/30/2019 14:31:42</t>
  </si>
  <si>
    <t>12/30/2019 14:29:17</t>
  </si>
  <si>
    <t>1cf26e43-0207-4007-86d8-7955d66c0658.tmp</t>
  </si>
  <si>
    <t>\\acsfs\profiles$\fabianafv\Downloads\1cf26e43-0207-4007-86d8-7955d66c0658.tmp</t>
  </si>
  <si>
    <t>12/30/2019 14:32:10</t>
  </si>
  <si>
    <t>\\acsfs\profiles$\fabianafv\My Documents\</t>
  </si>
  <si>
    <t>.~lock.planilha ativo fabiana 27122019.ods#</t>
  </si>
  <si>
    <t>\\acsfs\profiles$\fabianafv\My Documents\.~lock.planilha ativo fabiana 27122019.ods#</t>
  </si>
  <si>
    <t>12/30/2019 14:33:54</t>
  </si>
  <si>
    <t>12/30/2019 14:30:05</t>
  </si>
  <si>
    <t>12/30/2019 14:35:29</t>
  </si>
  <si>
    <t>12/30/2019 14:32:23</t>
  </si>
  <si>
    <t>https://udpwfmniceap02/web/guest/home?p_auth=6q1lies2&amp;p_p_id=58&amp;p_p_lifecycle=1&amp;p_p_state=maximized&amp;p_p_mode=view&amp;savelastpath=0&amp;_58_struts_action=/login/forgot_password</t>
  </si>
  <si>
    <t>12/30/2019 14:31:26</t>
  </si>
  <si>
    <t>b3a0b565-95b9-4a7e-a9f6-e6bb4157e04d.tmp</t>
  </si>
  <si>
    <t>\\acsfs\profiles$\henriqueco\Downloads\b3a0b565-95b9-4a7e-a9f6-e6bb4157e04d.tmp</t>
  </si>
  <si>
    <t>Unconfirmed 540307.crdownload</t>
  </si>
  <si>
    <t>\\acsfs\profiles$\henriqueco\Downloads\Unconfirmed 540307.crdownload</t>
  </si>
  <si>
    <t>12/30/2019 14:31:32</t>
  </si>
  <si>
    <t>804db468-f017-46dc-ac61-4cb9cee5efc9.tmp</t>
  </si>
  <si>
    <t>\\acsfs\profiles$\henriqueco\Downloads\804db468-f017-46dc-ac61-4cb9cee5efc9.tmp</t>
  </si>
  <si>
    <t>12/30/2019 14:31:38</t>
  </si>
  <si>
    <t>Unconfirmed 690247.crdownload</t>
  </si>
  <si>
    <t>\\acsfs\profiles$\henriqueco\Downloads\Unconfirmed 690247.crdownload</t>
  </si>
  <si>
    <t>9f8e418e-1300-428d-8d06-a148e72a3ca2.tmp</t>
  </si>
  <si>
    <t>\\acsfs\profiles$\henriqueco\Downloads\9f8e418e-1300-428d-8d06-a148e72a3ca2.tmp</t>
  </si>
  <si>
    <t>12/30/2019 14:31:57</t>
  </si>
  <si>
    <t>a7068b01-2a20-4647-b162-1d13ccbd8c55.tmp</t>
  </si>
  <si>
    <t>\\acsfs\profiles$\henriqueco\Downloads\a7068b01-2a20-4647-b162-1d13ccbd8c55.tmp</t>
  </si>
  <si>
    <t>12/30/2019 14:32:54</t>
  </si>
  <si>
    <t>2a448eeb-57aa-4824-8546-c72bd344f9f5.tmp</t>
  </si>
  <si>
    <t>\\acsfs\profiles$\henriqueco\Downloads\2a448eeb-57aa-4824-8546-c72bd344f9f5.tmp</t>
  </si>
  <si>
    <t>12/30/2019 14:31:45</t>
  </si>
  <si>
    <t>12/30/2019 14:36:29</t>
  </si>
  <si>
    <t>12/30/2019 14:32:45</t>
  </si>
  <si>
    <t>12/30/2019 14:30:47</t>
  </si>
  <si>
    <t>cf5de9a5-2450-405d-845b-0627c2a19903.tmp</t>
  </si>
  <si>
    <t>\\acsfs\profiles$\philipegsf\Downloads\cf5de9a5-2450-405d-845b-0627c2a19903.tmp</t>
  </si>
  <si>
    <t>12/30/2019 14:31:08</t>
  </si>
  <si>
    <t>3919a1c0-b4d4-4672-8222-db2eee29eb7c.tmp</t>
  </si>
  <si>
    <t>\\acsfs\profiles$\philipegsf\Downloads\3919a1c0-b4d4-4672-8222-db2eee29eb7c.tmp</t>
  </si>
  <si>
    <t>12/30/2019 14:35:10</t>
  </si>
  <si>
    <t>22821054-998c-455d-a134-bf4d49492fdd.tmp</t>
  </si>
  <si>
    <t>\\acsfs\profiles$\alinepp\Downloads\22821054-998c-455d-a134-bf4d49492fdd.tmp</t>
  </si>
  <si>
    <t>12/30/2019 14:35:48</t>
  </si>
  <si>
    <t>12/30/2019 14:37:29</t>
  </si>
  <si>
    <t>2982360d-2437-4a0a-9715-d016fa08161c.tmp</t>
  </si>
  <si>
    <t>\\acsfs\profiles$\layonmof\Downloads\2982360d-2437-4a0a-9715-d016fa08161c.tmp</t>
  </si>
  <si>
    <t>12/30/2019 14:36:21</t>
  </si>
  <si>
    <t>6f650cd7-2775-42fa-942e-07b1a5a2ce67.tmp</t>
  </si>
  <si>
    <t>\\acsfs\profiles$\layonmof\Downloads\6f650cd7-2775-42fa-942e-07b1a5a2ce67.tmp</t>
  </si>
  <si>
    <t>bda84ec0-d5a7-4cdf-9026-761936cfe6b0.tmp</t>
  </si>
  <si>
    <t>\\acsfs\profiles$\layonmof\Downloads\bda84ec0-d5a7-4cdf-9026-761936cfe6b0.tmp</t>
  </si>
  <si>
    <t>12/30/2019 14:34:15</t>
  </si>
  <si>
    <t>12/30/2019 14:38:29</t>
  </si>
  <si>
    <t>12/30/2019 14:36:35</t>
  </si>
  <si>
    <t>f7b060c9-a06e-43a4-aafb-18946d6f1cf0.tmp</t>
  </si>
  <si>
    <t>\\acsfs\profiles$\fabianobmf\Downloads\f7b060c9-a06e-43a4-aafb-18946d6f1cf0.tmp</t>
  </si>
  <si>
    <t>12/30/2019 14:33:13</t>
  </si>
  <si>
    <t>12/30/2019 14:34:13</t>
  </si>
  <si>
    <t>bac08dcf-0959-4e05-b947-cc87ee369705.tmp</t>
  </si>
  <si>
    <t>\\acsfs\profiles$\ingridsm\Downloads\bac08dcf-0959-4e05-b947-cc87ee369705.tmp</t>
  </si>
  <si>
    <t>12/30/2019 14:36:53</t>
  </si>
  <si>
    <t>76eec3d4-6df2-4f2a-aea3-42a473e53804.tmp</t>
  </si>
  <si>
    <t>\\acsfs\profiles$\ingridsm\Downloads\76eec3d4-6df2-4f2a-aea3-42a473e53804.tmp</t>
  </si>
  <si>
    <t>12/30/2019 14:36:15</t>
  </si>
  <si>
    <t>12/30/2019 14:36:43</t>
  </si>
  <si>
    <t>12/30/2019 14:38:25</t>
  </si>
  <si>
    <t>12/30/2019 14:39:29</t>
  </si>
  <si>
    <t>12/30/2019 14:38:33</t>
  </si>
  <si>
    <t>12/30/2019 14:35:05</t>
  </si>
  <si>
    <t>12/30/2019 14:40:29</t>
  </si>
  <si>
    <t>12/30/2019 14:36:05</t>
  </si>
  <si>
    <t>12/30/2019 14:35:41</t>
  </si>
  <si>
    <t>12/30/2019 14:35:42</t>
  </si>
  <si>
    <t>lu246123wyp7u.tmp</t>
  </si>
  <si>
    <t>\\acsfs\profiles$\FLAVIOJMM\My Documents\lu246123wyp7u.tmp</t>
  </si>
  <si>
    <t>\\acsfs\profiles$\FLAVIOJMM\My Documents\lu246123wyp7u.tmp\</t>
  </si>
  <si>
    <t>\\acsfs\profiles$\FLAVIOJMM\My Documents\lu246123wyp7u.tmp\META-INF\</t>
  </si>
  <si>
    <t>\\acsfs\profiles$\FLAVIOJMM\My Documents\lu246123wyp7u.tmp\Thumbnails\</t>
  </si>
  <si>
    <t>12/30/2019 14:37:45</t>
  </si>
  <si>
    <t>12/30/2019 14:41:29</t>
  </si>
  <si>
    <t>12/30/2019 14:38:45</t>
  </si>
  <si>
    <t>12/30/2019 14:38:12</t>
  </si>
  <si>
    <t>12/30/2019 14:36:59</t>
  </si>
  <si>
    <t>12/30/2019 14:37:27</t>
  </si>
  <si>
    <t>12/30/2019 14:39:11</t>
  </si>
  <si>
    <t>38d1be9d-cb9f-49b7-834a-9a973f85d209.tmp</t>
  </si>
  <si>
    <t>\\acsfs\profiles$\gabriellalpr\Downloads\38d1be9d-cb9f-49b7-834a-9a973f85d209.tmp</t>
  </si>
  <si>
    <t>12/30/2019 14:38:46</t>
  </si>
  <si>
    <t>2997569d-a200-44f5-b041-e5ccb2a87fef.tmp</t>
  </si>
  <si>
    <t>\\acsfs\profiles$\alinepp\Downloads\2997569d-a200-44f5-b041-e5ccb2a87fef.tmp</t>
  </si>
  <si>
    <t>12/30/2019 14:37:17</t>
  </si>
  <si>
    <t>.~lock.Controle de Erros operacionais - Dezembro -ATUALIZADA.ods#</t>
  </si>
  <si>
    <t>\\acsfs\profiles$\wedersonbadr\Downloads\.~lock.Controle de Erros operacionais - Dezembro -ATUALIZADA.ods#</t>
  </si>
  <si>
    <t>12/30/2019 14:37:22</t>
  </si>
  <si>
    <t>Controle de Erros operacionais - Dezembro -ATUALIZADA.ods</t>
  </si>
  <si>
    <t>\\acsfs\profiles$\wedersonbadr\Downloads\Controle de Erros operacionais - Dezembro -ATUALIZADA.ods</t>
  </si>
  <si>
    <t>\\acsfs\profiles$\wedersonbadr\Downloads\Controle de Erros operacionais - Dezembro -ATUALIZADA.ods\Basic\</t>
  </si>
  <si>
    <t>script-lc.xml</t>
  </si>
  <si>
    <t>\\acsfs\profiles$\wedersonbadr\Downloads\Controle de Erros operacionais - Dezembro -ATUALIZADA.ods\Basic\Standard\</t>
  </si>
  <si>
    <t>script-lb.xml</t>
  </si>
  <si>
    <t>\\acsfs\profiles$\wedersonbadr\Downloads\Controle de Erros operacionais - Dezembro -ATUALIZADA.ods\Basic\VBAProject\</t>
  </si>
  <si>
    <t>EstaPastaDeTrabalho.xml</t>
  </si>
  <si>
    <t>MÃ³dulo6.xml</t>
  </si>
  <si>
    <t>MÃ³dulo9.xml</t>
  </si>
  <si>
    <t>Planilha1.xml</t>
  </si>
  <si>
    <t>Planilha10.xml</t>
  </si>
  <si>
    <t>Planilha11.xml</t>
  </si>
  <si>
    <t>Planilha111.xml</t>
  </si>
  <si>
    <t>Planilha12.xml</t>
  </si>
  <si>
    <t>Planilha13.xml</t>
  </si>
  <si>
    <t>Planilha15.xml</t>
  </si>
  <si>
    <t>Planilha16.xml</t>
  </si>
  <si>
    <t>Planilha17.xml</t>
  </si>
  <si>
    <t>Planilha18.xml</t>
  </si>
  <si>
    <t>Planilha2.xml</t>
  </si>
  <si>
    <t>Planilha4.xml</t>
  </si>
  <si>
    <t>Planilha5.xml</t>
  </si>
  <si>
    <t>Planilha7.xml</t>
  </si>
  <si>
    <t>Planilha9.xml</t>
  </si>
  <si>
    <t>\\acsfs\profiles$\wedersonbadr\Downloads\Controle de Erros operacionais - Dezembro -ATUALIZADA.ods\</t>
  </si>
  <si>
    <t>\\acsfs\profiles$\wedersonbadr\Downloads\Controle de Erros operacionais - Dezembro -ATUALIZADA.ods\META-INF\</t>
  </si>
  <si>
    <t>\\acsfs\profiles$\wedersonbadr\Downloads\Controle de Erros operacionais - Dezembro -ATUALIZADA.ods\Object 1\</t>
  </si>
  <si>
    <t>\\acsfs\profiles$\wedersonbadr\Downloads\Controle de Erros operacionais - Dezembro -ATUALIZADA.ods\Object 2\</t>
  </si>
  <si>
    <t>\\acsfs\profiles$\wedersonbadr\Downloads\Controle de Erros operacionais - Dezembro -ATUALIZADA.ods\Object 3\</t>
  </si>
  <si>
    <t>\\acsfs\profiles$\wedersonbadr\Downloads\Controle de Erros operacionais - Dezembro -ATUALIZADA.ods\Object 4\</t>
  </si>
  <si>
    <t>\\acsfs\profiles$\wedersonbadr\Downloads\Controle de Erros operacionais - Dezembro -ATUALIZADA.ods\Object 5\</t>
  </si>
  <si>
    <t>\\acsfs\profiles$\wedersonbadr\Downloads\Controle de Erros operacionais - Dezembro -ATUALIZADA.ods\Object 6\</t>
  </si>
  <si>
    <t>\\acsfs\profiles$\wedersonbadr\Downloads\Controle de Erros operacionais - Dezembro -ATUALIZADA.ods\Object 7\</t>
  </si>
  <si>
    <t>\\acsfs\profiles$\wedersonbadr\Downloads\Controle de Erros operacionais - Dezembro -ATUALIZADA.ods\ObjectReplacements\</t>
  </si>
  <si>
    <t>Object 1</t>
  </si>
  <si>
    <t>Object 2</t>
  </si>
  <si>
    <t>Object 3</t>
  </si>
  <si>
    <t>Object 4</t>
  </si>
  <si>
    <t>Object 5</t>
  </si>
  <si>
    <t>Object 6</t>
  </si>
  <si>
    <t>Object 7</t>
  </si>
  <si>
    <t>\\acsfs\profiles$\wedersonbadr\Downloads\Controle de Erros operacionais - Dezembro -ATUALIZADA.ods\Pictures\</t>
  </si>
  <si>
    <t>1000020100000108000000A4443F60EABA761BA1.png</t>
  </si>
  <si>
    <t>1000020100000135000000A3D967C3626B4644AE.png</t>
  </si>
  <si>
    <t>10000201000009B1000005E7D2E321C8E8BC1F85.png</t>
  </si>
  <si>
    <t>\\acsfs\profiles$\wedersonbadr\Downloads\Controle de Erros operacionais - Dezembro -ATUALIZADA.ods\Thumbnails\</t>
  </si>
  <si>
    <t>12/30/2019 14:38:06</t>
  </si>
  <si>
    <t>12/30/2019 14:43:29</t>
  </si>
  <si>
    <t>.~lock.BANCO DE DADOS - OPERAÇÃO.xlsx#</t>
  </si>
  <si>
    <t>\\acsfs\DEPTOS\Operacao\Banco_Votorantim\Supervisao\SUPERS BV CARTÕES\.~lock.BANCO DE DADOS - OPERAÇÃO.xlsx#</t>
  </si>
  <si>
    <t>12/30/2019 14:41:59</t>
  </si>
  <si>
    <t>12/30/2019 14:38:32</t>
  </si>
  <si>
    <t>8a9c248f-bf3e-4865-838f-8a705987d5b8.tmp</t>
  </si>
  <si>
    <t>\\acsfs\profiles$\fabianobmf\Downloads\8a9c248f-bf3e-4865-838f-8a705987d5b8.tmp</t>
  </si>
  <si>
    <t>12/30/2019 14:38:34</t>
  </si>
  <si>
    <t>12/30/2019 14:42:02</t>
  </si>
  <si>
    <t>12/30/2019 14:39:07</t>
  </si>
  <si>
    <t>12/30/2019 14:44:29</t>
  </si>
  <si>
    <t>12/30/2019 14:39:23</t>
  </si>
  <si>
    <t>12/30/2019 14:39:27</t>
  </si>
  <si>
    <t>12/30/2019 14:39:31</t>
  </si>
  <si>
    <t>12/30/2019 14:39:39</t>
  </si>
  <si>
    <t>12/30/2019 14:39:48</t>
  </si>
  <si>
    <t>12/30/2019 14:39:58</t>
  </si>
  <si>
    <t>12/30/2019 14:39:59</t>
  </si>
  <si>
    <t>12/30/2019 14:41:53</t>
  </si>
  <si>
    <t>12/30/2019 14:42:42</t>
  </si>
  <si>
    <t>12/30/2019 14:43:18</t>
  </si>
  <si>
    <t>12/30/2019 14:41:06</t>
  </si>
  <si>
    <t>12/30/2019 14:45:29</t>
  </si>
  <si>
    <t>12/30/2019 14:42:05</t>
  </si>
  <si>
    <t>12/30/2019 14:41:57</t>
  </si>
  <si>
    <t>lu246123wyp80.tmp</t>
  </si>
  <si>
    <t>\\acsfs\profiles$\FLAVIOJMM\My Documents\lu246123wyp80.tmp</t>
  </si>
  <si>
    <t>\\acsfs\profiles$\FLAVIOJMM\My Documents\lu246123wyp80.tmp\</t>
  </si>
  <si>
    <t>\\acsfs\profiles$\FLAVIOJMM\My Documents\lu246123wyp80.tmp\META-INF\</t>
  </si>
  <si>
    <t>\\acsfs\profiles$\FLAVIOJMM\My Documents\lu246123wyp80.tmp\Thumbnails\</t>
  </si>
  <si>
    <t>12/30/2019 14:43:30</t>
  </si>
  <si>
    <t>12/30/2019 14:46:29</t>
  </si>
  <si>
    <t>394e36f4-217a-44ce-8e16-096bf0191f54.tmp</t>
  </si>
  <si>
    <t>\\acsfs\profiles$\larissaad\Downloads\394e36f4-217a-44ce-8e16-096bf0191f54.tmp</t>
  </si>
  <si>
    <t>12/30/2019 14:43:45</t>
  </si>
  <si>
    <t>12/30/2019 14:44:45</t>
  </si>
  <si>
    <t>12/30/2019 14:42:01</t>
  </si>
  <si>
    <t>12/30/2019 14:41:20</t>
  </si>
  <si>
    <t>12/30/2019 14:41:22</t>
  </si>
  <si>
    <t>12/30/2019 14:41:42</t>
  </si>
  <si>
    <t>12/30/2019 14:42:50</t>
  </si>
  <si>
    <t>12/30/2019 14:41:24</t>
  </si>
  <si>
    <t>12/30/2019 14:41:26</t>
  </si>
  <si>
    <t>12/30/2019 14:41:27</t>
  </si>
  <si>
    <t>12/30/2019 14:41:30</t>
  </si>
  <si>
    <t>12/30/2019 14:41:31</t>
  </si>
  <si>
    <t>12/30/2019 14:41:32</t>
  </si>
  <si>
    <t>12/30/2019 14:41:33</t>
  </si>
  <si>
    <t>12/30/2019 14:41:34</t>
  </si>
  <si>
    <t>12/30/2019 14:41:35</t>
  </si>
  <si>
    <t>12/30/2019 14:41:36</t>
  </si>
  <si>
    <t>12/30/2019 14:41:38</t>
  </si>
  <si>
    <t>12/30/2019 14:41:40</t>
  </si>
  <si>
    <t>12/30/2019 14:41:41</t>
  </si>
  <si>
    <t>12/30/2019 14:41:43</t>
  </si>
  <si>
    <t>12/30/2019 14:41:46</t>
  </si>
  <si>
    <t>12/30/2019 14:41:47</t>
  </si>
  <si>
    <t>12/30/2019 14:41:49</t>
  </si>
  <si>
    <t>12/30/2019 14:41:50</t>
  </si>
  <si>
    <t>12/30/2019 14:41:52</t>
  </si>
  <si>
    <t>12/30/2019 14:41:54</t>
  </si>
  <si>
    <t>12/30/2019 14:41:55</t>
  </si>
  <si>
    <t>12/30/2019 14:41:56</t>
  </si>
  <si>
    <t>12/30/2019 14:41:58</t>
  </si>
  <si>
    <t>12/30/2019 14:42:00</t>
  </si>
  <si>
    <t>12/30/2019 14:42:03</t>
  </si>
  <si>
    <t>12/30/2019 14:42:04</t>
  </si>
  <si>
    <t>12/30/2019 14:42:56</t>
  </si>
  <si>
    <t>12/30/2019 14:42:43</t>
  </si>
  <si>
    <t>0a727aa9-2c9a-499e-b22a-c775cc41bd8c.tmp</t>
  </si>
  <si>
    <t>\\acsfs\profiles$\brunalas\Downloads\0a727aa9-2c9a-499e-b22a-c775cc41bd8c.tmp</t>
  </si>
  <si>
    <t>12/30/2019 14:44:34</t>
  </si>
  <si>
    <t>2d9f8a54-ebfc-40c3-9f22-b80d525968c8.tmp</t>
  </si>
  <si>
    <t>\\acsfs\profiles$\brunalas\Downloads\2d9f8a54-ebfc-40c3-9f22-b80d525968c8.tmp</t>
  </si>
  <si>
    <t>12/30/2019 14:45:58</t>
  </si>
  <si>
    <t>12/30/2019 14:47:29</t>
  </si>
  <si>
    <t>02fa2c57-4ee9-4ca7-a488-5bf37b91832a.tmp</t>
  </si>
  <si>
    <t>\\acsfs\profiles$\gabrielamdp\Downloads\02fa2c57-4ee9-4ca7-a488-5bf37b91832a.tmp</t>
  </si>
  <si>
    <t>12/30/2019 14:48:29</t>
  </si>
  <si>
    <t>fa4cffda-e96d-4b6e-8da6-7c705c11f91f.tmp</t>
  </si>
  <si>
    <t>\\acsfs\profiles$\rosileiam\Downloads\fa4cffda-e96d-4b6e-8da6-7c705c11f91f.tmp</t>
  </si>
  <si>
    <t>12/30/2019 14:44:00</t>
  </si>
  <si>
    <t>d59e4898-f468-4604-a614-c071ec75a9d9.tmp</t>
  </si>
  <si>
    <t>\\acsfs\profiles$\rosileiam\Downloads\d59e4898-f468-4604-a614-c071ec75a9d9.tmp</t>
  </si>
  <si>
    <t>12/30/2019 14:44:44</t>
  </si>
  <si>
    <t>65ad7b28-a2a0-4e9c-951a-f211909d18bb.tmp</t>
  </si>
  <si>
    <t>\\acsfs\profiles$\edicarlosdl\Downloads\65ad7b28-a2a0-4e9c-951a-f211909d18bb.tmp</t>
  </si>
  <si>
    <t>12/30/2019 14:45:37</t>
  </si>
  <si>
    <t>cea72512-459d-425f-af70-37633882d437.tmp</t>
  </si>
  <si>
    <t>\\acsfs\profiles$\edicarlosdl\Downloads\cea72512-459d-425f-af70-37633882d437.tmp</t>
  </si>
  <si>
    <t>12/30/2019 14:46:14</t>
  </si>
  <si>
    <t>12/30/2019 14:46:58</t>
  </si>
  <si>
    <t>c55c6032-f5b0-46e2-92c3-27d60ddcc726.tmp</t>
  </si>
  <si>
    <t>\\acsfs\profiles$\edicarlosdl\Downloads\c55c6032-f5b0-46e2-92c3-27d60ddcc726.tmp</t>
  </si>
  <si>
    <t>12/30/2019 14:48:10</t>
  </si>
  <si>
    <t>12/30/2019 14:49:29</t>
  </si>
  <si>
    <t>337a71e2-23fc-4ff2-adfe-645bc642fed0.tmp</t>
  </si>
  <si>
    <t>\\acsfs\profiles$\deborahsi\Downloads\337a71e2-23fc-4ff2-adfe-645bc642fed0.tmp</t>
  </si>
  <si>
    <t>12/30/2019 14:44:02</t>
  </si>
  <si>
    <t>12/30/2019 14:47:51</t>
  </si>
  <si>
    <t>c370562d-6a78-4b56-a9b5-9e7e8991e3d5.tmp</t>
  </si>
  <si>
    <t>\\acsfs\profiles$\gabrieleods\Downloads\c370562d-6a78-4b56-a9b5-9e7e8991e3d5.tmp</t>
  </si>
  <si>
    <t>12/30/2019 14:47:05</t>
  </si>
  <si>
    <t>12/30/2019 14:50:28</t>
  </si>
  <si>
    <t>12/30/2019 14:48:05</t>
  </si>
  <si>
    <t>4db58031-3b13-41be-9f7e-62e7ff3d1aa6.tmp</t>
  </si>
  <si>
    <t>\\acsfs\profiles$\geovannasm\Downloads\4db58031-3b13-41be-9f7e-62e7ff3d1aa6.tmp</t>
  </si>
  <si>
    <t>12/30/2019 14:49:33</t>
  </si>
  <si>
    <t>lu246123wyp86.tmp</t>
  </si>
  <si>
    <t>\\acsfs\profiles$\FLAVIOJMM\My Documents\lu246123wyp86.tmp</t>
  </si>
  <si>
    <t>\\acsfs\profiles$\FLAVIOJMM\My Documents\lu246123wyp86.tmp\</t>
  </si>
  <si>
    <t>\\acsfs\profiles$\FLAVIOJMM\My Documents\lu246123wyp86.tmp\META-INF\</t>
  </si>
  <si>
    <t>\\acsfs\profiles$\FLAVIOJMM\My Documents\lu246123wyp86.tmp\Thumbnails\</t>
  </si>
  <si>
    <t>12/30/2019 14:46:20</t>
  </si>
  <si>
    <t>12/30/2019 14:46:23</t>
  </si>
  <si>
    <t>12/30/2019 14:47:49</t>
  </si>
  <si>
    <t>1bee2d89-355d-4384-8642-b36288818654.tmp</t>
  </si>
  <si>
    <t>\\acsfs\profiles$\henriqueco\Downloads\1bee2d89-355d-4384-8642-b36288818654.tmp</t>
  </si>
  <si>
    <t>12/30/2019 14:49:45</t>
  </si>
  <si>
    <t>12/30/2019 14:51:29</t>
  </si>
  <si>
    <t>12/30/2019 14:47:23</t>
  </si>
  <si>
    <t>12/30/2019 14:47:31</t>
  </si>
  <si>
    <t>12/30/2019 14:47:35</t>
  </si>
  <si>
    <t>c860d295-1bcd-4a0e-9ee0-f6b7595f3225.tmp</t>
  </si>
  <si>
    <t>\\acsfs\profiles$\PEDROHAB\Downloads\c860d295-1bcd-4a0e-9ee0-f6b7595f3225.tmp</t>
  </si>
  <si>
    <t>12/30/2019 14:51:22</t>
  </si>
  <si>
    <t>12/30/2019 14:52:28</t>
  </si>
  <si>
    <t>BANCO DE DADOS - OPERAÇÃO.xlsx</t>
  </si>
  <si>
    <t>\\acsfs\Deptos\EDUCACAO EMPRESARIAL\FERNANDA MONIT\BANCO DE DADOS - OPERAÇÃO.xlsx</t>
  </si>
  <si>
    <t>\\acsfs\Deptos\EDUCACAO EMPRESARIAL\FERNANDA MONIT\BANCO DE DADOS - OPERAÇÃO.xlsx\</t>
  </si>
  <si>
    <t>\\acsfs\Deptos\EDUCACAO EMPRESARIAL\FERNANDA MONIT\BANCO DE DADOS - OPERAÇÃO.xlsx\:Zone.Identifier:$DATA</t>
  </si>
  <si>
    <t>12/30/2019 14:47:00</t>
  </si>
  <si>
    <t>d742981e-f98e-44a8-8b61-7ecff83bddbf.tmp</t>
  </si>
  <si>
    <t>\\acsfs\profiles$\vivianibfs\Downloads\d742981e-f98e-44a8-8b61-7ecff83bddbf.tmp</t>
  </si>
  <si>
    <t>12/30/2019 14:47:55</t>
  </si>
  <si>
    <t>80a582fb-441d-444c-b433-19cf4afc0e6c.tmp</t>
  </si>
  <si>
    <t>\\acsfs\profiles$\vivianibfs\Downloads\80a582fb-441d-444c-b433-19cf4afc0e6c.tmp</t>
  </si>
  <si>
    <t>12/30/2019 14:48:24</t>
  </si>
  <si>
    <t>6158e3a6-d1e5-4e83-be0c-15633476a8c4.tmp</t>
  </si>
  <si>
    <t>\\acsfs\profiles$\vivianibfs\Downloads\6158e3a6-d1e5-4e83-be0c-15633476a8c4.tmp</t>
  </si>
  <si>
    <t>12/30/2019 14:48:35</t>
  </si>
  <si>
    <t>a61b8e76-d476-49ed-8046-7ab471626403.tmp</t>
  </si>
  <si>
    <t>\\acsfs\profiles$\vivianibfs\Downloads\a61b8e76-d476-49ed-8046-7ab471626403.tmp</t>
  </si>
  <si>
    <t>12/30/2019 14:47:43</t>
  </si>
  <si>
    <t>0d7e254e-a120-48cd-b7a5-328cdedf826f.tmp</t>
  </si>
  <si>
    <t>\\acsfs\profiles$\brendadsl\Downloads\0d7e254e-a120-48cd-b7a5-328cdedf826f.tmp</t>
  </si>
  <si>
    <t>12/30/2019 14:48:00</t>
  </si>
  <si>
    <t>86030927-2f07-4218-b482-8b75d96f8ee3.tmp</t>
  </si>
  <si>
    <t>\\acsfs\profiles$\brendadsl\Downloads\86030927-2f07-4218-b482-8b75d96f8ee3.tmp</t>
  </si>
  <si>
    <t>12/30/2019 14:47:38</t>
  </si>
  <si>
    <t>69e66b79-e87a-437f-bc8e-5f317636b7a6.tmp</t>
  </si>
  <si>
    <t>\\acsfs\profiles$\lucasgpe\Downloads\69e66b79-e87a-437f-bc8e-5f317636b7a6.tmp</t>
  </si>
  <si>
    <t>12/30/2019 14:49:34</t>
  </si>
  <si>
    <t>eed74bae-2f3d-4386-95d5-9d00e51e170f.tmp</t>
  </si>
  <si>
    <t>\\acsfs\profiles$\layonmof\Downloads\eed74bae-2f3d-4386-95d5-9d00e51e170f.tmp</t>
  </si>
  <si>
    <t>12/30/2019 14:50:18</t>
  </si>
  <si>
    <t>12/30/2019 14:52:19</t>
  </si>
  <si>
    <t>12/30/2019 14:54:29</t>
  </si>
  <si>
    <t>0e2db217-52c9-4a28-9c1d-bc018a468bfe.tmp</t>
  </si>
  <si>
    <t>\\acsfs\profiles$\deborahsi\Downloads\0e2db217-52c9-4a28-9c1d-bc018a468bfe.tmp</t>
  </si>
  <si>
    <t>12/30/2019 14:50:13</t>
  </si>
  <si>
    <t>12/30/2019 14:53:12</t>
  </si>
  <si>
    <t>12/30/2019 14:53:15</t>
  </si>
  <si>
    <t>d5be0f8c-6e17-4a7c-b5ee-5c805b6a2006.tmp</t>
  </si>
  <si>
    <t>\\acsfs\profiles$\gabrieleods\Downloads\d5be0f8c-6e17-4a7c-b5ee-5c805b6a2006.tmp</t>
  </si>
  <si>
    <t>12/30/2019 14:53:05</t>
  </si>
  <si>
    <t>12/30/2019 14:55:29</t>
  </si>
  <si>
    <t>12/30/2019 14:54:05</t>
  </si>
  <si>
    <t>12/30/2019 14:49:59</t>
  </si>
  <si>
    <t>0aa9e2fa-30db-4cc6-a084-5b7f271d0c29.tmp</t>
  </si>
  <si>
    <t>\\acsfs\profiles$\geovannasm\Downloads\0aa9e2fa-30db-4cc6-a084-5b7f271d0c29.tmp</t>
  </si>
  <si>
    <t>12/30/2019 14:53:07</t>
  </si>
  <si>
    <t>12/30/2019 14:51:34</t>
  </si>
  <si>
    <t>823abca7-454a-42e2-97a5-cc25b68157dd.tmp</t>
  </si>
  <si>
    <t>\\acsfs\profiles$\inarajst\Downloads\823abca7-454a-42e2-97a5-cc25b68157dd.tmp</t>
  </si>
  <si>
    <t>12/30/2019 14:51:56</t>
  </si>
  <si>
    <t>94316ddf-c5b1-4085-8470-441810c62412.tmp</t>
  </si>
  <si>
    <t>\\acsfs\profiles$\inarajst\Downloads\94316ddf-c5b1-4085-8470-441810c62412.tmp</t>
  </si>
  <si>
    <t>12/30/2019 14:50:45</t>
  </si>
  <si>
    <t>12/30/2019 14:56:29</t>
  </si>
  <si>
    <t>12/30/2019 14:53:00</t>
  </si>
  <si>
    <t>12/30/2019 14:53:17</t>
  </si>
  <si>
    <t>12/30/2019 14:52:49</t>
  </si>
  <si>
    <t>12/30/2019 14:51:44</t>
  </si>
  <si>
    <t>12/30/2019 14:57:29</t>
  </si>
  <si>
    <t>~$MAPA OPERACIONAL 16102019 (2).xlsx</t>
  </si>
  <si>
    <t>\\acsfs\Deptos\EDUCACAO EMPRESARIAL\FERNANDA MONIT\Fernanda\~$MAPA OPERACIONAL 16102019 (2).xlsx</t>
  </si>
  <si>
    <t>12/30/2019 14:52:12</t>
  </si>
  <si>
    <t>~$SKIL- BV CARTÕES - DEZ-19.xlsx</t>
  </si>
  <si>
    <t>\\acsfs\Deptos\EDUCACAO EMPRESARIAL\FERNANDA MONIT\~$SKIL- BV CARTÕES - DEZ-19.xlsx</t>
  </si>
  <si>
    <t>12/30/2019 14:56:02</t>
  </si>
  <si>
    <t>12/30/2019 14:55:46</t>
  </si>
  <si>
    <t>b548a865-34ce-4fb8-ba3f-d2dbcc78b9cd.tmp</t>
  </si>
  <si>
    <t>\\acsfs\profiles$\gabrielarb\Downloads\b548a865-34ce-4fb8-ba3f-d2dbcc78b9cd.tmp</t>
  </si>
  <si>
    <t>12/30/2019 14:54:13</t>
  </si>
  <si>
    <t>12/30/2019 14:58:29</t>
  </si>
  <si>
    <t>12/30/2019 14:57:01</t>
  </si>
  <si>
    <t>02f36516-4bb0-4168-ae54-5a12f7fcf388.tmp</t>
  </si>
  <si>
    <t>\\acsfs\profiles$\lorraynevam\Downloads\02f36516-4bb0-4168-ae54-5a12f7fcf388.tmp</t>
  </si>
  <si>
    <t>12/30/2019 14:55:18</t>
  </si>
  <si>
    <t>12/30/2019 14:55:26</t>
  </si>
  <si>
    <t>f9e34242-2ab1-4b60-a00e-9fcbc7057e3b.tmp</t>
  </si>
  <si>
    <t>\\acsfs\profiles$\sarahbal\Downloads\f9e34242-2ab1-4b60-a00e-9fcbc7057e3b.tmp</t>
  </si>
  <si>
    <t>12/30/2019 14:56:50</t>
  </si>
  <si>
    <t>lu118604l6q.tmp</t>
  </si>
  <si>
    <t>\\acsfs\profiles$\CLAUDIAJCA\lu118604l6q.tmp</t>
  </si>
  <si>
    <t>\\acsfs\profiles$\CLAUDIAJCA\lu118604l6q.tmp\</t>
  </si>
  <si>
    <t>\\acsfs\profiles$\CLAUDIAJCA\lu118604l6q.tmp\META-INF\</t>
  </si>
  <si>
    <t>\\acsfs\profiles$\CLAUDIAJCA\lu118604l6q.tmp\Thumbnails\</t>
  </si>
  <si>
    <t>12/30/2019 14:55:31</t>
  </si>
  <si>
    <t>12/30/2019 14:59:28</t>
  </si>
  <si>
    <t>ffc40bda-fdcf-4c06-b945-a74d8a75bcbd.tmp</t>
  </si>
  <si>
    <t>\\acsfs\profiles$\fabianafv\Downloads\ffc40bda-fdcf-4c06-b945-a74d8a75bcbd.tmp</t>
  </si>
  <si>
    <t>12/30/2019 14:55:33</t>
  </si>
  <si>
    <t>bbe36796-e4c5-4590-a9ec-055e941c2143.tmp</t>
  </si>
  <si>
    <t>\\acsfs\profiles$\fabianafv\Downloads\bbe36796-e4c5-4590-a9ec-055e941c2143.tmp</t>
  </si>
  <si>
    <t>12/30/2019 14:59:05</t>
  </si>
  <si>
    <t>12/30/2019 15:00:29</t>
  </si>
  <si>
    <t>12/30/2019 14:57:49</t>
  </si>
  <si>
    <t>12/30/2019 14:56:26</t>
  </si>
  <si>
    <t>12/30/2019 14:55:52</t>
  </si>
  <si>
    <t>36fab3be-73dd-49e3-8810-4e1a91926610.tmp</t>
  </si>
  <si>
    <t>\\acsfs\profiles$\inarajst\Downloads\36fab3be-73dd-49e3-8810-4e1a91926610.tmp</t>
  </si>
  <si>
    <t>12/30/2019 14:55:21</t>
  </si>
  <si>
    <t>12/30/2019 14:58:04</t>
  </si>
  <si>
    <t>12/30/2019 15:01:29</t>
  </si>
  <si>
    <t>1e3b4a7d-b823-43ba-8a83-7958567135ab.tmp</t>
  </si>
  <si>
    <t>\\acsfs\profiles$\larissaad\Downloads\1e3b4a7d-b823-43ba-8a83-7958567135ab.tmp</t>
  </si>
  <si>
    <t>12/30/2019 14:55:45</t>
  </si>
  <si>
    <t>12/30/2019 14:56:45</t>
  </si>
  <si>
    <t>10b82d38-9aa1-4ccc-902c-febdc63699c6.tmp</t>
  </si>
  <si>
    <t>\\acsfs\profiles$\philipegsf\Downloads\10b82d38-9aa1-4ccc-902c-febdc63699c6.tmp</t>
  </si>
  <si>
    <t>12/30/2019 14:58:16</t>
  </si>
  <si>
    <t>12/30/2019 14:58:21</t>
  </si>
  <si>
    <t>12/30/2019 15:02:29</t>
  </si>
  <si>
    <t>12/30/2019 14:58:22</t>
  </si>
  <si>
    <t>lu70096a2i0uv.tmp</t>
  </si>
  <si>
    <t>\\acsfs\profiles$\jonatanls\My Documents\lu70096a2i0uv.tmp</t>
  </si>
  <si>
    <t>12/30/2019 14:58:48</t>
  </si>
  <si>
    <t>12/30/2019 14:57:24</t>
  </si>
  <si>
    <t>dbdbee41-c722-4cfc-ac9f-729e6074f013.tmp</t>
  </si>
  <si>
    <t>\\acsfs\profiles$\gabrielamdp\Downloads\dbdbee41-c722-4cfc-ac9f-729e6074f013.tmp</t>
  </si>
  <si>
    <t>12/30/2019 14:59:45</t>
  </si>
  <si>
    <t>12/30/2019 15:03:29</t>
  </si>
  <si>
    <t>12/30/2019 14:59:46</t>
  </si>
  <si>
    <t>lu25484420erk.tmp</t>
  </si>
  <si>
    <t>\\acsfs\profiles$\LUCASBS\RENEG BV\lu25484420erk.tmp</t>
  </si>
  <si>
    <t>\\acsfs\profiles$\LUCASBS\RENEG BV\lu25484420erk.tmp\</t>
  </si>
  <si>
    <t>\\acsfs\profiles$\LUCASBS\RENEG BV\lu25484420erk.tmp\META-INF\</t>
  </si>
  <si>
    <t>\\acsfs\profiles$\LUCASBS\RENEG BV\lu25484420erk.tmp\Thumbnails\</t>
  </si>
  <si>
    <t>12/30/2019 14:59:59</t>
  </si>
  <si>
    <t>9fabc7b1-5d12-4742-8f27-f45065306196.tmp</t>
  </si>
  <si>
    <t>\\acsfs\profiles$\fabianobmf\Downloads\9fabc7b1-5d12-4742-8f27-f45065306196.tmp</t>
  </si>
  <si>
    <t>12/30/2019 15:02:59</t>
  </si>
  <si>
    <t>12/30/2019 14:58:42</t>
  </si>
  <si>
    <t>1245a0c5-2d51-4a98-89f0-3fbb0141bc16.tmp</t>
  </si>
  <si>
    <t>\\acsfs\profiles$\KARENDSR\Downloads\1245a0c5-2d51-4a98-89f0-3fbb0141bc16.tmp</t>
  </si>
  <si>
    <t>12/30/2019 15:00:05</t>
  </si>
  <si>
    <t>12/30/2019 15:05:29</t>
  </si>
  <si>
    <t>12/30/2019 15:01:23</t>
  </si>
  <si>
    <t>d20c2dff-7ad4-41a4-b9eb-8c9f3596b9f9.tmp</t>
  </si>
  <si>
    <t>\\acsfs\profiles$\cintiadjl\Downloads\d20c2dff-7ad4-41a4-b9eb-8c9f3596b9f9.tmp</t>
  </si>
  <si>
    <t>12/30/2019 15:01:25</t>
  </si>
  <si>
    <t>a23b944a-71f2-422c-a2e4-a1e41f65c15c.tmp</t>
  </si>
  <si>
    <t>\\acsfs\profiles$\cintiadjl\Downloads\a23b944a-71f2-422c-a2e4-a1e41f65c15c.tmp</t>
  </si>
  <si>
    <t>12/30/2019 15:01:49</t>
  </si>
  <si>
    <t>12/30/2019 15:06:29</t>
  </si>
  <si>
    <t>12/30/2019 15:02:46</t>
  </si>
  <si>
    <t>12/30/2019 15:01:17</t>
  </si>
  <si>
    <t>12/30/2019 15:01:47</t>
  </si>
  <si>
    <t>12/30/2019 15:02:17</t>
  </si>
  <si>
    <t>12/30/2019 15:02:47</t>
  </si>
  <si>
    <t>12/30/2019 15:03:23</t>
  </si>
  <si>
    <t>12/30/2019 15:03:47</t>
  </si>
  <si>
    <t>12/30/2019 15:05:09</t>
  </si>
  <si>
    <t>327ed8fe-410b-4241-861f-aa19bc12ff1a.tmp</t>
  </si>
  <si>
    <t>\\acsfs\profiles$\philipegsf\Downloads\327ed8fe-410b-4241-861f-aa19bc12ff1a.tmp</t>
  </si>
  <si>
    <t>12/30/2019 15:02:55</t>
  </si>
  <si>
    <t>84da4fc5-cee0-473d-a543-a43f7db8bc06.tmp</t>
  </si>
  <si>
    <t>\\acsfs\profiles$\quindaizaagds\Downloads\84da4fc5-cee0-473d-a543-a43f7db8bc06.tmp</t>
  </si>
  <si>
    <t>12/30/2019 15:05:05</t>
  </si>
  <si>
    <t>12/30/2019 15:07:29</t>
  </si>
  <si>
    <t>245f8eee-b07d-4f8e-9944-439001345ba3.tmp</t>
  </si>
  <si>
    <t>\\acsfs\profiles$\vivianibfs\Downloads\245f8eee-b07d-4f8e-9944-439001345ba3.tmp</t>
  </si>
  <si>
    <t>12/30/2019 15:02:37</t>
  </si>
  <si>
    <t>https://udpmailboxap01/h/search?si=1&amp;so=0&amp;sc=57438&amp;st=conversation&amp;action=compose&amp;paction=paneview</t>
  </si>
  <si>
    <t>12/30/2019 15:02:52</t>
  </si>
  <si>
    <t>12/30/2019 15:06:11</t>
  </si>
  <si>
    <t>https://udpmailboxap01/h/search?si=1&amp;so=0&amp;sc=57438&amp;st=conversation&amp;action=compose&amp;paction=compose</t>
  </si>
  <si>
    <t>wedersonbadr@bv.algartech.com;</t>
  </si>
  <si>
    <t>https://wedersonbadr@bv.algartech.com</t>
  </si>
  <si>
    <t>12/30/2019 15:06:28</t>
  </si>
  <si>
    <t>https://udpmailboxap01/h/search?si=0&amp;so=0&amp;sc=57462&amp;sfi=5&amp;st=conversation&amp;action=compose&amp;id=1901&amp;paction=view&amp;rf=html&amp;op=forward</t>
  </si>
  <si>
    <t>12/30/2019 15:03:28</t>
  </si>
  <si>
    <t>12/30/2019 15:05:03</t>
  </si>
  <si>
    <t>092258ae-8c94-4498-aa9f-c946be6044b1.tmp</t>
  </si>
  <si>
    <t>\\acsfs\profiles$\victoriaksr\Downloads\092258ae-8c94-4498-aa9f-c946be6044b1.tmp</t>
  </si>
  <si>
    <t>12/30/2019 15:04:22</t>
  </si>
  <si>
    <t>12/30/2019 15:08:30</t>
  </si>
  <si>
    <t>12/30/2019 15:03:21</t>
  </si>
  <si>
    <t>3f25fdf0-1c8b-4386-97ac-ba3de3fd8507.tmp</t>
  </si>
  <si>
    <t>\\acsfs\profiles$\erichds\Downloads\3f25fdf0-1c8b-4386-97ac-ba3de3fd8507.tmp</t>
  </si>
  <si>
    <t>12/30/2019 15:08:07</t>
  </si>
  <si>
    <t>9a8b9a9e-3945-41b0-a99e-2a8230b2e132.tmp</t>
  </si>
  <si>
    <t>\\acsfs\profiles$\erichds\Downloads\9a8b9a9e-3945-41b0-a99e-2a8230b2e132.tmp</t>
  </si>
  <si>
    <t>12/30/2019 15:08:10</t>
  </si>
  <si>
    <t>12/30/2019 15:09:29</t>
  </si>
  <si>
    <t>12/30/2019 15:08:11</t>
  </si>
  <si>
    <t>lu277206qsdlh.tmp</t>
  </si>
  <si>
    <t>\\acsfs\profiles$\ISABELLEGTDS\Nova pasta\lu277206qsdlh.tmp</t>
  </si>
  <si>
    <t>\\acsfs\profiles$\ISABELLEGTDS\Nova pasta\lu277206qsdlh.tmp\</t>
  </si>
  <si>
    <t>\\acsfs\profiles$\ISABELLEGTDS\Nova pasta\lu277206qsdlh.tmp\META-INF\</t>
  </si>
  <si>
    <t>\\acsfs\profiles$\ISABELLEGTDS\Nova pasta\lu277206qsdlh.tmp\Thumbnails\</t>
  </si>
  <si>
    <t>\\acsfs\profiles$\anacdos\Downloads\</t>
  </si>
  <si>
    <t>75a50baa-d377-4659-82d7-30e4f1e7fe36.tmp</t>
  </si>
  <si>
    <t>\\acsfs\profiles$\anacdos\Downloads\75a50baa-d377-4659-82d7-30e4f1e7fe36.tmp</t>
  </si>
  <si>
    <t>12/30/2019 15:10:30</t>
  </si>
  <si>
    <t>12/30/2019 15:06:05</t>
  </si>
  <si>
    <t>12/30/2019 15:08:23</t>
  </si>
  <si>
    <t>12/30/2019 15:08:25</t>
  </si>
  <si>
    <t>12/30/2019 15:05:15</t>
  </si>
  <si>
    <t>2a5497ce-e45e-408f-ad49-7016ab69d5b3.tmp</t>
  </si>
  <si>
    <t>\\acsfs\profiles$\JOAOVAL\Downloads\2a5497ce-e45e-408f-ad49-7016ab69d5b3.tmp</t>
  </si>
  <si>
    <t>12/30/2019 15:07:44</t>
  </si>
  <si>
    <t>12/30/2019 15:07:45</t>
  </si>
  <si>
    <t>lu246123wyp8g.tmp</t>
  </si>
  <si>
    <t>\\acsfs\profiles$\FLAVIOJMM\My Documents\lu246123wyp8g.tmp</t>
  </si>
  <si>
    <t>\\acsfs\profiles$\FLAVIOJMM\My Documents\lu246123wyp8g.tmp\</t>
  </si>
  <si>
    <t>\\acsfs\profiles$\FLAVIOJMM\My Documents\lu246123wyp8g.tmp\META-INF\</t>
  </si>
  <si>
    <t>\\acsfs\profiles$\FLAVIOJMM\My Documents\lu246123wyp8g.tmp\Thumbnails\</t>
  </si>
  <si>
    <t>12/30/2019 15:05:48</t>
  </si>
  <si>
    <t>7d68edc7-d4c6-4686-a956-d790c7e938fd.tmp</t>
  </si>
  <si>
    <t>\\acsfs\profiles$\mariagsg\Downloads\7d68edc7-d4c6-4686-a956-d790c7e938fd.tmp</t>
  </si>
  <si>
    <t>12/30/2019 15:05:46</t>
  </si>
  <si>
    <t>08b9525c-3346-478a-93d7-2017c5271a57.tmp</t>
  </si>
  <si>
    <t>\\acsfs\profiles$\henriqueco\Downloads\08b9525c-3346-478a-93d7-2017c5271a57.tmp</t>
  </si>
  <si>
    <t>12/30/2019 15:11:29</t>
  </si>
  <si>
    <t>12/30/2019 15:08:45</t>
  </si>
  <si>
    <t>12/30/2019 15:06:47</t>
  </si>
  <si>
    <t>12/30/2019 15:07:17</t>
  </si>
  <si>
    <t>12/30/2019 15:07:47</t>
  </si>
  <si>
    <t>12/30/2019 15:08:17</t>
  </si>
  <si>
    <t>12/30/2019 15:09:17</t>
  </si>
  <si>
    <t>12/30/2019 15:08:21</t>
  </si>
  <si>
    <t>12/30/2019 15:09:55</t>
  </si>
  <si>
    <t>4f945739-8f2c-44da-b928-c2a9a0a37fbd.tmp</t>
  </si>
  <si>
    <t>\\acsfs\profiles$\wedersonbadr\My Documents\My Music\4f945739-8f2c-44da-b928-c2a9a0a37fbd.tmp</t>
  </si>
  <si>
    <t>12/30/2019 15:12:11</t>
  </si>
  <si>
    <t>12/30/2019 15:13:30</t>
  </si>
  <si>
    <t>12/30/2019 15:10:27</t>
  </si>
  <si>
    <t>12/30/2019 15:08:51</t>
  </si>
  <si>
    <t>12/30/2019 15:14:30</t>
  </si>
  <si>
    <t>.~lock.isabelle 30.12.19.ods#</t>
  </si>
  <si>
    <t>\\acsfs\profiles$\ISABELLEGTDS\Nova pasta\.~lock.isabelle 30.12.19.ods#</t>
  </si>
  <si>
    <t>lu277206qsdlm.tmp</t>
  </si>
  <si>
    <t>\\acsfs\profiles$\ISABELLEGTDS\Nova pasta\lu277206qsdlm.tmp</t>
  </si>
  <si>
    <t>\\acsfs\profiles$\ISABELLEGTDS\Nova pasta\lu277206qsdlm.tmp\</t>
  </si>
  <si>
    <t>\\acsfs\profiles$\ISABELLEGTDS\Nova pasta\lu277206qsdlm.tmp\META-INF\</t>
  </si>
  <si>
    <t>\\acsfs\profiles$\ISABELLEGTDS\Nova pasta\lu277206qsdlm.tmp\Thumbnails\</t>
  </si>
  <si>
    <t>12/30/2019 15:11:05</t>
  </si>
  <si>
    <t>12/30/2019 15:15:31</t>
  </si>
  <si>
    <t>12/30/2019 15:14:05</t>
  </si>
  <si>
    <t>12/30/2019 15:13:45</t>
  </si>
  <si>
    <t>12/30/2019 15:16:31</t>
  </si>
  <si>
    <t>12/30/2019 15:14:45</t>
  </si>
  <si>
    <t>12/30/2019 15:13:01</t>
  </si>
  <si>
    <t>12/30/2019 15:13:28</t>
  </si>
  <si>
    <t>12/30/2019 15:13:57</t>
  </si>
  <si>
    <t>12/30/2019 15:14:00</t>
  </si>
  <si>
    <t>12/30/2019 15:14:58</t>
  </si>
  <si>
    <t>12/30/2019 15:15:26</t>
  </si>
  <si>
    <t>12/30/2019 15:15:27</t>
  </si>
  <si>
    <t>lu291723yusde.tmp</t>
  </si>
  <si>
    <t>\\acsfs\profiles$\LUISPLS\My Documents\Nova pasta\lu291723yusde.tmp</t>
  </si>
  <si>
    <t>12/30/2019 15:15:32</t>
  </si>
  <si>
    <t>lu291723yusdo.tmp</t>
  </si>
  <si>
    <t>\\acsfs\profiles$\LUISPLS\My Documents\Nova pasta\lu291723yusdo.tmp</t>
  </si>
  <si>
    <t>12/30/2019 15:11:30</t>
  </si>
  <si>
    <t>lu138252cioo0j.tmp</t>
  </si>
  <si>
    <t>\\acsfs\profiles$\geovanaasa\My Documents\lu138252cioo0j.tmp</t>
  </si>
  <si>
    <t>\\acsfs\profiles$\geovanaasa\My Documents\lu138252cioo0j.tmp\</t>
  </si>
  <si>
    <t>\\acsfs\profiles$\geovanaasa\My Documents\lu138252cioo0j.tmp\META-INF\</t>
  </si>
  <si>
    <t>\\acsfs\profiles$\geovanaasa\My Documents\lu138252cioo0j.tmp\Thumbnails\</t>
  </si>
  <si>
    <t>12/30/2019 15:12:07</t>
  </si>
  <si>
    <t>12/30/2019 15:12:47</t>
  </si>
  <si>
    <t>12/30/2019 15:17:31</t>
  </si>
  <si>
    <t>12/30/2019 15:15:53</t>
  </si>
  <si>
    <t>3e91181b-a881-47b9-b634-21c827c60dd8.tmp</t>
  </si>
  <si>
    <t>\\acsfs\profiles$\laurandos\Downloads\3e91181b-a881-47b9-b634-21c827c60dd8.tmp</t>
  </si>
  <si>
    <t>12/30/2019 15:13:56</t>
  </si>
  <si>
    <t>12/30/2019 15:18:31</t>
  </si>
  <si>
    <t>lu25484420ert.tmp</t>
  </si>
  <si>
    <t>\\acsfs\profiles$\LUCASBS\RENEG BV\lu25484420ert.tmp</t>
  </si>
  <si>
    <t>\\acsfs\profiles$\LUCASBS\RENEG BV\lu25484420ert.tmp\</t>
  </si>
  <si>
    <t>\\acsfs\profiles$\LUCASBS\RENEG BV\lu25484420ert.tmp\META-INF\</t>
  </si>
  <si>
    <t>\\acsfs\profiles$\LUCASBS\RENEG BV\lu25484420ert.tmp\Thumbnails\</t>
  </si>
  <si>
    <t>12/30/2019 15:14:48</t>
  </si>
  <si>
    <t>.~lock.RENEG BV - 27.12 - Venc 28.12.2019 - Lucas.ods#</t>
  </si>
  <si>
    <t>\\acsfs\profiles$\LUCASBS\RENEG BV\.~lock.RENEG BV - 27.12 - Venc 28.12.2019 - Lucas.ods#</t>
  </si>
  <si>
    <t>12/30/2019 15:15:23</t>
  </si>
  <si>
    <t>.~lock.RENEG BV - Venc 26.12.2019.ods#</t>
  </si>
  <si>
    <t>\\acsfs\profiles$\LUCASBS\RENEG BV\.~lock.RENEG BV - Venc 26.12.2019.ods#</t>
  </si>
  <si>
    <t>12/30/2019 15:16:24</t>
  </si>
  <si>
    <t>.~lock.RENEG BV - Venc 26.12.2019 - Lucas.ods#</t>
  </si>
  <si>
    <t>\\acsfs\profiles$\LUCASBS\RENEG BV\.~lock.RENEG BV - Venc 26.12.2019 - Lucas.ods#</t>
  </si>
  <si>
    <t>12/30/2019 15:16:25</t>
  </si>
  <si>
    <t>lu391884a5kdg.tmp</t>
  </si>
  <si>
    <t>\\acsfs\profiles$\LUCASBS\RENEG BV\lu391884a5kdg.tmp</t>
  </si>
  <si>
    <t>\\acsfs\profiles$\LUCASBS\RENEG BV\lu391884a5kdg.tmp\</t>
  </si>
  <si>
    <t>\\acsfs\profiles$\LUCASBS\RENEG BV\lu391884a5kdg.tmp\META-INF\</t>
  </si>
  <si>
    <t>\\acsfs\profiles$\LUCASBS\RENEG BV\lu391884a5kdg.tmp\Thumbnails\</t>
  </si>
  <si>
    <t>12/30/2019 15:17:01</t>
  </si>
  <si>
    <t>\\acsfs\profiles$\LUCASBS\RENEG BV\.~lock.RENEG BV 23-12.ods#</t>
  </si>
  <si>
    <t>12/30/2019 15:14:34</t>
  </si>
  <si>
    <t>12/30/2019 15:14:51</t>
  </si>
  <si>
    <t>be541baf-9a24-4f28-bd0b-0d6abbac1ec7.tmp</t>
  </si>
  <si>
    <t>\\acsfs\profiles$\ingridsm\Downloads\be541baf-9a24-4f28-bd0b-0d6abbac1ec7.tmp</t>
  </si>
  <si>
    <t>12/30/2019 15:16:56</t>
  </si>
  <si>
    <t>12/30/2019 15:16:37</t>
  </si>
  <si>
    <t>12/30/2019 15:16:38</t>
  </si>
  <si>
    <t>lu118604l6x.tmp</t>
  </si>
  <si>
    <t>\\acsfs\profiles$\CLAUDIAJCA\lu118604l6x.tmp</t>
  </si>
  <si>
    <t>\\acsfs\profiles$\CLAUDIAJCA\lu118604l6x.tmp\</t>
  </si>
  <si>
    <t>\\acsfs\profiles$\CLAUDIAJCA\lu118604l6x.tmp\META-INF\</t>
  </si>
  <si>
    <t>\\acsfs\profiles$\CLAUDIAJCA\lu118604l6x.tmp\Thumbnails\</t>
  </si>
  <si>
    <t>12/30/2019 15:16:39</t>
  </si>
  <si>
    <t>12/30/2019 15:19:31</t>
  </si>
  <si>
    <t>456695ae-4f3b-4723-b3d5-1bc720b4b056.tmp</t>
  </si>
  <si>
    <t>\\acsfs\profiles$\gabrieleods\Downloads\456695ae-4f3b-4723-b3d5-1bc720b4b056.tmp</t>
  </si>
  <si>
    <t>12/30/2019 15:19:13</t>
  </si>
  <si>
    <t>58911ff3-3c8d-4889-9798-f956da1c1087.tmp</t>
  </si>
  <si>
    <t>\\acsfs\profiles$\gabrieleods\Downloads\58911ff3-3c8d-4889-9798-f956da1c1087.tmp</t>
  </si>
  <si>
    <t>12/30/2019 15:19:15</t>
  </si>
  <si>
    <t>927f724c-a368-4cdb-ac6f-8a6742685be8.tmp</t>
  </si>
  <si>
    <t>\\acsfs\profiles$\gabrieleods\Downloads\927f724c-a368-4cdb-ac6f-8a6742685be8.tmp</t>
  </si>
  <si>
    <t>12/30/2019 15:17:05</t>
  </si>
  <si>
    <t>12/30/2019 15:20:31</t>
  </si>
  <si>
    <t>12/30/2019 15:18:40</t>
  </si>
  <si>
    <t>12/30/2019 15:19:45</t>
  </si>
  <si>
    <t>12/30/2019 15:21:31</t>
  </si>
  <si>
    <t>12/30/2019 15:20:14</t>
  </si>
  <si>
    <t>12/30/2019 15:20:32</t>
  </si>
  <si>
    <t>12/30/2019 15:19:47</t>
  </si>
  <si>
    <t>12/30/2019 15:20:17</t>
  </si>
  <si>
    <t>12/30/2019 15:17:57</t>
  </si>
  <si>
    <t>12/30/2019 15:22:31</t>
  </si>
  <si>
    <t>12/30/2019 15:17:44</t>
  </si>
  <si>
    <t>9c4938f4-5f06-44b1-a1a4-75e56342fbd6.tmp</t>
  </si>
  <si>
    <t>\\acsfs\profiles$\laurandos\Downloads\9c4938f4-5f06-44b1-a1a4-75e56342fbd6.tmp</t>
  </si>
  <si>
    <t>12/30/2019 15:18:23</t>
  </si>
  <si>
    <t>12/30/2019 15:23:32</t>
  </si>
  <si>
    <t>.~lock.RENEG BV - 30.12 - Venc 01.01.2019 - Lucas.ods#</t>
  </si>
  <si>
    <t>\\acsfs\profiles$\LUCASBS\RENEG BV\.~lock.RENEG BV - 30.12 - Venc 01.01.2019 - Lucas.ods#</t>
  </si>
  <si>
    <t>12/30/2019 15:18:47</t>
  </si>
  <si>
    <t>12/30/2019 15:18:48</t>
  </si>
  <si>
    <t>lu392284a9f5b.tmp</t>
  </si>
  <si>
    <t>\\acsfs\profiles$\LUCASBS\RENEG BV\lu392284a9f5b.tmp</t>
  </si>
  <si>
    <t>\\acsfs\profiles$\LUCASBS\RENEG BV\lu392284a9f5b.tmp\</t>
  </si>
  <si>
    <t>\\acsfs\profiles$\LUCASBS\RENEG BV\lu392284a9f5b.tmp\META-INF\</t>
  </si>
  <si>
    <t>\\acsfs\profiles$\LUCASBS\RENEG BV\lu392284a9f5b.tmp\Thumbnails\</t>
  </si>
  <si>
    <t>12/30/2019 15:18:56</t>
  </si>
  <si>
    <t>12/30/2019 15:19:16</t>
  </si>
  <si>
    <t>\\acsfs\profiles$\LUCASBS\RENEG BV\.~lock.RENEG BV.ods#</t>
  </si>
  <si>
    <t>12/30/2019 15:20:26</t>
  </si>
  <si>
    <t>12/30/2019 15:22:16</t>
  </si>
  <si>
    <t>12/30/2019 15:23:22</t>
  </si>
  <si>
    <t>12/30/2019 15:24:31</t>
  </si>
  <si>
    <t>12/30/2019 15:19:01</t>
  </si>
  <si>
    <t>a195740b-a3ae-4f0e-9374-923d0237ed58.tmp</t>
  </si>
  <si>
    <t>\\acsfs\profiles$\mariellecs\Downloads\a195740b-a3ae-4f0e-9374-923d0237ed58.tmp</t>
  </si>
  <si>
    <t>12/30/2019 15:20:05</t>
  </si>
  <si>
    <t>12/30/2019 15:25:31</t>
  </si>
  <si>
    <t>12/30/2019 15:22:08</t>
  </si>
  <si>
    <t>12/30/2019 15:22:23</t>
  </si>
  <si>
    <t>12/30/2019 15:22:35</t>
  </si>
  <si>
    <t>12/30/2019 15:23:05</t>
  </si>
  <si>
    <t>12/30/2019 15:23:09</t>
  </si>
  <si>
    <t>12/30/2019 15:24:28</t>
  </si>
  <si>
    <t>12/30/2019 15:21:28</t>
  </si>
  <si>
    <t>12/30/2019 15:24:37</t>
  </si>
  <si>
    <t>8c83d078-63bd-4d78-ad01-4caba8decc68.tmp</t>
  </si>
  <si>
    <t>\\acsfs\profiles$\henriqueco\Downloads\8c83d078-63bd-4d78-ad01-4caba8decc68.tmp</t>
  </si>
  <si>
    <t>12/30/2019 15:20:45</t>
  </si>
  <si>
    <t>12/30/2019 15:26:31</t>
  </si>
  <si>
    <t>12/30/2019 15:20:54</t>
  </si>
  <si>
    <t>12/30/2019 15:20:47</t>
  </si>
  <si>
    <t>12/30/2019 15:21:17</t>
  </si>
  <si>
    <t>12/30/2019 15:22:48</t>
  </si>
  <si>
    <t>12/30/2019 15:22:49</t>
  </si>
  <si>
    <t>12/30/2019 15:23:35</t>
  </si>
  <si>
    <t>12/30/2019 15:26:09</t>
  </si>
  <si>
    <t>12/30/2019 15:27:31</t>
  </si>
  <si>
    <t>12/30/2019 15:25:10</t>
  </si>
  <si>
    <t>12/30/2019 15:28:31</t>
  </si>
  <si>
    <t>12/30/2019 15:23:16</t>
  </si>
  <si>
    <t>0fa4d84c-de62-4651-a154-262020c5909a.tmp</t>
  </si>
  <si>
    <t>\\acsfs\profiles$\matheushds\Downloads\0fa4d84c-de62-4651-a154-262020c5909a.tmp</t>
  </si>
  <si>
    <t>12/30/2019 15:26:56</t>
  </si>
  <si>
    <t>64ad6a48-e659-4468-9ef6-645b6d1495a8.tmp</t>
  </si>
  <si>
    <t>\\acsfs\profiles$\THYAGOSP\Downloads\64ad6a48-e659-4468-9ef6-645b6d1495a8.tmp</t>
  </si>
  <si>
    <t>12/30/2019 15:24:34</t>
  </si>
  <si>
    <t>12/30/2019 15:30:31</t>
  </si>
  <si>
    <t>mail.google.com/sync/u/0/i/s?hl=pt-BR&amp;c=412</t>
  </si>
  <si>
    <t>12/30/2019 15:24:41</t>
  </si>
  <si>
    <t>mail.google.com/sync/u/0/i/s?hl=pt-BR&amp;c=414</t>
  </si>
  <si>
    <t>12/30/2019 15:26:05</t>
  </si>
  <si>
    <t>12/30/2019 15:29:05</t>
  </si>
  <si>
    <t>12/30/2019 15:25:45</t>
  </si>
  <si>
    <t>12/30/2019 15:31:31</t>
  </si>
  <si>
    <t>12/30/2019 15:26:45</t>
  </si>
  <si>
    <t>12/30/2019 15:26:46</t>
  </si>
  <si>
    <t>12/30/2019 15:27:48</t>
  </si>
  <si>
    <t>12/30/2019 15:28:35</t>
  </si>
  <si>
    <t>12/30/2019 15:28:42</t>
  </si>
  <si>
    <t>12/30/2019 15:30:15</t>
  </si>
  <si>
    <t>8399b424-3476-431a-b812-81d5e4f94ead.tmp</t>
  </si>
  <si>
    <t>\\acsfs\profiles$\alinepp\Downloads\8399b424-3476-431a-b812-81d5e4f94ead.tmp</t>
  </si>
  <si>
    <t>12/30/2019 15:31:59</t>
  </si>
  <si>
    <t>12/30/2019 15:32:31</t>
  </si>
  <si>
    <t>72bc936f-deef-47e0-a3c2-d484cdf2539c.tmp</t>
  </si>
  <si>
    <t>\\acsfs\profiles$\andrezacapf\Downloads\72bc936f-deef-47e0-a3c2-d484cdf2539c.tmp</t>
  </si>
  <si>
    <t>12/30/2019 15:30:11</t>
  </si>
  <si>
    <t>12/30/2019 15:34:31</t>
  </si>
  <si>
    <t>12/30/2019 15:30:19</t>
  </si>
  <si>
    <t>12/30/2019 15:30:41</t>
  </si>
  <si>
    <t>12/30/2019 15:32:05</t>
  </si>
  <si>
    <t>12/30/2019 15:35:32</t>
  </si>
  <si>
    <t>12/30/2019 15:31:53</t>
  </si>
  <si>
    <t>0b178fb5-325f-4669-95b2-d3f5947925c2.tmp</t>
  </si>
  <si>
    <t>\\acsfs\profiles$\andreapdsg\Downloads\0b178fb5-325f-4669-95b2-d3f5947925c2.tmp</t>
  </si>
  <si>
    <t>12/30/2019 15:31:55</t>
  </si>
  <si>
    <t>12/30/2019 15:32:25</t>
  </si>
  <si>
    <t>12/30/2019 15:31:49</t>
  </si>
  <si>
    <t>12/30/2019 15:36:31</t>
  </si>
  <si>
    <t>TALITA SANTOS SILVA CASTRO (2066).contact</t>
  </si>
  <si>
    <t>\\acsfs\profiles$\talitassc\Contacts\TALITA SANTOS SILVA CASTRO (2066).contact</t>
  </si>
  <si>
    <t>12/30/2019 15:32:06</t>
  </si>
  <si>
    <t>12/30/2019 15:32:07</t>
  </si>
  <si>
    <t>12/30/2019 15:32:08</t>
  </si>
  <si>
    <t>12/30/2019 15:32:09</t>
  </si>
  <si>
    <t>12/30/2019 15:32:10</t>
  </si>
  <si>
    <t>12/30/2019 15:32:11</t>
  </si>
  <si>
    <t>12/30/2019 15:32:12</t>
  </si>
  <si>
    <t>12/30/2019 15:30:46</t>
  </si>
  <si>
    <t>c1407aea-6a78-460b-9efd-125a0547e9a9.tmp</t>
  </si>
  <si>
    <t>\\acsfs\profiles$\larissaad\Downloads\c1407aea-6a78-460b-9efd-125a0547e9a9.tmp</t>
  </si>
  <si>
    <t>12/30/2019 15:32:13</t>
  </si>
  <si>
    <t>12/30/2019 15:32:43</t>
  </si>
  <si>
    <t>12/30/2019 15:32:44</t>
  </si>
  <si>
    <t>12/30/2019 15:31:45</t>
  </si>
  <si>
    <t>12/30/2019 15:32:45</t>
  </si>
  <si>
    <t>12/30/2019 15:32:17</t>
  </si>
  <si>
    <t>12/30/2019 15:32:47</t>
  </si>
  <si>
    <t>12/30/2019 15:33:17</t>
  </si>
  <si>
    <t>12/30/2019 15:33:47</t>
  </si>
  <si>
    <t>12/30/2019 15:34:47</t>
  </si>
  <si>
    <t>12/30/2019 15:35:17</t>
  </si>
  <si>
    <t>12/30/2019 15:34:00</t>
  </si>
  <si>
    <t>f9eb5121-830a-488c-9b03-63353997bc34.tmp</t>
  </si>
  <si>
    <t>\\acsfs\profiles$\myllenardl\Downloads\f9eb5121-830a-488c-9b03-63353997bc34.tmp</t>
  </si>
  <si>
    <t>12/30/2019 15:34:13</t>
  </si>
  <si>
    <t>12/30/2019 15:35:20</t>
  </si>
  <si>
    <t>b2383c62-a95d-41af-ac29-84c0d729ec67.tmp</t>
  </si>
  <si>
    <t>\\acsfs\profiles$\myllenardl\Downloads\b2383c62-a95d-41af-ac29-84c0d729ec67.tmp</t>
  </si>
  <si>
    <t>12/30/2019 15:31:20</t>
  </si>
  <si>
    <t>6d6e85ea-b67c-4e8c-a7b2-8f7e953f853b.tmp</t>
  </si>
  <si>
    <t>\\acsfs\profiles$\websondsa\Downloads\6d6e85ea-b67c-4e8c-a7b2-8f7e953f853b.tmp</t>
  </si>
  <si>
    <t>12/30/2019 15:37:31</t>
  </si>
  <si>
    <t>12/30/2019 15:35:43</t>
  </si>
  <si>
    <t>78869eb2-f8cd-421c-b4c3-122e3cfe4b6c.tmp</t>
  </si>
  <si>
    <t>\\acsfs\profiles$\gabrielarb\Downloads\78869eb2-f8cd-421c-b4c3-122e3cfe4b6c.tmp</t>
  </si>
  <si>
    <t>12/30/2019 15:36:59</t>
  </si>
  <si>
    <t>3c3289ae-900d-43a7-82e9-45a5833cb267.tmp</t>
  </si>
  <si>
    <t>\\acsfs\profiles$\layonmof\Downloads\3c3289ae-900d-43a7-82e9-45a5833cb267.tmp</t>
  </si>
  <si>
    <t>c8ec202c-59f9-4306-9cbe-c6a9a44235fb.tmp</t>
  </si>
  <si>
    <t>\\acsfs\profiles$\maxmillianosv\Downloads\c8ec202c-59f9-4306-9cbe-c6a9a44235fb.tmp</t>
  </si>
  <si>
    <t>12/30/2019 15:35:05</t>
  </si>
  <si>
    <t>12/30/2019 15:40:31</t>
  </si>
  <si>
    <t>12/30/2019 15:38:05</t>
  </si>
  <si>
    <t>12/30/2019 15:36:10</t>
  </si>
  <si>
    <t>andrelpsa@algartech.com;eliane.martins@bv.com.br;gabrielsma@bv.algartech.com;jose.gomes@bv.com.br;supervisaobancovotorantim@algartech.com;</t>
  </si>
  <si>
    <t>andrelpsa@algartech.com,eliane.martins@bv.com.br,gabrielsma@bv.algartech.com,jose.gomes@bv.com.br,supervisaobancovotorantim@algartech.com</t>
  </si>
  <si>
    <t>12/30/2019 15:36:19</t>
  </si>
  <si>
    <t>12/30/2019 15:38:20</t>
  </si>
  <si>
    <t>ulog_AcroARM2_Reader_3b8210f9-3618-47e4-b9cc-5aaaba62831a_62b64b19-bfe3-46ba-81f8-c9fb0523747f_0.log</t>
  </si>
  <si>
    <t>C:\Users\flaviacno\AppData\Roaming\Adobe\LogTransport2\Logs\ulog_AcroARM2_Reader_3b8210f9-3618-47e4-b9cc-5aaaba62831a_62b64b19-bfe3-46ba-81f8-c9fb0523747f_0.log\</t>
  </si>
  <si>
    <t>12/30/2019 15:36:25</t>
  </si>
  <si>
    <t>27b56785-cdda-44c5-b878-fc8a0ea078dc.tmp</t>
  </si>
  <si>
    <t>\\acsfs\profiles$\nathaliarmr\Downloads\27b56785-cdda-44c5-b878-fc8a0ea078dc.tmp</t>
  </si>
  <si>
    <t>12/30/2019 15:36:38</t>
  </si>
  <si>
    <t>12/30/2019 15:37:45</t>
  </si>
  <si>
    <t>12/30/2019 15:41:31</t>
  </si>
  <si>
    <t>12/30/2019 15:38:45</t>
  </si>
  <si>
    <t>12/30/2019 15:38:47</t>
  </si>
  <si>
    <t>12/30/2019 15:42:32</t>
  </si>
  <si>
    <t>12/30/2019 15:40:24</t>
  </si>
  <si>
    <t>8d4c236f-0eba-4b47-a581-bb0554e82b64.tmp</t>
  </si>
  <si>
    <t>\\acsfs\profiles$\gabrielarb\Downloads\8d4c236f-0eba-4b47-a581-bb0554e82b64.tmp</t>
  </si>
  <si>
    <t>12/30/2019 15:39:06</t>
  </si>
  <si>
    <t>12/30/2019 15:39:07</t>
  </si>
  <si>
    <t>lu74724aethjs.tmp</t>
  </si>
  <si>
    <t>\\acsfs\profiles$\jonatanls\My Documents\lu74724aethjs.tmp</t>
  </si>
  <si>
    <t>12/30/2019 15:40:05</t>
  </si>
  <si>
    <t>9deffa98-961f-482b-ae2f-e1f04ddfa8c1.tmp</t>
  </si>
  <si>
    <t>\\acsfs\profiles$\gabrielamdp\Downloads\9deffa98-961f-482b-ae2f-e1f04ddfa8c1.tmp</t>
  </si>
  <si>
    <t>12/30/2019 15:42:51</t>
  </si>
  <si>
    <t>12/30/2019 15:43:32</t>
  </si>
  <si>
    <t>dcc0902e-1cca-4ab1-9210-cc65b4e7f2a1.tmp</t>
  </si>
  <si>
    <t>\\acsfs\profiles$\LAISLG\Downloads\dcc0902e-1cca-4ab1-9210-cc65b4e7f2a1.tmp</t>
  </si>
  <si>
    <t>12/30/2019 15:41:46</t>
  </si>
  <si>
    <t>0a1b5155-67cb-4bfd-a3d4-4589d286db5b.tmp</t>
  </si>
  <si>
    <t>\\acsfs\profiles$\georgendsq\Downloads\0a1b5155-67cb-4bfd-a3d4-4589d286db5b.tmp</t>
  </si>
  <si>
    <t>12/30/2019 15:42:22</t>
  </si>
  <si>
    <t>12/30/2019 15:44:32</t>
  </si>
  <si>
    <t>12/30/2019 15:41:28</t>
  </si>
  <si>
    <t>NAYARA NERY ARAUJO OLIVEIRA (19).contact</t>
  </si>
  <si>
    <t>\\acsfs\profiles$\nayaranao\Contacts\NAYARA NERY ARAUJO OLIVEIRA (19).contact</t>
  </si>
  <si>
    <t>12/30/2019 15:41:29</t>
  </si>
  <si>
    <t>12/30/2019 15:41:39</t>
  </si>
  <si>
    <t>12/30/2019 15:41:40</t>
  </si>
  <si>
    <t>12/30/2019 15:41:41</t>
  </si>
  <si>
    <t>12/30/2019 15:41:42</t>
  </si>
  <si>
    <t>12/30/2019 15:41:43</t>
  </si>
  <si>
    <t>12/30/2019 15:41:44</t>
  </si>
  <si>
    <t>12/30/2019 15:41:45</t>
  </si>
  <si>
    <t>12/30/2019 15:41:47</t>
  </si>
  <si>
    <t>\\acsfs\profiles$\nayaranao\Saved Games\</t>
  </si>
  <si>
    <t>12/30/2019 15:41:59</t>
  </si>
  <si>
    <t>\\acsfs\profiles$\nayaranao\Favorites\Links for Brasil\</t>
  </si>
  <si>
    <t>\\acsfs\profiles$\nayaranao\Favorites\Links for Brasil\desktop.ini</t>
  </si>
  <si>
    <t>\\acsfs\profiles$\nayaranao\Favorites\Links for Brasil\Microsoft Brasil.url</t>
  </si>
  <si>
    <t>12/30/2019 15:42:00</t>
  </si>
  <si>
    <t>\\acsfs\profiles$\nayaranao\Favorites\Links for Brasil\Windows Brasil.url</t>
  </si>
  <si>
    <t>\\acsfs\profiles$\nayaranao\Favorites\Links for Brasil\MSN Brasil.url</t>
  </si>
  <si>
    <t>12/30/2019 15:40:03</t>
  </si>
  <si>
    <t>12/30/2019 15:41:06</t>
  </si>
  <si>
    <t>12/30/2019 15:45:32</t>
  </si>
  <si>
    <t>12/30/2019 15:44:05</t>
  </si>
  <si>
    <t>12/30/2019 15:42:39</t>
  </si>
  <si>
    <t>b085c1df-b676-4c8b-9b87-df43b9994099.tmp</t>
  </si>
  <si>
    <t>\\acsfs\profiles$\laylaams\Downloads\b085c1df-b676-4c8b-9b87-df43b9994099.tmp</t>
  </si>
  <si>
    <t>12/30/2019 15:43:14</t>
  </si>
  <si>
    <t>97ce3c8b-0852-4534-9643-9fcfdd900f0a.tmp</t>
  </si>
  <si>
    <t>\\acsfs\profiles$\laylaams\Downloads\97ce3c8b-0852-4534-9643-9fcfdd900f0a.tmp</t>
  </si>
  <si>
    <t>12/30/2019 15:40:43</t>
  </si>
  <si>
    <t>12/30/2019 15:40:53</t>
  </si>
  <si>
    <t>12/30/2019 15:43:45</t>
  </si>
  <si>
    <t>12/30/2019 15:46:32</t>
  </si>
  <si>
    <t>12/30/2019 15:44:45</t>
  </si>
  <si>
    <t>12/30/2019 15:44:29</t>
  </si>
  <si>
    <t>12/30/2019 15:47:33</t>
  </si>
  <si>
    <t>ef323a2f-9b47-4d1d-9c93-2c5e584896ad.tmp</t>
  </si>
  <si>
    <t>\\acsfs\profiles$\nayarasds\Downloads\ef323a2f-9b47-4d1d-9c93-2c5e584896ad.tmp</t>
  </si>
  <si>
    <t>12/30/2019 15:44:39</t>
  </si>
  <si>
    <t>12/30/2019 15:48:32</t>
  </si>
  <si>
    <t>d350e919-39d3-4665-a50d-7e2134a17b82.tmp</t>
  </si>
  <si>
    <t>\\acsfs\profiles$\THYAGOSP\Downloads\d350e919-39d3-4665-a50d-7e2134a17b82.tmp</t>
  </si>
  <si>
    <t>12/30/2019 15:47:20</t>
  </si>
  <si>
    <t>https://udpwfmniceap02/web/guest/home?p_auth=s5r5vyr1&amp;p_p_id=58&amp;p_p_lifecycle=1&amp;p_p_state=maximized&amp;p_p_mode=view&amp;savelastpath=0&amp;_58_struts_action=/login/forgot_password</t>
  </si>
  <si>
    <t>12/30/2019 15:47:59</t>
  </si>
  <si>
    <t>12/30/2019 15:46:38</t>
  </si>
  <si>
    <t>12/30/2019 15:49:32</t>
  </si>
  <si>
    <t>12/30/2019 15:46:43</t>
  </si>
  <si>
    <t>12/30/2019 15:46:46</t>
  </si>
  <si>
    <t>12/30/2019 15:46:50</t>
  </si>
  <si>
    <t>12/30/2019 15:46:57</t>
  </si>
  <si>
    <t>12/30/2019 15:47:00</t>
  </si>
  <si>
    <t>12/30/2019 15:47:09</t>
  </si>
  <si>
    <t>12/30/2019 15:47:10</t>
  </si>
  <si>
    <t>12/30/2019 15:47:05</t>
  </si>
  <si>
    <t>12/30/2019 15:50:32</t>
  </si>
  <si>
    <t>12/30/2019 15:44:53</t>
  </si>
  <si>
    <t>c42c48e7-bec3-48d6-b4c8-148707885ef7.tmp</t>
  </si>
  <si>
    <t>\\acsfs\profiles$\laylaams\Downloads\c42c48e7-bec3-48d6-b4c8-148707885ef7.tmp</t>
  </si>
  <si>
    <t>12/30/2019 15:45:43</t>
  </si>
  <si>
    <t>a0b59f07-4217-452e-915c-171f2e84cd7f.tmp</t>
  </si>
  <si>
    <t>\\acsfs\profiles$\laylaams\Downloads\a0b59f07-4217-452e-915c-171f2e84cd7f.tmp</t>
  </si>
  <si>
    <t>12/30/2019 15:46:18</t>
  </si>
  <si>
    <t>c428400e-333a-420a-a43a-25b363364092.tmp</t>
  </si>
  <si>
    <t>\\acsfs\profiles$\andreapdsg\Downloads\c428400e-333a-420a-a43a-25b363364092.tmp</t>
  </si>
  <si>
    <t>12/30/2019 15:47:17</t>
  </si>
  <si>
    <t>ab3b7f71-d840-4a09-84b1-3dd45afb6d8b.tmp</t>
  </si>
  <si>
    <t>\\acsfs\profiles$\andreapdsg\Downloads\ab3b7f71-d840-4a09-84b1-3dd45afb6d8b.tmp</t>
  </si>
  <si>
    <t>12/30/2019 15:49:45</t>
  </si>
  <si>
    <t>12/30/2019 15:51:32</t>
  </si>
  <si>
    <t>12/30/2019 15:47:31</t>
  </si>
  <si>
    <t>285f5253-0d58-428b-8632-cd9540709145.tmp</t>
  </si>
  <si>
    <t>\\acsfs\profiles$\leticiala\Downloads\285f5253-0d58-428b-8632-cd9540709145.tmp</t>
  </si>
  <si>
    <t>12/30/2019 15:48:16</t>
  </si>
  <si>
    <t>12/30/2019 15:52:33</t>
  </si>
  <si>
    <t>12/30/2019 15:48:29</t>
  </si>
  <si>
    <t>12/30/2019 15:48:30</t>
  </si>
  <si>
    <t>12/30/2019 15:48:31</t>
  </si>
  <si>
    <t>12/30/2019 15:48:36</t>
  </si>
  <si>
    <t>12/30/2019 15:48:43</t>
  </si>
  <si>
    <t>12/30/2019 15:48:44</t>
  </si>
  <si>
    <t>12/30/2019 15:48:45</t>
  </si>
  <si>
    <t>12/30/2019 15:48:46</t>
  </si>
  <si>
    <t>12/30/2019 15:48:51</t>
  </si>
  <si>
    <t>12/30/2019 15:48:56</t>
  </si>
  <si>
    <t>12/30/2019 15:49:10</t>
  </si>
  <si>
    <t>12/30/2019 15:49:12</t>
  </si>
  <si>
    <t>12/30/2019 15:49:14</t>
  </si>
  <si>
    <t>12/30/2019 15:49:15</t>
  </si>
  <si>
    <t>12/30/2019 15:49:25</t>
  </si>
  <si>
    <t>12/30/2019 15:49:26</t>
  </si>
  <si>
    <t>12/30/2019 15:49:37</t>
  </si>
  <si>
    <t>12/30/2019 15:49:38</t>
  </si>
  <si>
    <t>12/30/2019 15:49:42</t>
  </si>
  <si>
    <t>12/30/2019 15:49:43</t>
  </si>
  <si>
    <t>12/30/2019 15:49:44</t>
  </si>
  <si>
    <t>12/30/2019 15:49:46</t>
  </si>
  <si>
    <t>12/30/2019 15:49:47</t>
  </si>
  <si>
    <t>12/30/2019 15:49:49</t>
  </si>
  <si>
    <t>12/30/2019 15:49:50</t>
  </si>
  <si>
    <t>12/30/2019 15:49:52</t>
  </si>
  <si>
    <t>12/30/2019 15:49:53</t>
  </si>
  <si>
    <t>12/30/2019 15:49:54</t>
  </si>
  <si>
    <t>12/30/2019 15:49:55</t>
  </si>
  <si>
    <t>12/30/2019 15:49:57</t>
  </si>
  <si>
    <t>12/30/2019 15:49:58</t>
  </si>
  <si>
    <t>12/30/2019 15:50:00</t>
  </si>
  <si>
    <t>12/30/2019 15:50:01</t>
  </si>
  <si>
    <t>12/30/2019 15:50:02</t>
  </si>
  <si>
    <t>12/30/2019 15:50:03</t>
  </si>
  <si>
    <t>12/30/2019 15:50:04</t>
  </si>
  <si>
    <t>12/30/2019 15:50:05</t>
  </si>
  <si>
    <t>12/30/2019 15:50:07</t>
  </si>
  <si>
    <t>12/30/2019 15:50:08</t>
  </si>
  <si>
    <t>12/30/2019 15:50:37</t>
  </si>
  <si>
    <t>12/30/2019 15:49:39</t>
  </si>
  <si>
    <t>TAYLA ELIAS DE OLIVEIRA ALVES (14).contact</t>
  </si>
  <si>
    <t>\\acsfs\profiles$\taylaedoa\Contacts\TAYLA ELIAS DE OLIVEIRA ALVES (14).contact</t>
  </si>
  <si>
    <t>12/30/2019 15:49:11</t>
  </si>
  <si>
    <t>12/30/2019 15:49:17</t>
  </si>
  <si>
    <t>12/30/2019 15:49:18</t>
  </si>
  <si>
    <t>12/30/2019 15:49:19</t>
  </si>
  <si>
    <t>12/30/2019 15:49:20</t>
  </si>
  <si>
    <t>12/30/2019 15:49:21</t>
  </si>
  <si>
    <t>12/30/2019 15:49:22</t>
  </si>
  <si>
    <t>12/30/2019 15:49:23</t>
  </si>
  <si>
    <t>12/30/2019 15:49:24</t>
  </si>
  <si>
    <t>\\acsfs\profiles$\taylaedoa\Saved Games\</t>
  </si>
  <si>
    <t>12/30/2019 15:49:36</t>
  </si>
  <si>
    <t>\\acsfs\profiles$\taylaedoa\Favorites\Links for Brasil\</t>
  </si>
  <si>
    <t>\\acsfs\profiles$\taylaedoa\Favorites\Links for Brasil\desktop.ini</t>
  </si>
  <si>
    <t>\\acsfs\profiles$\taylaedoa\Favorites\Links for Brasil\Microsoft Brasil.url</t>
  </si>
  <si>
    <t>\\acsfs\profiles$\taylaedoa\Favorites\Links for Brasil\Windows Brasil.url</t>
  </si>
  <si>
    <t>\\acsfs\profiles$\taylaedoa\Favorites\Links for Brasil\MSN Brasil.url</t>
  </si>
  <si>
    <t>12/30/2019 15:50:51</t>
  </si>
  <si>
    <t>55b3da7b-aa53-428d-a99a-c272c6e25055.tmp</t>
  </si>
  <si>
    <t>\\acsfs\profiles$\taylaedoa\Downloads\55b3da7b-aa53-428d-a99a-c272c6e25055.tmp</t>
  </si>
  <si>
    <t>12/30/2019 15:48:18</t>
  </si>
  <si>
    <t>309db006-2f90-47a2-80d8-179ca4db4e1d.tmp</t>
  </si>
  <si>
    <t>\\acsfs\profiles$\nayarasds\Downloads\309db006-2f90-47a2-80d8-179ca4db4e1d.tmp</t>
  </si>
  <si>
    <t>12/30/2019 15:48:06</t>
  </si>
  <si>
    <t>12/30/2019 15:53:32</t>
  </si>
  <si>
    <t>787a66dc-019a-4382-a2f1-82996b9d5afa.tmp</t>
  </si>
  <si>
    <t>\\acsfs\profiles$\ingridsm\Downloads\787a66dc-019a-4382-a2f1-82996b9d5afa.tmp</t>
  </si>
  <si>
    <t>12/30/2019 15:50:15</t>
  </si>
  <si>
    <t>d33c0ff8-bdfb-4657-92b9-042eec983d9d.tmp</t>
  </si>
  <si>
    <t>\\acsfs\profiles$\KARENJSS\Downloads\d33c0ff8-bdfb-4657-92b9-042eec983d9d.tmp</t>
  </si>
  <si>
    <t>12/30/2019 15:50:55</t>
  </si>
  <si>
    <t>5732e335-8528-4fcd-8c6b-c4357f4921c9.tmp</t>
  </si>
  <si>
    <t>\\acsfs\profiles$\KARENJSS\Downloads\5732e335-8528-4fcd-8c6b-c4357f4921c9.tmp</t>
  </si>
  <si>
    <t>12/30/2019 15:51:08</t>
  </si>
  <si>
    <t>12/30/2019 15:55:33</t>
  </si>
  <si>
    <t>12/30/2019 15:53:05</t>
  </si>
  <si>
    <t>12/30/2019 15:54:12</t>
  </si>
  <si>
    <t>12/30/2019 15:54:01</t>
  </si>
  <si>
    <t>2457e1b0-7572-4512-acbd-f9164aebae17.tmp</t>
  </si>
  <si>
    <t>\\acsfs\profiles$\kamilamrc\Downloads\2457e1b0-7572-4512-acbd-f9164aebae17.tmp</t>
  </si>
  <si>
    <t>12/30/2019 15:54:07</t>
  </si>
  <si>
    <t>bd64a970-2b28-4c58-b34f-5d01ace6d510.tmp</t>
  </si>
  <si>
    <t>\\acsfs\profiles$\kamilamrc\Downloads\bd64a970-2b28-4c58-b34f-5d01ace6d510.tmp</t>
  </si>
  <si>
    <t>12/30/2019 15:54:11</t>
  </si>
  <si>
    <t>629ff6a1-fade-43f0-8a45-f957da93dd07.tmp</t>
  </si>
  <si>
    <t>\\acsfs\profiles$\kamilamrc\Downloads\629ff6a1-fade-43f0-8a45-f957da93dd07.tmp</t>
  </si>
  <si>
    <t>12/30/2019 15:52:57</t>
  </si>
  <si>
    <t>12/30/2019 15:56:32</t>
  </si>
  <si>
    <t>12/30/2019 15:50:45</t>
  </si>
  <si>
    <t>12/30/2019 15:54:13</t>
  </si>
  <si>
    <t>12/30/2019 15:54:21</t>
  </si>
  <si>
    <t>12/30/2019 15:52:07</t>
  </si>
  <si>
    <t>12/30/2019 15:54:05</t>
  </si>
  <si>
    <t>12/30/2019 15:57:33</t>
  </si>
  <si>
    <t>5e19b519-1872-4d41-9fe5-06426d4d58bc.tmp</t>
  </si>
  <si>
    <t>\\acsfs\profiles$\gabrielarb\Downloads\5e19b519-1872-4d41-9fe5-06426d4d58bc.tmp</t>
  </si>
  <si>
    <t>12/30/2019 15:52:28</t>
  </si>
  <si>
    <t>e09190bc-1f8e-4add-b1ec-ae34b013d248.tmp</t>
  </si>
  <si>
    <t>\\acsfs\profiles$\taylaedoa\Downloads\e09190bc-1f8e-4add-b1ec-ae34b013d248.tmp</t>
  </si>
  <si>
    <t>12/30/2019 15:56:40</t>
  </si>
  <si>
    <t>dac26dcf-dc9a-41cc-94f7-9280ceb4bbf5.tmp</t>
  </si>
  <si>
    <t>\\acsfs\profiles$\brendadsl\Downloads\dac26dcf-dc9a-41cc-94f7-9280ceb4bbf5.tmp</t>
  </si>
  <si>
    <t>12/30/2019 15:53:16</t>
  </si>
  <si>
    <t>lu74724aethk2.tmp</t>
  </si>
  <si>
    <t>\\acsfs\profiles$\jonatanls\My Documents\lu74724aethk2.tmp</t>
  </si>
  <si>
    <t>12/30/2019 15:55:23</t>
  </si>
  <si>
    <t>9128b2a8-4b0f-4405-afdd-49a1d8a9f6ee.tmp</t>
  </si>
  <si>
    <t>\\acsfs\profiles$\jonatanls\Downloads\9128b2a8-4b0f-4405-afdd-49a1d8a9f6ee.tmp</t>
  </si>
  <si>
    <t>12/30/2019 15:57:46</t>
  </si>
  <si>
    <t>12/30/2019 15:58:32</t>
  </si>
  <si>
    <t>df2f9d4c-88b4-411d-b50a-e02992890d19.tmp</t>
  </si>
  <si>
    <t>\\acsfs\profiles$\ingridsm\Downloads\df2f9d4c-88b4-411d-b50a-e02992890d19.tmp</t>
  </si>
  <si>
    <t>12/30/2019 15:53:36</t>
  </si>
  <si>
    <t>89e6bc78-bca0-403d-9242-979ffcd83934.tmp</t>
  </si>
  <si>
    <t>\\acsfs\profiles$\joycemmdl\Downloads\89e6bc78-bca0-403d-9242-979ffcd83934.tmp</t>
  </si>
  <si>
    <t>12/30/2019 15:55:58</t>
  </si>
  <si>
    <t>11f885ea-58d2-4532-90c1-8da83e0acde0.tmp</t>
  </si>
  <si>
    <t>\\acsfs\profiles$\joycemmdl\Downloads\11f885ea-58d2-4532-90c1-8da83e0acde0.tmp</t>
  </si>
  <si>
    <t>12/30/2019 15:56:05</t>
  </si>
  <si>
    <t>12/30/2019 16:00:33</t>
  </si>
  <si>
    <t>12/30/2019 15:59:05</t>
  </si>
  <si>
    <t>12/30/2019 15:58:55</t>
  </si>
  <si>
    <t>2c7edac2-45f2-485b-b756-dd007e005e7f.tmp</t>
  </si>
  <si>
    <t>\\acsfs\profiles$\laylaams\Downloads\2c7edac2-45f2-485b-b756-dd007e005e7f.tmp</t>
  </si>
  <si>
    <t>12/30/2019 15:58:01</t>
  </si>
  <si>
    <t>12/30/2019 15:58:08</t>
  </si>
  <si>
    <t>12/30/2019 15:58:25</t>
  </si>
  <si>
    <t>image2019-12-30-154312.pdf</t>
  </si>
  <si>
    <t>image2019-12-30-151433.pdf</t>
  </si>
  <si>
    <t>12/30/2019 15:56:01</t>
  </si>
  <si>
    <t>12/30/2019 15:55:45</t>
  </si>
  <si>
    <t>12/30/2019 16:01:32</t>
  </si>
  <si>
    <t>12/30/2019 15:58:23</t>
  </si>
  <si>
    <t>12/30/2019 15:56:45</t>
  </si>
  <si>
    <t>12/30/2019 16:00:12</t>
  </si>
  <si>
    <t>12/30/2019 16:00:16</t>
  </si>
  <si>
    <t>12/30/2019 16:02:32</t>
  </si>
  <si>
    <t>12/30/2019 16:00:57</t>
  </si>
  <si>
    <t>12/30/2019 15:57:21</t>
  </si>
  <si>
    <t>1e2cb7c9-0f95-49c1-b55b-3d05cd29889c.tmp</t>
  </si>
  <si>
    <t>\\acsfs\profiles$\brendadsl\Downloads\1e2cb7c9-0f95-49c1-b55b-3d05cd29889c.tmp</t>
  </si>
  <si>
    <t>12/30/2019 15:58:24</t>
  </si>
  <si>
    <t>12/30/2019 16:03:32</t>
  </si>
  <si>
    <t>4716934b-62f0-4032-8946-14a87f1c297e.tmp</t>
  </si>
  <si>
    <t>\\acsfs\profiles$\geovannasm\Downloads\4716934b-62f0-4032-8946-14a87f1c297e.tmp</t>
  </si>
  <si>
    <t>12/30/2019 16:02:25</t>
  </si>
  <si>
    <t>58ea6fbb-81bf-42b3-b072-c8799925712a.tmp</t>
  </si>
  <si>
    <t>\\acsfs\profiles$\geovannasm\Downloads\58ea6fbb-81bf-42b3-b072-c8799925712a.tmp</t>
  </si>
  <si>
    <t>12/30/2019 16:00:34</t>
  </si>
  <si>
    <t>12/30/2019 16:00:42</t>
  </si>
  <si>
    <t>\\acsfs\profiles$\andrezacapf\My Documents\xworkcenter\logs\</t>
  </si>
  <si>
    <t>XLOG_andrezacapf_24122019_090213.log</t>
  </si>
  <si>
    <t>\\acsfs\profiles$\andrezacapf\My Documents\xworkcenter\logs\XLOG_andrezacapf_24122019_090213.log</t>
  </si>
  <si>
    <t>\\acsfs\profiles$\andrezacapf\My Documents\xworkcenter\logs\wrapper.log</t>
  </si>
  <si>
    <t>12/30/2019 16:00:14</t>
  </si>
  <si>
    <t>259851ee-cc65-4c37-bc56-17154743cd96.tmp</t>
  </si>
  <si>
    <t>\\acsfs\profiles$\KARENJSS\Downloads\259851ee-cc65-4c37-bc56-17154743cd96.tmp</t>
  </si>
  <si>
    <t>12/30/2019 16:02:40</t>
  </si>
  <si>
    <t>12/30/2019 16:04:32</t>
  </si>
  <si>
    <t>bbbc62be-6782-4b05-896b-a94d15b206d2.tmp</t>
  </si>
  <si>
    <t>\\acsfs\profiles$\anafaes\Downloads\bbbc62be-6782-4b05-896b-a94d15b206d2.tmp</t>
  </si>
  <si>
    <t>12/30/2019 16:01:22</t>
  </si>
  <si>
    <t>josiascdsj@algartech.com;</t>
  </si>
  <si>
    <t>12/30/2019 16:01:26</t>
  </si>
  <si>
    <t>12/30/2019 16:02:05</t>
  </si>
  <si>
    <t>12/30/2019 16:05:32</t>
  </si>
  <si>
    <t>12/30/2019 16:03:03</t>
  </si>
  <si>
    <t>10.200.66.40</t>
  </si>
  <si>
    <t>https://udpwfmniceap02/web/guest/home?p_auth=hbts91nk&amp;p_p_id=58&amp;p_p_lifecycle=1&amp;p_p_state=maximized&amp;p_p_mode=view&amp;savelastpath=0&amp;_58_struts_action=/login/forgot_password</t>
  </si>
  <si>
    <t>12/30/2019 16:02:13</t>
  </si>
  <si>
    <t>10.200.200.28</t>
  </si>
  <si>
    <t>D4-AE-52-FC-98-04</t>
  </si>
  <si>
    <t>VOTORANTO-CB030</t>
  </si>
  <si>
    <t>12/30/2019 16:04:13</t>
  </si>
  <si>
    <t>8c1f8a8e-5534-415a-bdaf-207ee8add162.tmp</t>
  </si>
  <si>
    <t>\\acsfs\profiles$\kamilamrc\Downloads\8c1f8a8e-5534-415a-bdaf-207ee8add162.tmp</t>
  </si>
  <si>
    <t>12/30/2019 16:04:17</t>
  </si>
  <si>
    <t>cdd65cde-0e80-4ad3-920e-5c77ef9218ff.tmp</t>
  </si>
  <si>
    <t>\\acsfs\profiles$\kamilamrc\Downloads\cdd65cde-0e80-4ad3-920e-5c77ef9218ff.tmp</t>
  </si>
  <si>
    <t>12/30/2019 16:04:21</t>
  </si>
  <si>
    <t>084fea68-ddc6-4d59-8899-29708f7b500a.tmp</t>
  </si>
  <si>
    <t>\\acsfs\profiles$\kamilamrc\Downloads\084fea68-ddc6-4d59-8899-29708f7b500a.tmp</t>
  </si>
  <si>
    <t>12/30/2019 16:05:00</t>
  </si>
  <si>
    <t>55046b8c-69f2-4dcc-b3ab-51919b1360cd.tmp</t>
  </si>
  <si>
    <t>\\acsfs\profiles$\kamilamrc\Downloads\55046b8c-69f2-4dcc-b3ab-51919b1360cd.tmp</t>
  </si>
  <si>
    <t>12/30/2019 16:03:57</t>
  </si>
  <si>
    <t>12/30/2019 16:06:32</t>
  </si>
  <si>
    <t>12/30/2019 16:01:45</t>
  </si>
  <si>
    <t>12/30/2019 16:04:27</t>
  </si>
  <si>
    <t>12/30/2019 16:02:46</t>
  </si>
  <si>
    <t>12/30/2019 16:04:23</t>
  </si>
  <si>
    <t>12/30/2019 16:08:31</t>
  </si>
  <si>
    <t>e279c9ad-49b0-47c7-9fda-380c500941cd.tmp</t>
  </si>
  <si>
    <t>\\acsfs\profiles$\antoniosva\Downloads\e279c9ad-49b0-47c7-9fda-380c500941cd.tmp</t>
  </si>
  <si>
    <t>12/30/2019 16:04:54</t>
  </si>
  <si>
    <t>1c563a75-bbe4-4e66-9f76-65297b5a64f5.tmp</t>
  </si>
  <si>
    <t>\\acsfs\profiles$\antoniosva\Downloads\1c563a75-bbe4-4e66-9f76-65297b5a64f5.tmp</t>
  </si>
  <si>
    <t>12/30/2019 16:06:44</t>
  </si>
  <si>
    <t>12/30/2019 16:03:59</t>
  </si>
  <si>
    <t>b9d2fff1-a1f1-46a0-9c37-40674fa258a9.tmp</t>
  </si>
  <si>
    <t>\\acsfs\profiles$\geovannasm\Downloads\b9d2fff1-a1f1-46a0-9c37-40674fa258a9.tmp</t>
  </si>
  <si>
    <t>12/30/2019 16:06:23</t>
  </si>
  <si>
    <t>ce6553af-5448-442d-a4af-8e6bbbc68505.tmp</t>
  </si>
  <si>
    <t>\\acsfs\profiles$\geovannasm\Downloads\ce6553af-5448-442d-a4af-8e6bbbc68505.tmp</t>
  </si>
  <si>
    <t>12/30/2019 16:05:27</t>
  </si>
  <si>
    <t>813ea114-0e07-4b8a-b94a-da5491064e09.tmp</t>
  </si>
  <si>
    <t>\\acsfs\profiles$\andrezacapf\Downloads\813ea114-0e07-4b8a-b94a-da5491064e09.tmp</t>
  </si>
  <si>
    <t>12/30/2019 16:05:28</t>
  </si>
  <si>
    <t>7f8aab4f-43b9-4c26-87b4-dc7cfd5be43c.tmp</t>
  </si>
  <si>
    <t>\\acsfs\profiles$\andrezacapf\Downloads\7f8aab4f-43b9-4c26-87b4-dc7cfd5be43c.tmp</t>
  </si>
  <si>
    <t>12/30/2019 16:06:28</t>
  </si>
  <si>
    <t>c02eaea6-9a29-46af-99d3-58fefb2923a6.tmp</t>
  </si>
  <si>
    <t>\\acsfs\profiles$\andrezacapf\Downloads\c02eaea6-9a29-46af-99d3-58fefb2923a6.tmp</t>
  </si>
  <si>
    <t>12/30/2019 16:06:31</t>
  </si>
  <si>
    <t>c6624a9c-6077-400d-b88f-c274cb157001.tmp</t>
  </si>
  <si>
    <t>\\acsfs\profiles$\andrezacapf\Downloads\c6624a9c-6077-400d-b88f-c274cb157001.tmp</t>
  </si>
  <si>
    <t>12/30/2019 16:06:39</t>
  </si>
  <si>
    <t>b0a22782-47c1-41ae-9706-c47b09451ec6.tmp</t>
  </si>
  <si>
    <t>\\acsfs\profiles$\andrezacapf\Downloads\b0a22782-47c1-41ae-9706-c47b09451ec6.tmp</t>
  </si>
  <si>
    <t>12/30/2019 16:06:54</t>
  </si>
  <si>
    <t>1afb1c71-9b81-4ecb-9486-c523d2760c2d.tmp</t>
  </si>
  <si>
    <t>\\acsfs\profiles$\andrezacapf\Downloads\1afb1c71-9b81-4ecb-9486-c523d2760c2d.tmp</t>
  </si>
  <si>
    <t>12/30/2019 16:07:13</t>
  </si>
  <si>
    <t>8d0affb9-726c-43d6-b3bc-f57f6afea7c6.tmp</t>
  </si>
  <si>
    <t>\\acsfs\profiles$\andrezacapf\Downloads\8d0affb9-726c-43d6-b3bc-f57f6afea7c6.tmp</t>
  </si>
  <si>
    <t>12/30/2019 16:07:17</t>
  </si>
  <si>
    <t>223c6cd3-e09a-43c8-8c4a-29fe8182935a.tmp</t>
  </si>
  <si>
    <t>\\acsfs\profiles$\andrezacapf\Downloads\223c6cd3-e09a-43c8-8c4a-29fe8182935a.tmp</t>
  </si>
  <si>
    <t>12/30/2019 16:07:21</t>
  </si>
  <si>
    <t>f7a4eb61-af4d-4823-94aa-8d816932bf07.tmp</t>
  </si>
  <si>
    <t>\\acsfs\profiles$\andrezacapf\Downloads\f7a4eb61-af4d-4823-94aa-8d816932bf07.tmp</t>
  </si>
  <si>
    <t>12/30/2019 16:07:11</t>
  </si>
  <si>
    <t>Planilha 2019 CR.ods</t>
  </si>
  <si>
    <t>\\acsfs\profiles$\THYAGOSP\My Documents\Planilha 2019 CR.ods</t>
  </si>
  <si>
    <t>\\acsfs\profiles$\THYAGOSP\My Documents\Planilha 2019 CR.ods\</t>
  </si>
  <si>
    <t>\\acsfs\profiles$\THYAGOSP\My Documents\Planilha 2019 CR.ods\META-INF\</t>
  </si>
  <si>
    <t>\\acsfs\profiles$\THYAGOSP\My Documents\Planilha 2019 CR.ods\Object 2\</t>
  </si>
  <si>
    <t>\\acsfs\profiles$\THYAGOSP\My Documents\Planilha 2019 CR.ods\Object 3\</t>
  </si>
  <si>
    <t>\\acsfs\profiles$\THYAGOSP\My Documents\Planilha 2019 CR.ods\Thumbnails\</t>
  </si>
  <si>
    <t>12/30/2019 16:03:51</t>
  </si>
  <si>
    <t>ed9bfb72-dc33-43c4-a7b6-4a81b957858b.tmp</t>
  </si>
  <si>
    <t>\\acsfs\profiles$\victorgl\Downloads\ed9bfb72-dc33-43c4-a7b6-4a81b957858b.tmp</t>
  </si>
  <si>
    <t>12/30/2019 16:05:17</t>
  </si>
  <si>
    <t>e133052a-fe3b-4615-b1e7-ceb9b6238dbf.tmp</t>
  </si>
  <si>
    <t>\\acsfs\profiles$\victorgl\Downloads\e133052a-fe3b-4615-b1e7-ceb9b6238dbf.tmp</t>
  </si>
  <si>
    <t>12/30/2019 16:04:14</t>
  </si>
  <si>
    <t>12/30/2019 16:09:32</t>
  </si>
  <si>
    <t>ff3b265b-5a84-49fd-a3e4-caea01dc77b9.tmp</t>
  </si>
  <si>
    <t>\\acsfs\profiles$\anafaes\Downloads\ff3b265b-5a84-49fd-a3e4-caea01dc77b9.tmp</t>
  </si>
  <si>
    <t>12/30/2019 16:06:29</t>
  </si>
  <si>
    <t>bb5bf704-637a-4892-9165-814fda0059d2.tmp</t>
  </si>
  <si>
    <t>\\acsfs\profiles$\anafaes\Downloads\bb5bf704-637a-4892-9165-814fda0059d2.tmp</t>
  </si>
  <si>
    <t>12/30/2019 16:04:30</t>
  </si>
  <si>
    <t>12/30/2019 16:04:37</t>
  </si>
  <si>
    <t>12/30/2019 16:04:42</t>
  </si>
  <si>
    <t>12/30/2019 16:04:57</t>
  </si>
  <si>
    <t>12/30/2019 16:05:03</t>
  </si>
  <si>
    <t>12/30/2019 16:05:48</t>
  </si>
  <si>
    <t>12/30/2019 16:06:17</t>
  </si>
  <si>
    <t>12/30/2019 16:06:20</t>
  </si>
  <si>
    <t>12/30/2019 16:06:24</t>
  </si>
  <si>
    <t>12/30/2019 16:06:48</t>
  </si>
  <si>
    <t>12/30/2019 16:06:49</t>
  </si>
  <si>
    <t>12/30/2019 16:07:29</t>
  </si>
  <si>
    <t>02142660-d61f-44b7-97e5-d26a604e7b08.tmp</t>
  </si>
  <si>
    <t>\\acsfs\profiles$\leticiala\Downloads\02142660-d61f-44b7-97e5-d26a604e7b08.tmp</t>
  </si>
  <si>
    <t>12/30/2019 16:06:04</t>
  </si>
  <si>
    <t>9df4ecce-f596-45f6-8a61-c6768958b277.tmp</t>
  </si>
  <si>
    <t>\\acsfs\profiles$\leticiala\Downloads\9df4ecce-f596-45f6-8a61-c6768958b277.tmp</t>
  </si>
  <si>
    <t>12/30/2019 16:07:02</t>
  </si>
  <si>
    <t>ccf79940-889d-42af-8497-ded0439a3c19.tmp</t>
  </si>
  <si>
    <t>\\acsfs\profiles$\ingridsm\Downloads\ccf79940-889d-42af-8497-ded0439a3c19.tmp</t>
  </si>
  <si>
    <t>12/30/2019 16:05:05</t>
  </si>
  <si>
    <t>12/30/2019 16:10:31</t>
  </si>
  <si>
    <t>12/30/2019 16:08:05</t>
  </si>
  <si>
    <t>12/30/2019 16:07:45</t>
  </si>
  <si>
    <t>12/30/2019 16:11:31</t>
  </si>
  <si>
    <t>12/30/2019 16:08:45</t>
  </si>
  <si>
    <t>12/30/2019 16:09:51</t>
  </si>
  <si>
    <t>12/30/2019 16:08:37</t>
  </si>
  <si>
    <t>12/30/2019 16:12:32</t>
  </si>
  <si>
    <t>12/30/2019 16:11:20</t>
  </si>
  <si>
    <t>12/30/2019 16:08:22</t>
  </si>
  <si>
    <t>XLOG_tiagosno_30122019_083639.log</t>
  </si>
  <si>
    <t>\\acsfs\profiles$\tiagosno\My Documents\xworkcenter\logs\XLOG_tiagosno_30122019_083639.log</t>
  </si>
  <si>
    <t>12/30/2019 16:11:36</t>
  </si>
  <si>
    <t>1bcad9d8-4e20-4d36-b25e-c7879a8d0ac6.tmp</t>
  </si>
  <si>
    <t>\\acsfs\profiles$\gabrielamdp\Downloads\1bcad9d8-4e20-4d36-b25e-c7879a8d0ac6.tmp</t>
  </si>
  <si>
    <t>f4ca3c1c-57e6-4d4c-b7ff-1669264a6aca.tmp</t>
  </si>
  <si>
    <t>\\acsfs\profiles$\gabrielamdp\Downloads\f4ca3c1c-57e6-4d4c-b7ff-1669264a6aca.tmp</t>
  </si>
  <si>
    <t>12/30/2019 16:11:38</t>
  </si>
  <si>
    <t>173d3518-bb5f-46ed-b164-3ed62b9330e8.tmp</t>
  </si>
  <si>
    <t>\\acsfs\profiles$\gabrielamdp\Downloads\173d3518-bb5f-46ed-b164-3ed62b9330e8.tmp</t>
  </si>
  <si>
    <t>12/30/2019 16:11:27</t>
  </si>
  <si>
    <t>12/30/2019 16:13:31</t>
  </si>
  <si>
    <t>lu455045qstpy.tmp</t>
  </si>
  <si>
    <t>\\acsfs\DEPTOS\Operacao\Banco_Votorantim\Supervisao\SUPERS BV CARTÕES\ANA VITORIA\APOIO\lu455045qstpy.tmp</t>
  </si>
  <si>
    <t>\\acsfs\DEPTOS\Operacao\Banco_Votorantim\Supervisao\SUPERS BV CARTÕES\ANA VITORIA\APOIO\lu455045qstpy.tmp\</t>
  </si>
  <si>
    <t>\\acsfs\DEPTOS\Operacao\Banco_Votorantim\Supervisao\SUPERS BV CARTÕES\ANA VITORIA\APOIO\lu455045qstpy.tmp\META-INF\</t>
  </si>
  <si>
    <t>\\acsfs\DEPTOS\Operacao\Banco_Votorantim\Supervisao\SUPERS BV CARTÕES\ANA VITORIA\APOIO\lu455045qstpy.tmp\Thumbnails\</t>
  </si>
  <si>
    <t>12/30/2019 16:10:04</t>
  </si>
  <si>
    <t>lu144201gqrlx.tmp</t>
  </si>
  <si>
    <t>\\acsfs\profiles$\LORRAYNEVAM\lu144201gqrlx.tmp</t>
  </si>
  <si>
    <t>\\acsfs\profiles$\LORRAYNEVAM\lu144201gqrlx.tmp\</t>
  </si>
  <si>
    <t>\\acsfs\profiles$\LORRAYNEVAM\lu144201gqrlx.tmp\META-INF\</t>
  </si>
  <si>
    <t>\\acsfs\profiles$\LORRAYNEVAM\lu144201gqrlx.tmp\Thumbnails\</t>
  </si>
  <si>
    <t>12/30/2019 16:12:56</t>
  </si>
  <si>
    <t>a9e8d829-556b-47f9-8d15-be9701b9ad55.tmp</t>
  </si>
  <si>
    <t>\\acsfs\profiles$\geovannasm\Downloads\a9e8d829-556b-47f9-8d15-be9701b9ad55.tmp</t>
  </si>
  <si>
    <t>12/30/2019 16:08:07</t>
  </si>
  <si>
    <t>418a96c3-ad5f-46cf-9bf2-6c7ebdd46682.tmp</t>
  </si>
  <si>
    <t>\\acsfs\profiles$\andrezacapf\Downloads\418a96c3-ad5f-46cf-9bf2-6c7ebdd46682.tmp</t>
  </si>
  <si>
    <t>12/30/2019 16:08:32</t>
  </si>
  <si>
    <t>12/30/2019 16:08:33</t>
  </si>
  <si>
    <t>12/30/2019 16:08:34</t>
  </si>
  <si>
    <t>12/30/2019 16:08:35</t>
  </si>
  <si>
    <t>12/30/2019 16:08:36</t>
  </si>
  <si>
    <t>12/30/2019 16:08:38</t>
  </si>
  <si>
    <t>12/30/2019 16:08:39</t>
  </si>
  <si>
    <t>12/30/2019 16:08:40</t>
  </si>
  <si>
    <t>12/30/2019 16:08:41</t>
  </si>
  <si>
    <t>12/30/2019 16:08:42</t>
  </si>
  <si>
    <t>12/30/2019 16:08:43</t>
  </si>
  <si>
    <t>12/30/2019 16:08:44</t>
  </si>
  <si>
    <t>12/30/2019 16:08:46</t>
  </si>
  <si>
    <t>12/30/2019 16:08:47</t>
  </si>
  <si>
    <t>12/30/2019 16:08:48</t>
  </si>
  <si>
    <t>12/30/2019 16:08:49</t>
  </si>
  <si>
    <t>12/30/2019 16:08:50</t>
  </si>
  <si>
    <t>12/30/2019 16:08:51</t>
  </si>
  <si>
    <t>12/30/2019 16:08:52</t>
  </si>
  <si>
    <t>12/30/2019 16:08:53</t>
  </si>
  <si>
    <t>12/30/2019 16:08:54</t>
  </si>
  <si>
    <t>12/30/2019 16:08:55</t>
  </si>
  <si>
    <t>12/30/2019 16:13:32</t>
  </si>
  <si>
    <t>12/30/2019 16:08:56</t>
  </si>
  <si>
    <t>12/30/2019 16:08:57</t>
  </si>
  <si>
    <t>12/30/2019 16:08:58</t>
  </si>
  <si>
    <t>12/30/2019 16:08:59</t>
  </si>
  <si>
    <t>12/30/2019 16:09:00</t>
  </si>
  <si>
    <t>12/30/2019 16:09:01</t>
  </si>
  <si>
    <t>12/30/2019 16:09:02</t>
  </si>
  <si>
    <t>12/30/2019 16:09:03</t>
  </si>
  <si>
    <t>12/30/2019 16:09:04</t>
  </si>
  <si>
    <t>12/30/2019 16:09:05</t>
  </si>
  <si>
    <t>12/30/2019 16:09:06</t>
  </si>
  <si>
    <t>12/30/2019 16:09:07</t>
  </si>
  <si>
    <t>12/30/2019 16:09:08</t>
  </si>
  <si>
    <t>12/30/2019 16:09:09</t>
  </si>
  <si>
    <t>12/30/2019 16:09:10</t>
  </si>
  <si>
    <t>12/30/2019 16:09:11</t>
  </si>
  <si>
    <t>12/30/2019 16:09:12</t>
  </si>
  <si>
    <t>12/30/2019 16:09:13</t>
  </si>
  <si>
    <t>12/30/2019 16:09:14</t>
  </si>
  <si>
    <t>12/30/2019 16:09:15</t>
  </si>
  <si>
    <t>12/30/2019 16:09:16</t>
  </si>
  <si>
    <t>12/30/2019 16:09:17</t>
  </si>
  <si>
    <t>12/30/2019 16:09:18</t>
  </si>
  <si>
    <t>12/30/2019 16:14:32</t>
  </si>
  <si>
    <t>12/30/2019 16:10:19</t>
  </si>
  <si>
    <t>12/30/2019 16:11:21</t>
  </si>
  <si>
    <t>74e2e6d4-e9b1-46b4-bd58-606e1fb64044.tmp</t>
  </si>
  <si>
    <t>\\acsfs\profiles$\ingridsm\Downloads\74e2e6d4-e9b1-46b4-bd58-606e1fb64044.tmp</t>
  </si>
  <si>
    <t>12/30/2019 16:11:47</t>
  </si>
  <si>
    <t>734f0d9c-d17f-400f-824b-5338b72bab75.tmp</t>
  </si>
  <si>
    <t>\\acsfs\profiles$\ingridsm\Downloads\734f0d9c-d17f-400f-824b-5338b72bab75.tmp</t>
  </si>
  <si>
    <t>12/30/2019 16:11:05</t>
  </si>
  <si>
    <t>12/30/2019 16:15:31</t>
  </si>
  <si>
    <t>12/30/2019 16:14:06</t>
  </si>
  <si>
    <t>12/30/2019 16:13:28</t>
  </si>
  <si>
    <t>ulog_Acrobat12_Reader_3b8210f9-3618-47e4-b9cc-5aaaba62831a_ae9dabce-a6a6-4dc0-9d01-43cf19e6be6a_0.log</t>
  </si>
  <si>
    <t>C:\Users\flaviacno\AppData\Roaming\Adobe\LogTransport2\Logs\ulog_Acrobat12_Reader_3b8210f9-3618-47e4-b9cc-5aaaba62831a_ae9dabce-a6a6-4dc0-9d01-43cf19e6be6a_0.log\</t>
  </si>
  <si>
    <t>12/30/2019 16:11:46</t>
  </si>
  <si>
    <t>12/30/2019 16:16:32</t>
  </si>
  <si>
    <t>12/30/2019 16:11:32</t>
  </si>
  <si>
    <t>12/30/2019 16:13:45</t>
  </si>
  <si>
    <t>12/30/2019 16:14:45</t>
  </si>
  <si>
    <t>12/30/2019 16:12:34</t>
  </si>
  <si>
    <t>12/30/2019 16:17:31</t>
  </si>
  <si>
    <t>9367406a-1c0f-4aff-8254-5fe213ccd5fd.tmp</t>
  </si>
  <si>
    <t>\\acsfs\profiles$\gabrielamdp\Downloads\9367406a-1c0f-4aff-8254-5fe213ccd5fd.tmp</t>
  </si>
  <si>
    <t>12/30/2019 16:14:20</t>
  </si>
  <si>
    <t>12/30/2019 16:18:32</t>
  </si>
  <si>
    <t>12/30/2019 16:13:22</t>
  </si>
  <si>
    <t>12/30/2019 16:13:23</t>
  </si>
  <si>
    <t>lu331963sp1z4.tmp</t>
  </si>
  <si>
    <t>\\acsfs\profiles$\edicarlosdl\My Documents\lu331963sp1z4.tmp</t>
  </si>
  <si>
    <t>\\acsfs\profiles$\edicarlosdl\My Documents\lu331963sp1z4.tmp\</t>
  </si>
  <si>
    <t>\\acsfs\profiles$\edicarlosdl\My Documents\lu331963sp1z4.tmp\META-INF\</t>
  </si>
  <si>
    <t>\\acsfs\profiles$\edicarlosdl\My Documents\lu331963sp1z4.tmp\Thumbnails\</t>
  </si>
  <si>
    <t>12/30/2019 16:13:36</t>
  </si>
  <si>
    <t>\\acsfs\profiles$\edicarlosdl\My Documents\.~lock.NOVO ACESSO.odt#</t>
  </si>
  <si>
    <t>12/30/2019 16:17:52</t>
  </si>
  <si>
    <t>12/30/2019 16:19:31</t>
  </si>
  <si>
    <t>12/30/2019 16:18:03</t>
  </si>
  <si>
    <t>12/30/2019 16:17:06</t>
  </si>
  <si>
    <t>12/30/2019 16:20:31</t>
  </si>
  <si>
    <t>12/30/2019 16:15:46</t>
  </si>
  <si>
    <t>12/30/2019 16:21:31</t>
  </si>
  <si>
    <t>12/30/2019 16:19:45</t>
  </si>
  <si>
    <t>12/30/2019 16:20:45</t>
  </si>
  <si>
    <t>12/30/2019 16:20:58</t>
  </si>
  <si>
    <t>12/30/2019 16:22:31</t>
  </si>
  <si>
    <t>7b32ba00-5e80-465d-804f-801f89d47df4.tmp</t>
  </si>
  <si>
    <t>\\acsfs\profiles$\victoriaksr\Downloads\7b32ba00-5e80-465d-804f-801f89d47df4.tmp</t>
  </si>
  <si>
    <t>12/30/2019 16:19:29</t>
  </si>
  <si>
    <t>12/30/2019 16:23:31</t>
  </si>
  <si>
    <t>12/30/2019 16:21:17</t>
  </si>
  <si>
    <t>12/30/2019 16:21:16</t>
  </si>
  <si>
    <t>12/30/2019 16:19:25</t>
  </si>
  <si>
    <t>12/30/2019 16:24:31</t>
  </si>
  <si>
    <t>12/30/2019 16:23:37</t>
  </si>
  <si>
    <t>12/30/2019 16:22:44</t>
  </si>
  <si>
    <t>12/30/2019 16:20:06</t>
  </si>
  <si>
    <t>12/30/2019 16:25:31</t>
  </si>
  <si>
    <t>12/30/2019 16:23:06</t>
  </si>
  <si>
    <t>12/30/2019 16:25:01</t>
  </si>
  <si>
    <t>12/30/2019 16:23:18</t>
  </si>
  <si>
    <t>12/30/2019 16:26:31</t>
  </si>
  <si>
    <t>12/30/2019 16:23:48</t>
  </si>
  <si>
    <t>12/30/2019 16:24:18</t>
  </si>
  <si>
    <t>12/30/2019 16:24:48</t>
  </si>
  <si>
    <t>12/30/2019 16:25:45</t>
  </si>
  <si>
    <t>12/30/2019 16:25:33</t>
  </si>
  <si>
    <t>12/30/2019 16:27:31</t>
  </si>
  <si>
    <t>12/30/2019 16:27:21</t>
  </si>
  <si>
    <t>12/30/2019 16:28:31</t>
  </si>
  <si>
    <t>12/30/2019 16:26:48</t>
  </si>
  <si>
    <t>12/30/2019 16:29:30</t>
  </si>
  <si>
    <t>12/30/2019 16:26:06</t>
  </si>
  <si>
    <t>12/30/2019 16:30:31</t>
  </si>
  <si>
    <t>12/30/2019 16:29:06</t>
  </si>
  <si>
    <t>12/30/2019 16:28:45</t>
  </si>
  <si>
    <t>12/30/2019 16:28:51</t>
  </si>
  <si>
    <t>12/30/2019 16:28:56</t>
  </si>
  <si>
    <t>12/30/2019 16:29:16</t>
  </si>
  <si>
    <t>12/30/2019 16:29:46</t>
  </si>
  <si>
    <t>12 - Escala de Coaching - CDC.xlsx</t>
  </si>
  <si>
    <t>12/30/2019 16:30:20</t>
  </si>
  <si>
    <t>12/30/2019 16:31:30</t>
  </si>
  <si>
    <t>12/30/2019 16:30:03</t>
  </si>
  <si>
    <t>83bc2ca1-bb83-4eb4-b2c6-11fd34830c0f.tmp</t>
  </si>
  <si>
    <t>\\acsfs\profiles$\kamilamrc\Downloads\83bc2ca1-bb83-4eb4-b2c6-11fd34830c0f.tmp</t>
  </si>
  <si>
    <t>12/30/2019 16:28:18</t>
  </si>
  <si>
    <t>12/30/2019 16:28:48</t>
  </si>
  <si>
    <t>12/30/2019 16:29:18</t>
  </si>
  <si>
    <t>12/30/2019 16:29:48</t>
  </si>
  <si>
    <t>12/30/2019 16:30:18</t>
  </si>
  <si>
    <t>12/30/2019 16:26:05</t>
  </si>
  <si>
    <t>12/30/2019 16:26:27</t>
  </si>
  <si>
    <t>12/30/2019 16:26:45</t>
  </si>
  <si>
    <t>12/30/2019 16:27:06</t>
  </si>
  <si>
    <t>12/30/2019 16:32:31</t>
  </si>
  <si>
    <t>https://www.portalsinergyrh.com.br/operador/meta/salvaranexoobservacaodameta</t>
  </si>
  <si>
    <t>12/30/2019 16:28:36</t>
  </si>
  <si>
    <t>12/30/2019 16:34:31</t>
  </si>
  <si>
    <t>XLOG_ellencds_30122019_083448.log</t>
  </si>
  <si>
    <t>\\acsfs\profiles$\ellencds\My Documents\xworkcenter\logs\XLOG_ellencds_30122019_083448.log</t>
  </si>
  <si>
    <t>12/30/2019 16:30:24</t>
  </si>
  <si>
    <t>XLOG_anacdos_30122019_082202.log</t>
  </si>
  <si>
    <t>\\acsfs\profiles$\anacdos\My Documents\xworkcenter\logs\XLOG_anacdos_30122019_082202.log</t>
  </si>
  <si>
    <t>12/30/2019 16:30:28</t>
  </si>
  <si>
    <t>XLOG_anacdos_30122019_081913.log</t>
  </si>
  <si>
    <t>\\acsfs\profiles$\anacdos\My Documents\xworkcenter\logs\XLOG_anacdos_30122019_081913.log</t>
  </si>
  <si>
    <t>XLOG_anacdos_30122019_081848.log</t>
  </si>
  <si>
    <t>\\acsfs\profiles$\anacdos\My Documents\xworkcenter\logs\XLOG_anacdos_30122019_081848.log</t>
  </si>
  <si>
    <t>12/30/2019 16:32:06</t>
  </si>
  <si>
    <t>12/30/2019 16:35:31</t>
  </si>
  <si>
    <t>12/30/2019 16:31:01</t>
  </si>
  <si>
    <t>12/30/2019 16:36:30</t>
  </si>
  <si>
    <t>a3003f1d-9015-466c-af75-2023fc7b8aa5.tmp</t>
  </si>
  <si>
    <t>\\acsfs\profiles$\kamilamrc\Downloads\a3003f1d-9015-466c-af75-2023fc7b8aa5.tmp</t>
  </si>
  <si>
    <t>12/30/2019 16:31:46</t>
  </si>
  <si>
    <t>12/30/2019 16:32:45</t>
  </si>
  <si>
    <t>12/30/2019 16:37:19</t>
  </si>
  <si>
    <t>12/30/2019 16:38:31</t>
  </si>
  <si>
    <t>12/30/2019 16:34:58</t>
  </si>
  <si>
    <t>72b761d6-477f-494d-a289-c84d83b5b1b5.tmp</t>
  </si>
  <si>
    <t>\\acsfs\profiles$\geovannasm\Downloads\72b761d6-477f-494d-a289-c84d83b5b1b5.tmp</t>
  </si>
  <si>
    <t>12/30/2019 16:35:51</t>
  </si>
  <si>
    <t>12/30/2019 16:35:42</t>
  </si>
  <si>
    <t>12/30/2019 16:39:31</t>
  </si>
  <si>
    <t>12/30/2019 16:36:27</t>
  </si>
  <si>
    <t>12/30/2019 16:36:47</t>
  </si>
  <si>
    <t>12/30/2019 16:37:33</t>
  </si>
  <si>
    <t>12/30/2019 16:38:07</t>
  </si>
  <si>
    <t>C:\Users\paulacris\Downloads\Banco de Dados BV 12-2019 (1).xlsx\</t>
  </si>
  <si>
    <t>\\acsfs\DEPTOS\Operacao\PCP\5 - Comum\PLANEJAMENTO BV\22 - BANCO DE DADOS BV\FINANCEIRA\Banco de Dados BV 12-2019 (1).xlsx</t>
  </si>
  <si>
    <t>C:\Users\paulacris\Downloads\</t>
  </si>
  <si>
    <t>Banco de Dados BV 12-2019 (1).xlsx</t>
  </si>
  <si>
    <t>\\acsfs\DEPTOS\Operacao\PCP\5 - Comum\PLANEJAMENTO BV\22 - BANCO DE DADOS BV\FINANCEIRA\Banco de Dados BV 12-2019 (1).xlsx\</t>
  </si>
  <si>
    <t>\\acsfs\DEPTOS\Operacao\PCP\5 - Comum\PLANEJAMENTO BV\22 - BANCO DE DADOS BV\FINANCEIRA\Banco de Dados BV 12-2019 (1).xlsx\:Zone.Identifier:$DATA</t>
  </si>
  <si>
    <t>12/30/2019 16:35:06</t>
  </si>
  <si>
    <t>12/30/2019 16:40:31</t>
  </si>
  <si>
    <t>12/30/2019 16:38:06</t>
  </si>
  <si>
    <t>12/30/2019 16:36:49</t>
  </si>
  <si>
    <t>12/30/2019 16:41:31</t>
  </si>
  <si>
    <t>12/30/2019 16:37:49</t>
  </si>
  <si>
    <t>12/30/2019 16:38:19</t>
  </si>
  <si>
    <t>12/30/2019 16:39:49</t>
  </si>
  <si>
    <t>12/30/2019 16:37:45</t>
  </si>
  <si>
    <t>12/30/2019 16:38:37</t>
  </si>
  <si>
    <t>12/30/2019 16:38:45</t>
  </si>
  <si>
    <t>12/30/2019 16:40:07</t>
  </si>
  <si>
    <t>12/30/2019 16:40:32</t>
  </si>
  <si>
    <t>mail.google.com/sync/u/0/i/s?hl=pt-BR&amp;c=491</t>
  </si>
  <si>
    <t>12/30/2019 16:40:44</t>
  </si>
  <si>
    <t>12/30/2019 16:38:55</t>
  </si>
  <si>
    <t>12/30/2019 16:41:08</t>
  </si>
  <si>
    <t>12/30/2019 16:43:31</t>
  </si>
  <si>
    <t>1994bcd0-e802-4be4-932f-a279bd2196d0.tmp</t>
  </si>
  <si>
    <t>\\acsfs\profiles$\fabianobmf\Downloads\1994bcd0-e802-4be4-932f-a279bd2196d0.tmp</t>
  </si>
  <si>
    <t>12/30/2019 16:40:24</t>
  </si>
  <si>
    <t>12/30/2019 16:44:31</t>
  </si>
  <si>
    <t>12/30/2019 16:40:30</t>
  </si>
  <si>
    <t>12/30/2019 16:40:43</t>
  </si>
  <si>
    <t>12/30/2019 16:40:46</t>
  </si>
  <si>
    <t>12/30/2019 16:41:06</t>
  </si>
  <si>
    <t>12/30/2019 16:41:21</t>
  </si>
  <si>
    <t>12/30/2019 16:41:24</t>
  </si>
  <si>
    <t>12/30/2019 16:41:30</t>
  </si>
  <si>
    <t>12/30/2019 16:41:35</t>
  </si>
  <si>
    <t>12/30/2019 16:41:41</t>
  </si>
  <si>
    <t>12/30/2019 16:41:52</t>
  </si>
  <si>
    <t>12/30/2019 16:42:33</t>
  </si>
  <si>
    <t>12/30/2019 16:43:32</t>
  </si>
  <si>
    <t>mail.google.com/sync/u/0/i/fd?hl=pt-BR&amp;c=26</t>
  </si>
  <si>
    <t>12/30/2019 16:38:50</t>
  </si>
  <si>
    <t>66be5e46-267e-4a8b-b44d-fbbfaf48d087.tmp</t>
  </si>
  <si>
    <t>\\acsfs\profiles$\anafaes\Downloads\66be5e46-267e-4a8b-b44d-fbbfaf48d087.tmp</t>
  </si>
  <si>
    <t>12/30/2019 16:39:30</t>
  </si>
  <si>
    <t>7677e6ab-c058-428a-9ebe-ff7652a0b178.tmp</t>
  </si>
  <si>
    <t>\\acsfs\profiles$\anafaes\Downloads\7677e6ab-c058-428a-9ebe-ff7652a0b178.tmp</t>
  </si>
  <si>
    <t>12/30/2019 16:38:59</t>
  </si>
  <si>
    <t>12/30/2019 16:45:31</t>
  </si>
  <si>
    <t>12/30/2019 16:44:06</t>
  </si>
  <si>
    <t>12/30/2019 16:44:20</t>
  </si>
  <si>
    <t>12/30/2019 16:45:15</t>
  </si>
  <si>
    <t>12/30/2019 16:43:19</t>
  </si>
  <si>
    <t>12/30/2019 16:46:31</t>
  </si>
  <si>
    <t>12/30/2019 16:43:49</t>
  </si>
  <si>
    <t>12/30/2019 16:44:19</t>
  </si>
  <si>
    <t>12/30/2019 16:45:19</t>
  </si>
  <si>
    <t>12/30/2019 16:42:38</t>
  </si>
  <si>
    <t>12/30/2019 16:42:40</t>
  </si>
  <si>
    <t>12/30/2019 16:42:54</t>
  </si>
  <si>
    <t>12/30/2019 16:40:52</t>
  </si>
  <si>
    <t>12/30/2019 16:41:10</t>
  </si>
  <si>
    <t>12/30/2019 16:41:18</t>
  </si>
  <si>
    <t>mail.google.com/sync/u/0/i/s?hl=pt-BR&amp;c=501</t>
  </si>
  <si>
    <t>12/30/2019 16:41:33</t>
  </si>
  <si>
    <t>mail.google.com/sync/u/0/i/s?hl=pt-BR&amp;c=503</t>
  </si>
  <si>
    <t>12/30/2019 16:41:42</t>
  </si>
  <si>
    <t>12/30/2019 16:41:44</t>
  </si>
  <si>
    <t>12/30/2019 16:41:48</t>
  </si>
  <si>
    <t>12/30/2019 16:42:25</t>
  </si>
  <si>
    <t>12/30/2019 16:43:45</t>
  </si>
  <si>
    <t>12/30/2019 16:44:45</t>
  </si>
  <si>
    <t>12/30/2019 16:45:02</t>
  </si>
  <si>
    <t>12/30/2019 16:45:06</t>
  </si>
  <si>
    <t>12/30/2019 16:46:05</t>
  </si>
  <si>
    <t>12/30/2019 16:49:31</t>
  </si>
  <si>
    <t>12/30/2019 16:46:12</t>
  </si>
  <si>
    <t>12/30/2019 16:46:41</t>
  </si>
  <si>
    <t>12/30/2019 16:48:22</t>
  </si>
  <si>
    <t>12/30/2019 16:46:44</t>
  </si>
  <si>
    <t>12/30/2019 16:44:53</t>
  </si>
  <si>
    <t>lu11228i4l6.tmp</t>
  </si>
  <si>
    <t>\\acsfs\profiles$\fabianafv\My Documents\lu11228i4l6.tmp</t>
  </si>
  <si>
    <t>\\acsfs\profiles$\fabianafv\My Documents\lu11228i4l6.tmp\</t>
  </si>
  <si>
    <t>\\acsfs\profiles$\fabianafv\My Documents\lu11228i4l6.tmp\META-INF\</t>
  </si>
  <si>
    <t>\\acsfs\profiles$\fabianafv\My Documents\lu11228i4l6.tmp\Thumbnails\</t>
  </si>
  <si>
    <t>12/30/2019 16:47:05</t>
  </si>
  <si>
    <t>12/30/2019 16:50:31</t>
  </si>
  <si>
    <t>12/30/2019 16:47:54</t>
  </si>
  <si>
    <t>12/30/2019 16:49:04</t>
  </si>
  <si>
    <t>12/30/2019 16:46:02</t>
  </si>
  <si>
    <t>12/30/2019 16:51:31</t>
  </si>
  <si>
    <t>12/30/2019 16:46:03</t>
  </si>
  <si>
    <t>12/30/2019 16:45:49</t>
  </si>
  <si>
    <t>12/30/2019 16:46:19</t>
  </si>
  <si>
    <t>12/30/2019 16:45:47</t>
  </si>
  <si>
    <t>12/30/2019 16:47:15</t>
  </si>
  <si>
    <t>12/30/2019 16:46:07</t>
  </si>
  <si>
    <t>12/30/2019 16:46:09</t>
  </si>
  <si>
    <t>12/30/2019 16:46:50</t>
  </si>
  <si>
    <t>12/30/2019 16:46:56</t>
  </si>
  <si>
    <t>12/30/2019 16:49:45</t>
  </si>
  <si>
    <t>12/30/2019 16:50:45</t>
  </si>
  <si>
    <t>12/30/2019 16:50:30</t>
  </si>
  <si>
    <t>12/30/2019 16:52:31</t>
  </si>
  <si>
    <t>b03c14bb-1bcc-4538-bb91-5cb405438bd5.tmp</t>
  </si>
  <si>
    <t>\\acsfs\profiles$\laurandos\Downloads\b03c14bb-1bcc-4538-bb91-5cb405438bd5.tmp</t>
  </si>
  <si>
    <t>12/30/2019 16:48:28</t>
  </si>
  <si>
    <t>12/30/2019 16:53:30</t>
  </si>
  <si>
    <t>12/30/2019 16:50:58</t>
  </si>
  <si>
    <t>18f07373-8b33-4cd1-bba5-7d115e088a16.tmp</t>
  </si>
  <si>
    <t>\\acsfs\profiles$\erichds\Downloads\18f07373-8b33-4cd1-bba5-7d115e088a16.tmp</t>
  </si>
  <si>
    <t>12/30/2019 16:49:01</t>
  </si>
  <si>
    <t>12/30/2019 16:54:31</t>
  </si>
  <si>
    <t>12/30/2019 16:49:10</t>
  </si>
  <si>
    <t>12/30/2019 16:49:40</t>
  </si>
  <si>
    <t>12/30/2019 16:49:52</t>
  </si>
  <si>
    <t>leonardoao@algartech.com;viniciussg@algartech.com;</t>
  </si>
  <si>
    <t>leonardoao@algartech.com,viniciussg@algartech.com</t>
  </si>
  <si>
    <t>12/30/2019 16:49:58</t>
  </si>
  <si>
    <t>12/30/2019 16:50:19</t>
  </si>
  <si>
    <t>12/30/2019 16:50:42</t>
  </si>
  <si>
    <t>12/30/2019 16:50:46</t>
  </si>
  <si>
    <t>12/30/2019 16:51:11</t>
  </si>
  <si>
    <t>12/30/2019 16:51:47</t>
  </si>
  <si>
    <t>12/30/2019 16:52:08</t>
  </si>
  <si>
    <t>12/30/2019 16:52:37</t>
  </si>
  <si>
    <t>12/30/2019 16:53:37</t>
  </si>
  <si>
    <t>12/30/2019 16:50:23</t>
  </si>
  <si>
    <t>12/30/2019 16:50:05</t>
  </si>
  <si>
    <t>12/30/2019 16:55:31</t>
  </si>
  <si>
    <t>12/30/2019 16:53:05</t>
  </si>
  <si>
    <t>12/30/2019 16:54:40</t>
  </si>
  <si>
    <t>12/30/2019 16:56:31</t>
  </si>
  <si>
    <t>12/30/2019 16:52:19</t>
  </si>
  <si>
    <t>12/30/2019 16:52:50</t>
  </si>
  <si>
    <t>12/30/2019 16:54:20</t>
  </si>
  <si>
    <t>12/30/2019 16:55:44</t>
  </si>
  <si>
    <t>574aee89-e28d-48b5-bcc6-7d281c6d2722.tmp</t>
  </si>
  <si>
    <t>\\acsfs\profiles$\philipegsf\Downloads\574aee89-e28d-48b5-bcc6-7d281c6d2722.tmp</t>
  </si>
  <si>
    <t>12/30/2019 16:53:54</t>
  </si>
  <si>
    <t>12/30/2019 16:53:55</t>
  </si>
  <si>
    <t>lu259921yd2mc.tmp</t>
  </si>
  <si>
    <t>\\acsfs\profiles$\victoriaksr\My Documents\lu259921yd2mc.tmp</t>
  </si>
  <si>
    <t>12/30/2019 16:54:55</t>
  </si>
  <si>
    <t>12/30/2019 16:55:06</t>
  </si>
  <si>
    <t>12/30/2019 16:55:25</t>
  </si>
  <si>
    <t>12/30/2019 16:55:45</t>
  </si>
  <si>
    <t>12/30/2019 16:57:18</t>
  </si>
  <si>
    <t>12/30/2019 16:58:30</t>
  </si>
  <si>
    <t>https://algar.folhasinergyrh.com.br/rescisao/upload?id=0&amp;idsolicitacao=0&amp;idprerescisao=1580</t>
  </si>
  <si>
    <t>02/01/2020;</t>
  </si>
  <si>
    <t>image2019-12-30-142409.zip</t>
  </si>
  <si>
    <t>https://02/01/2020</t>
  </si>
  <si>
    <t>C:\Users\marianacgs\Downloads\image2019-12-30-142409.zip\</t>
  </si>
  <si>
    <t>image2019-12-30-142409.pdf</t>
  </si>
  <si>
    <t>12/30/2019 16:57:51</t>
  </si>
  <si>
    <t>12/30/2019 16:53:42</t>
  </si>
  <si>
    <t>12/30/2019 16:59:31</t>
  </si>
  <si>
    <t>12/30/2019 16:53:45</t>
  </si>
  <si>
    <t>12/30/2019 16:54:12</t>
  </si>
  <si>
    <t>12/30/2019 16:54:28</t>
  </si>
  <si>
    <t>12/30/2019 16:54:36</t>
  </si>
  <si>
    <t>12/30/2019 16:54:43</t>
  </si>
  <si>
    <t>12/30/2019 16:55:04</t>
  </si>
  <si>
    <t>12/30/2019 16:55:49</t>
  </si>
  <si>
    <t>12/30/2019 16:56:04</t>
  </si>
  <si>
    <t>12/30/2019 16:56:10</t>
  </si>
  <si>
    <t>12/30/2019 16:56:18</t>
  </si>
  <si>
    <t>12/30/2019 16:56:25</t>
  </si>
  <si>
    <t>joaogvc@algartech.com;leonardoao@algartech.com;marianadjc@algartech.com;rafaelggs@algartech.com;taysdss@algartech.com;viniciussg@algartech.com;</t>
  </si>
  <si>
    <t>joaogvc@algartech.com,leonardoao@algartech.com,marianadjc@algartech.com,rafaelggs@algartech.com,taysdss@algartech.com,viniciussg@algartech.com</t>
  </si>
  <si>
    <t>12/30/2019 16:54:29</t>
  </si>
  <si>
    <t>12/30/2019 16:56:05</t>
  </si>
  <si>
    <t>12/30/2019 17:00:30</t>
  </si>
  <si>
    <t>12/30/2019 16:59:05</t>
  </si>
  <si>
    <t>12/30/2019 16:59:59</t>
  </si>
  <si>
    <t>12/30/2019 16:56:45</t>
  </si>
  <si>
    <t>12/30/2019 17:01:31</t>
  </si>
  <si>
    <t>12/30/2019 16:58:27</t>
  </si>
  <si>
    <t>12/30/2019 17:00:15</t>
  </si>
  <si>
    <t>12/30/2019 17:01:32</t>
  </si>
  <si>
    <t>12/30/2019 17:03:30</t>
  </si>
  <si>
    <t>afdec849-3fc7-4a87-b904-2050d1819441.tmp</t>
  </si>
  <si>
    <t>\\acsfs\profiles$\ingridsm\Downloads\afdec849-3fc7-4a87-b904-2050d1819441.tmp</t>
  </si>
  <si>
    <t>12/30/2019 17:02:05</t>
  </si>
  <si>
    <t>fb867ecf-e9b1-4c4a-b5dc-1b87c2e5bc20.tmp</t>
  </si>
  <si>
    <t>\\acsfs\profiles$\ingridsm\Downloads\fb867ecf-e9b1-4c4a-b5dc-1b87c2e5bc20.tmp</t>
  </si>
  <si>
    <t>12/30/2019 17:02:07</t>
  </si>
  <si>
    <t>12/30/2019 17:01:23</t>
  </si>
  <si>
    <t>12/30/2019 17:05:30</t>
  </si>
  <si>
    <t>12/30/2019 17:01:42</t>
  </si>
  <si>
    <t>12/30/2019 17:01:54</t>
  </si>
  <si>
    <t>12/30/2019 17:02:13</t>
  </si>
  <si>
    <t>12/30/2019 17:02:35</t>
  </si>
  <si>
    <t>12/30/2019 17:04:18</t>
  </si>
  <si>
    <t>12/30/2019 17:04:30</t>
  </si>
  <si>
    <t>12/30/2019 17:03:56</t>
  </si>
  <si>
    <t>12/30/2019 17:05:16</t>
  </si>
  <si>
    <t>12/30/2019 17:06:31</t>
  </si>
  <si>
    <t>12/30/2019 17:05:17</t>
  </si>
  <si>
    <t>12/30/2019 17:00:51</t>
  </si>
  <si>
    <t>12/30/2019 17:05:18</t>
  </si>
  <si>
    <t>12/30/2019 17:05:19</t>
  </si>
  <si>
    <t>12/30/2019 17:03:21</t>
  </si>
  <si>
    <t>12/30/2019 17:02:38</t>
  </si>
  <si>
    <t>12/30/2019 17:02:45</t>
  </si>
  <si>
    <t>12/30/2019 17:05:20</t>
  </si>
  <si>
    <t>12/30/2019 17:05:21</t>
  </si>
  <si>
    <t>12/30/2019 17:05:22</t>
  </si>
  <si>
    <t>12/30/2019 17:01:47</t>
  </si>
  <si>
    <t>12/30/2019 17:02:51</t>
  </si>
  <si>
    <t>12/30/2019 17:05:23</t>
  </si>
  <si>
    <t>12/30/2019 17:07:30</t>
  </si>
  <si>
    <t>12/30/2019 17:05:24</t>
  </si>
  <si>
    <t>12/30/2019 17:05:25</t>
  </si>
  <si>
    <t>12/30/2019 17:08:31</t>
  </si>
  <si>
    <t>12/30/2019 17:05:26</t>
  </si>
  <si>
    <t>12/30/2019 17:05:34</t>
  </si>
  <si>
    <t>12/30/2019 17:09:30</t>
  </si>
  <si>
    <t>41c797b5-026c-46ef-a57c-6307bfa796de.tmp</t>
  </si>
  <si>
    <t>\\acsfs\profiles$\fabianafv\Downloads\41c797b5-026c-46ef-a57c-6307bfa796de.tmp</t>
  </si>
  <si>
    <t>12/30/2019 17:04:42</t>
  </si>
  <si>
    <t>12/30/2019 17:10:31</t>
  </si>
  <si>
    <t>mail.google.com/sync/u/0/i/s?hl=pt-BR&amp;c=560</t>
  </si>
  <si>
    <t>12/30/2019 17:04:50</t>
  </si>
  <si>
    <t>12/30/2019 17:04:52</t>
  </si>
  <si>
    <t>12/30/2019 17:05:05</t>
  </si>
  <si>
    <t>12/30/2019 17:05:37</t>
  </si>
  <si>
    <t>pdf;</t>
  </si>
  <si>
    <t>pdf</t>
  </si>
  <si>
    <t>12/30/2019 17:05:45</t>
  </si>
  <si>
    <t>12/30/2019 17:05:55</t>
  </si>
  <si>
    <t>mail.google.com/sync/u/0/i/s?hl=pt-BR&amp;c=575</t>
  </si>
  <si>
    <t>12/30/2019 17:06:01</t>
  </si>
  <si>
    <t>12/30/2019 17:06:06</t>
  </si>
  <si>
    <t>mail.google.com/sync/u/0/i/s?hl=pt-BR&amp;c=579</t>
  </si>
  <si>
    <t>12/30/2019 17:06:10</t>
  </si>
  <si>
    <t>12/30/2019 17:06:16</t>
  </si>
  <si>
    <t>mail.google.com/sync/u/0/i/s?hl=pt-BR&amp;c=583</t>
  </si>
  <si>
    <t>12/30/2019 17:06:26</t>
  </si>
  <si>
    <t>12/30/2019 17:06:45</t>
  </si>
  <si>
    <t>12/30/2019 17:06:50</t>
  </si>
  <si>
    <t>12/30/2019 17:06:56</t>
  </si>
  <si>
    <t>12/30/2019 17:07:07</t>
  </si>
  <si>
    <t>mail.google.com/sync/u/0/i/s?hl=pt-BR&amp;c=595</t>
  </si>
  <si>
    <t>12/30/2019 17:07:12</t>
  </si>
  <si>
    <t>mail.google.com/sync/u/0/i/s?hl=pt-BR&amp;c=597</t>
  </si>
  <si>
    <t>12/30/2019 17:07:17</t>
  </si>
  <si>
    <t>mail.google.com/sync/u/0/i/s?hl=pt-BR&amp;c=599</t>
  </si>
  <si>
    <t>12/30/2019 17:07:22</t>
  </si>
  <si>
    <t>12/30/2019 17:07:47</t>
  </si>
  <si>
    <t>12/30/2019 17:08:05</t>
  </si>
  <si>
    <t>12/30/2019 17:08:15</t>
  </si>
  <si>
    <t>12/30/2019 17:08:20</t>
  </si>
  <si>
    <t>12/30/2019 17:08:25</t>
  </si>
  <si>
    <t>12/30/2019 17:08:29</t>
  </si>
  <si>
    <t>12/30/2019 17:08:58</t>
  </si>
  <si>
    <t>12/30/2019 17:09:18</t>
  </si>
  <si>
    <t>12/30/2019 17:09:27</t>
  </si>
  <si>
    <t>mail.google.com/sync/u/0/i/s?hl=pt-BR&amp;c=630</t>
  </si>
  <si>
    <t>12/30/2019 17:09:32</t>
  </si>
  <si>
    <t>mail.google.com/sync/u/0/i/s?hl=pt-BR&amp;c=632</t>
  </si>
  <si>
    <t>12/30/2019 17:09:33</t>
  </si>
  <si>
    <t>12/30/2019 17:07:51</t>
  </si>
  <si>
    <t>12/30/2019 17:11:31</t>
  </si>
  <si>
    <t>12/30/2019 17:08:21</t>
  </si>
  <si>
    <t>12/30/2019 17:07:50</t>
  </si>
  <si>
    <t>12/30/2019 17:08:23</t>
  </si>
  <si>
    <t>12/30/2019 17:10:08</t>
  </si>
  <si>
    <t>12/30/2019 17:06:07</t>
  </si>
  <si>
    <t>https://sac-algarcsc.ascbrazil.com.br/chat/login/resp-login</t>
  </si>
  <si>
    <t>12/30/2019 17:06:25</t>
  </si>
  <si>
    <t>12/30/2019 17:06:52</t>
  </si>
  <si>
    <t>https://sac-algarcsc.ascbrazil.com.br/chat/asc/trata-flow</t>
  </si>
  <si>
    <t>23590;</t>
  </si>
  <si>
    <t>https://23590</t>
  </si>
  <si>
    <t>12/30/2019 17:07:02</t>
  </si>
  <si>
    <t>12/30/2019 17:07:20</t>
  </si>
  <si>
    <t>12/30/2019 17:07:32</t>
  </si>
  <si>
    <t>12/30/2019 17:07:42</t>
  </si>
  <si>
    <t>12/30/2019 17:07:46</t>
  </si>
  <si>
    <t>12/30/2019 17:07:52</t>
  </si>
  <si>
    <t>12/30/2019 17:08:02</t>
  </si>
  <si>
    <t>12/30/2019 17:08:46</t>
  </si>
  <si>
    <t>12/30/2019 17:08:18</t>
  </si>
  <si>
    <t>12/30/2019 17:12:30</t>
  </si>
  <si>
    <t>Relatorio.Recibo.Ferias_20191230170805210629.pdf.krp8qie.partial</t>
  </si>
  <si>
    <t>\\acsfs\profiles$\sayharaefs\Downloads\Relatorio.Recibo.Ferias_20191230170805210629.pdf.krp8qie.partial</t>
  </si>
  <si>
    <t>12/30/2019 17:07:06</t>
  </si>
  <si>
    <t>MONITORIA DEZEMBRO 30-12.docx</t>
  </si>
  <si>
    <t>\\acsfs\Deptos\EDUCACAO EMPRESARIAL\FERNANDA MONIT\Fernanda\MONITORIAS DEZEMBRO\MONITORIA DEZEMBRO 30-12.docx</t>
  </si>
  <si>
    <t>12/30/2019 17:10:50</t>
  </si>
  <si>
    <t>12/30/2019 17:10:18</t>
  </si>
  <si>
    <t>12/30/2019 17:13:31</t>
  </si>
  <si>
    <t>b4fb8741-fbf4-45f0-9f08-06d270a0f6b6.tmp</t>
  </si>
  <si>
    <t>\\acsfs\profiles$\ingridsm\Downloads\b4fb8741-fbf4-45f0-9f08-06d270a0f6b6.tmp</t>
  </si>
  <si>
    <t>12/30/2019 17:10:40</t>
  </si>
  <si>
    <t>8a94e742-0ac0-4887-a640-1a5ddd80078f.tmp</t>
  </si>
  <si>
    <t>\\acsfs\profiles$\ingridsm\Downloads\8a94e742-0ac0-4887-a640-1a5ddd80078f.tmp</t>
  </si>
  <si>
    <t>12/30/2019 17:13:03</t>
  </si>
  <si>
    <t>12/30/2019 17:14:30</t>
  </si>
  <si>
    <t>12/30/2019 17:09:39</t>
  </si>
  <si>
    <t>12/30/2019 17:15:31</t>
  </si>
  <si>
    <t>12/30/2019 17:11:05</t>
  </si>
  <si>
    <t>12/30/2019 17:14:05</t>
  </si>
  <si>
    <t>12/30/2019 17:11:45</t>
  </si>
  <si>
    <t>12/30/2019 17:16:31</t>
  </si>
  <si>
    <t>12/30/2019 17:12:43</t>
  </si>
  <si>
    <t>12/30/2019 17:13:38</t>
  </si>
  <si>
    <t>12/30/2019 17:13:45</t>
  </si>
  <si>
    <t>12/30/2019 17:13:53</t>
  </si>
  <si>
    <t>2c03d11e-bea0-44f9-ac13-9962fc04a11e; asp.net_sessionid=tyb2w25hn4kf00utrai21rh0; __requestverificationtoken=jfgobnmtdzodwcshcsfv6dwf9sq3b33ao29l8j43dtkvz4ys22i12go2padpj9zcvh_ovn3uudnwankupnfmjr0ae64cit9nfxuwhsllbzu1; tp_stylesheet=light_blue; tp_layout_m</t>
  </si>
  <si>
    <t>12/30/2019 17:13:59</t>
  </si>
  <si>
    <t>38536;</t>
  </si>
  <si>
    <t>https://38536</t>
  </si>
  <si>
    <t>12/30/2019 17:14:08</t>
  </si>
  <si>
    <t>12/30/2019 17:14:10</t>
  </si>
  <si>
    <t>12/30/2019 17:14:15</t>
  </si>
  <si>
    <t>12/30/2019 17:14:32</t>
  </si>
  <si>
    <t>12/30/2019 17:14:45</t>
  </si>
  <si>
    <t>12/30/2019 17:14:29</t>
  </si>
  <si>
    <t>mail.google.com/sync/u/0/i/s?hl=pt-BR&amp;c=2</t>
  </si>
  <si>
    <t>mail.google.com/sync/u/0/i/s?hl=pt-BR&amp;c=6</t>
  </si>
  <si>
    <t>12/30/2019 17:13:05</t>
  </si>
  <si>
    <t>12/30/2019 17:17:31</t>
  </si>
  <si>
    <t>Holerite_122019_2106291 (1).pdf.hhnscbj.partial</t>
  </si>
  <si>
    <t>\\acsfs\profiles$\sayharaefs\Downloads\Holerite_122019_2106291 (1).pdf.hhnscbj.partial</t>
  </si>
  <si>
    <t>12/30/2019 17:13:52</t>
  </si>
  <si>
    <t>12/30/2019 17:13:18</t>
  </si>
  <si>
    <t>12/30/2019 17:18:31</t>
  </si>
  <si>
    <t>12/30/2019 17:17:36</t>
  </si>
  <si>
    <t>12/30/2019 17:15:51</t>
  </si>
  <si>
    <t>12/30/2019 17:20:31</t>
  </si>
  <si>
    <t>12/30/2019 17:17:06</t>
  </si>
  <si>
    <t>12/30/2019 17:16:00</t>
  </si>
  <si>
    <t>12/30/2019 17:21:31</t>
  </si>
  <si>
    <t>12/30/2019 17:17:48</t>
  </si>
  <si>
    <t>12/30/2019 17:19:45</t>
  </si>
  <si>
    <t>12/30/2019 17:20:45</t>
  </si>
  <si>
    <t>12/30/2019 17:18:08</t>
  </si>
  <si>
    <t>12/30/2019 17:22:31</t>
  </si>
  <si>
    <t>12/30/2019 17:19:22</t>
  </si>
  <si>
    <t>12/30/2019 17:20:37</t>
  </si>
  <si>
    <t>12/30/2019 17:23:31</t>
  </si>
  <si>
    <t>12/30/2019 17:20:06</t>
  </si>
  <si>
    <t>12/30/2019 17:25:31</t>
  </si>
  <si>
    <t>12/30/2019 17:23:06</t>
  </si>
  <si>
    <t>12/30/2019 17:21:50</t>
  </si>
  <si>
    <t>12/30/2019 17:26:31</t>
  </si>
  <si>
    <t>12/30/2019 17:22:26</t>
  </si>
  <si>
    <t>12/30/2019 17:22:43</t>
  </si>
  <si>
    <t>12/30/2019 17:23:57</t>
  </si>
  <si>
    <t>12/30/2019 17:25:11</t>
  </si>
  <si>
    <t>12/30/2019 17:25:46</t>
  </si>
  <si>
    <t>12/30/2019 17:21:58</t>
  </si>
  <si>
    <t>12/30/2019 17:27:31</t>
  </si>
  <si>
    <t>12/30/2019 17:28:32</t>
  </si>
  <si>
    <t>12/30/2019 17:26:06</t>
  </si>
  <si>
    <t>12/30/2019 17:30:32</t>
  </si>
  <si>
    <t>12/30/2019 17:29:06</t>
  </si>
  <si>
    <t>12/30/2019 17:25:28</t>
  </si>
  <si>
    <t>d488d38f-8082-47f0-b9bb-f67559ed0497.tmp</t>
  </si>
  <si>
    <t>\\acsfs\profiles$\nathaliarmr\Downloads\d488d38f-8082-47f0-b9bb-f67559ed0497.tmp</t>
  </si>
  <si>
    <t>12/30/2019 17:28:01</t>
  </si>
  <si>
    <t>12/30/2019 17:26:46</t>
  </si>
  <si>
    <t>12/30/2019 17:31:31</t>
  </si>
  <si>
    <t>12/30/2019 17:29:33</t>
  </si>
  <si>
    <t>12/30/2019 17:32:31</t>
  </si>
  <si>
    <t>12/30/2019 17:28:43</t>
  </si>
  <si>
    <t>12/30/2019 17:33:32</t>
  </si>
  <si>
    <t>12/30/2019 17:32:45</t>
  </si>
  <si>
    <t>12/30/2019 17:34:31</t>
  </si>
  <si>
    <t>12/30/2019 17:32:53</t>
  </si>
  <si>
    <t>TMO CONSOLIDADO FLAVIA-Dezembro.xlsx</t>
  </si>
  <si>
    <t>12/30/2019 17:32:06</t>
  </si>
  <si>
    <t>12/30/2019 17:35:31</t>
  </si>
  <si>
    <t>12/30/2019 17:32:33</t>
  </si>
  <si>
    <t>12/30/2019 17:36:32</t>
  </si>
  <si>
    <t>90941184-4d0a-4d78-9b02-bb634485f38f.tmp</t>
  </si>
  <si>
    <t>\\acsfs\profiles$\leandromsa\Downloads\90941184-4d0a-4d78-9b02-bb634485f38f.tmp</t>
  </si>
  <si>
    <t>12/30/2019 17:33:13</t>
  </si>
  <si>
    <t>12/30/2019 17:33:27</t>
  </si>
  <si>
    <t>12/30/2019 17:33:54</t>
  </si>
  <si>
    <t>12/30/2019 17:31:46</t>
  </si>
  <si>
    <t>12/30/2019 17:32:46</t>
  </si>
  <si>
    <t>12/30/2019 17:37:31</t>
  </si>
  <si>
    <t>12/30/2019 17:35:46</t>
  </si>
  <si>
    <t>fc85b6cb-7acc-450a-9fd5-5fc52e680528.tmp</t>
  </si>
  <si>
    <t>\\acsfs\profiles$\gabrielamdp\Downloads\fc85b6cb-7acc-450a-9fd5-5fc52e680528.tmp</t>
  </si>
  <si>
    <t>12/30/2019 17:37:34</t>
  </si>
  <si>
    <t>12/30/2019 17:38:31</t>
  </si>
  <si>
    <t>12/30/2019 17:34:44</t>
  </si>
  <si>
    <t>12/30/2019 17:39:31</t>
  </si>
  <si>
    <t>12/30/2019 17:35:36</t>
  </si>
  <si>
    <t>https://josiascdsj@algartech.com</t>
  </si>
  <si>
    <t>12/30/2019 17:36:10</t>
  </si>
  <si>
    <t>12/30/2019 17:36:31</t>
  </si>
  <si>
    <t>12/30/2019 17:36:36</t>
  </si>
  <si>
    <t>12/30/2019 17:36:40</t>
  </si>
  <si>
    <t>12/30/2019 17:36:47</t>
  </si>
  <si>
    <t>12/30/2019 17:36:55</t>
  </si>
  <si>
    <t>12/30/2019 17:35:06</t>
  </si>
  <si>
    <t>12/30/2019 17:40:31</t>
  </si>
  <si>
    <t>12/30/2019 17:38:06</t>
  </si>
  <si>
    <t>12/30/2019 17:36:53</t>
  </si>
  <si>
    <t>12/30/2019 17:41:31</t>
  </si>
  <si>
    <t>12/30/2019 17:37:23</t>
  </si>
  <si>
    <t>12/30/2019 17:38:51</t>
  </si>
  <si>
    <t>f7721764-9b48-4b3d-a2a7-d0033093cda9.tmp</t>
  </si>
  <si>
    <t>\\acsfs\profiles$\leandromsa\Downloads\f7721764-9b48-4b3d-a2a7-d0033093cda9.tmp</t>
  </si>
  <si>
    <t>12/30/2019 17:39:34</t>
  </si>
  <si>
    <t>f25b421e-4627-48fc-abbe-b4a29e85bd71.tmp</t>
  </si>
  <si>
    <t>\\acsfs\profiles$\leandromsa\Downloads\f25b421e-4627-48fc-abbe-b4a29e85bd71.tmp</t>
  </si>
  <si>
    <t>12/30/2019 17:37:46</t>
  </si>
  <si>
    <t>12/30/2019 17:38:46</t>
  </si>
  <si>
    <t>12/30/2019 17:37:30</t>
  </si>
  <si>
    <t>12/30/2019 17:42:32</t>
  </si>
  <si>
    <t>12/30/2019 17:39:29</t>
  </si>
  <si>
    <t>12/30/2019 17:37:48</t>
  </si>
  <si>
    <t>3579fa51-1e71-4b1d-b566-6a92579722d5.tmp</t>
  </si>
  <si>
    <t>\\acsfs\profiles$\brendadsl\Downloads\3579fa51-1e71-4b1d-b566-6a92579722d5.tmp</t>
  </si>
  <si>
    <t>12/30/2019 17:38:38</t>
  </si>
  <si>
    <t>aa2c1e60-4d99-4a8c-99eb-c10de0987f8c.tmp</t>
  </si>
  <si>
    <t>\\acsfs\profiles$\brendadsl\Downloads\aa2c1e60-4d99-4a8c-99eb-c10de0987f8c.tmp</t>
  </si>
  <si>
    <t>12/30/2019 17:38:56</t>
  </si>
  <si>
    <t>620a0758-2afb-4c76-95dd-175fe7dc06d8.tmp</t>
  </si>
  <si>
    <t>\\acsfs\profiles$\brendadsl\Downloads\620a0758-2afb-4c76-95dd-175fe7dc06d8.tmp</t>
  </si>
  <si>
    <t>12/30/2019 17:41:02</t>
  </si>
  <si>
    <t>12/30/2019 17:43:31</t>
  </si>
  <si>
    <t>12/30/2019 17:39:30</t>
  </si>
  <si>
    <t>12/30/2019 17:39:43</t>
  </si>
  <si>
    <t>12/30/2019 17:44:32</t>
  </si>
  <si>
    <t>12/30/2019 17:40:12</t>
  </si>
  <si>
    <t>12/30/2019 17:39:11</t>
  </si>
  <si>
    <t>12/30/2019 17:40:00</t>
  </si>
  <si>
    <t>1ae3bae6-1d36-4402-b1f7-1f37be376def.tmp</t>
  </si>
  <si>
    <t>\\acsfs\profiles$\fabianafv\Downloads\1ae3bae6-1d36-4402-b1f7-1f37be376def.tmp</t>
  </si>
  <si>
    <t>12/30/2019 17:41:07</t>
  </si>
  <si>
    <t>12/30/2019 17:45:31</t>
  </si>
  <si>
    <t>12/30/2019 17:44:06</t>
  </si>
  <si>
    <t>12/30/2019 17:44:54</t>
  </si>
  <si>
    <t>12/30/2019 17:46:31</t>
  </si>
  <si>
    <t>12/30/2019 17:45:24</t>
  </si>
  <si>
    <t>12/30/2019 17:43:46</t>
  </si>
  <si>
    <t>12/30/2019 17:44:46</t>
  </si>
  <si>
    <t>12/30/2019 17:42:19</t>
  </si>
  <si>
    <t>12/30/2019 17:47:31</t>
  </si>
  <si>
    <t>12/30/2019 17:43:49</t>
  </si>
  <si>
    <t>12/30/2019 17:45:37</t>
  </si>
  <si>
    <t>907f4473-3517-4ea4-afb8-3d750c370072.tmp</t>
  </si>
  <si>
    <t>\\acsfs\profiles$\taylaedoa\Downloads\907f4473-3517-4ea4-afb8-3d750c370072.tmp</t>
  </si>
  <si>
    <t>12/30/2019 17:44:05</t>
  </si>
  <si>
    <t>https://udpmailboxap01/h/search?si=0&amp;so=0&amp;sc=57865&amp;sfi=2&amp;st=conversation&amp;action=compose</t>
  </si>
  <si>
    <t>12/30/2019 17:44:35</t>
  </si>
  <si>
    <t>12/30/2019 17:45:05</t>
  </si>
  <si>
    <t>12/30/2019 17:44:38</t>
  </si>
  <si>
    <t>12/30/2019 17:48:32</t>
  </si>
  <si>
    <t>12/30/2019 17:47:06</t>
  </si>
  <si>
    <t>12/30/2019 17:50:31</t>
  </si>
  <si>
    <t>12/30/2019 17:46:24</t>
  </si>
  <si>
    <t>12/30/2019 17:51:32</t>
  </si>
  <si>
    <t>12/30/2019 17:50:25</t>
  </si>
  <si>
    <t>12/30/2019 17:50:10</t>
  </si>
  <si>
    <t>12/30/2019 17:50:48</t>
  </si>
  <si>
    <t>05c55e0c-65be-467a-a58e-965f1eb417af.tmp</t>
  </si>
  <si>
    <t>\\acsfs\profiles$\myllenardl\Downloads\05c55e0c-65be-467a-a58e-965f1eb417af.tmp</t>
  </si>
  <si>
    <t>12/30/2019 17:49:46</t>
  </si>
  <si>
    <t>12/30/2019 17:50:47</t>
  </si>
  <si>
    <t>12/30/2019 17:51:09</t>
  </si>
  <si>
    <t>12/30/2019 17:52:32</t>
  </si>
  <si>
    <t>12/30/2019 17:46:42</t>
  </si>
  <si>
    <t>12/30/2019 17:48:50</t>
  </si>
  <si>
    <t>f5a9df6b-69d2-464f-8e8f-6f530ffaf9f8.tmp</t>
  </si>
  <si>
    <t>\\acsfs\profiles$\taylaedoa\Downloads\f5a9df6b-69d2-464f-8e8f-6f530ffaf9f8.tmp</t>
  </si>
  <si>
    <t>12/30/2019 17:49:41</t>
  </si>
  <si>
    <t>e61966e9-e03e-439e-8ef3-a33b0cc6d8e4.tmp</t>
  </si>
  <si>
    <t>\\acsfs\profiles$\taylaedoa\Downloads\e61966e9-e03e-439e-8ef3-a33b0cc6d8e4.tmp</t>
  </si>
  <si>
    <t>12/30/2019 17:51:15</t>
  </si>
  <si>
    <t>7c776486-4247-4302-9814-dbfed290874c.tmp</t>
  </si>
  <si>
    <t>\\acsfs\profiles$\taylaedoa\Downloads\7c776486-4247-4302-9814-dbfed290874c.tmp</t>
  </si>
  <si>
    <t>12/30/2019 17:50:03</t>
  </si>
  <si>
    <t>12/30/2019 17:53:33</t>
  </si>
  <si>
    <t>12/30/2019 17:49:57</t>
  </si>
  <si>
    <t>12/30/2019 17:51:44</t>
  </si>
  <si>
    <t>12/30/2019 17:54:32</t>
  </si>
  <si>
    <t>12/30/2019 17:50:06</t>
  </si>
  <si>
    <t>12/30/2019 17:55:32</t>
  </si>
  <si>
    <t>12/30/2019 17:53:06</t>
  </si>
  <si>
    <t>12/30/2019 17:51:25</t>
  </si>
  <si>
    <t>12/30/2019 17:56:32</t>
  </si>
  <si>
    <t>12/30/2019 17:51:55</t>
  </si>
  <si>
    <t>12/30/2019 17:52:25</t>
  </si>
  <si>
    <t>12/30/2019 17:52:55</t>
  </si>
  <si>
    <t>12/30/2019 17:53:25</t>
  </si>
  <si>
    <t>12/30/2019 17:54:25</t>
  </si>
  <si>
    <t>12/30/2019 17:51:36</t>
  </si>
  <si>
    <t>316b9026-0a3a-4586-b073-4a7181bb1cb9.tmp</t>
  </si>
  <si>
    <t>\\acsfs\profiles$\leandromsa\Downloads\316b9026-0a3a-4586-b073-4a7181bb1cb9.tmp</t>
  </si>
  <si>
    <t>12/30/2019 17:52:50</t>
  </si>
  <si>
    <t>cbcda84a-32e2-4c7b-80c7-3a03f0a290eb.tmp</t>
  </si>
  <si>
    <t>\\acsfs\profiles$\leandromsa\Downloads\cbcda84a-32e2-4c7b-80c7-3a03f0a290eb.tmp</t>
  </si>
  <si>
    <t>12/30/2019 17:55:19</t>
  </si>
  <si>
    <t>12/30/2019 17:55:38</t>
  </si>
  <si>
    <t>aaec2afe-843e-4448-8adb-2236376902f4.tmp</t>
  </si>
  <si>
    <t>\\acsfs\profiles$\alessandraan\Downloads\aaec2afe-843e-4448-8adb-2236376902f4.tmp</t>
  </si>
  <si>
    <t>12/30/2019 17:55:46</t>
  </si>
  <si>
    <t>12/30/2019 17:55:39</t>
  </si>
  <si>
    <t>12/30/2019 17:56:33</t>
  </si>
  <si>
    <t>12/30/2019 17:58:33</t>
  </si>
  <si>
    <t>45d98604-8aff-4dc7-985a-bdcbbdffd439.tmp</t>
  </si>
  <si>
    <t>\\acsfs\profiles$\fabianobmf\Downloads\45d98604-8aff-4dc7-985a-bdcbbdffd439.tmp</t>
  </si>
  <si>
    <t>12/30/2019 17:56:21</t>
  </si>
  <si>
    <t>12/30/2019 17:59:32</t>
  </si>
  <si>
    <t>12/30/2019 17:56:26</t>
  </si>
  <si>
    <t>12/30/2019 17:57:25</t>
  </si>
  <si>
    <t>12/30/2019 17:56:18</t>
  </si>
  <si>
    <t>943d0fc6-13c4-4046-927d-10cd1f634dec.tmp</t>
  </si>
  <si>
    <t>\\acsfs\profiles$\mariajaf\Downloads\943d0fc6-13c4-4046-927d-10cd1f634dec.tmp</t>
  </si>
  <si>
    <t>12/30/2019 17:56:24</t>
  </si>
  <si>
    <t>12/30/2019 17:57:36</t>
  </si>
  <si>
    <t>0c43cb6a-7090-4679-af10-be82a3920242.tmp</t>
  </si>
  <si>
    <t>\\acsfs\profiles$\mariajaf\Downloads\0c43cb6a-7090-4679-af10-be82a3920242.tmp</t>
  </si>
  <si>
    <t>12/30/2019 17:56:06</t>
  </si>
  <si>
    <t>12/30/2019 18:00:32</t>
  </si>
  <si>
    <t>12/30/2019 17:59:06</t>
  </si>
  <si>
    <t>12/30/2019 17:56:14</t>
  </si>
  <si>
    <t>Resultados Equipe.xlsx</t>
  </si>
  <si>
    <t>\\acsfs\Deptos\Operacao\Banco_Votorantim\Supervisao\Flávia Constantina Nogueira\Resultados Equipe.xlsx</t>
  </si>
  <si>
    <t>12/30/2019 17:57:11</t>
  </si>
  <si>
    <t>12/30/2019 17:57:34</t>
  </si>
  <si>
    <t>12/30/2019 17:57:39</t>
  </si>
  <si>
    <t>12/30/2019 17:56:25</t>
  </si>
  <si>
    <t>12/30/2019 18:01:32</t>
  </si>
  <si>
    <t>12/30/2019 17:56:55</t>
  </si>
  <si>
    <t>12/30/2019 17:57:10</t>
  </si>
  <si>
    <t>12/30/2019 17:57:22</t>
  </si>
  <si>
    <t>12/30/2019 17:57:52</t>
  </si>
  <si>
    <t>12/30/2019 17:56:28</t>
  </si>
  <si>
    <t>12/30/2019 17:58:21</t>
  </si>
  <si>
    <t>6026a491-0182-4a93-acac-6550eeebf6b4.tmp</t>
  </si>
  <si>
    <t>\\acsfs\profiles$\rosileiam\Downloads\6026a491-0182-4a93-acac-6550eeebf6b4.tmp</t>
  </si>
  <si>
    <t>12/30/2019 18:00:10</t>
  </si>
  <si>
    <t>93dc0c64-6f04-45c8-b9e7-4b7f7293b1c4.tmp</t>
  </si>
  <si>
    <t>\\acsfs\profiles$\rosileiam\Downloads\93dc0c64-6f04-45c8-b9e7-4b7f7293b1c4.tmp</t>
  </si>
  <si>
    <t>12/30/2019 17:56:46</t>
  </si>
  <si>
    <t>12/30/2019 17:59:46</t>
  </si>
  <si>
    <t>12/30/2019 18:02:32</t>
  </si>
  <si>
    <t>9d27a3df-91a8-43e1-aff3-2c785efe8bb8.tmp</t>
  </si>
  <si>
    <t>\\acsfs\profiles$\gabrielamdp\Downloads\9d27a3df-91a8-43e1-aff3-2c785efe8bb8.tmp</t>
  </si>
  <si>
    <t>12/30/2019 18:03:32</t>
  </si>
  <si>
    <t>12/30/2019 18:00:48</t>
  </si>
  <si>
    <t>12/30/2019 18:04:32</t>
  </si>
  <si>
    <t>12/30/2019 18:01:02</t>
  </si>
  <si>
    <t>12/30/2019 18:01:08</t>
  </si>
  <si>
    <t>12/30/2019 18:01:14</t>
  </si>
  <si>
    <t>12/30/2019 18:01:22</t>
  </si>
  <si>
    <t>100014123564284;joaogvc@algartech.com;marianadjc@algartech.com;rafaelggs@algartech.com;taysdss@algartech.com;viniciussg@algartech.com;</t>
  </si>
  <si>
    <t>100014123564284,joaogvc@algartech.com,marianadjc@algartech.com,rafaelggs@algartech.com,taysdss@algartech.com,viniciussg@algartech.com</t>
  </si>
  <si>
    <t>12/30/2019 18:01:25</t>
  </si>
  <si>
    <t>100014123564284;joaogvc@algartech.com;josiascdsj@algartech.com;marianadjc@algartech.com;rafaelggs@algartech.com;taysdss@algartech.com;viniciussg@algartech.com;</t>
  </si>
  <si>
    <t>100014123564284,joaogvc@algartech.com,josiascdsj@algartech.com,marianadjc@algartech.com,rafaelggs@algartech.com,taysdss@algartech.com,viniciussg@algartech.com</t>
  </si>
  <si>
    <t>12/30/2019 18:02:10</t>
  </si>
  <si>
    <t>12/30/2019 18:02:27</t>
  </si>
  <si>
    <t>12/30/2019 18:03:04</t>
  </si>
  <si>
    <t>12/30/2019 18:03:17</t>
  </si>
  <si>
    <t>12/30/2019 18:03:39</t>
  </si>
  <si>
    <t>12/30/2019 18:02:06</t>
  </si>
  <si>
    <t>12/30/2019 18:05:32</t>
  </si>
  <si>
    <t>12/30/2019 18:05:16</t>
  </si>
  <si>
    <t>12/30/2019 18:02:56</t>
  </si>
  <si>
    <t>12/30/2019 18:06:32</t>
  </si>
  <si>
    <t>12/30/2019 18:01:28</t>
  </si>
  <si>
    <t>https://udpmailboxap01/h/search?si=0&amp;so=0&amp;sc=57904&amp;sfi=2&amp;st=message&amp;action=compose</t>
  </si>
  <si>
    <t>12/30/2019 18:01:50</t>
  </si>
  <si>
    <t>12/30/2019 18:01:46</t>
  </si>
  <si>
    <t>12/30/2019 18:02:46</t>
  </si>
  <si>
    <t>12/30/2019 18:04:59</t>
  </si>
  <si>
    <t>12/30/2019 18:08:33</t>
  </si>
  <si>
    <t>ef1fd3ed-3196-4d0e-8390-c112d59b75ea.tmp</t>
  </si>
  <si>
    <t>\\acsfs\profiles$\fabianobmf\Downloads\ef1fd3ed-3196-4d0e-8390-c112d59b75ea.tmp</t>
  </si>
  <si>
    <t>12/30/2019 18:03:59</t>
  </si>
  <si>
    <t>12/30/2019 18:09:32</t>
  </si>
  <si>
    <t>12/30/2019 18:04:15</t>
  </si>
  <si>
    <t>12/30/2019 18:04:40</t>
  </si>
  <si>
    <t>12/30/2019 18:06:33</t>
  </si>
  <si>
    <t>12/30/2019 18:05:06</t>
  </si>
  <si>
    <t>12/30/2019 18:10:33</t>
  </si>
  <si>
    <t>12/30/2019 18:08:06</t>
  </si>
  <si>
    <t>12/30/2019 18:09:42</t>
  </si>
  <si>
    <t>12/30/2019 18:11:32</t>
  </si>
  <si>
    <t>ffa050dd-f36e-4b5e-883f-21932db38dc0.tmp</t>
  </si>
  <si>
    <t>\\acsfs\profiles$\leandromsa\Downloads\ffa050dd-f36e-4b5e-883f-21932db38dc0.tmp</t>
  </si>
  <si>
    <t>12/30/2019 18:08:00</t>
  </si>
  <si>
    <t>12/30/2019 18:08:46</t>
  </si>
  <si>
    <t>12/30/2019 18:10:46</t>
  </si>
  <si>
    <t>12/30/2019 18:12:32</t>
  </si>
  <si>
    <t>12/30/2019 18:08:49</t>
  </si>
  <si>
    <t>12/30/2019 18:13:32</t>
  </si>
  <si>
    <t>12/30/2019 18:09:46</t>
  </si>
  <si>
    <t>12/30/2019 18:11:06</t>
  </si>
  <si>
    <t>12/30/2019 18:15:32</t>
  </si>
  <si>
    <t>12/30/2019 18:14:06</t>
  </si>
  <si>
    <t>12/30/2019 18:11:45</t>
  </si>
  <si>
    <t>2c5c42e2-961b-4fdf-bf6b-9d0f1ee5cf65.tmp</t>
  </si>
  <si>
    <t>\\acsfs\profiles$\nathaliarmr\Downloads\2c5c42e2-961b-4fdf-bf6b-9d0f1ee5cf65.tmp</t>
  </si>
  <si>
    <t>12/30/2019 18:11:24</t>
  </si>
  <si>
    <t>12/30/2019 18:16:32</t>
  </si>
  <si>
    <t>12/30/2019 18:13:46</t>
  </si>
  <si>
    <t>12/30/2019 18:14:46</t>
  </si>
  <si>
    <t>12/30/2019 18:13:38</t>
  </si>
  <si>
    <t>12/30/2019 18:17:32</t>
  </si>
  <si>
    <t>12/30/2019 18:14:28</t>
  </si>
  <si>
    <t>12/30/2019 18:19:32</t>
  </si>
  <si>
    <t>12/30/2019 18:14:36</t>
  </si>
  <si>
    <t>12/30/2019 18:14:39</t>
  </si>
  <si>
    <t>12/30/2019 18:14:43</t>
  </si>
  <si>
    <t>12/30/2019 18:15:03</t>
  </si>
  <si>
    <t>12/30/2019 18:15:08</t>
  </si>
  <si>
    <t>12/30/2019 18:15:26</t>
  </si>
  <si>
    <t>12/30/2019 18:15:34</t>
  </si>
  <si>
    <t>12/30/2019 18:15:57</t>
  </si>
  <si>
    <t>12/30/2019 18:16:00</t>
  </si>
  <si>
    <t>12/30/2019 18:16:53</t>
  </si>
  <si>
    <t>12/30/2019 18:16:59</t>
  </si>
  <si>
    <t>12/30/2019 18:17:03</t>
  </si>
  <si>
    <t>12/30/2019 18:17:18</t>
  </si>
  <si>
    <t>12/30/2019 18:17:24</t>
  </si>
  <si>
    <t>12/30/2019 18:17:26</t>
  </si>
  <si>
    <t>12/30/2019 18:17:33</t>
  </si>
  <si>
    <t>12/30/2019 18:17:44</t>
  </si>
  <si>
    <t>12/30/2019 18:17:55</t>
  </si>
  <si>
    <t>12/30/2019 18:17:06</t>
  </si>
  <si>
    <t>12/30/2019 18:20:33</t>
  </si>
  <si>
    <t>12/30/2019 18:19:50</t>
  </si>
  <si>
    <t>12/30/2019 18:21:33</t>
  </si>
  <si>
    <t>12/30/2019 18:20:17</t>
  </si>
  <si>
    <t>12/30/2019 18:19:46</t>
  </si>
  <si>
    <t>12/30/2019 18:20:46</t>
  </si>
  <si>
    <t>12/30/2019 18:18:35</t>
  </si>
  <si>
    <t>12/30/2019 18:22:34</t>
  </si>
  <si>
    <t>16dfff97-d589-4ce2-a8bc-9d9bb2c095ef.tmp</t>
  </si>
  <si>
    <t>\\acsfs\profiles$\brendadsl\Downloads\16dfff97-d589-4ce2-a8bc-9d9bb2c095ef.tmp</t>
  </si>
  <si>
    <t>12/30/2019 18:21:19</t>
  </si>
  <si>
    <t>12/30/2019 18:23:33</t>
  </si>
  <si>
    <t>12/30/2019 18:24:33</t>
  </si>
  <si>
    <t>12/30/2019 18:22:14</t>
  </si>
  <si>
    <t>12/30/2019 18:22:50</t>
  </si>
  <si>
    <t>12/30/2019 18:23:14</t>
  </si>
  <si>
    <t>12/30/2019 18:23:35</t>
  </si>
  <si>
    <t>12/30/2019 18:24:24</t>
  </si>
  <si>
    <t>12/30/2019 18:25:33</t>
  </si>
  <si>
    <t>12/30/2019 18:20:06</t>
  </si>
  <si>
    <t>12/30/2019 18:23:06</t>
  </si>
  <si>
    <t>12/30/2019 18:22:22</t>
  </si>
  <si>
    <t>12/30/2019 18:26:33</t>
  </si>
  <si>
    <t>janaynatro</t>
  </si>
  <si>
    <t>\\acsfs\profiles$\janaynatro\Downloads\</t>
  </si>
  <si>
    <t>72b8274b-d6f7-4f34-aa32-40fcae2565a8.tmp</t>
  </si>
  <si>
    <t>\\acsfs\profiles$\janaynatro\Downloads\72b8274b-d6f7-4f34-aa32-40fcae2565a8.tmp</t>
  </si>
  <si>
    <t>12/30/2019 18:22:30</t>
  </si>
  <si>
    <t>Unconfirmed 2735.crdownload</t>
  </si>
  <si>
    <t>\\acsfs\profiles$\janaynatro\Downloads\Unconfirmed 2735.crdownload</t>
  </si>
  <si>
    <t>79d3d2ca-d9e4-48ad-bfbe-99ecab705e38.tmp</t>
  </si>
  <si>
    <t>\\acsfs\profiles$\janaynatro\Downloads\79d3d2ca-d9e4-48ad-bfbe-99ecab705e38.tmp</t>
  </si>
  <si>
    <t>12/30/2019 18:22:39</t>
  </si>
  <si>
    <t>Unconfirmed 878934.crdownload</t>
  </si>
  <si>
    <t>\\acsfs\profiles$\janaynatro\Downloads\Unconfirmed 878934.crdownload</t>
  </si>
  <si>
    <t>46a93709-c540-4452-bdc1-2a8d5e59e4b5.tmp</t>
  </si>
  <si>
    <t>\\acsfs\profiles$\janaynatro\Downloads\46a93709-c540-4452-bdc1-2a8d5e59e4b5.tmp</t>
  </si>
  <si>
    <t>12/30/2019 18:22:41</t>
  </si>
  <si>
    <t>12/30/2019 18:25:46</t>
  </si>
  <si>
    <t>12/30/2019 18:23:13</t>
  </si>
  <si>
    <t>12/30/2019 18:27:33</t>
  </si>
  <si>
    <t>83f477cc-fd08-4c42-b68a-e9ad59470df1.tmp</t>
  </si>
  <si>
    <t>\\acsfs\profiles$\marcosvnds\Downloads\83f477cc-fd08-4c42-b68a-e9ad59470df1.tmp</t>
  </si>
  <si>
    <t>12/30/2019 18:25:00</t>
  </si>
  <si>
    <t>5dc33a05-354a-4a15-8206-1806cccd6bb8.tmp</t>
  </si>
  <si>
    <t>\\acsfs\profiles$\taylaedoa\Downloads\5dc33a05-354a-4a15-8206-1806cccd6bb8.tmp</t>
  </si>
  <si>
    <t>12/30/2019 18:26:54</t>
  </si>
  <si>
    <t>12/30/2019 18:28:33</t>
  </si>
  <si>
    <t>12/30/2019 18:24:26</t>
  </si>
  <si>
    <t>12/30/2019 18:29:33</t>
  </si>
  <si>
    <t>12/30/2019 18:28:24</t>
  </si>
  <si>
    <t>12/30/2019 18:26:06</t>
  </si>
  <si>
    <t>12/30/2019 18:30:33</t>
  </si>
  <si>
    <t>12/30/2019 18:29:06</t>
  </si>
  <si>
    <t>12/30/2019 18:26:46</t>
  </si>
  <si>
    <t>12/30/2019 18:31:33</t>
  </si>
  <si>
    <t>12/30/2019 18:27:02</t>
  </si>
  <si>
    <t>12/30/2019 18:32:34</t>
  </si>
  <si>
    <t>12/30/2019 18:28:37</t>
  </si>
  <si>
    <t>12/30/2019 18:33:24</t>
  </si>
  <si>
    <t>12/30/2019 18:33:33</t>
  </si>
  <si>
    <t>12/30/2019 18:31:38</t>
  </si>
  <si>
    <t>12/30/2019 18:34:33</t>
  </si>
  <si>
    <t>12/30/2019 18:31:45</t>
  </si>
  <si>
    <t>12/30/2019 18:31:52</t>
  </si>
  <si>
    <t>12/30/2019 18:32:33</t>
  </si>
  <si>
    <t>12/30/2019 18:32:36</t>
  </si>
  <si>
    <t>12/30/2019 18:32:39</t>
  </si>
  <si>
    <t>12/30/2019 18:32:47</t>
  </si>
  <si>
    <t>12/30/2019 18:32:56</t>
  </si>
  <si>
    <t>12/30/2019 18:32:06</t>
  </si>
  <si>
    <t>12/30/2019 18:35:33</t>
  </si>
  <si>
    <t>12/30/2019 18:32:22</t>
  </si>
  <si>
    <t>482c0bb0-d068-425e-81e7-9c7b7645fe66.tmp</t>
  </si>
  <si>
    <t>\\acsfs\profiles$\cintiadjl\Downloads\482c0bb0-d068-425e-81e7-9c7b7645fe66.tmp</t>
  </si>
  <si>
    <t>12/30/2019 18:33:26</t>
  </si>
  <si>
    <t>12/30/2019 18:33:22</t>
  </si>
  <si>
    <t>12/30/2019 18:36:33</t>
  </si>
  <si>
    <t>9ed57fc5-8b4b-4751-ba4a-8a448a6bdb04.tmp</t>
  </si>
  <si>
    <t>\\acsfs\profiles$\leandromsa\Downloads\9ed57fc5-8b4b-4751-ba4a-8a448a6bdb04.tmp</t>
  </si>
  <si>
    <t>12/30/2019 18:31:46</t>
  </si>
  <si>
    <t>12/30/2019 18:32:46</t>
  </si>
  <si>
    <t>12/30/2019 18:36:15</t>
  </si>
  <si>
    <t>12/30/2019 18:38:33</t>
  </si>
  <si>
    <t>12/30/2019 18:36:17</t>
  </si>
  <si>
    <t>12/30/2019 18:35:23</t>
  </si>
  <si>
    <t>79372fd1-c415-4c08-952f-f9347d0fdbce.tmp</t>
  </si>
  <si>
    <t>\\acsfs\profiles$\erichds\Downloads\79372fd1-c415-4c08-952f-f9347d0fdbce.tmp</t>
  </si>
  <si>
    <t>12/30/2019 18:35:48</t>
  </si>
  <si>
    <t>1aeb69d1-4e5e-4149-9826-0f51b4f34934.tmp</t>
  </si>
  <si>
    <t>\\acsfs\profiles$\erichds\Downloads\1aeb69d1-4e5e-4149-9826-0f51b4f34934.tmp</t>
  </si>
  <si>
    <t>12/30/2019 18:38:21</t>
  </si>
  <si>
    <t>12/30/2019 18:39:33</t>
  </si>
  <si>
    <t>bd632757-6b8c-4514-bd4f-0e7a5739cc78.tmp</t>
  </si>
  <si>
    <t>\\acsfs\profiles$\mariajaf\Downloads\bd632757-6b8c-4514-bd4f-0e7a5739cc78.tmp</t>
  </si>
  <si>
    <t>12/30/2019 18:35:06</t>
  </si>
  <si>
    <t>12/30/2019 18:40:33</t>
  </si>
  <si>
    <t>12/30/2019 18:38:06</t>
  </si>
  <si>
    <t>12/30/2019 18:36:57</t>
  </si>
  <si>
    <t>06330080-2b05-44c0-b1bd-e263432c2a1f.tmp</t>
  </si>
  <si>
    <t>\\acsfs\profiles$\cintiadjl\Downloads\06330080-2b05-44c0-b1bd-e263432c2a1f.tmp</t>
  </si>
  <si>
    <t>12/30/2019 18:36:56</t>
  </si>
  <si>
    <t>12/30/2019 18:41:34</t>
  </si>
  <si>
    <t>12/30/2019 18:37:46</t>
  </si>
  <si>
    <t>12/30/2019 18:38:46</t>
  </si>
  <si>
    <t>12/30/2019 18:41:07</t>
  </si>
  <si>
    <t>12/30/2019 18:45:33</t>
  </si>
  <si>
    <t>12/30/2019 18:44:06</t>
  </si>
  <si>
    <t>12/30/2019 18:43:46</t>
  </si>
  <si>
    <t>12/30/2019 18:46:34</t>
  </si>
  <si>
    <t>12/30/2019 18:44:46</t>
  </si>
  <si>
    <t>12/30/2019 18:45:25</t>
  </si>
  <si>
    <t>12/30/2019 18:49:34</t>
  </si>
  <si>
    <t>12/30/2019 18:44:50</t>
  </si>
  <si>
    <t>12/30/2019 18:50:33</t>
  </si>
  <si>
    <t>12/30/2019 18:47:06</t>
  </si>
  <si>
    <t>12/30/2019 18:49:46</t>
  </si>
  <si>
    <t>12/30/2019 18:51:33</t>
  </si>
  <si>
    <t>12/30/2019 18:50:46</t>
  </si>
  <si>
    <t>12/30/2019 18:53:34</t>
  </si>
  <si>
    <t>12/30/2019 18:54:33</t>
  </si>
  <si>
    <t>12/30/2019 18:50:12</t>
  </si>
  <si>
    <t>12/30/2019 18:50:19</t>
  </si>
  <si>
    <t>12/30/2019 18:50:30</t>
  </si>
  <si>
    <t>12/30/2019 18:50:35</t>
  </si>
  <si>
    <t>12/30/2019 18:50:39</t>
  </si>
  <si>
    <t>12/30/2019 18:50:42</t>
  </si>
  <si>
    <t>12/30/2019 18:50:45</t>
  </si>
  <si>
    <t>12/30/2019 18:50:52</t>
  </si>
  <si>
    <t>12/30/2019 18:51:00</t>
  </si>
  <si>
    <t>12/30/2019 18:53:39</t>
  </si>
  <si>
    <t>12/30/2019 18:50:06</t>
  </si>
  <si>
    <t>12/30/2019 18:55:33</t>
  </si>
  <si>
    <t>12/30/2019 18:53:06</t>
  </si>
  <si>
    <t>12/30/2019 18:54:56</t>
  </si>
  <si>
    <t>ca365502-4987-4c0a-be04-e28cac69701f.tmp</t>
  </si>
  <si>
    <t>\\acsfs\profiles$\henriqueco\Downloads\ca365502-4987-4c0a-be04-e28cac69701f.tmp</t>
  </si>
  <si>
    <t>12/30/2019 18:55:34</t>
  </si>
  <si>
    <t>12/30/2019 18:56:33</t>
  </si>
  <si>
    <t>12/30/2019 18:53:48</t>
  </si>
  <si>
    <t>12/30/2019 18:53:49</t>
  </si>
  <si>
    <t>12/30/2019 18:55:46</t>
  </si>
  <si>
    <t>12/30/2019 18:55:36</t>
  </si>
  <si>
    <t>12/30/2019 18:58:33</t>
  </si>
  <si>
    <t>12/30/2019 18:54:01</t>
  </si>
  <si>
    <t>12/30/2019 18:54:02</t>
  </si>
  <si>
    <t>12/30/2019 18:54:03</t>
  </si>
  <si>
    <t>12/30/2019 18:54:05</t>
  </si>
  <si>
    <t>12/30/2019 18:54:09</t>
  </si>
  <si>
    <t>12/30/2019 18:54:10</t>
  </si>
  <si>
    <t>12/30/2019 18:54:11</t>
  </si>
  <si>
    <t>12/30/2019 18:54:13</t>
  </si>
  <si>
    <t>12/30/2019 18:54:14</t>
  </si>
  <si>
    <t>12/30/2019 18:54:15</t>
  </si>
  <si>
    <t>12/30/2019 18:54:17</t>
  </si>
  <si>
    <t>12/30/2019 18:54:23</t>
  </si>
  <si>
    <t>12/30/2019 18:54:24</t>
  </si>
  <si>
    <t>12/30/2019 18:54:25</t>
  </si>
  <si>
    <t>12/30/2019 18:54:26</t>
  </si>
  <si>
    <t>12/30/2019 18:54:31</t>
  </si>
  <si>
    <t>12/30/2019 18:54:36</t>
  </si>
  <si>
    <t>12/30/2019 18:54:45</t>
  </si>
  <si>
    <t>12/30/2019 18:54:51</t>
  </si>
  <si>
    <t>12/30/2019 18:54:52</t>
  </si>
  <si>
    <t>12/30/2019 18:54:53</t>
  </si>
  <si>
    <t>12/30/2019 18:54:58</t>
  </si>
  <si>
    <t>12/30/2019 18:55:29</t>
  </si>
  <si>
    <t>12/30/2019 18:55:30</t>
  </si>
  <si>
    <t>12/30/2019 18:55:32</t>
  </si>
  <si>
    <t>12/30/2019 18:55:35</t>
  </si>
  <si>
    <t>12/30/2019 18:55:37</t>
  </si>
  <si>
    <t>12/30/2019 18:55:38</t>
  </si>
  <si>
    <t>12/30/2019 18:55:39</t>
  </si>
  <si>
    <t>12/30/2019 18:55:43</t>
  </si>
  <si>
    <t>12/30/2019 18:55:45</t>
  </si>
  <si>
    <t>12/30/2019 18:55:47</t>
  </si>
  <si>
    <t>12/30/2019 18:55:48</t>
  </si>
  <si>
    <t>12/30/2019 18:55:52</t>
  </si>
  <si>
    <t>12/30/2019 18:55:53</t>
  </si>
  <si>
    <t>12/30/2019 18:55:58</t>
  </si>
  <si>
    <t>12/30/2019 18:55:59</t>
  </si>
  <si>
    <t>12/30/2019 18:56:00</t>
  </si>
  <si>
    <t>12/30/2019 18:56:01</t>
  </si>
  <si>
    <t>12/30/2019 18:56:04</t>
  </si>
  <si>
    <t>12/30/2019 18:56:09</t>
  </si>
  <si>
    <t>12/30/2019 18:56:13</t>
  </si>
  <si>
    <t>12/30/2019 18:56:14</t>
  </si>
  <si>
    <t>12/30/2019 18:56:16</t>
  </si>
  <si>
    <t>12/30/2019 18:56:26</t>
  </si>
  <si>
    <t>12/30/2019 18:56:27</t>
  </si>
  <si>
    <t>12/30/2019 18:56:28</t>
  </si>
  <si>
    <t>12/30/2019 18:56:29</t>
  </si>
  <si>
    <t>12/30/2019 18:56:36</t>
  </si>
  <si>
    <t>12/30/2019 18:56:38</t>
  </si>
  <si>
    <t>12/30/2019 18:56:39</t>
  </si>
  <si>
    <t>12/30/2019 18:56:40</t>
  </si>
  <si>
    <t>12/30/2019 18:56:41</t>
  </si>
  <si>
    <t>12/30/2019 18:56:42</t>
  </si>
  <si>
    <t>12/30/2019 18:56:46</t>
  </si>
  <si>
    <t>12/30/2019 18:56:47</t>
  </si>
  <si>
    <t>12/30/2019 18:56:48</t>
  </si>
  <si>
    <t>12/30/2019 18:56:50</t>
  </si>
  <si>
    <t>12/30/2019 18:56:51</t>
  </si>
  <si>
    <t>12/30/2019 18:56:52</t>
  </si>
  <si>
    <t>12/30/2019 18:56:55</t>
  </si>
  <si>
    <t>12/30/2019 18:56:56</t>
  </si>
  <si>
    <t>12/30/2019 18:56:58</t>
  </si>
  <si>
    <t>12/30/2019 18:56:59</t>
  </si>
  <si>
    <t>12/30/2019 18:57:01</t>
  </si>
  <si>
    <t>12/30/2019 18:57:03</t>
  </si>
  <si>
    <t>12/30/2019 18:57:05</t>
  </si>
  <si>
    <t>12/30/2019 18:57:07</t>
  </si>
  <si>
    <t>12/30/2019 18:57:08</t>
  </si>
  <si>
    <t>12/30/2019 18:57:09</t>
  </si>
  <si>
    <t>12/30/2019 18:57:10</t>
  </si>
  <si>
    <t>12/30/2019 18:57:12</t>
  </si>
  <si>
    <t>12/30/2019 18:57:14</t>
  </si>
  <si>
    <t>12/30/2019 18:57:17</t>
  </si>
  <si>
    <t>12/30/2019 18:57:33</t>
  </si>
  <si>
    <t>12/30/2019 18:57:34</t>
  </si>
  <si>
    <t>12/30/2019 18:57:35</t>
  </si>
  <si>
    <t>12/30/2019 18:57:37</t>
  </si>
  <si>
    <t>12/30/2019 18:57:38</t>
  </si>
  <si>
    <t>12/30/2019 18:57:39</t>
  </si>
  <si>
    <t>12/30/2019 18:57:42</t>
  </si>
  <si>
    <t>12/30/2019 18:57:44</t>
  </si>
  <si>
    <t>12/30/2019 18:57:46</t>
  </si>
  <si>
    <t>12/30/2019 18:57:47</t>
  </si>
  <si>
    <t>12/30/2019 18:57:48</t>
  </si>
  <si>
    <t>12/30/2019 18:57:53</t>
  </si>
  <si>
    <t>12/30/2019 18:57:54</t>
  </si>
  <si>
    <t>12/30/2019 18:58:15</t>
  </si>
  <si>
    <t>12/30/2019 18:58:18</t>
  </si>
  <si>
    <t>12/30/2019 18:58:20</t>
  </si>
  <si>
    <t>12/30/2019 18:58:21</t>
  </si>
  <si>
    <t>12/30/2019 18:58:44</t>
  </si>
  <si>
    <t>12/30/2019 19:00:33</t>
  </si>
  <si>
    <t>12/30/2019 18:58:51</t>
  </si>
  <si>
    <t>12/30/2019 18:56:06</t>
  </si>
  <si>
    <t>12/30/2019 18:59:06</t>
  </si>
  <si>
    <t>12/30/2019 19:01:33</t>
  </si>
  <si>
    <t>12/30/2019 19:00:23</t>
  </si>
  <si>
    <t>12/30/2019 18:59:46</t>
  </si>
  <si>
    <t>12/30/2019 19:00:19</t>
  </si>
  <si>
    <t>12/30/2019 19:02:33</t>
  </si>
  <si>
    <t>12/30/2019 18:58:24</t>
  </si>
  <si>
    <t>12/30/2019 19:03:33</t>
  </si>
  <si>
    <t>12/30/2019 18:58:26</t>
  </si>
  <si>
    <t>12/30/2019 18:58:39</t>
  </si>
  <si>
    <t>12/30/2019 19:02:55</t>
  </si>
  <si>
    <t>12/30/2019 19:04:32</t>
  </si>
  <si>
    <t>12/30/2019 19:03:03</t>
  </si>
  <si>
    <t>12/30/2019 19:02:50</t>
  </si>
  <si>
    <t>12/30/2019 19:05:33</t>
  </si>
  <si>
    <t>12/30/2019 19:02:06</t>
  </si>
  <si>
    <t>12/30/2019 19:01:46</t>
  </si>
  <si>
    <t>12/30/2019 19:06:33</t>
  </si>
  <si>
    <t>12/30/2019 19:05:46</t>
  </si>
  <si>
    <t>12/30/2019 19:02:46</t>
  </si>
  <si>
    <t>12/30/2019 19:07:33</t>
  </si>
  <si>
    <t>12/30/2019 19:06:37</t>
  </si>
  <si>
    <t>12/30/2019 19:08:33</t>
  </si>
  <si>
    <t>12/30/2019 19:04:03</t>
  </si>
  <si>
    <t>12/30/2019 19:08:24</t>
  </si>
  <si>
    <t>12/30/2019 19:08:26</t>
  </si>
  <si>
    <t>12/30/2019 19:05:06</t>
  </si>
  <si>
    <t>12/30/2019 19:10:34</t>
  </si>
  <si>
    <t>12/30/2019 19:08:06</t>
  </si>
  <si>
    <t>12/30/2019 19:05:27</t>
  </si>
  <si>
    <t>12/30/2019 19:08:35</t>
  </si>
  <si>
    <t>12/30/2019 19:11:33</t>
  </si>
  <si>
    <t>12/30/2019 19:06:09</t>
  </si>
  <si>
    <t>12/30/2019 19:07:46</t>
  </si>
  <si>
    <t>12/30/2019 19:07:17</t>
  </si>
  <si>
    <t>12/30/2019 19:12:33</t>
  </si>
  <si>
    <t>adicional metlife.txt</t>
  </si>
  <si>
    <t>\\acsfs\profiles$\thaynaracsl\My Documents\adicional metlife.txt</t>
  </si>
  <si>
    <t>12/30/2019 19:09:32</t>
  </si>
  <si>
    <t>12/30/2019 19:08:27</t>
  </si>
  <si>
    <t>12/30/2019 19:13:33</t>
  </si>
  <si>
    <t>12/30/2019 19:08:28</t>
  </si>
  <si>
    <t>12/30/2019 19:08:30</t>
  </si>
  <si>
    <t>12/30/2019 19:08:32</t>
  </si>
  <si>
    <t>12/30/2019 19:08:36</t>
  </si>
  <si>
    <t>12/30/2019 19:08:41</t>
  </si>
  <si>
    <t>12/30/2019 19:08:52</t>
  </si>
  <si>
    <t>12/30/2019 19:09:48</t>
  </si>
  <si>
    <t>12/30/2019 19:09:52</t>
  </si>
  <si>
    <t>12/30/2019 19:09:53</t>
  </si>
  <si>
    <t>12/30/2019 19:09:54</t>
  </si>
  <si>
    <t>12/30/2019 19:14:33</t>
  </si>
  <si>
    <t>12/30/2019 19:09:55</t>
  </si>
  <si>
    <t>12/30/2019 19:09:58</t>
  </si>
  <si>
    <t>12/30/2019 19:10:03</t>
  </si>
  <si>
    <t>12/30/2019 19:11:06</t>
  </si>
  <si>
    <t>12/30/2019 19:15:33</t>
  </si>
  <si>
    <t>12/30/2019 19:14:06</t>
  </si>
  <si>
    <t>12/30/2019 19:15:13</t>
  </si>
  <si>
    <t>12/30/2019 19:10:37</t>
  </si>
  <si>
    <t>151b20f5-1507-43f4-acb7-1f2bb7f35c14.tmp</t>
  </si>
  <si>
    <t>\\acsfs\profiles$\andreapdsg\Downloads\151b20f5-1507-43f4-acb7-1f2bb7f35c14.tmp</t>
  </si>
  <si>
    <t>12/30/2019 19:12:01</t>
  </si>
  <si>
    <t>12/30/2019 19:16:33</t>
  </si>
  <si>
    <t>12/30/2019 19:11:46</t>
  </si>
  <si>
    <t>12/30/2019 19:13:46</t>
  </si>
  <si>
    <t>12/30/2019 19:16:39</t>
  </si>
  <si>
    <t>12/30/2019 19:17:33</t>
  </si>
  <si>
    <t>12/30/2019 19:17:32</t>
  </si>
  <si>
    <t>12/30/2019 19:18:33</t>
  </si>
  <si>
    <t>12/30/2019 19:17:06</t>
  </si>
  <si>
    <t>12/30/2019 19:20:33</t>
  </si>
  <si>
    <t>12/30/2019 19:17:46</t>
  </si>
  <si>
    <t>12/30/2019 19:21:33</t>
  </si>
  <si>
    <t>12/30/2019 19:19:46</t>
  </si>
  <si>
    <t>12/30/2019 19:18:43</t>
  </si>
  <si>
    <t>12/30/2019 19:22:33</t>
  </si>
  <si>
    <t>04c4de08-2b19-4cc9-a205-9cef08a10d69.tmp</t>
  </si>
  <si>
    <t>\\acsfs\profiles$\gabrielamdp\Downloads\04c4de08-2b19-4cc9-a205-9cef08a10d69.tmp</t>
  </si>
  <si>
    <t>12/30/2019 19:20:50</t>
  </si>
  <si>
    <t>12/30/2019 19:23:33</t>
  </si>
  <si>
    <t>12/30/2019 19:22:06</t>
  </si>
  <si>
    <t>12/30/2019 19:22:35</t>
  </si>
  <si>
    <t>12/30/2019 19:18:51</t>
  </si>
  <si>
    <t>12/30/2019 19:24:33</t>
  </si>
  <si>
    <t>12/30/2019 19:18:52</t>
  </si>
  <si>
    <t>12/30/2019 19:20:46</t>
  </si>
  <si>
    <t>c88a43f4-73a8-4a3e-ac86-512c8e5d42d1.tmp</t>
  </si>
  <si>
    <t>\\acsfs\profiles$\victorgl\Downloads\c88a43f4-73a8-4a3e-ac86-512c8e5d42d1.tmp</t>
  </si>
  <si>
    <t>12/30/2019 19:21:23</t>
  </si>
  <si>
    <t>ec572d67-3e1f-41d7-bbc2-fa8a9847a5c3.tmp</t>
  </si>
  <si>
    <t>\\acsfs\profiles$\victorgl\Downloads\ec572d67-3e1f-41d7-bbc2-fa8a9847a5c3.tmp</t>
  </si>
  <si>
    <t>12/30/2019 19:20:06</t>
  </si>
  <si>
    <t>12/30/2019 19:25:33</t>
  </si>
  <si>
    <t>12/30/2019 19:23:06</t>
  </si>
  <si>
    <t>12/30/2019 19:21:52</t>
  </si>
  <si>
    <t>12/30/2019 19:26:33</t>
  </si>
  <si>
    <t>12/30/2019 19:23:54</t>
  </si>
  <si>
    <t>12/30/2019 19:25:46</t>
  </si>
  <si>
    <t>12/30/2019 19:25:48</t>
  </si>
  <si>
    <t>12/30/2019 19:27:33</t>
  </si>
  <si>
    <t>12/30/2019 19:24:29</t>
  </si>
  <si>
    <t>12/30/2019 19:28:33</t>
  </si>
  <si>
    <t>12/30/2019 19:25:04</t>
  </si>
  <si>
    <t>12/30/2019 19:24:16</t>
  </si>
  <si>
    <t>12/30/2019 19:29:33</t>
  </si>
  <si>
    <t>94e5cdc6-2d45-4e05-aef2-611ecd6b76ef.tmp</t>
  </si>
  <si>
    <t>\\acsfs\profiles$\victorgl\Downloads\94e5cdc6-2d45-4e05-aef2-611ecd6b76ef.tmp</t>
  </si>
  <si>
    <t>12/30/2019 19:26:06</t>
  </si>
  <si>
    <t>12/30/2019 19:30:32</t>
  </si>
  <si>
    <t>12/30/2019 19:29:32</t>
  </si>
  <si>
    <t>12/30/2019 19:29:46</t>
  </si>
  <si>
    <t>12/30/2019 19:31:33</t>
  </si>
  <si>
    <t>12/30/2019 19:29:40</t>
  </si>
  <si>
    <t>12/30/2019 19:34:33</t>
  </si>
  <si>
    <t>12/30/2019 19:29:41</t>
  </si>
  <si>
    <t>12/30/2019 19:29:43</t>
  </si>
  <si>
    <t>12/30/2019 19:29:45</t>
  </si>
  <si>
    <t>12/30/2019 19:29:49</t>
  </si>
  <si>
    <t>12/30/2019 19:29:50</t>
  </si>
  <si>
    <t>12/30/2019 19:29:59</t>
  </si>
  <si>
    <t>12/30/2019 19:30:04</t>
  </si>
  <si>
    <t>12/30/2019 19:30:07</t>
  </si>
  <si>
    <t>12/30/2019 19:30:11</t>
  </si>
  <si>
    <t>12/30/2019 19:30:41</t>
  </si>
  <si>
    <t>12/30/2019 19:31:10</t>
  </si>
  <si>
    <t>12/30/2019 19:31:15</t>
  </si>
  <si>
    <t>12/30/2019 19:31:16</t>
  </si>
  <si>
    <t>12/30/2019 19:31:17</t>
  </si>
  <si>
    <t>12/30/2019 19:31:18</t>
  </si>
  <si>
    <t>12/30/2019 19:32:18</t>
  </si>
  <si>
    <t>12/30/2019 19:32:28</t>
  </si>
  <si>
    <t>12/30/2019 19:32:06</t>
  </si>
  <si>
    <t>12/30/2019 19:35:32</t>
  </si>
  <si>
    <t>12/30/2019 19:31:46</t>
  </si>
  <si>
    <t>12/30/2019 19:36:33</t>
  </si>
  <si>
    <t>12/30/2019 19:35:46</t>
  </si>
  <si>
    <t>12/30/2019 19:37:40</t>
  </si>
  <si>
    <t>12/30/2019 19:39:33</t>
  </si>
  <si>
    <t>adbc9023-cfeb-49f2-8d38-3afa8b07d8ef.tmp</t>
  </si>
  <si>
    <t>\\acsfs\profiles$\victorgl\Downloads\adbc9023-cfeb-49f2-8d38-3afa8b07d8ef.tmp</t>
  </si>
  <si>
    <t>12/30/2019 19:35:06</t>
  </si>
  <si>
    <t>12/30/2019 19:40:33</t>
  </si>
  <si>
    <t>12/30/2019 19:38:06</t>
  </si>
  <si>
    <t>12/30/2019 19:37:55</t>
  </si>
  <si>
    <t>12/30/2019 19:37:49</t>
  </si>
  <si>
    <t>12/30/2019 19:41:33</t>
  </si>
  <si>
    <t>12/30/2019 19:37:46</t>
  </si>
  <si>
    <t>12/30/2019 19:41:21</t>
  </si>
  <si>
    <t>12/30/2019 19:42:33</t>
  </si>
  <si>
    <t>12/30/2019 19:39:23</t>
  </si>
  <si>
    <t>12/30/2019 19:44:33</t>
  </si>
  <si>
    <t>c4935733-ca1c-47c2-a00e-9c11c4a150b8.tmp</t>
  </si>
  <si>
    <t>\\acsfs\profiles$\victorgl\Downloads\c4935733-ca1c-47c2-a00e-9c11c4a150b8.tmp</t>
  </si>
  <si>
    <t>12/30/2019 19:41:07</t>
  </si>
  <si>
    <t>12/30/2019 19:45:33</t>
  </si>
  <si>
    <t>12/30/2019 19:44:06</t>
  </si>
  <si>
    <t>12/30/2019 19:41:46</t>
  </si>
  <si>
    <t>12/30/2019 19:46:33</t>
  </si>
  <si>
    <t>12/30/2019 19:43:46</t>
  </si>
  <si>
    <t>12/30/2019 19:42:34</t>
  </si>
  <si>
    <t>12/30/2019 19:47:33</t>
  </si>
  <si>
    <t>12/30/2019 19:45:25</t>
  </si>
  <si>
    <t>12/30/2019 19:43:41</t>
  </si>
  <si>
    <t>12/30/2019 19:48:33</t>
  </si>
  <si>
    <t>12/30/2019 19:47:06</t>
  </si>
  <si>
    <t>12/30/2019 19:50:33</t>
  </si>
  <si>
    <t>12/30/2019 19:48:12</t>
  </si>
  <si>
    <t>12/30/2019 19:51:33</t>
  </si>
  <si>
    <t>12/30/2019 19:47:46</t>
  </si>
  <si>
    <t>12/30/2019 19:49:46</t>
  </si>
  <si>
    <t>12/30/2019 19:49:01</t>
  </si>
  <si>
    <t>12/30/2019 19:52:33</t>
  </si>
  <si>
    <t>1a8f08d5-8474-4e7d-8c88-328890251d76.tmp</t>
  </si>
  <si>
    <t>\\acsfs\profiles$\taylaedoa\Downloads\1a8f08d5-8474-4e7d-8c88-328890251d76.tmp</t>
  </si>
  <si>
    <t>12/30/2019 19:50:06</t>
  </si>
  <si>
    <t>12/30/2019 19:55:34</t>
  </si>
  <si>
    <t>12/30/2019 19:53:06</t>
  </si>
  <si>
    <t>12/30/2019 19:54:52</t>
  </si>
  <si>
    <t>12/30/2019 19:56:33</t>
  </si>
  <si>
    <t>12/30/2019 19:53:46</t>
  </si>
  <si>
    <t>12/30/2019 19:55:46</t>
  </si>
  <si>
    <t>12/30/2019 19:57:46</t>
  </si>
  <si>
    <t>12/30/2019 20:00:33</t>
  </si>
  <si>
    <t>12/30/2019 19:56:06</t>
  </si>
  <si>
    <t>12/30/2019 19:59:06</t>
  </si>
  <si>
    <t>12/30/2019 19:59:47</t>
  </si>
  <si>
    <t>12/30/2019 20:01:33</t>
  </si>
  <si>
    <t>12/30/2019 20:02:13</t>
  </si>
  <si>
    <t>12/30/2019 20:03:34</t>
  </si>
  <si>
    <t>12/30/2019 19:58:54</t>
  </si>
  <si>
    <t>12/30/2019 20:02:06</t>
  </si>
  <si>
    <t>12/30/2019 20:05:33</t>
  </si>
  <si>
    <t>12/30/2019 20:01:47</t>
  </si>
  <si>
    <t>12/30/2019 20:06:33</t>
  </si>
  <si>
    <t>12/30/2019 20:05:47</t>
  </si>
  <si>
    <t>12/30/2019 20:03:29</t>
  </si>
  <si>
    <t>12/30/2019 20:07:33</t>
  </si>
  <si>
    <t>12/30/2019 20:05:06</t>
  </si>
  <si>
    <t>12/30/2019 20:10:33</t>
  </si>
  <si>
    <t>12/30/2019 20:08:06</t>
  </si>
  <si>
    <t>12/30/2019 20:09:19</t>
  </si>
  <si>
    <t>12/30/2019 20:11:34</t>
  </si>
  <si>
    <t>12/30/2019 20:05:50</t>
  </si>
  <si>
    <t>12/30/2019 20:07:47</t>
  </si>
  <si>
    <t>12/30/2019 20:10:54</t>
  </si>
  <si>
    <t>12/30/2019 20:12:33</t>
  </si>
  <si>
    <t>12/30/2019 20:09:30</t>
  </si>
  <si>
    <t>12/30/2019 20:11:41</t>
  </si>
  <si>
    <t>12/30/2019 20:13:33</t>
  </si>
  <si>
    <t>12/30/2019 20:09:52</t>
  </si>
  <si>
    <t>12/30/2019 20:14:33</t>
  </si>
  <si>
    <t>12/30/2019 20:10:09</t>
  </si>
  <si>
    <t>12/30/2019 20:11:06</t>
  </si>
  <si>
    <t>12/30/2019 20:15:33</t>
  </si>
  <si>
    <t>12/30/2019 20:14:07</t>
  </si>
  <si>
    <t>12/30/2019 20:12:49</t>
  </si>
  <si>
    <t>12/30/2019 20:13:05</t>
  </si>
  <si>
    <t>Vitoria.jpg</t>
  </si>
  <si>
    <t>12/30/2019 20:13:07</t>
  </si>
  <si>
    <t>12/30/2019 20:13:09</t>
  </si>
  <si>
    <t>mail.google.com/sync/u/0/i/s?hl=pt-BR&amp;c=264</t>
  </si>
  <si>
    <t>12/30/2019 20:11:47</t>
  </si>
  <si>
    <t>12/30/2019 20:16:34</t>
  </si>
  <si>
    <t>12/30/2019 20:13:46</t>
  </si>
  <si>
    <t>12/30/2019 20:13:16</t>
  </si>
  <si>
    <t>12/30/2019 20:17:33</t>
  </si>
  <si>
    <t>12/30/2019 20:16:08</t>
  </si>
  <si>
    <t>12/30/2019 20:18:33</t>
  </si>
  <si>
    <t>12/30/2019 20:17:27</t>
  </si>
  <si>
    <t>12/30/2019 20:16:30</t>
  </si>
  <si>
    <t>12/30/2019 20:19:34</t>
  </si>
  <si>
    <t>12/30/2019 20:16:35</t>
  </si>
  <si>
    <t>12/30/2019 20:16:38</t>
  </si>
  <si>
    <t>12/30/2019 20:16:57</t>
  </si>
  <si>
    <t>12/30/2019 20:17:03</t>
  </si>
  <si>
    <t>12/30/2019 20:17:22</t>
  </si>
  <si>
    <t>12/30/2019 20:17:26</t>
  </si>
  <si>
    <t>12/30/2019 20:17:45</t>
  </si>
  <si>
    <t>12/30/2019 20:17:48</t>
  </si>
  <si>
    <t>12/30/2019 20:17:55</t>
  </si>
  <si>
    <t>12/30/2019 20:18:07</t>
  </si>
  <si>
    <t>12/30/2019 20:18:10</t>
  </si>
  <si>
    <t>12/30/2019 20:18:13</t>
  </si>
  <si>
    <t>12/30/2019 20:18:22</t>
  </si>
  <si>
    <t>12/30/2019 20:18:40</t>
  </si>
  <si>
    <t>12/30/2019 20:17:07</t>
  </si>
  <si>
    <t>12/30/2019 20:20:34</t>
  </si>
  <si>
    <t>12/30/2019 20:17:31</t>
  </si>
  <si>
    <t>12/30/2019 20:21:34</t>
  </si>
  <si>
    <t>12/30/2019 20:18:53</t>
  </si>
  <si>
    <t>12/30/2019 20:17:47</t>
  </si>
  <si>
    <t>12/30/2019 20:19:46</t>
  </si>
  <si>
    <t>12/30/2019 20:22:54</t>
  </si>
  <si>
    <t>12/30/2019 20:23:34</t>
  </si>
  <si>
    <t>12/30/2019 20:22:55</t>
  </si>
  <si>
    <t>lu331963sp20r.tmp</t>
  </si>
  <si>
    <t>\\acsfs\profiles$\edicarlosdl\My Documents\lu331963sp20r.tmp</t>
  </si>
  <si>
    <t>\\acsfs\profiles$\edicarlosdl\My Documents\lu331963sp20r.tmp\</t>
  </si>
  <si>
    <t>\\acsfs\profiles$\edicarlosdl\My Documents\lu331963sp20r.tmp\META-INF\</t>
  </si>
  <si>
    <t>\\acsfs\profiles$\edicarlosdl\My Documents\lu331963sp20r.tmp\Thumbnails\</t>
  </si>
  <si>
    <t>12/30/2019 20:20:07</t>
  </si>
  <si>
    <t>12/30/2019 20:25:33</t>
  </si>
  <si>
    <t>12/30/2019 20:23:07</t>
  </si>
  <si>
    <t>12/30/2019 20:23:46</t>
  </si>
  <si>
    <t>12/30/2019 20:26:34</t>
  </si>
  <si>
    <t>12/30/2019 20:25:47</t>
  </si>
  <si>
    <t>12/30/2019 20:27:34</t>
  </si>
  <si>
    <t>12/30/2019 20:29:34</t>
  </si>
  <si>
    <t>12/30/2019 20:28:25</t>
  </si>
  <si>
    <t>12/30/2019 20:28:26</t>
  </si>
  <si>
    <t>12/30/2019 20:28:27</t>
  </si>
  <si>
    <t>12/30/2019 20:28:28</t>
  </si>
  <si>
    <t>12/30/2019 20:28:30</t>
  </si>
  <si>
    <t>12/30/2019 20:28:31</t>
  </si>
  <si>
    <t>12/30/2019 20:28:34</t>
  </si>
  <si>
    <t>12/30/2019 20:25:29</t>
  </si>
  <si>
    <t>12/30/2019 20:25:44</t>
  </si>
  <si>
    <t>12/30/2019 20:25:50</t>
  </si>
  <si>
    <t>12/30/2019 20:26:44</t>
  </si>
  <si>
    <t>12/30/2019 20:26:46</t>
  </si>
  <si>
    <t>12/30/2019 20:27:09</t>
  </si>
  <si>
    <t>12/30/2019 20:27:13</t>
  </si>
  <si>
    <t>12/30/2019 20:27:16</t>
  </si>
  <si>
    <t>12/30/2019 20:27:19</t>
  </si>
  <si>
    <t>12/30/2019 20:27:25</t>
  </si>
  <si>
    <t>12/30/2019 20:27:36</t>
  </si>
  <si>
    <t>12/30/2019 20:26:35</t>
  </si>
  <si>
    <t>12/30/2019 20:26:07</t>
  </si>
  <si>
    <t>12/30/2019 20:30:34</t>
  </si>
  <si>
    <t>12/30/2019 20:29:07</t>
  </si>
  <si>
    <t>12/30/2019 20:26:21</t>
  </si>
  <si>
    <t>41ba502d-e759-48d6-9341-03b6fe94c705.tmp</t>
  </si>
  <si>
    <t>\\acsfs\profiles$\brendadsl\Downloads\41ba502d-e759-48d6-9341-03b6fe94c705.tmp</t>
  </si>
  <si>
    <t>12/30/2019 20:26:25</t>
  </si>
  <si>
    <t>892806b9-dc41-4d7a-831c-8ae3d1cb887b.tmp</t>
  </si>
  <si>
    <t>\\acsfs\profiles$\brendadsl\Downloads\892806b9-dc41-4d7a-831c-8ae3d1cb887b.tmp</t>
  </si>
  <si>
    <t>12/30/2019 20:26:26</t>
  </si>
  <si>
    <t>f98874b7-0d6e-4350-8761-fbffa91d0f88.tmp</t>
  </si>
  <si>
    <t>\\acsfs\profiles$\brendadsl\Downloads\f98874b7-0d6e-4350-8761-fbffa91d0f88.tmp</t>
  </si>
  <si>
    <t>095c16a0-8c4c-4664-a96e-ecf915b2c0ce.tmp</t>
  </si>
  <si>
    <t>\\acsfs\profiles$\brendadsl\Downloads\095c16a0-8c4c-4664-a96e-ecf915b2c0ce.tmp</t>
  </si>
  <si>
    <t>12/30/2019 20:26:28</t>
  </si>
  <si>
    <t>6168534e-4526-4a74-a4b6-aeb146268e4c.tmp</t>
  </si>
  <si>
    <t>\\acsfs\profiles$\brendadsl\Downloads\6168534e-4526-4a74-a4b6-aeb146268e4c.tmp</t>
  </si>
  <si>
    <t>d2d0e261-43c5-426f-aa87-51f46339b675.tmp</t>
  </si>
  <si>
    <t>\\acsfs\profiles$\brendadsl\Downloads\d2d0e261-43c5-426f-aa87-51f46339b675.tmp</t>
  </si>
  <si>
    <t>12/30/2019 20:28:12</t>
  </si>
  <si>
    <t>bc8dbe88-fc3f-4db7-bcf9-581a6eb04f8f.tmp</t>
  </si>
  <si>
    <t>\\acsfs\profiles$\brendadsl\Downloads\bc8dbe88-fc3f-4db7-bcf9-581a6eb04f8f.tmp</t>
  </si>
  <si>
    <t>12/30/2019 20:29:05</t>
  </si>
  <si>
    <t>1b8fbdd5-72b3-49fb-8b3c-cca923d2db13.tmp</t>
  </si>
  <si>
    <t>\\acsfs\profiles$\brendadsl\Downloads\1b8fbdd5-72b3-49fb-8b3c-cca923d2db13.tmp</t>
  </si>
  <si>
    <t>12/30/2019 20:29:47</t>
  </si>
  <si>
    <t>12/30/2019 20:31:34</t>
  </si>
  <si>
    <t>12/30/2019 20:30:25</t>
  </si>
  <si>
    <t>12/30/2019 20:32:34</t>
  </si>
  <si>
    <t>1369859a-fe7f-41c5-8309-8c6fbb1d7e38.tmp</t>
  </si>
  <si>
    <t>\\acsfs\profiles$\gabrielamdp\Downloads\1369859a-fe7f-41c5-8309-8c6fbb1d7e38.tmp</t>
  </si>
  <si>
    <t>12/30/2019 20:31:29</t>
  </si>
  <si>
    <t>12/30/2019 20:33:33</t>
  </si>
  <si>
    <t>lu331963sp20x.tmp</t>
  </si>
  <si>
    <t>\\acsfs\profiles$\edicarlosdl\My Documents\lu331963sp20x.tmp</t>
  </si>
  <si>
    <t>\\acsfs\profiles$\edicarlosdl\My Documents\lu331963sp20x.tmp\</t>
  </si>
  <si>
    <t>\\acsfs\profiles$\edicarlosdl\My Documents\lu331963sp20x.tmp\META-INF\</t>
  </si>
  <si>
    <t>\\acsfs\profiles$\edicarlosdl\My Documents\lu331963sp20x.tmp\Thumbnails\</t>
  </si>
  <si>
    <t>12/30/2019 20:28:38</t>
  </si>
  <si>
    <t>12/30/2019 20:34:34</t>
  </si>
  <si>
    <t>12/30/2019 20:28:44</t>
  </si>
  <si>
    <t>12/30/2019 20:28:45</t>
  </si>
  <si>
    <t>12/30/2019 20:28:48</t>
  </si>
  <si>
    <t>12/30/2019 20:28:49</t>
  </si>
  <si>
    <t>12/30/2019 20:28:50</t>
  </si>
  <si>
    <t>12/30/2019 20:28:53</t>
  </si>
  <si>
    <t>12/30/2019 20:28:54</t>
  </si>
  <si>
    <t>12/30/2019 20:28:55</t>
  </si>
  <si>
    <t>12/30/2019 20:28:58</t>
  </si>
  <si>
    <t>12/30/2019 20:29:03</t>
  </si>
  <si>
    <t>12/30/2019 20:29:04</t>
  </si>
  <si>
    <t>12/30/2019 20:29:16</t>
  </si>
  <si>
    <t>12/30/2019 20:29:21</t>
  </si>
  <si>
    <t>12/30/2019 20:29:25</t>
  </si>
  <si>
    <t>12/30/2019 20:29:28</t>
  </si>
  <si>
    <t>12/30/2019 20:29:38</t>
  </si>
  <si>
    <t>12/30/2019 20:29:45</t>
  </si>
  <si>
    <t>12/30/2019 20:29:54</t>
  </si>
  <si>
    <t>12/30/2019 20:29:56</t>
  </si>
  <si>
    <t>12/30/2019 20:30:26</t>
  </si>
  <si>
    <t>12/30/2019 20:30:27</t>
  </si>
  <si>
    <t>12/30/2019 20:32:07</t>
  </si>
  <si>
    <t>12/30/2019 20:35:33</t>
  </si>
  <si>
    <t>12/30/2019 20:31:47</t>
  </si>
  <si>
    <t>12/30/2019 20:36:34</t>
  </si>
  <si>
    <t>12/30/2019 20:35:48</t>
  </si>
  <si>
    <t>12/30/2019 20:35:12</t>
  </si>
  <si>
    <t>12/30/2019 20:38:33</t>
  </si>
  <si>
    <t>12/30/2019 20:34:38</t>
  </si>
  <si>
    <t>12/30/2019 20:33:18</t>
  </si>
  <si>
    <t>12/30/2019 20:35:07</t>
  </si>
  <si>
    <t>12/30/2019 20:40:34</t>
  </si>
  <si>
    <t>12/30/2019 20:38:07</t>
  </si>
  <si>
    <t>12/30/2019 20:40:25</t>
  </si>
  <si>
    <t>12/30/2019 20:41:33</t>
  </si>
  <si>
    <t>$I7HLKTL.pdf</t>
  </si>
  <si>
    <t>\\acsfs\profiles$\philipegsf\Downloads\$RECYCLE.BIN\$I7HLKTL.pdf</t>
  </si>
  <si>
    <t>$IOQLFD2.pdf</t>
  </si>
  <si>
    <t>\\acsfs\profiles$\philipegsf\Downloads\$RECYCLE.BIN\$IOQLFD2.pdf</t>
  </si>
  <si>
    <t>12/30/2019 20:40:26</t>
  </si>
  <si>
    <t>$I6SKMCI.pdf</t>
  </si>
  <si>
    <t>\\acsfs\profiles$\philipegsf\Downloads\$RECYCLE.BIN\$I6SKMCI.pdf</t>
  </si>
  <si>
    <t>12/30/2019 20:38:51</t>
  </si>
  <si>
    <t>12/30/2019 20:37:48</t>
  </si>
  <si>
    <t>12/30/2019 20:40:36</t>
  </si>
  <si>
    <t>12/30/2019 20:42:34</t>
  </si>
  <si>
    <t>de3036f2-041a-4774-98c8-d36e86c60d77.tmp</t>
  </si>
  <si>
    <t>\\acsfs\profiles$\marcosvnds\Downloads\de3036f2-041a-4774-98c8-d36e86c60d77.tmp</t>
  </si>
  <si>
    <t>12/30/2019 20:38:14</t>
  </si>
  <si>
    <t>12/30/2019 20:41:07</t>
  </si>
  <si>
    <t>12/30/2019 20:45:34</t>
  </si>
  <si>
    <t>12/30/2019 20:44:07</t>
  </si>
  <si>
    <t>12/30/2019 20:41:48</t>
  </si>
  <si>
    <t>12/30/2019 20:46:33</t>
  </si>
  <si>
    <t>12/30/2019 20:43:49</t>
  </si>
  <si>
    <t>12/30/2019 20:45:13</t>
  </si>
  <si>
    <t>12/30/2019 20:47:33</t>
  </si>
  <si>
    <t>12/30/2019 20:47:52</t>
  </si>
  <si>
    <t>12/30/2019 20:48:33</t>
  </si>
  <si>
    <t>12/30/2019 20:44:26</t>
  </si>
  <si>
    <t>12/30/2019 20:47:27</t>
  </si>
  <si>
    <t>12/30/2019 20:45:32</t>
  </si>
  <si>
    <t>12/30/2019 20:49:33</t>
  </si>
  <si>
    <t>12/30/2019 20:45:35</t>
  </si>
  <si>
    <t>12/30/2019 20:45:53</t>
  </si>
  <si>
    <t>12/30/2019 20:46:15</t>
  </si>
  <si>
    <t>12/30/2019 20:47:29</t>
  </si>
  <si>
    <t>12/30/2019 20:47:56</t>
  </si>
  <si>
    <t>12/30/2019 20:47:07</t>
  </si>
  <si>
    <t>12/30/2019 20:50:33</t>
  </si>
  <si>
    <t>12/30/2019 20:47:49</t>
  </si>
  <si>
    <t>12/30/2019 20:51:33</t>
  </si>
  <si>
    <t>12/30/2019 20:49:49</t>
  </si>
  <si>
    <t>12/30/2019 20:48:57</t>
  </si>
  <si>
    <t>12/30/2019 20:54:34</t>
  </si>
  <si>
    <t>12/30/2019 20:49:01</t>
  </si>
  <si>
    <t>12/30/2019 20:51:10</t>
  </si>
  <si>
    <t>12/30/2019 20:50:07</t>
  </si>
  <si>
    <t>12/30/2019 20:55:33</t>
  </si>
  <si>
    <t>12/30/2019 20:53:07</t>
  </si>
  <si>
    <t>12/30/2019 20:53:03</t>
  </si>
  <si>
    <t>12/30/2019 20:54:04</t>
  </si>
  <si>
    <t>12/30/2019 20:56:33</t>
  </si>
  <si>
    <t>12/30/2019 20:53:49</t>
  </si>
  <si>
    <t>12/30/2019 20:55:49</t>
  </si>
  <si>
    <t>12/30/2019 20:54:45</t>
  </si>
  <si>
    <t>12/30/2019 20:57:33</t>
  </si>
  <si>
    <t>12/30/2019 20:57:18</t>
  </si>
  <si>
    <t>12/30/2019 20:58:33</t>
  </si>
  <si>
    <t>3aeca472-18d4-4715-9474-86494de26767.tmp</t>
  </si>
  <si>
    <t>\\acsfs\profiles$\joycemmdl\Downloads\3aeca472-18d4-4715-9474-86494de26767.tmp</t>
  </si>
  <si>
    <t>12/30/2019 20:56:48</t>
  </si>
  <si>
    <t>12/30/2019 20:56:07</t>
  </si>
  <si>
    <t>12/30/2019 21:00:32</t>
  </si>
  <si>
    <t>12/30/2019 20:59:07</t>
  </si>
  <si>
    <t>12/30/2019 20:59:49</t>
  </si>
  <si>
    <t>12/30/2019 21:01:33</t>
  </si>
  <si>
    <t>12/30/2019 21:02:07</t>
  </si>
  <si>
    <t>12/30/2019 21:05:33</t>
  </si>
  <si>
    <t>12/30/2019 21:02:24</t>
  </si>
  <si>
    <t>12/30/2019 21:01:49</t>
  </si>
  <si>
    <t>12/30/2019 21:06:32</t>
  </si>
  <si>
    <t>12/30/2019 21:05:49</t>
  </si>
  <si>
    <t>12/30/2019 21:03:43</t>
  </si>
  <si>
    <t>12/30/2019 21:07:33</t>
  </si>
  <si>
    <t>12/30/2019 21:04:28</t>
  </si>
  <si>
    <t>12/30/2019 21:06:19</t>
  </si>
  <si>
    <t>bd27a223-1d88-4a29-b113-742ce92124b6.tmp</t>
  </si>
  <si>
    <t>\\acsfs\profiles$\layonmof\Downloads\bd27a223-1d88-4a29-b113-742ce92124b6.tmp</t>
  </si>
  <si>
    <t>12/30/2019 21:03:49</t>
  </si>
  <si>
    <t>12/30/2019 21:08:33</t>
  </si>
  <si>
    <t>12/30/2019 21:06:11</t>
  </si>
  <si>
    <t>12/30/2019 21:06:01</t>
  </si>
  <si>
    <t>12/30/2019 21:09:33</t>
  </si>
  <si>
    <t>12/30/2019 21:06:02</t>
  </si>
  <si>
    <t>12/30/2019 21:06:06</t>
  </si>
  <si>
    <t>12/30/2019 21:06:10</t>
  </si>
  <si>
    <t>12/30/2019 21:06:12</t>
  </si>
  <si>
    <t>12/30/2019 21:06:13</t>
  </si>
  <si>
    <t>12/30/2019 21:06:14</t>
  </si>
  <si>
    <t>12/30/2019 21:06:15</t>
  </si>
  <si>
    <t>12/30/2019 21:06:16</t>
  </si>
  <si>
    <t>12/30/2019 21:06:18</t>
  </si>
  <si>
    <t>12/30/2019 21:06:20</t>
  </si>
  <si>
    <t>12/30/2019 21:06:27</t>
  </si>
  <si>
    <t>12/30/2019 21:06:28</t>
  </si>
  <si>
    <t>12/30/2019 21:06:29</t>
  </si>
  <si>
    <t>12/30/2019 21:06:30</t>
  </si>
  <si>
    <t>12/30/2019 21:06:31</t>
  </si>
  <si>
    <t>12/30/2019 21:06:33</t>
  </si>
  <si>
    <t>12/30/2019 21:06:35</t>
  </si>
  <si>
    <t>12/30/2019 21:06:36</t>
  </si>
  <si>
    <t>12/30/2019 21:06:38</t>
  </si>
  <si>
    <t>12/30/2019 21:06:39</t>
  </si>
  <si>
    <t>12/30/2019 21:06:49</t>
  </si>
  <si>
    <t>12/30/2019 21:06:55</t>
  </si>
  <si>
    <t>12/30/2019 21:06:56</t>
  </si>
  <si>
    <t>bgrayenywbdwabdfxvdoe0fctvkjgaamrfcw;bgrayenywbdwabdfxvdos1fqs1umgaqrx1yubv1suexaeboglgr3;</t>
  </si>
  <si>
    <t>https://bgrayenywbdwabdfxvdoe0fctvkjgaamrfcw,bgrayenywbdwabdfxvdos1fqs1umgaqrx1yubv1suexaeboglgr3</t>
  </si>
  <si>
    <t>12/30/2019 21:06:57</t>
  </si>
  <si>
    <t>12/30/2019 21:07:09</t>
  </si>
  <si>
    <t>12/30/2019 21:07:24</t>
  </si>
  <si>
    <t>12/30/2019 21:07:28</t>
  </si>
  <si>
    <t>h2;</t>
  </si>
  <si>
    <t>https://h2</t>
  </si>
  <si>
    <t>12/30/2019 21:07:32</t>
  </si>
  <si>
    <t>12/30/2019 21:07:40</t>
  </si>
  <si>
    <t>12/30/2019 21:07:41</t>
  </si>
  <si>
    <t>12/30/2019 21:08:05</t>
  </si>
  <si>
    <t>12/30/2019 21:05:07</t>
  </si>
  <si>
    <t>12/30/2019 21:10:33</t>
  </si>
  <si>
    <t>12/30/2019 21:08:07</t>
  </si>
  <si>
    <t>12/30/2019 21:09:03</t>
  </si>
  <si>
    <t>12/30/2019 21:11:33</t>
  </si>
  <si>
    <t>12/30/2019 21:07:49</t>
  </si>
  <si>
    <t>12/30/2019 21:10:43</t>
  </si>
  <si>
    <t>12/30/2019 21:12:34</t>
  </si>
  <si>
    <t>12/30/2019 21:11:07</t>
  </si>
  <si>
    <t>12/30/2019 21:15:33</t>
  </si>
  <si>
    <t>12/30/2019 21:14:07</t>
  </si>
  <si>
    <t>12/30/2019 21:15:17</t>
  </si>
  <si>
    <t>12/30/2019 21:16:33</t>
  </si>
  <si>
    <t>\\acsfs\profiles$\marcosvnds\Contacts\</t>
  </si>
  <si>
    <t>MARCOS VINICIUS NARCIZO DA SILVA (11997).contact</t>
  </si>
  <si>
    <t>\\acsfs\profiles$\marcosvnds\Contacts\MARCOS VINICIUS NARCIZO DA SILVA (11997).contact</t>
  </si>
  <si>
    <t>12/30/2019 21:15:25</t>
  </si>
  <si>
    <t>\\acsfs\profiles$\marcosvnds\My Documents\My Videos\</t>
  </si>
  <si>
    <t>\\acsfs\profiles$\marcosvnds\My Documents\My Videos\desktop.ini</t>
  </si>
  <si>
    <t>12/30/2019 21:15:26</t>
  </si>
  <si>
    <t>\\acsfs\profiles$\marcosvnds\My Documents\My Pictures\</t>
  </si>
  <si>
    <t>\\acsfs\profiles$\marcosvnds\My Documents\My Pictures\desktop.ini</t>
  </si>
  <si>
    <t>12/30/2019 21:15:27</t>
  </si>
  <si>
    <t>\\acsfs\profiles$\marcosvnds\Contacts\desktop.ini</t>
  </si>
  <si>
    <t>12/30/2019 21:15:28</t>
  </si>
  <si>
    <t>\\acsfs\profiles$\marcosvnds\Favorites\</t>
  </si>
  <si>
    <t>\\acsfs\profiles$\marcosvnds\Favorites\desktop.ini</t>
  </si>
  <si>
    <t>12/30/2019 21:15:29</t>
  </si>
  <si>
    <t>12/30/2019 21:15:30</t>
  </si>
  <si>
    <t>\\acsfs\profiles$\marcosvnds\My Documents\My Music\</t>
  </si>
  <si>
    <t>\\acsfs\profiles$\marcosvnds\My Documents\My Music\desktop.ini</t>
  </si>
  <si>
    <t>12/30/2019 21:15:31</t>
  </si>
  <si>
    <t>\\acsfs\profiles$\marcosvnds\Searches\</t>
  </si>
  <si>
    <t>\\acsfs\profiles$\marcosvnds\Searches\desktop.ini</t>
  </si>
  <si>
    <t>\\acsfs\profiles$\marcosvnds\Downloads\desktop.ini</t>
  </si>
  <si>
    <t>12/30/2019 21:15:32</t>
  </si>
  <si>
    <t>\\acsfs\profiles$\marcosvnds\My Documents\</t>
  </si>
  <si>
    <t>\\acsfs\profiles$\marcosvnds\My Documents\desktop.ini</t>
  </si>
  <si>
    <t>12/30/2019 21:15:34</t>
  </si>
  <si>
    <t>\\acsfs\profiles$\marcosvnds\Saved Games\</t>
  </si>
  <si>
    <t>\\acsfs\profiles$\marcosvnds\Saved Games\desktop.ini</t>
  </si>
  <si>
    <t>12/30/2019 21:15:47</t>
  </si>
  <si>
    <t>\\acsfs\profiles$\marcosvnds\Favorites\Links for Brasil\</t>
  </si>
  <si>
    <t>\\acsfs\profiles$\marcosvnds\Favorites\Links for Brasil\desktop.ini</t>
  </si>
  <si>
    <t>12/30/2019 21:15:48</t>
  </si>
  <si>
    <t>\\acsfs\profiles$\marcosvnds\Favorites\Links for Brasil\Microsoft Brasil.url</t>
  </si>
  <si>
    <t>12/30/2019 21:15:49</t>
  </si>
  <si>
    <t>\\acsfs\profiles$\marcosvnds\Favorites\Links for Brasil\Windows Brasil.url</t>
  </si>
  <si>
    <t>\\acsfs\profiles$\marcosvnds\Favorites\Links for Brasil\MSN Brasil.url</t>
  </si>
  <si>
    <t>12/30/2019 21:15:50</t>
  </si>
  <si>
    <t>12/30/2019 21:11:50</t>
  </si>
  <si>
    <t>12/30/2019 21:13:49</t>
  </si>
  <si>
    <t>12/30/2019 21:15:01</t>
  </si>
  <si>
    <t>12/30/2019 21:19:32</t>
  </si>
  <si>
    <t>12/30/2019 21:17:07</t>
  </si>
  <si>
    <t>12/30/2019 21:20:33</t>
  </si>
  <si>
    <t>12/30/2019 21:17:49</t>
  </si>
  <si>
    <t>12/30/2019 21:21:33</t>
  </si>
  <si>
    <t>12/30/2019 21:19:49</t>
  </si>
  <si>
    <t>12/30/2019 21:21:02</t>
  </si>
  <si>
    <t>12/30/2019 21:23:33</t>
  </si>
  <si>
    <t>12/30/2019 21:20:21</t>
  </si>
  <si>
    <t>12/30/2019 21:21:56</t>
  </si>
  <si>
    <t>12/30/2019 21:24:32</t>
  </si>
  <si>
    <t>12/30/2019 21:20:07</t>
  </si>
  <si>
    <t>12/30/2019 21:25:33</t>
  </si>
  <si>
    <t>12/30/2019 21:23:07</t>
  </si>
  <si>
    <t>12/30/2019 21:25:38</t>
  </si>
  <si>
    <t>12/30/2019 21:26:33</t>
  </si>
  <si>
    <t>12/30/2019 21:26:05</t>
  </si>
  <si>
    <t>12/30/2019 21:23:49</t>
  </si>
  <si>
    <t>12/30/2019 21:25:49</t>
  </si>
  <si>
    <t>12/30/2019 21:26:07</t>
  </si>
  <si>
    <t>12/30/2019 21:30:32</t>
  </si>
  <si>
    <t>12/30/2019 21:29:07</t>
  </si>
  <si>
    <t>12/30/2019 21:29:49</t>
  </si>
  <si>
    <t>12/30/2019 21:31:33</t>
  </si>
  <si>
    <t>12/30/2019 21:31:36</t>
  </si>
  <si>
    <t>12/30/2019 21:32:32</t>
  </si>
  <si>
    <t>47f56337-9738-4cc8-8abe-4f621177eac2.tmp</t>
  </si>
  <si>
    <t>\\acsfs\profiles$\taylaedoa\Downloads\47f56337-9738-4cc8-8abe-4f621177eac2.tmp</t>
  </si>
  <si>
    <t>12/30/2019 21:29:52</t>
  </si>
  <si>
    <t>12/30/2019 21:34:33</t>
  </si>
  <si>
    <t>12/30/2019 21:28:55</t>
  </si>
  <si>
    <t>12/30/2019 21:28:59</t>
  </si>
  <si>
    <t>12/30/2019 21:29:03</t>
  </si>
  <si>
    <t>12/30/2019 21:29:25</t>
  </si>
  <si>
    <t>12/30/2019 21:29:28</t>
  </si>
  <si>
    <t>12/30/2019 21:29:53</t>
  </si>
  <si>
    <t>12/30/2019 21:30:11</t>
  </si>
  <si>
    <t>12/30/2019 21:30:15</t>
  </si>
  <si>
    <t>12/30/2019 21:30:42</t>
  </si>
  <si>
    <t>12/30/2019 21:30:53</t>
  </si>
  <si>
    <t>12/30/2019 21:30:56</t>
  </si>
  <si>
    <t>12/30/2019 21:31:05</t>
  </si>
  <si>
    <t>12/30/2019 21:31:18</t>
  </si>
  <si>
    <t>12/30/2019 21:31:22</t>
  </si>
  <si>
    <t>12/30/2019 21:33:14</t>
  </si>
  <si>
    <t>12/30/2019 21:33:43</t>
  </si>
  <si>
    <t>12/30/2019 21:33:48</t>
  </si>
  <si>
    <t>12/30/2019 21:32:06</t>
  </si>
  <si>
    <t>12/30/2019 21:32:07</t>
  </si>
  <si>
    <t>12/30/2019 21:35:32</t>
  </si>
  <si>
    <t>12/30/2019 21:31:49</t>
  </si>
  <si>
    <t>12/30/2019 21:36:33</t>
  </si>
  <si>
    <t>12/30/2019 21:35:49</t>
  </si>
  <si>
    <t>12/30/2019 21:33:56</t>
  </si>
  <si>
    <t>12/30/2019 21:39:33</t>
  </si>
  <si>
    <t>12/30/2019 21:34:04</t>
  </si>
  <si>
    <t>12/30/2019 21:34:13</t>
  </si>
  <si>
    <t>12/30/2019 21:36:43</t>
  </si>
  <si>
    <t>12/30/2019 21:36:47</t>
  </si>
  <si>
    <t>12/30/2019 21:37:52</t>
  </si>
  <si>
    <t>12/30/2019 21:35:07</t>
  </si>
  <si>
    <t>12/30/2019 21:40:33</t>
  </si>
  <si>
    <t>12/30/2019 21:38:07</t>
  </si>
  <si>
    <t>12/30/2019 21:37:23</t>
  </si>
  <si>
    <t>12/30/2019 21:41:32</t>
  </si>
  <si>
    <t>12/30/2019 21:37:49</t>
  </si>
  <si>
    <t>12/30/2019 21:41:42</t>
  </si>
  <si>
    <t>12/30/2019 21:44:33</t>
  </si>
  <si>
    <t>12/30/2019 21:41:45</t>
  </si>
  <si>
    <t>12/30/2019 21:41:50</t>
  </si>
  <si>
    <t>12/30/2019 21:41:52</t>
  </si>
  <si>
    <t>12/30/2019 21:41:55</t>
  </si>
  <si>
    <t>12/30/2019 21:42:02</t>
  </si>
  <si>
    <t>12/30/2019 21:39:38</t>
  </si>
  <si>
    <t>12/30/2019 21:40:19</t>
  </si>
  <si>
    <t>12/30/2019 21:41:08</t>
  </si>
  <si>
    <t>12/30/2019 21:45:33</t>
  </si>
  <si>
    <t>12/30/2019 21:44:07</t>
  </si>
  <si>
    <t>12/30/2019 21:41:49</t>
  </si>
  <si>
    <t>12/30/2019 21:46:32</t>
  </si>
  <si>
    <t>12/30/2019 21:43:49</t>
  </si>
  <si>
    <t>12/30/2019 21:44:49</t>
  </si>
  <si>
    <t>12/30/2019 21:48:32</t>
  </si>
  <si>
    <t>12/30/2019 21:45:53</t>
  </si>
  <si>
    <t>12/30/2019 21:47:07</t>
  </si>
  <si>
    <t>12/30/2019 21:50:33</t>
  </si>
  <si>
    <t>12/30/2019 21:50:45</t>
  </si>
  <si>
    <t>12/30/2019 21:51:33</t>
  </si>
  <si>
    <t>0251bb4e-0dc5-40eb-93bf-1e0dd6864086.tmp</t>
  </si>
  <si>
    <t>\\acsfs\profiles$\myllenardl\Downloads\0251bb4e-0dc5-40eb-93bf-1e0dd6864086.tmp</t>
  </si>
  <si>
    <t>12/30/2019 21:47:49</t>
  </si>
  <si>
    <t>12/30/2019 21:49:49</t>
  </si>
  <si>
    <t>12/30/2019 21:50:07</t>
  </si>
  <si>
    <t>12/30/2019 21:55:33</t>
  </si>
  <si>
    <t>12/30/2019 21:53:07</t>
  </si>
  <si>
    <t>12/30/2019 21:52:49</t>
  </si>
  <si>
    <t>12/30/2019 21:54:15</t>
  </si>
  <si>
    <t>12/30/2019 21:56:33</t>
  </si>
  <si>
    <t>12/30/2019 21:53:49</t>
  </si>
  <si>
    <t>12/30/2019 21:55:49</t>
  </si>
  <si>
    <t>12/30/2019 21:58:35</t>
  </si>
  <si>
    <t>12/30/2019 21:59:33</t>
  </si>
  <si>
    <t>12/30/2019 21:56:07</t>
  </si>
  <si>
    <t>12/30/2019 22:00:33</t>
  </si>
  <si>
    <t>12/30/2019 21:59:07</t>
  </si>
  <si>
    <t>12/30/2019 21:59:49</t>
  </si>
  <si>
    <t>12/30/2019 22:01:33</t>
  </si>
  <si>
    <t>12/30/2019 22:00:30</t>
  </si>
  <si>
    <t>12/30/2019 22:02:33</t>
  </si>
  <si>
    <t>XLOG_marcosvnds_30122019_135412.log</t>
  </si>
  <si>
    <t>\\acsfs\profiles$\marcosvnds\My Documents\xworkcenter\logs\XLOG_marcosvnds_30122019_135412.log</t>
  </si>
  <si>
    <t>12/30/2019 22:02:37</t>
  </si>
  <si>
    <t>12/30/2019 22:03:33</t>
  </si>
  <si>
    <t>12/30/2019 22:00:45</t>
  </si>
  <si>
    <t>12/30/2019 22:01:12</t>
  </si>
  <si>
    <t>12/30/2019 22:04:33</t>
  </si>
  <si>
    <t>12/30/2019 22:01:17</t>
  </si>
  <si>
    <t>12/30/2019 22:01:20</t>
  </si>
  <si>
    <t>12/30/2019 22:02:07</t>
  </si>
  <si>
    <t>12/30/2019 22:05:33</t>
  </si>
  <si>
    <t>12/30/2019 22:01:49</t>
  </si>
  <si>
    <t>12/30/2019 22:06:34</t>
  </si>
  <si>
    <t>12/30/2019 22:05:50</t>
  </si>
  <si>
    <t>12/30/2019 22:05:07</t>
  </si>
  <si>
    <t>12/30/2019 22:10:33</t>
  </si>
  <si>
    <t>12/30/2019 22:08:08</t>
  </si>
  <si>
    <t>12/30/2019 22:07:50</t>
  </si>
  <si>
    <t>12/30/2019 22:11:33</t>
  </si>
  <si>
    <t>12/30/2019 22:11:18</t>
  </si>
  <si>
    <t>12/30/2019 22:12:34</t>
  </si>
  <si>
    <t>12/30/2019 22:10:47</t>
  </si>
  <si>
    <t>12/30/2019 22:07:45</t>
  </si>
  <si>
    <t>12/30/2019 22:11:09</t>
  </si>
  <si>
    <t>12/30/2019 22:15:33</t>
  </si>
  <si>
    <t>12/30/2019 22:14:09</t>
  </si>
  <si>
    <t>12/30/2019 22:12:02</t>
  </si>
  <si>
    <t>12/30/2019 22:11:50</t>
  </si>
  <si>
    <t>12/30/2019 22:16:33</t>
  </si>
  <si>
    <t>12/30/2019 22:13:50</t>
  </si>
  <si>
    <t>12/30/2019 22:17:10</t>
  </si>
  <si>
    <t>12/30/2019 22:18:32</t>
  </si>
  <si>
    <t>12/30/2019 22:17:45</t>
  </si>
  <si>
    <t>12/30/2019 22:17:09</t>
  </si>
  <si>
    <t>12/30/2019 22:20:33</t>
  </si>
  <si>
    <t>12/30/2019 22:17:50</t>
  </si>
  <si>
    <t>12/30/2019 22:21:33</t>
  </si>
  <si>
    <t>12/30/2019 22:19:50</t>
  </si>
  <si>
    <t>12/30/2019 22:20:09</t>
  </si>
  <si>
    <t>12/30/2019 22:25:33</t>
  </si>
  <si>
    <t>12/30/2019 22:23:09</t>
  </si>
  <si>
    <t>12/30/2019 22:23:50</t>
  </si>
  <si>
    <t>12/30/2019 22:26:33</t>
  </si>
  <si>
    <t>12/30/2019 22:25:50</t>
  </si>
  <si>
    <t>12/30/2019 22:28:29</t>
  </si>
  <si>
    <t>12/30/2019 22:29:33</t>
  </si>
  <si>
    <t>12/30/2019 22:26:09</t>
  </si>
  <si>
    <t>12/30/2019 22:30:33</t>
  </si>
  <si>
    <t>12/30/2019 22:29:09</t>
  </si>
  <si>
    <t>12/30/2019 22:29:50</t>
  </si>
  <si>
    <t>12/30/2019 22:31:34</t>
  </si>
  <si>
    <t>12/30/2019 22:32:09</t>
  </si>
  <si>
    <t>12/30/2019 22:35:33</t>
  </si>
  <si>
    <t>12/30/2019 22:31:50</t>
  </si>
  <si>
    <t>12/30/2019 22:36:34</t>
  </si>
  <si>
    <t>12/30/2019 22:35:50</t>
  </si>
  <si>
    <t>12/30/2019 22:36:14</t>
  </si>
  <si>
    <t>12/30/2019 22:38:34</t>
  </si>
  <si>
    <t>12/30/2019 22:35:09</t>
  </si>
  <si>
    <t>12/30/2019 22:40:34</t>
  </si>
  <si>
    <t>12/30/2019 22:38:09</t>
  </si>
  <si>
    <t>12/30/2019 22:37:50</t>
  </si>
  <si>
    <t>12/30/2019 22:41:34</t>
  </si>
  <si>
    <t>12/30/2019 22:41:10</t>
  </si>
  <si>
    <t>12/30/2019 22:45:34</t>
  </si>
  <si>
    <t>12/30/2019 22:44:09</t>
  </si>
  <si>
    <t>12/30/2019 22:41:50</t>
  </si>
  <si>
    <t>12/30/2019 22:46:33</t>
  </si>
  <si>
    <t>12/30/2019 22:43:50</t>
  </si>
  <si>
    <t>12/30/2019 22:47:09</t>
  </si>
  <si>
    <t>12/30/2019 22:50:33</t>
  </si>
  <si>
    <t>12/30/2019 22:47:50</t>
  </si>
  <si>
    <t>12/30/2019 22:51:34</t>
  </si>
  <si>
    <t>12/30/2019 22:49:50</t>
  </si>
  <si>
    <t>12/30/2019 22:50:09</t>
  </si>
  <si>
    <t>12/30/2019 22:55:34</t>
  </si>
  <si>
    <t>12/30/2019 22:53:09</t>
  </si>
  <si>
    <t>12/30/2019 22:53:50</t>
  </si>
  <si>
    <t>12/30/2019 22:57:34</t>
  </si>
  <si>
    <t>12/30/2019 22:55:50</t>
  </si>
  <si>
    <t>12/30/2019 22:56:09</t>
  </si>
  <si>
    <t>12/30/2019 23:00:33</t>
  </si>
  <si>
    <t>12/30/2019 22:59:09</t>
  </si>
  <si>
    <t>12/30/2019 22:59:50</t>
  </si>
  <si>
    <t>12/30/2019 23:02:33</t>
  </si>
  <si>
    <t>12/30/2019 23:02:09</t>
  </si>
  <si>
    <t>12/30/2019 23:05:33</t>
  </si>
  <si>
    <t>12/30/2019 23:03:32</t>
  </si>
  <si>
    <t>12/30/2019 23:02:11</t>
  </si>
  <si>
    <t>12/30/2019 23:06:34</t>
  </si>
  <si>
    <t>12/30/2019 23:01:50</t>
  </si>
  <si>
    <t>12/30/2019 23:07:33</t>
  </si>
  <si>
    <t>12/30/2019 23:05:50</t>
  </si>
  <si>
    <t>12/30/2019 23:05:09</t>
  </si>
  <si>
    <t>12/30/2019 23:10:33</t>
  </si>
  <si>
    <t>12/30/2019 23:08:09</t>
  </si>
  <si>
    <t>12/30/2019 23:08:53</t>
  </si>
  <si>
    <t>12/30/2019 23:11:33</t>
  </si>
  <si>
    <t>12/30/2019 23:07:50</t>
  </si>
  <si>
    <t>12/30/2019 23:12:33</t>
  </si>
  <si>
    <t>12/30/2019 23:09:05</t>
  </si>
  <si>
    <t>12/30/2019 23:11:09</t>
  </si>
  <si>
    <t>12/30/2019 23:15:33</t>
  </si>
  <si>
    <t>12/30/2019 23:14:09</t>
  </si>
  <si>
    <t>12/30/2019 23:11:51</t>
  </si>
  <si>
    <t>12/30/2019 23:17:33</t>
  </si>
  <si>
    <t>12/30/2019 23:13:50</t>
  </si>
  <si>
    <t>12/30/2019 23:14:27</t>
  </si>
  <si>
    <t>12/30/2019 23:17:09</t>
  </si>
  <si>
    <t>12/30/2019 23:20:33</t>
  </si>
  <si>
    <t>12/30/2019 23:17:42</t>
  </si>
  <si>
    <t>12/30/2019 23:21:33</t>
  </si>
  <si>
    <t>12/30/2019 23:17:50</t>
  </si>
  <si>
    <t>12/30/2019 23:22:33</t>
  </si>
  <si>
    <t>12/30/2019 23:19:51</t>
  </si>
  <si>
    <t>12/30/2019 23:17:06</t>
  </si>
  <si>
    <t>12/30/2019 23:21:57</t>
  </si>
  <si>
    <t>12/30/2019 23:23:33</t>
  </si>
  <si>
    <t>12/30/2019 23:20:09</t>
  </si>
  <si>
    <t>12/30/2019 23:25:33</t>
  </si>
  <si>
    <t>12/30/2019 23:23:09</t>
  </si>
  <si>
    <t>12/30/2019 23:23:50</t>
  </si>
  <si>
    <t>12/30/2019 23:27:33</t>
  </si>
  <si>
    <t>12/30/2019 23:25:50</t>
  </si>
  <si>
    <t>12/30/2019 23:26:09</t>
  </si>
  <si>
    <t>12/30/2019 23:30:33</t>
  </si>
  <si>
    <t>12/30/2019 23:29:10</t>
  </si>
  <si>
    <t>12/30/2019 23:29:50</t>
  </si>
  <si>
    <t>12/30/2019 23:32:33</t>
  </si>
  <si>
    <t>12/30/2019 23:33:11</t>
  </si>
  <si>
    <t>12/30/2019 23:33:32</t>
  </si>
  <si>
    <t>12/30/2019 23:32:10</t>
  </si>
  <si>
    <t>12/30/2019 23:35:32</t>
  </si>
  <si>
    <t>12/30/2019 23:34:05</t>
  </si>
  <si>
    <t>12/30/2019 23:31:50</t>
  </si>
  <si>
    <t>12/30/2019 23:37:33</t>
  </si>
  <si>
    <t>12/30/2019 23:35:50</t>
  </si>
  <si>
    <t>12/30/2019 23:33:49</t>
  </si>
  <si>
    <t>12/30/2019 23:35:10</t>
  </si>
  <si>
    <t>12/30/2019 23:40:32</t>
  </si>
  <si>
    <t>12/30/2019 23:38:10</t>
  </si>
  <si>
    <t>12/30/2019 23:37:50</t>
  </si>
  <si>
    <t>12/30/2019 23:42:32</t>
  </si>
  <si>
    <t>12/30/2019 23:41:10</t>
  </si>
  <si>
    <t>12/30/2019 23:45:32</t>
  </si>
  <si>
    <t>12/30/2019 23:44:10</t>
  </si>
  <si>
    <t>12/30/2019 23:43:43</t>
  </si>
  <si>
    <t>12/30/2019 23:46:33</t>
  </si>
  <si>
    <t>\\acsfs\profiles$\leandromsa\My Documents\Leandro\</t>
  </si>
  <si>
    <t>Senha.txt</t>
  </si>
  <si>
    <t>\\acsfs\profiles$\leandromsa\My Documents\Leandro\Senha.txt</t>
  </si>
  <si>
    <t>12/30/2019 23:41:51</t>
  </si>
  <si>
    <t>12/30/2019 23:47:33</t>
  </si>
  <si>
    <t>12/30/2019 23:43:51</t>
  </si>
  <si>
    <t>12/30/2019 23:46:17</t>
  </si>
  <si>
    <t>12/30/2019 23:48:33</t>
  </si>
  <si>
    <t>12/30/2019 23:47:10</t>
  </si>
  <si>
    <t>12/30/2019 23:50:33</t>
  </si>
  <si>
    <t>12/30/2019 23:49:34</t>
  </si>
  <si>
    <t>12/30/2019 23:51:33</t>
  </si>
  <si>
    <t>12/30/2019 23:47:51</t>
  </si>
  <si>
    <t>12/30/2019 23:52:33</t>
  </si>
  <si>
    <t>12/30/2019 23:49:51</t>
  </si>
  <si>
    <t>12/30/2019 23:51:06</t>
  </si>
  <si>
    <t>262d55d3-7ca8-42d5-a70b-565cbeddbc9b.tmp</t>
  </si>
  <si>
    <t>\\acsfs\profiles$\rogeriofd\Downloads\262d55d3-7ca8-42d5-a70b-565cbeddbc9b.tmp</t>
  </si>
  <si>
    <t>12/30/2019 23:51:40</t>
  </si>
  <si>
    <t>84c85ccd-d76c-46a8-a9d8-6e1636bbc6a0.tmp</t>
  </si>
  <si>
    <t>\\acsfs\profiles$\Adrieledgc\Downloads\84c85ccd-d76c-46a8-a9d8-6e1636bbc6a0.tmp</t>
  </si>
  <si>
    <t>12/30/2019 23:51:11</t>
  </si>
  <si>
    <t>12/30/2019 23:53:33</t>
  </si>
  <si>
    <t>12/30/2019 23:52:08</t>
  </si>
  <si>
    <t>12/30/2019 23:51:12</t>
  </si>
  <si>
    <t>12/30/2019 23:50:10</t>
  </si>
  <si>
    <t>12/30/2019 23:55:33</t>
  </si>
  <si>
    <t>12/30/2019 23:53:10</t>
  </si>
  <si>
    <t>12/30/2019 23:53:51</t>
  </si>
  <si>
    <t>12/30/2019 23:57:33</t>
  </si>
  <si>
    <t>12/30/2019 23:55:51</t>
  </si>
  <si>
    <t>12/30/2019 23:52:32</t>
  </si>
  <si>
    <t>a9c1bd53-fc39-4cdb-b329-ad3335ec45f5.tmp</t>
  </si>
  <si>
    <t>\\acsfs\profiles$\rogeriofd\Downloads\a9c1bd53-fc39-4cdb-b329-ad3335ec45f5.tmp</t>
  </si>
  <si>
    <t>12/30/2019 23:52:40</t>
  </si>
  <si>
    <t>f121e1ea-27a6-4e86-8b67-bb48ddb4d9a9.tmp</t>
  </si>
  <si>
    <t>\\acsfs\profiles$\Adrieledgc\Downloads\f121e1ea-27a6-4e86-8b67-bb48ddb4d9a9.tmp</t>
  </si>
  <si>
    <t>12/30/2019 23:52:52</t>
  </si>
  <si>
    <t>7b61db03-9852-414b-825d-05c74d21b974.tmp</t>
  </si>
  <si>
    <t>\\acsfs\profiles$\marlyannegdls\Downloads\7b61db03-9852-414b-825d-05c74d21b974.tmp</t>
  </si>
  <si>
    <t>12/30/2019 23:54:15</t>
  </si>
  <si>
    <t>224e343f-3d8c-483e-a69e-917eeebb3841.tmp</t>
  </si>
  <si>
    <t>\\acsfs\profiles$\marlyannegdls\Downloads\224e343f-3d8c-483e-a69e-917eeebb3841.tmp</t>
  </si>
  <si>
    <t>12/30/2019 23:58:11</t>
  </si>
  <si>
    <t>12/30/2019 23:58:33</t>
  </si>
  <si>
    <t>22c50448-8e70-4f85-9981-1ceb20eb9e3a.tmp</t>
  </si>
  <si>
    <t>\\acsfs\profiles$\joycemmdl\Downloads\22c50448-8e70-4f85-9981-1ceb20eb9e3a.tmp</t>
  </si>
  <si>
    <t>12/30/2019 23:56:10</t>
  </si>
  <si>
    <t>12/31/2019 00:00:33</t>
  </si>
  <si>
    <t>12/30/2019 23:59:10</t>
  </si>
  <si>
    <t>12/30/2019 23:59:51</t>
  </si>
  <si>
    <t>12/31/2019 00:02:33</t>
  </si>
  <si>
    <t>12/31/2019 00:02:08</t>
  </si>
  <si>
    <t>12/31/2019 00:03:33</t>
  </si>
  <si>
    <t>12/31/2019 00:02:52</t>
  </si>
  <si>
    <t>12/31/2019 00:02:10</t>
  </si>
  <si>
    <t>12/31/2019 00:05:33</t>
  </si>
  <si>
    <t>12/31/2019 00:04:12</t>
  </si>
  <si>
    <t>12/31/2019 00:06:33</t>
  </si>
  <si>
    <t>12/31/2019 00:04:15</t>
  </si>
  <si>
    <t>12/31/2019 00:01:51</t>
  </si>
  <si>
    <t>12/31/2019 00:07:32</t>
  </si>
  <si>
    <t>12/31/2019 00:05:51</t>
  </si>
  <si>
    <t>12/31/2019 00:03:04</t>
  </si>
  <si>
    <t>12/31/2019 00:05:35</t>
  </si>
  <si>
    <t>12/31/2019 00:05:57</t>
  </si>
  <si>
    <t>12/31/2019 00:08:33</t>
  </si>
  <si>
    <t>12/31/2019 00:06:45</t>
  </si>
  <si>
    <t>12/31/2019 00:06:35</t>
  </si>
  <si>
    <t>12/31/2019 00:03:08</t>
  </si>
  <si>
    <t>12/31/2019 00:06:37</t>
  </si>
  <si>
    <t>12/31/2019 00:07:01</t>
  </si>
  <si>
    <t>12/31/2019 00:07:17</t>
  </si>
  <si>
    <t>12/31/2019 00:09:33</t>
  </si>
  <si>
    <t>12/31/2019 00:08:27</t>
  </si>
  <si>
    <t>12/31/2019 00:10:33</t>
  </si>
  <si>
    <t>12/31/2019 00:05:10</t>
  </si>
  <si>
    <t>12/31/2019 00:08:10</t>
  </si>
  <si>
    <t>12/31/2019 00:08:47</t>
  </si>
  <si>
    <t>12/31/2019 00:06:50</t>
  </si>
  <si>
    <t>12/31/2019 00:08:13</t>
  </si>
  <si>
    <t>12/31/2019 00:11:33</t>
  </si>
  <si>
    <t>12/31/2019 00:08:11</t>
  </si>
  <si>
    <t>12/31/2019 00:07:51</t>
  </si>
  <si>
    <t>12/31/2019 00:12:34</t>
  </si>
  <si>
    <t>12/31/2019 00:08:57</t>
  </si>
  <si>
    <t>12/31/2019 00:08:30</t>
  </si>
  <si>
    <t>12/31/2019 00:10:07</t>
  </si>
  <si>
    <t>12/31/2019 00:09:32</t>
  </si>
  <si>
    <t>12/31/2019 00:13:33</t>
  </si>
  <si>
    <t>12/31/2019 00:12:03</t>
  </si>
  <si>
    <t>12/31/2019 00:11:10</t>
  </si>
  <si>
    <t>12/31/2019 00:15:33</t>
  </si>
  <si>
    <t>12/31/2019 00:14:10</t>
  </si>
  <si>
    <t>12/31/2019 00:13:11</t>
  </si>
  <si>
    <t>12/31/2019 00:15:35</t>
  </si>
  <si>
    <t>12/31/2019 00:16:33</t>
  </si>
  <si>
    <t>12/31/2019 00:13:57</t>
  </si>
  <si>
    <t>12/31/2019 00:11:52</t>
  </si>
  <si>
    <t>12/31/2019 00:17:34</t>
  </si>
  <si>
    <t>12/31/2019 00:13:51</t>
  </si>
  <si>
    <t>12/31/2019 00:13:32</t>
  </si>
  <si>
    <t>07c39fd7-4865-4793-be1f-12c1f7cee45c.tmp</t>
  </si>
  <si>
    <t>\\acsfs\profiles$\Adrieledgc\Downloads\07c39fd7-4865-4793-be1f-12c1f7cee45c.tmp</t>
  </si>
  <si>
    <t>12/31/2019 00:13:08</t>
  </si>
  <si>
    <t>12/31/2019 00:15:58</t>
  </si>
  <si>
    <t>12/31/2019 00:18:33</t>
  </si>
  <si>
    <t>12/31/2019 00:17:10</t>
  </si>
  <si>
    <t>12/31/2019 00:20:34</t>
  </si>
  <si>
    <t>12/31/2019 00:17:51</t>
  </si>
  <si>
    <t>12/31/2019 00:22:35</t>
  </si>
  <si>
    <t>12/31/2019 00:19:51</t>
  </si>
  <si>
    <t>12/31/2019 00:20:56</t>
  </si>
  <si>
    <t>12/31/2019 00:21:43</t>
  </si>
  <si>
    <t>12/31/2019 00:24:34</t>
  </si>
  <si>
    <t>12/31/2019 00:20:10</t>
  </si>
  <si>
    <t>12/31/2019 00:25:34</t>
  </si>
  <si>
    <t>12/31/2019 00:23:10</t>
  </si>
  <si>
    <t>12/31/2019 00:20:57</t>
  </si>
  <si>
    <t>12/31/2019 00:23:51</t>
  </si>
  <si>
    <t>12/31/2019 00:27:34</t>
  </si>
  <si>
    <t>12/31/2019 00:25:51</t>
  </si>
  <si>
    <t>12/31/2019 00:26:10</t>
  </si>
  <si>
    <t>12/31/2019 00:30:34</t>
  </si>
  <si>
    <t>12/31/2019 00:29:11</t>
  </si>
  <si>
    <t>12/31/2019 00:29:51</t>
  </si>
  <si>
    <t>12/31/2019 00:32:34</t>
  </si>
  <si>
    <t>12/31/2019 00:32:10</t>
  </si>
  <si>
    <t>12/31/2019 00:35:34</t>
  </si>
  <si>
    <t>12/31/2019 00:31:51</t>
  </si>
  <si>
    <t>12/31/2019 00:37:34</t>
  </si>
  <si>
    <t>12/31/2019 00:35:51</t>
  </si>
  <si>
    <t>12/31/2019 00:35:10</t>
  </si>
  <si>
    <t>12/31/2019 00:40:34</t>
  </si>
  <si>
    <t>12/31/2019 00:38:10</t>
  </si>
  <si>
    <t>12/31/2019 00:37:51</t>
  </si>
  <si>
    <t>12/31/2019 00:42:34</t>
  </si>
  <si>
    <t>12/31/2019 00:38:27</t>
  </si>
  <si>
    <t>4630e7d2-5bf0-47cc-84d6-a0b60d110ebb.tmp</t>
  </si>
  <si>
    <t>\\acsfs\profiles$\marlyannegdls\Downloads\4630e7d2-5bf0-47cc-84d6-a0b60d110ebb.tmp</t>
  </si>
  <si>
    <t>12/31/2019 00:43:46</t>
  </si>
  <si>
    <t>12/31/2019 00:45:34</t>
  </si>
  <si>
    <t>12/31/2019 00:41:11</t>
  </si>
  <si>
    <t>12/31/2019 00:44:10</t>
  </si>
  <si>
    <t>12/31/2019 00:41:51</t>
  </si>
  <si>
    <t>12/31/2019 00:47:33</t>
  </si>
  <si>
    <t>12/31/2019 00:43:51</t>
  </si>
  <si>
    <t>12/31/2019 00:47:10</t>
  </si>
  <si>
    <t>12/31/2019 00:50:34</t>
  </si>
  <si>
    <t>12/31/2019 00:48:35</t>
  </si>
  <si>
    <t>12/31/2019 00:51:34</t>
  </si>
  <si>
    <t>12/31/2019 00:47:51</t>
  </si>
  <si>
    <t>12/31/2019 00:52:34</t>
  </si>
  <si>
    <t>12/31/2019 00:49:51</t>
  </si>
  <si>
    <t>12/31/2019 00:51:29</t>
  </si>
  <si>
    <t>12/31/2019 00:53:34</t>
  </si>
  <si>
    <t>12/31/2019 00:50:10</t>
  </si>
  <si>
    <t>12/31/2019 00:55:34</t>
  </si>
  <si>
    <t>12/31/2019 00:53:11</t>
  </si>
  <si>
    <t>12/31/2019 00:53:51</t>
  </si>
  <si>
    <t>12/31/2019 00:57:33</t>
  </si>
  <si>
    <t>12/31/2019 00:55:51</t>
  </si>
  <si>
    <t>12/31/2019 00:56:06</t>
  </si>
  <si>
    <t>12/31/2019 00:56:11</t>
  </si>
  <si>
    <t>12/31/2019 01:00:33</t>
  </si>
  <si>
    <t>12/31/2019 00:59:11</t>
  </si>
  <si>
    <t>12/31/2019 00:59:51</t>
  </si>
  <si>
    <t>12/31/2019 01:12:33</t>
  </si>
  <si>
    <t>12/31/2019 01:01:12</t>
  </si>
  <si>
    <t>12/31/2019 01:02:11</t>
  </si>
  <si>
    <t>12/31/2019 01:02:35</t>
  </si>
  <si>
    <t>12/31/2019 01:13:33</t>
  </si>
  <si>
    <t>12/31/2019 01:07:39</t>
  </si>
  <si>
    <t>12/31/2019 01:01:51</t>
  </si>
  <si>
    <t>12/31/2019 01:05:51</t>
  </si>
  <si>
    <t>12/31/2019 01:06:28</t>
  </si>
  <si>
    <t>12/31/2019 01:09:36</t>
  </si>
  <si>
    <t>12/31/2019 01:05:11</t>
  </si>
  <si>
    <t>12/31/2019 01:08:11</t>
  </si>
  <si>
    <t>12/31/2019 01:11:53</t>
  </si>
  <si>
    <t>12/31/2019 01:14:33</t>
  </si>
  <si>
    <t>12/31/2019 01:15:33</t>
  </si>
  <si>
    <t>12/31/2019 01:11:15</t>
  </si>
  <si>
    <t>12/31/2019 01:16:33</t>
  </si>
  <si>
    <t>12/31/2019 01:07:51</t>
  </si>
  <si>
    <t>12/31/2019 01:11:51</t>
  </si>
  <si>
    <t>12/31/2019 01:13:51</t>
  </si>
  <si>
    <t>12/31/2019 01:17:33</t>
  </si>
  <si>
    <t>12/31/2019 01:18:33</t>
  </si>
  <si>
    <t>12/31/2019 01:11:11</t>
  </si>
  <si>
    <t>12/31/2019 01:14:11</t>
  </si>
  <si>
    <t>12/31/2019 01:17:11</t>
  </si>
  <si>
    <t>12/31/2019 01:16:59</t>
  </si>
  <si>
    <t>12/31/2019 01:14:37</t>
  </si>
  <si>
    <t>12/31/2019 01:15:01</t>
  </si>
  <si>
    <t>12/31/2019 01:16:07</t>
  </si>
  <si>
    <t>12/31/2019 01:17:51</t>
  </si>
  <si>
    <t>12/31/2019 01:21:33</t>
  </si>
  <si>
    <t>12/31/2019 01:19:51</t>
  </si>
  <si>
    <t>12/31/2019 01:16:23</t>
  </si>
  <si>
    <t>12/31/2019 01:20:11</t>
  </si>
  <si>
    <t>12/31/2019 01:23:33</t>
  </si>
  <si>
    <t>12/31/2019 01:23:59</t>
  </si>
  <si>
    <t>12/31/2019 01:26:33</t>
  </si>
  <si>
    <t>12/31/2019 01:23:39</t>
  </si>
  <si>
    <t>12/31/2019 01:23:11</t>
  </si>
  <si>
    <t>12/31/2019 01:28:34</t>
  </si>
  <si>
    <t>12/31/2019 01:25:58</t>
  </si>
  <si>
    <t>12/31/2019 01:26:11</t>
  </si>
  <si>
    <t>12/31/2019 01:27:57</t>
  </si>
  <si>
    <t>12/31/2019 01:29:33</t>
  </si>
  <si>
    <t>12/31/2019 01:25:52</t>
  </si>
  <si>
    <t>12/31/2019 01:31:33</t>
  </si>
  <si>
    <t>12/31/2019 01:29:52</t>
  </si>
  <si>
    <t>12/31/2019 01:31:11</t>
  </si>
  <si>
    <t>12/31/2019 01:33:33</t>
  </si>
  <si>
    <t>12/31/2019 01:32:11</t>
  </si>
  <si>
    <t>12/31/2019 01:32:34</t>
  </si>
  <si>
    <t>12/31/2019 01:35:33</t>
  </si>
  <si>
    <t>12/31/2019 01:31:52</t>
  </si>
  <si>
    <t>12/31/2019 01:36:34</t>
  </si>
  <si>
    <t>12/31/2019 01:37:33</t>
  </si>
  <si>
    <t>12/31/2019 01:37:11</t>
  </si>
  <si>
    <t>12/31/2019 01:38:34</t>
  </si>
  <si>
    <t>12/31/2019 01:35:52</t>
  </si>
  <si>
    <t>12/31/2019 01:41:33</t>
  </si>
  <si>
    <t>12/31/2019 01:36:00</t>
  </si>
  <si>
    <t>12/31/2019 01:36:01</t>
  </si>
  <si>
    <t>12/31/2019 01:36:02</t>
  </si>
  <si>
    <t>12/31/2019 01:36:03</t>
  </si>
  <si>
    <t>12/31/2019 01:36:05</t>
  </si>
  <si>
    <t>12/31/2019 01:36:06</t>
  </si>
  <si>
    <t>12/31/2019 01:37:52</t>
  </si>
  <si>
    <t>12/31/2019 01:38:11</t>
  </si>
  <si>
    <t>12/31/2019 01:43:33</t>
  </si>
  <si>
    <t>12/31/2019 01:41:52</t>
  </si>
  <si>
    <t>12/31/2019 01:46:33</t>
  </si>
  <si>
    <t>12/31/2019 01:43:52</t>
  </si>
  <si>
    <t>12/31/2019 01:43:12</t>
  </si>
  <si>
    <t>12/31/2019 01:48:33</t>
  </si>
  <si>
    <t>12/31/2019 01:44:11</t>
  </si>
  <si>
    <t>12/31/2019 01:47:52</t>
  </si>
  <si>
    <t>12/31/2019 01:51:33</t>
  </si>
  <si>
    <t>12/31/2019 01:49:52</t>
  </si>
  <si>
    <t>12/31/2019 01:47:43</t>
  </si>
  <si>
    <t>12/31/2019 01:52:33</t>
  </si>
  <si>
    <t>12/31/2019 01:49:11</t>
  </si>
  <si>
    <t>12/31/2019 01:53:33</t>
  </si>
  <si>
    <t>12/31/2019 01:50:11</t>
  </si>
  <si>
    <t>12/31/2019 01:53:52</t>
  </si>
  <si>
    <t>12/31/2019 01:56:33</t>
  </si>
  <si>
    <t>12/31/2019 01:55:12</t>
  </si>
  <si>
    <t>12/31/2019 01:58:33</t>
  </si>
  <si>
    <t>12/31/2019 01:56:12</t>
  </si>
  <si>
    <t>12/31/2019 01:57:41</t>
  </si>
  <si>
    <t>12/31/2019 02:00:33</t>
  </si>
  <si>
    <t>12/31/2019 01:55:52</t>
  </si>
  <si>
    <t>12/31/2019 02:01:33</t>
  </si>
  <si>
    <t>12/31/2019 01:59:52</t>
  </si>
  <si>
    <t>12/31/2019 02:01:12</t>
  </si>
  <si>
    <t>12/31/2019 02:03:32</t>
  </si>
  <si>
    <t>12/31/2019 02:02:12</t>
  </si>
  <si>
    <t>12/31/2019 02:01:52</t>
  </si>
  <si>
    <t>12/31/2019 02:06:33</t>
  </si>
  <si>
    <t>12/31/2019 02:07:12</t>
  </si>
  <si>
    <t>12/31/2019 02:08:33</t>
  </si>
  <si>
    <t>12/31/2019 02:05:52</t>
  </si>
  <si>
    <t>12/31/2019 02:11:33</t>
  </si>
  <si>
    <t>12/31/2019 02:07:53</t>
  </si>
  <si>
    <t>12/31/2019 02:08:18</t>
  </si>
  <si>
    <t>12/31/2019 02:13:33</t>
  </si>
  <si>
    <t>12/31/2019 02:07:37</t>
  </si>
  <si>
    <t>12/31/2019 02:08:12</t>
  </si>
  <si>
    <t>12/31/2019 02:11:52</t>
  </si>
  <si>
    <t>12/31/2019 02:16:33</t>
  </si>
  <si>
    <t>12/31/2019 02:13:52</t>
  </si>
  <si>
    <t>12/31/2019 02:13:25</t>
  </si>
  <si>
    <t>12/31/2019 02:15:01</t>
  </si>
  <si>
    <t>12/31/2019 02:17:33</t>
  </si>
  <si>
    <t>12/31/2019 02:13:12</t>
  </si>
  <si>
    <t>12/31/2019 02:18:33</t>
  </si>
  <si>
    <t>12/31/2019 02:14:12</t>
  </si>
  <si>
    <t>12/31/2019 02:17:52</t>
  </si>
  <si>
    <t>12/31/2019 02:21:33</t>
  </si>
  <si>
    <t>12/31/2019 02:19:52</t>
  </si>
  <si>
    <t>12/31/2019 02:19:12</t>
  </si>
  <si>
    <t>12/31/2019 02:23:33</t>
  </si>
  <si>
    <t>12/31/2019 02:20:12</t>
  </si>
  <si>
    <t>12/31/2019 02:21:16</t>
  </si>
  <si>
    <t>12/31/2019 02:24:33</t>
  </si>
  <si>
    <t>12/31/2019 02:23:52</t>
  </si>
  <si>
    <t>12/31/2019 02:26:33</t>
  </si>
  <si>
    <t>12/31/2019 02:24:08</t>
  </si>
  <si>
    <t>12/31/2019 02:25:12</t>
  </si>
  <si>
    <t>12/31/2019 02:28:33</t>
  </si>
  <si>
    <t>12/31/2019 02:26:12</t>
  </si>
  <si>
    <t>12/31/2019 02:25:53</t>
  </si>
  <si>
    <t>12/31/2019 02:31:33</t>
  </si>
  <si>
    <t>12/31/2019 02:29:52</t>
  </si>
  <si>
    <t>12/31/2019 02:31:12</t>
  </si>
  <si>
    <t>12/31/2019 02:33:33</t>
  </si>
  <si>
    <t>12/31/2019 02:32:12</t>
  </si>
  <si>
    <t>12/31/2019 02:31:52</t>
  </si>
  <si>
    <t>12/31/2019 02:36:33</t>
  </si>
  <si>
    <t>12/31/2019 02:37:12</t>
  </si>
  <si>
    <t>12/31/2019 02:38:33</t>
  </si>
  <si>
    <t>12/31/2019 02:35:13</t>
  </si>
  <si>
    <t>12/31/2019 02:40:33</t>
  </si>
  <si>
    <t>12/31/2019 02:35:52</t>
  </si>
  <si>
    <t>12/31/2019 02:41:33</t>
  </si>
  <si>
    <t>12/31/2019 02:37:53</t>
  </si>
  <si>
    <t>12/31/2019 02:37:13</t>
  </si>
  <si>
    <t>12/31/2019 02:38:12</t>
  </si>
  <si>
    <t>12/31/2019 02:43:34</t>
  </si>
  <si>
    <t>12/31/2019 02:41:52</t>
  </si>
  <si>
    <t>12/31/2019 02:46:34</t>
  </si>
  <si>
    <t>12/31/2019 02:43:52</t>
  </si>
  <si>
    <t>12/31/2019 02:43:12</t>
  </si>
  <si>
    <t>12/31/2019 02:48:33</t>
  </si>
  <si>
    <t>12/31/2019 02:44:12</t>
  </si>
  <si>
    <t>12/31/2019 02:47:51</t>
  </si>
  <si>
    <t>12/31/2019 02:44:24</t>
  </si>
  <si>
    <t>12/31/2019 02:47:52</t>
  </si>
  <si>
    <t>12/31/2019 02:51:34</t>
  </si>
  <si>
    <t>12/31/2019 02:49:52</t>
  </si>
  <si>
    <t>12/31/2019 02:47:10</t>
  </si>
  <si>
    <t>12/31/2019 02:52:34</t>
  </si>
  <si>
    <t>12/31/2019 02:49:12</t>
  </si>
  <si>
    <t>12/31/2019 02:53:34</t>
  </si>
  <si>
    <t>12/31/2019 02:50:12</t>
  </si>
  <si>
    <t>12/31/2019 02:53:52</t>
  </si>
  <si>
    <t>12/31/2019 02:56:34</t>
  </si>
  <si>
    <t>12/31/2019 02:55:12</t>
  </si>
  <si>
    <t>12/31/2019 02:58:35</t>
  </si>
  <si>
    <t>12/31/2019 02:56:12</t>
  </si>
  <si>
    <t>12/31/2019 02:54:31</t>
  </si>
  <si>
    <t>12/31/2019 02:59:34</t>
  </si>
  <si>
    <t>12/31/2019 02:55:52</t>
  </si>
  <si>
    <t>12/31/2019 03:01:34</t>
  </si>
  <si>
    <t>12/31/2019 02:56:24</t>
  </si>
  <si>
    <t>12/31/2019 03:01:12</t>
  </si>
  <si>
    <t>12/31/2019 03:03:34</t>
  </si>
  <si>
    <t>12/31/2019 03:02:12</t>
  </si>
  <si>
    <t>12/31/2019 03:01:27</t>
  </si>
  <si>
    <t>12/31/2019 03:05:34</t>
  </si>
  <si>
    <t>12/31/2019 03:01:53</t>
  </si>
  <si>
    <t>12/31/2019 03:06:35</t>
  </si>
  <si>
    <t>12/31/2019 03:02:37</t>
  </si>
  <si>
    <t>12/31/2019 03:07:34</t>
  </si>
  <si>
    <t>12/31/2019 03:07:12</t>
  </si>
  <si>
    <t>12/31/2019 03:08:34</t>
  </si>
  <si>
    <t>12/31/2019 03:05:29</t>
  </si>
  <si>
    <t>12/31/2019 03:04:06</t>
  </si>
  <si>
    <t>12/31/2019 03:07:53</t>
  </si>
  <si>
    <t>12/31/2019 03:11:34</t>
  </si>
  <si>
    <t>12/31/2019 03:07:20</t>
  </si>
  <si>
    <t>12/31/2019 03:08:12</t>
  </si>
  <si>
    <t>12/31/2019 03:13:34</t>
  </si>
  <si>
    <t>12/31/2019 03:15:08</t>
  </si>
  <si>
    <t>12/31/2019 03:15:34</t>
  </si>
  <si>
    <t>12/31/2019 03:13:53</t>
  </si>
  <si>
    <t>12/31/2019 03:16:33</t>
  </si>
  <si>
    <t>12/31/2019 03:13:55</t>
  </si>
  <si>
    <t>12/31/2019 03:14:54</t>
  </si>
  <si>
    <t>12/31/2019 03:18:34</t>
  </si>
  <si>
    <t>12/31/2019 03:13:12</t>
  </si>
  <si>
    <t>12/31/2019 03:14:12</t>
  </si>
  <si>
    <t>12/31/2019 03:20:23</t>
  </si>
  <si>
    <t>12/31/2019 03:21:33</t>
  </si>
  <si>
    <t>12/31/2019 03:19:53</t>
  </si>
  <si>
    <t>12/31/2019 03:17:16</t>
  </si>
  <si>
    <t>12/31/2019 03:22:33</t>
  </si>
  <si>
    <t>12/31/2019 03:19:32</t>
  </si>
  <si>
    <t>12/31/2019 03:23:34</t>
  </si>
  <si>
    <t>12/31/2019 03:19:12</t>
  </si>
  <si>
    <t>12/31/2019 03:20:12</t>
  </si>
  <si>
    <t>12/31/2019 03:18:47</t>
  </si>
  <si>
    <t>12/31/2019 03:20:21</t>
  </si>
  <si>
    <t>12/31/2019 03:23:17</t>
  </si>
  <si>
    <t>12/31/2019 03:25:33</t>
  </si>
  <si>
    <t>12/31/2019 03:27:33</t>
  </si>
  <si>
    <t>12/31/2019 03:23:32</t>
  </si>
  <si>
    <t>12/31/2019 03:25:12</t>
  </si>
  <si>
    <t>12/31/2019 03:28:34</t>
  </si>
  <si>
    <t>12/31/2019 03:26:12</t>
  </si>
  <si>
    <t>12/31/2019 03:25:46</t>
  </si>
  <si>
    <t>12/31/2019 03:26:58</t>
  </si>
  <si>
    <t>12/31/2019 03:27:22</t>
  </si>
  <si>
    <t>12/31/2019 03:25:39</t>
  </si>
  <si>
    <t>12/31/2019 03:29:33</t>
  </si>
  <si>
    <t>12/31/2019 03:25:53</t>
  </si>
  <si>
    <t>12/31/2019 03:31:33</t>
  </si>
  <si>
    <t>12/31/2019 03:29:06</t>
  </si>
  <si>
    <t>12/31/2019 03:32:34</t>
  </si>
  <si>
    <t>cbf4dce2-9677-4bdc-b744-183b33a19a40.tmp</t>
  </si>
  <si>
    <t>\\acsfs\profiles$\Adrieledgc\Downloads\cbf4dce2-9677-4bdc-b744-183b33a19a40.tmp</t>
  </si>
  <si>
    <t>12/31/2019 03:30:06</t>
  </si>
  <si>
    <t>12/31/2019 03:28:14</t>
  </si>
  <si>
    <t>12/31/2019 03:31:12</t>
  </si>
  <si>
    <t>12/31/2019 03:33:33</t>
  </si>
  <si>
    <t>12/31/2019 03:32:12</t>
  </si>
  <si>
    <t>12/31/2019 03:28:40</t>
  </si>
  <si>
    <t>12/31/2019 03:32:33</t>
  </si>
  <si>
    <t>12/31/2019 03:31:53</t>
  </si>
  <si>
    <t>12/31/2019 03:36:33</t>
  </si>
  <si>
    <t>12/31/2019 03:35:06</t>
  </si>
  <si>
    <t>12/31/2019 03:37:33</t>
  </si>
  <si>
    <t>bd129819-0140-43eb-b652-420ffbf635ca.tmp</t>
  </si>
  <si>
    <t>\\acsfs\profiles$\Adrieledgc\Downloads\bd129819-0140-43eb-b652-420ffbf635ca.tmp</t>
  </si>
  <si>
    <t>12/31/2019 03:37:12</t>
  </si>
  <si>
    <t>12/31/2019 03:38:33</t>
  </si>
  <si>
    <t>12/31/2019 03:36:12</t>
  </si>
  <si>
    <t>12/31/2019 03:38:06</t>
  </si>
  <si>
    <t>12/31/2019 03:40:33</t>
  </si>
  <si>
    <t>12/31/2019 03:37:53</t>
  </si>
  <si>
    <t>12/31/2019 03:41:33</t>
  </si>
  <si>
    <t>12/31/2019 03:40:21</t>
  </si>
  <si>
    <t>12/31/2019 03:42:33</t>
  </si>
  <si>
    <t>12/31/2019 03:38:18</t>
  </si>
  <si>
    <t>935afbc9-e7c1-4c0f-a7c5-ce177d83bbc8.tmp</t>
  </si>
  <si>
    <t>\\acsfs\profiles$\marlyannegdls\Downloads\935afbc9-e7c1-4c0f-a7c5-ce177d83bbc8.tmp</t>
  </si>
  <si>
    <t>12/31/2019 03:38:12</t>
  </si>
  <si>
    <t>12/31/2019 03:43:33</t>
  </si>
  <si>
    <t>12/31/2019 03:39:59</t>
  </si>
  <si>
    <t>12/31/2019 03:45:33</t>
  </si>
  <si>
    <t>12/31/2019 03:42:18</t>
  </si>
  <si>
    <t>12/31/2019 03:46:33</t>
  </si>
  <si>
    <t>12/31/2019 03:43:53</t>
  </si>
  <si>
    <t>12/31/2019 03:42:27</t>
  </si>
  <si>
    <t>12/31/2019 03:47:33</t>
  </si>
  <si>
    <t>12/31/2019 03:43:13</t>
  </si>
  <si>
    <t>12/31/2019 03:48:33</t>
  </si>
  <si>
    <t>12/31/2019 03:44:12</t>
  </si>
  <si>
    <t>12/31/2019 03:44:54</t>
  </si>
  <si>
    <t>12/31/2019 03:48:59</t>
  </si>
  <si>
    <t>12/31/2019 03:50:33</t>
  </si>
  <si>
    <t>12/31/2019 03:46:55</t>
  </si>
  <si>
    <t>12/31/2019 03:51:33</t>
  </si>
  <si>
    <t>12/31/2019 03:49:53</t>
  </si>
  <si>
    <t>12/31/2019 03:49:12</t>
  </si>
  <si>
    <t>12/31/2019 03:53:33</t>
  </si>
  <si>
    <t>12/31/2019 03:50:12</t>
  </si>
  <si>
    <t>12/31/2019 03:51:53</t>
  </si>
  <si>
    <t>12/31/2019 03:49:55</t>
  </si>
  <si>
    <t>12/31/2019 03:52:56</t>
  </si>
  <si>
    <t>12/31/2019 03:56:33</t>
  </si>
  <si>
    <t>12/31/2019 03:56:38</t>
  </si>
  <si>
    <t>12/31/2019 03:57:33</t>
  </si>
  <si>
    <t>12/31/2019 03:54:11</t>
  </si>
  <si>
    <t>12/31/2019 03:55:12</t>
  </si>
  <si>
    <t>12/31/2019 03:58:33</t>
  </si>
  <si>
    <t>12/31/2019 03:56:12</t>
  </si>
  <si>
    <t>12/31/2019 03:56:06</t>
  </si>
  <si>
    <t>12/31/2019 04:00:33</t>
  </si>
  <si>
    <t>12/31/2019 04:00:03</t>
  </si>
  <si>
    <t>12/31/2019 03:55:53</t>
  </si>
  <si>
    <t>12/31/2019 04:01:33</t>
  </si>
  <si>
    <t>12/31/2019 03:58:49</t>
  </si>
  <si>
    <t>12/31/2019 04:02:34</t>
  </si>
  <si>
    <t>12/31/2019 04:01:13</t>
  </si>
  <si>
    <t>12/31/2019 04:03:33</t>
  </si>
  <si>
    <t>12/31/2019 04:02:13</t>
  </si>
  <si>
    <t>12/31/2019 04:01:53</t>
  </si>
  <si>
    <t>12/31/2019 04:06:33</t>
  </si>
  <si>
    <t>12/31/2019 04:02:01</t>
  </si>
  <si>
    <t>12/31/2019 04:07:33</t>
  </si>
  <si>
    <t>12/31/2019 04:07:13</t>
  </si>
  <si>
    <t>12/31/2019 04:08:33</t>
  </si>
  <si>
    <t>12/31/2019 04:07:54</t>
  </si>
  <si>
    <t>12/31/2019 04:11:33</t>
  </si>
  <si>
    <t>12/31/2019 04:08:13</t>
  </si>
  <si>
    <t>12/31/2019 04:13:33</t>
  </si>
  <si>
    <t>12/31/2019 04:13:53</t>
  </si>
  <si>
    <t>12/31/2019 04:16:33</t>
  </si>
  <si>
    <t>12/31/2019 04:14:28</t>
  </si>
  <si>
    <t>12/31/2019 04:17:34</t>
  </si>
  <si>
    <t>12/31/2019 04:14:14</t>
  </si>
  <si>
    <t>12/31/2019 04:13:13</t>
  </si>
  <si>
    <t>12/31/2019 04:18:33</t>
  </si>
  <si>
    <t>12/31/2019 04:14:13</t>
  </si>
  <si>
    <t>12/31/2019 04:13:41</t>
  </si>
  <si>
    <t>12/31/2019 04:14:34</t>
  </si>
  <si>
    <t>12/31/2019 04:19:33</t>
  </si>
  <si>
    <t>12/31/2019 04:19:53</t>
  </si>
  <si>
    <t>12/31/2019 04:21:33</t>
  </si>
  <si>
    <t>12/31/2019 04:19:13</t>
  </si>
  <si>
    <t>12/31/2019 04:23:33</t>
  </si>
  <si>
    <t>12/31/2019 04:20:13</t>
  </si>
  <si>
    <t>12/31/2019 04:25:54</t>
  </si>
  <si>
    <t>12/31/2019 04:26:33</t>
  </si>
  <si>
    <t>12/31/2019 04:23:50</t>
  </si>
  <si>
    <t>12/31/2019 04:27:34</t>
  </si>
  <si>
    <t>12/31/2019 04:25:13</t>
  </si>
  <si>
    <t>12/31/2019 04:28:33</t>
  </si>
  <si>
    <t>12/31/2019 04:26:13</t>
  </si>
  <si>
    <t>12/31/2019 04:31:13</t>
  </si>
  <si>
    <t>12/31/2019 04:33:33</t>
  </si>
  <si>
    <t>12/31/2019 04:32:13</t>
  </si>
  <si>
    <t>12/31/2019 04:31:22</t>
  </si>
  <si>
    <t>12/31/2019 04:35:33</t>
  </si>
  <si>
    <t>12/31/2019 04:31:54</t>
  </si>
  <si>
    <t>12/31/2019 04:36:33</t>
  </si>
  <si>
    <t>12/31/2019 04:33:15</t>
  </si>
  <si>
    <t>12/31/2019 04:37:32</t>
  </si>
  <si>
    <t>12/31/2019 04:35:14</t>
  </si>
  <si>
    <t>12/31/2019 04:34:47</t>
  </si>
  <si>
    <t>12/31/2019 04:38:33</t>
  </si>
  <si>
    <t>12/31/2019 04:37:13</t>
  </si>
  <si>
    <t>12/31/2019 04:37:54</t>
  </si>
  <si>
    <t>12/31/2019 04:41:33</t>
  </si>
  <si>
    <t>12/31/2019 04:38:13</t>
  </si>
  <si>
    <t>12/31/2019 04:43:33</t>
  </si>
  <si>
    <t>12/31/2019 04:42:00</t>
  </si>
  <si>
    <t>12/31/2019 04:45:33</t>
  </si>
  <si>
    <t>12/31/2019 04:43:54</t>
  </si>
  <si>
    <t>12/31/2019 04:46:33</t>
  </si>
  <si>
    <t>12/31/2019 04:47:32</t>
  </si>
  <si>
    <t>12/31/2019 04:46:17</t>
  </si>
  <si>
    <t>\\acsfs\profiles$\danielpdl\My Documents\xworkcenter\logs\</t>
  </si>
  <si>
    <t>XLOG_danielpdl_20122019_114737.log</t>
  </si>
  <si>
    <t>\\acsfs\profiles$\danielpdl\My Documents\xworkcenter\logs\XLOG_danielpdl_20122019_114737.log</t>
  </si>
  <si>
    <t>12/31/2019 04:43:14</t>
  </si>
  <si>
    <t>12/31/2019 04:48:32</t>
  </si>
  <si>
    <t>12/31/2019 04:44:13</t>
  </si>
  <si>
    <t>12/31/2019 04:47:44</t>
  </si>
  <si>
    <t>12/31/2019 04:45:02</t>
  </si>
  <si>
    <t>12/31/2019 04:48:45</t>
  </si>
  <si>
    <t>12/31/2019 04:51:33</t>
  </si>
  <si>
    <t>12/31/2019 04:49:54</t>
  </si>
  <si>
    <t>12/31/2019 04:49:13</t>
  </si>
  <si>
    <t>12/31/2019 04:53:33</t>
  </si>
  <si>
    <t>12/31/2019 04:50:13</t>
  </si>
  <si>
    <t>12/31/2019 04:50:25</t>
  </si>
  <si>
    <t>12/31/2019 04:50:39</t>
  </si>
  <si>
    <t>12/31/2019 04:55:54</t>
  </si>
  <si>
    <t>12/31/2019 04:56:34</t>
  </si>
  <si>
    <t>12/31/2019 04:55:11</t>
  </si>
  <si>
    <t>12/31/2019 04:55:13</t>
  </si>
  <si>
    <t>12/31/2019 04:58:34</t>
  </si>
  <si>
    <t>12/31/2019 04:56:13</t>
  </si>
  <si>
    <t>12/31/2019 04:59:33</t>
  </si>
  <si>
    <t>12/31/2019 05:04:34</t>
  </si>
  <si>
    <t>12/31/2019 05:01:13</t>
  </si>
  <si>
    <t>12/31/2019 05:02:13</t>
  </si>
  <si>
    <t>12/31/2019 04:58:58</t>
  </si>
  <si>
    <t>12/31/2019 04:59:32</t>
  </si>
  <si>
    <t>12/31/2019 05:01:54</t>
  </si>
  <si>
    <t>12/31/2019 05:06:34</t>
  </si>
  <si>
    <t>12/31/2019 05:04:32</t>
  </si>
  <si>
    <t>12/31/2019 05:02:22</t>
  </si>
  <si>
    <t>12/31/2019 05:07:34</t>
  </si>
  <si>
    <t>12/31/2019 05:04:04</t>
  </si>
  <si>
    <t>12/31/2019 05:08:34</t>
  </si>
  <si>
    <t>12/31/2019 05:09:35</t>
  </si>
  <si>
    <t>12/31/2019 05:07:13</t>
  </si>
  <si>
    <t>12/31/2019 05:08:13</t>
  </si>
  <si>
    <t>12/31/2019 05:07:55</t>
  </si>
  <si>
    <t>12/31/2019 05:11:34</t>
  </si>
  <si>
    <t>12/31/2019 05:08:51</t>
  </si>
  <si>
    <t>12/31/2019 05:13:13</t>
  </si>
  <si>
    <t>12/31/2019 05:14:34</t>
  </si>
  <si>
    <t>12/31/2019 05:13:54</t>
  </si>
  <si>
    <t>12/31/2019 05:16:35</t>
  </si>
  <si>
    <t>12/31/2019 05:15:11</t>
  </si>
  <si>
    <t>12/31/2019 05:18:34</t>
  </si>
  <si>
    <t>12/31/2019 05:14:13</t>
  </si>
  <si>
    <t>12/31/2019 05:19:34</t>
  </si>
  <si>
    <t>12/31/2019 05:19:54</t>
  </si>
  <si>
    <t>12/31/2019 05:21:35</t>
  </si>
  <si>
    <t>12/31/2019 05:18:33</t>
  </si>
  <si>
    <t>12/31/2019 05:23:34</t>
  </si>
  <si>
    <t>12/31/2019 05:19:13</t>
  </si>
  <si>
    <t>12/31/2019 05:24:34</t>
  </si>
  <si>
    <t>12/31/2019 05:20:13</t>
  </si>
  <si>
    <t>12/31/2019 05:22:36</t>
  </si>
  <si>
    <t>12/31/2019 05:25:54</t>
  </si>
  <si>
    <t>12/31/2019 05:26:34</t>
  </si>
  <si>
    <t>12/31/2019 05:25:13</t>
  </si>
  <si>
    <t>12/31/2019 05:29:35</t>
  </si>
  <si>
    <t>12/31/2019 05:26:14</t>
  </si>
  <si>
    <t>12/31/2019 05:31:14</t>
  </si>
  <si>
    <t>12/31/2019 05:34:35</t>
  </si>
  <si>
    <t>12/31/2019 05:32:14</t>
  </si>
  <si>
    <t>12/31/2019 05:31:03</t>
  </si>
  <si>
    <t>12/31/2019 05:35:34</t>
  </si>
  <si>
    <t>12/31/2019 05:34:03</t>
  </si>
  <si>
    <t>12/31/2019 05:31:54</t>
  </si>
  <si>
    <t>12/31/2019 05:36:34</t>
  </si>
  <si>
    <t>12/31/2019 05:35:48</t>
  </si>
  <si>
    <t>12/31/2019 05:39:34</t>
  </si>
  <si>
    <t>12/31/2019 05:35:49</t>
  </si>
  <si>
    <t>12/31/2019 05:35:50</t>
  </si>
  <si>
    <t>12/31/2019 05:35:52</t>
  </si>
  <si>
    <t>12/31/2019 05:35:53</t>
  </si>
  <si>
    <t>12/31/2019 05:35:54</t>
  </si>
  <si>
    <t>12/31/2019 05:35:56</t>
  </si>
  <si>
    <t>12/31/2019 05:35:57</t>
  </si>
  <si>
    <t>12/31/2019 05:35:58</t>
  </si>
  <si>
    <t>12/31/2019 05:36:00</t>
  </si>
  <si>
    <t>12/31/2019 05:36:01</t>
  </si>
  <si>
    <t>12/31/2019 05:36:02</t>
  </si>
  <si>
    <t>12/31/2019 05:37:14</t>
  </si>
  <si>
    <t>12/31/2019 05:36:25</t>
  </si>
  <si>
    <t>12/31/2019 05:36:24</t>
  </si>
  <si>
    <t>12/31/2019 05:40:34</t>
  </si>
  <si>
    <t>12/31/2019 05:37:53</t>
  </si>
  <si>
    <t>12/31/2019 05:41:35</t>
  </si>
  <si>
    <t>12/31/2019 05:41:14</t>
  </si>
  <si>
    <t>12/31/2019 05:44:34</t>
  </si>
  <si>
    <t>12/31/2019 05:43:14</t>
  </si>
  <si>
    <t>12/31/2019 05:43:52</t>
  </si>
  <si>
    <t>12/31/2019 05:46:34</t>
  </si>
  <si>
    <t>12/31/2019 05:43:26</t>
  </si>
  <si>
    <t>12/31/2019 05:47:34</t>
  </si>
  <si>
    <t>aff8257f-cbcc-496b-b97d-2466d8110e3d.tmp</t>
  </si>
  <si>
    <t>\\acsfs\profiles$\Adrieledgc\Downloads\aff8257f-cbcc-496b-b97d-2466d8110e3d.tmp</t>
  </si>
  <si>
    <t>12/31/2019 05:47:14</t>
  </si>
  <si>
    <t>12/31/2019 05:49:34</t>
  </si>
  <si>
    <t>12/31/2019 05:49:52</t>
  </si>
  <si>
    <t>12/31/2019 05:51:34</t>
  </si>
  <si>
    <t>12/31/2019 05:49:07</t>
  </si>
  <si>
    <t>12/31/2019 05:53:34</t>
  </si>
  <si>
    <t>12/31/2019 05:49:14</t>
  </si>
  <si>
    <t>12/31/2019 05:54:33</t>
  </si>
  <si>
    <t>12/31/2019 05:53:14</t>
  </si>
  <si>
    <t>12/31/2019 05:51:16</t>
  </si>
  <si>
    <t>12/31/2019 05:56:34</t>
  </si>
  <si>
    <t>12/31/2019 05:55:52</t>
  </si>
  <si>
    <t>12/31/2019 05:57:34</t>
  </si>
  <si>
    <t>c695f9c1-13a6-4c8f-a411-425ce50a18a5.tmp</t>
  </si>
  <si>
    <t>\\acsfs\profiles$\marlyannegdls\Downloads\c695f9c1-13a6-4c8f-a411-425ce50a18a5.tmp</t>
  </si>
  <si>
    <t>12/31/2019 05:54:46</t>
  </si>
  <si>
    <t>c6e87e03-c2b2-4e9e-b289-59ff3c0d1879.tmp</t>
  </si>
  <si>
    <t>\\acsfs\profiles$\marlyannegdls\Downloads\c6e87e03-c2b2-4e9e-b289-59ff3c0d1879.tmp</t>
  </si>
  <si>
    <t>12/31/2019 05:57:16</t>
  </si>
  <si>
    <t>12/31/2019 05:58:34</t>
  </si>
  <si>
    <t>12/31/2019 05:53:11</t>
  </si>
  <si>
    <t>89668f27-ecbe-422c-90af-54df40ab13e7.tmp</t>
  </si>
  <si>
    <t>\\acsfs\profiles$\BRUNAAR\Downloads\89668f27-ecbe-422c-90af-54df40ab13e7.tmp</t>
  </si>
  <si>
    <t>12/31/2019 05:53:58</t>
  </si>
  <si>
    <t>12/31/2019 05:54:20</t>
  </si>
  <si>
    <t>fa7d53f7-7be8-41a6-8212-38cab205edab.tmp</t>
  </si>
  <si>
    <t>\\acsfs\profiles$\BRUNAAR\Downloads\fa7d53f7-7be8-41a6-8212-38cab205edab.tmp</t>
  </si>
  <si>
    <t>12/31/2019 05:55:14</t>
  </si>
  <si>
    <t>12/31/2019 05:59:35</t>
  </si>
  <si>
    <t>12/31/2019 05:57:13</t>
  </si>
  <si>
    <t>12/31/2019 06:01:34</t>
  </si>
  <si>
    <t>12/31/2019 05:59:14</t>
  </si>
  <si>
    <t>12/31/2019 06:04:34</t>
  </si>
  <si>
    <t>12/31/2019 06:01:14</t>
  </si>
  <si>
    <t>12/31/2019 06:03:24</t>
  </si>
  <si>
    <t>12/31/2019 06:05:34</t>
  </si>
  <si>
    <t>d9af6b97-0245-4158-a61b-ac5d33f454a0.tmp</t>
  </si>
  <si>
    <t>\\acsfs\profiles$\andressagr\Downloads\d9af6b97-0245-4158-a61b-ac5d33f454a0.tmp</t>
  </si>
  <si>
    <t>12/31/2019 06:04:44</t>
  </si>
  <si>
    <t>31071a47-0060-43a9-bff2-b98915193687.tmp</t>
  </si>
  <si>
    <t>\\acsfs\profiles$\andressagr\Downloads\31071a47-0060-43a9-bff2-b98915193687.tmp</t>
  </si>
  <si>
    <t>12/31/2019 06:02:31</t>
  </si>
  <si>
    <t>3e4533b1-88d6-4bd5-aa48-3ac59860d969.tmp</t>
  </si>
  <si>
    <t>\\acsfs\profiles$\eduardofss\Downloads\3e4533b1-88d6-4bd5-aa48-3ac59860d969.tmp</t>
  </si>
  <si>
    <t>12/31/2019 06:04:55</t>
  </si>
  <si>
    <t>9527d623-f4b7-43a8-bf2d-ebff36fcc6d0.tmp</t>
  </si>
  <si>
    <t>\\acsfs\profiles$\eduardofss\Downloads\9527d623-f4b7-43a8-bf2d-ebff36fcc6d0.tmp</t>
  </si>
  <si>
    <t>12/31/2019 06:01:52</t>
  </si>
  <si>
    <t>12/31/2019 06:06:34</t>
  </si>
  <si>
    <t>12/31/2019 06:06:49</t>
  </si>
  <si>
    <t>12/31/2019 06:08:34</t>
  </si>
  <si>
    <t>12/31/2019 06:05:14</t>
  </si>
  <si>
    <t>12/31/2019 06:09:34</t>
  </si>
  <si>
    <t>12/31/2019 06:07:14</t>
  </si>
  <si>
    <t>12/31/2019 06:07:52</t>
  </si>
  <si>
    <t>12/31/2019 06:11:34</t>
  </si>
  <si>
    <t>12/31/2019 06:11:14</t>
  </si>
  <si>
    <t>12/31/2019 06:14:34</t>
  </si>
  <si>
    <t>12/31/2019 06:13:14</t>
  </si>
  <si>
    <t>12/31/2019 06:10:58</t>
  </si>
  <si>
    <t>12/31/2019 06:13:52</t>
  </si>
  <si>
    <t>12/31/2019 06:16:34</t>
  </si>
  <si>
    <t>12/31/2019 06:16:48</t>
  </si>
  <si>
    <t>12/31/2019 06:17:33</t>
  </si>
  <si>
    <t>3da62c26-603b-4872-9745-37a51fa4c07e.tmp</t>
  </si>
  <si>
    <t>\\acsfs\profiles$\quindaizaagds\Downloads\3da62c26-603b-4872-9745-37a51fa4c07e.tmp</t>
  </si>
  <si>
    <t>12/31/2019 06:18:34</t>
  </si>
  <si>
    <t>12/31/2019 06:17:09</t>
  </si>
  <si>
    <t>12/31/2019 06:17:14</t>
  </si>
  <si>
    <t>12/31/2019 06:19:34</t>
  </si>
  <si>
    <t>12/31/2019 06:19:52</t>
  </si>
  <si>
    <t>12/31/2019 06:21:34</t>
  </si>
  <si>
    <t>12/31/2019 06:17:19</t>
  </si>
  <si>
    <t>12/31/2019 06:22:34</t>
  </si>
  <si>
    <t>dadcb26d-bb34-4adc-95d2-5a0c5d178c43.tmp</t>
  </si>
  <si>
    <t>\\acsfs\profiles$\quindaizaagds\Downloads\dadcb26d-bb34-4adc-95d2-5a0c5d178c43.tmp</t>
  </si>
  <si>
    <t>12/31/2019 06:19:14</t>
  </si>
  <si>
    <t>12/31/2019 06:24:34</t>
  </si>
  <si>
    <t>12/31/2019 06:23:14</t>
  </si>
  <si>
    <t>12/31/2019 06:25:53</t>
  </si>
  <si>
    <t>12/31/2019 06:26:34</t>
  </si>
  <si>
    <t>12/31/2019 06:25:14</t>
  </si>
  <si>
    <t>12/31/2019 06:29:34</t>
  </si>
  <si>
    <t>12/31/2019 06:26:19</t>
  </si>
  <si>
    <t>12/31/2019 06:31:33</t>
  </si>
  <si>
    <t>12/31/2019 06:29:14</t>
  </si>
  <si>
    <t>12/31/2019 06:34:34</t>
  </si>
  <si>
    <t>12/31/2019 06:31:14</t>
  </si>
  <si>
    <t>12/31/2019 06:31:53</t>
  </si>
  <si>
    <t>12/31/2019 06:36:33</t>
  </si>
  <si>
    <t>12/31/2019 06:34:48</t>
  </si>
  <si>
    <t>12/31/2019 06:38:34</t>
  </si>
  <si>
    <t>12/31/2019 06:34:39</t>
  </si>
  <si>
    <t>12/31/2019 06:35:14</t>
  </si>
  <si>
    <t>12/31/2019 06:39:33</t>
  </si>
  <si>
    <t>12/31/2019 06:37:14</t>
  </si>
  <si>
    <t>12/31/2019 06:37:02</t>
  </si>
  <si>
    <t>12/31/2019 06:40:34</t>
  </si>
  <si>
    <t>669af754-5893-40fe-a398-b0420ebe4f5e.tmp</t>
  </si>
  <si>
    <t>\\acsfs\profiles$\valeriasda\Downloads\669af754-5893-40fe-a398-b0420ebe4f5e.tmp</t>
  </si>
  <si>
    <t>12/31/2019 06:37:10</t>
  </si>
  <si>
    <t>cdab381f-cc36-4f85-b6e8-cd252a4de6a7.tmp</t>
  </si>
  <si>
    <t>\\acsfs\profiles$\valeriasda\Downloads\cdab381f-cc36-4f85-b6e8-cd252a4de6a7.tmp</t>
  </si>
  <si>
    <t>12/31/2019 06:37:53</t>
  </si>
  <si>
    <t>12/31/2019 06:41:33</t>
  </si>
  <si>
    <t>12/31/2019 06:41:13</t>
  </si>
  <si>
    <t>12/31/2019 06:43:33</t>
  </si>
  <si>
    <t>12/31/2019 06:41:14</t>
  </si>
  <si>
    <t>12/31/2019 06:44:34</t>
  </si>
  <si>
    <t>12/31/2019 06:43:15</t>
  </si>
  <si>
    <t>12/31/2019 06:42:05</t>
  </si>
  <si>
    <t>12/31/2019 06:44:16</t>
  </si>
  <si>
    <t>12/31/2019 06:45:33</t>
  </si>
  <si>
    <t>12/31/2019 06:42:17</t>
  </si>
  <si>
    <t>12/31/2019 06:46:34</t>
  </si>
  <si>
    <t>12/31/2019 06:41:55</t>
  </si>
  <si>
    <t>12/31/2019 06:43:53</t>
  </si>
  <si>
    <t>12/31/2019 06:46:14</t>
  </si>
  <si>
    <t>12/31/2019 06:47:34</t>
  </si>
  <si>
    <t>60e11fd1-17c4-4835-bee7-a1b0e17b9a42.tmp</t>
  </si>
  <si>
    <t>\\acsfs\profiles$\vivianealda\Downloads\60e11fd1-17c4-4835-bee7-a1b0e17b9a42.tmp</t>
  </si>
  <si>
    <t>12/31/2019 06:47:17</t>
  </si>
  <si>
    <t>de669a76-ece1-4b46-a733-5ce60cc6ceb0.tmp</t>
  </si>
  <si>
    <t>\\acsfs\profiles$\vivianealda\Downloads\de669a76-ece1-4b46-a733-5ce60cc6ceb0.tmp</t>
  </si>
  <si>
    <t>12/31/2019 06:47:15</t>
  </si>
  <si>
    <t>12/31/2019 06:49:34</t>
  </si>
  <si>
    <t>12/31/2019 06:44:22</t>
  </si>
  <si>
    <t>12/31/2019 06:45:23</t>
  </si>
  <si>
    <t>12/31/2019 06:50:34</t>
  </si>
  <si>
    <t>12/31/2019 06:47:53</t>
  </si>
  <si>
    <t>12/31/2019 06:51:34</t>
  </si>
  <si>
    <t>12/31/2019 06:49:53</t>
  </si>
  <si>
    <t>12/31/2019 06:48:33</t>
  </si>
  <si>
    <t>12/31/2019 06:52:34</t>
  </si>
  <si>
    <t>12/31/2019 06:49:15</t>
  </si>
  <si>
    <t>12/31/2019 06:54:34</t>
  </si>
  <si>
    <t>12/31/2019 06:53:15</t>
  </si>
  <si>
    <t>12/31/2019 06:53:52</t>
  </si>
  <si>
    <t>12/31/2019 06:56:34</t>
  </si>
  <si>
    <t>12/31/2019 06:55:38</t>
  </si>
  <si>
    <t>c:\users\raicdf\downloads\</t>
  </si>
  <si>
    <t>trilha sgi - sistema de gestÃo integrada (3).xlsx</t>
  </si>
  <si>
    <t>12/31/2019 06:55:53</t>
  </si>
  <si>
    <t>12/31/2019 06:54:24</t>
  </si>
  <si>
    <t>12/31/2019 06:55:17</t>
  </si>
  <si>
    <t>12/31/2019 06:59:34</t>
  </si>
  <si>
    <t>8e54d7d9-9925-46af-9c77-6b83d921da5b.tmp</t>
  </si>
  <si>
    <t>\\acsfs\profiles$\mariellecs\Downloads\8e54d7d9-9925-46af-9c77-6b83d921da5b.tmp</t>
  </si>
  <si>
    <t>12/31/2019 06:55:19</t>
  </si>
  <si>
    <t>07c28985-4369-4980-84fd-5d86d9475f2e.tmp</t>
  </si>
  <si>
    <t>\\acsfs\profiles$\mariellecs\Downloads\07c28985-4369-4980-84fd-5d86d9475f2e.tmp</t>
  </si>
  <si>
    <t>12/31/2019 06:58:23</t>
  </si>
  <si>
    <t>db876902-95d8-482c-8dcb-aafe86e50867.tmp</t>
  </si>
  <si>
    <t>\\acsfs\profiles$\mariellecs\Downloads\db876902-95d8-482c-8dcb-aafe86e50867.tmp</t>
  </si>
  <si>
    <t>12/31/2019 06:55:15</t>
  </si>
  <si>
    <t>12/31/2019 06:56:02</t>
  </si>
  <si>
    <t>12/31/2019 07:00:34</t>
  </si>
  <si>
    <t>12/31/2019 06:57:21</t>
  </si>
  <si>
    <t>e91359fb-0c87-4813-b3b3-a668c711aefe.tmp</t>
  </si>
  <si>
    <t>\\acsfs\profiles$\cintiadcf\Downloads\e91359fb-0c87-4813-b3b3-a668c711aefe.tmp</t>
  </si>
  <si>
    <t>12/31/2019 06:57:27</t>
  </si>
  <si>
    <t>54a4ffe4-42af-4c41-b5a7-fa81a730b3b2.tmp</t>
  </si>
  <si>
    <t>\\acsfs\profiles$\cintiadcf\Downloads\54a4ffe4-42af-4c41-b5a7-fa81a730b3b2.tmp</t>
  </si>
  <si>
    <t>12/31/2019 06:58:26</t>
  </si>
  <si>
    <t>5145dcf5-f64c-4e3b-9993-035aa3f40174.tmp</t>
  </si>
  <si>
    <t>\\acsfs\profiles$\cintiadcf\Downloads\5145dcf5-f64c-4e3b-9993-035aa3f40174.tmp</t>
  </si>
  <si>
    <t>12/31/2019 06:59:56</t>
  </si>
  <si>
    <t>12/31/2019 07:01:34</t>
  </si>
  <si>
    <t>12/31/2019 06:59:52</t>
  </si>
  <si>
    <t>12/31/2019 07:02:35</t>
  </si>
  <si>
    <t>b621966d-a8ed-4167-a875-565e57fc91ca.tmp</t>
  </si>
  <si>
    <t>\\acsfs\profiles$\gabrielarb\Downloads\b621966d-a8ed-4167-a875-565e57fc91ca.tmp</t>
  </si>
  <si>
    <t>a8d0a0dc-bdb2-4aa3-9f21-def07e011d88.tmp</t>
  </si>
  <si>
    <t>\\acsfs\profiles$\gabrielarb\Downloads\a8d0a0dc-bdb2-4aa3-9f21-def07e011d88.tmp</t>
  </si>
  <si>
    <t>12/31/2019 07:01:08</t>
  </si>
  <si>
    <t>d6763248-7c86-4f7c-bf82-47ef61531157.tmp</t>
  </si>
  <si>
    <t>\\acsfs\profiles$\gabrielarb\Downloads\d6763248-7c86-4f7c-bf82-47ef61531157.tmp</t>
  </si>
  <si>
    <t>12/31/2019 07:01:46</t>
  </si>
  <si>
    <t>cddfe985-955b-4b04-8d61-e07cbdf94ab2.tmp</t>
  </si>
  <si>
    <t>\\acsfs\profiles$\gabrielarb\Downloads\cddfe985-955b-4b04-8d61-e07cbdf94ab2.tmp</t>
  </si>
  <si>
    <t>12/31/2019 07:01:45</t>
  </si>
  <si>
    <t>951d4885-57f5-4d51-89dc-28d7928c5dfc.tmp</t>
  </si>
  <si>
    <t>\\acsfs\profiles$\vivianalds\Downloads\951d4885-57f5-4d51-89dc-28d7928c5dfc.tmp</t>
  </si>
  <si>
    <t>12/31/2019 06:59:30</t>
  </si>
  <si>
    <t>12/31/2019 07:00:42</t>
  </si>
  <si>
    <t>12/31/2019 07:03:34</t>
  </si>
  <si>
    <t>8d060640-1f39-4f71-a4a2-c445d95b0109.tmp</t>
  </si>
  <si>
    <t>\\acsfs\profiles$\websondsa\Downloads\8d060640-1f39-4f71-a4a2-c445d95b0109.tmp</t>
  </si>
  <si>
    <t>12/31/2019 07:01:13</t>
  </si>
  <si>
    <t>ac8d7769-7e4f-4cb2-9651-4d58cfcf9c26.tmp</t>
  </si>
  <si>
    <t>\\acsfs\profiles$\websondsa\Downloads\ac8d7769-7e4f-4cb2-9651-4d58cfcf9c26.tmp</t>
  </si>
  <si>
    <t>12/31/2019 06:59:39</t>
  </si>
  <si>
    <t>12/31/2019 07:04:34</t>
  </si>
  <si>
    <t>038c231f-6dc7-4491-8927-e4766e82c831.tmp</t>
  </si>
  <si>
    <t>\\acsfs\profiles$\mariellecs\Downloads\038c231f-6dc7-4491-8927-e4766e82c831.tmp</t>
  </si>
  <si>
    <t>12/31/2019 07:00:20</t>
  </si>
  <si>
    <t>ce89b388-d940-4934-963d-d4e68514edaf.tmp</t>
  </si>
  <si>
    <t>\\acsfs\profiles$\mariellecs\Downloads\ce89b388-d940-4934-963d-d4e68514edaf.tmp</t>
  </si>
  <si>
    <t>12/31/2019 06:59:15</t>
  </si>
  <si>
    <t>12/31/2019 07:01:15</t>
  </si>
  <si>
    <t>12/31/2019 07:00:00</t>
  </si>
  <si>
    <t>12/31/2019 07:02:39</t>
  </si>
  <si>
    <t>12/31/2019 07:05:35</t>
  </si>
  <si>
    <t>12/31/2019 07:03:15</t>
  </si>
  <si>
    <t>12/31/2019 07:01:53</t>
  </si>
  <si>
    <t>12/31/2019 07:06:34</t>
  </si>
  <si>
    <t>12/31/2019 07:05:52</t>
  </si>
  <si>
    <t>12/31/2019 07:07:34</t>
  </si>
  <si>
    <t>12/31/2019 07:03:10</t>
  </si>
  <si>
    <t>54422210-fcc9-4773-b3f0-e88c42644d12.tmp</t>
  </si>
  <si>
    <t>\\acsfs\profiles$\vivianalds\Downloads\54422210-fcc9-4773-b3f0-e88c42644d12.tmp</t>
  </si>
  <si>
    <t>12/31/2019 07:04:13</t>
  </si>
  <si>
    <t>12/31/2019 07:04:33</t>
  </si>
  <si>
    <t>12/31/2019 07:04:54</t>
  </si>
  <si>
    <t>12/31/2019 07:05:50</t>
  </si>
  <si>
    <t>2711f132-0408-4e11-8a28-bac862d69e5b.tmp</t>
  </si>
  <si>
    <t>\\acsfs\profiles$\dhiulliananads\Downloads\2711f132-0408-4e11-8a28-bac862d69e5b.tmp</t>
  </si>
  <si>
    <t>12/31/2019 07:06:23</t>
  </si>
  <si>
    <t>cdf70c1a-13c8-4061-b387-828f6cd97abd.tmp</t>
  </si>
  <si>
    <t>\\acsfs\profiles$\dhiulliananads\Downloads\cdf70c1a-13c8-4061-b387-828f6cd97abd.tmp</t>
  </si>
  <si>
    <t>12/31/2019 07:04:09</t>
  </si>
  <si>
    <t>12/31/2019 07:08:34</t>
  </si>
  <si>
    <t>12/31/2019 07:04:39</t>
  </si>
  <si>
    <t>e2a04c4e-1222-4db0-b6b3-e00026418fd7.tmp</t>
  </si>
  <si>
    <t>\\acsfs\profiles$\websondsa\Downloads\e2a04c4e-1222-4db0-b6b3-e00026418fd7.tmp</t>
  </si>
  <si>
    <t>12/31/2019 07:04:35</t>
  </si>
  <si>
    <t>12/31/2019 07:05:15</t>
  </si>
  <si>
    <t>12/31/2019 07:09:34</t>
  </si>
  <si>
    <t>12/31/2019 07:07:15</t>
  </si>
  <si>
    <t>12/31/2019 07:07:52</t>
  </si>
  <si>
    <t>12/31/2019 07:11:34</t>
  </si>
  <si>
    <t>12/31/2019 07:11:21</t>
  </si>
  <si>
    <t>12/31/2019 07:12:35</t>
  </si>
  <si>
    <t>12/31/2019 07:11:41</t>
  </si>
  <si>
    <t>12/31/2019 07:12:05</t>
  </si>
  <si>
    <t>12/31/2019 07:13:34</t>
  </si>
  <si>
    <t>f29c4a27-faa3-4001-aa22-c2c367d2da87.tmp</t>
  </si>
  <si>
    <t>\\acsfs\profiles$\ingridsm\Downloads\f29c4a27-faa3-4001-aa22-c2c367d2da87.tmp</t>
  </si>
  <si>
    <t>12/31/2019 07:12:21</t>
  </si>
  <si>
    <t>19304568-aefc-4b8e-927e-d990ca01e615.tmp</t>
  </si>
  <si>
    <t>\\acsfs\profiles$\ingridsm\Downloads\19304568-aefc-4b8e-927e-d990ca01e615.tmp</t>
  </si>
  <si>
    <t>12/31/2019 07:12:02</t>
  </si>
  <si>
    <t>35c02988-c57a-45b7-ae4e-22f442bc4de0.tmp</t>
  </si>
  <si>
    <t>\\acsfs\profiles$\websondsa\Downloads\35c02988-c57a-45b7-ae4e-22f442bc4de0.tmp</t>
  </si>
  <si>
    <t>12/31/2019 07:09:45</t>
  </si>
  <si>
    <t>12/31/2019 07:09:46</t>
  </si>
  <si>
    <t>12/31/2019 07:09:47</t>
  </si>
  <si>
    <t>12/31/2019 07:09:48</t>
  </si>
  <si>
    <t>12/31/2019 07:14:34</t>
  </si>
  <si>
    <t>12/31/2019 07:09:49</t>
  </si>
  <si>
    <t>12/31/2019 07:09:50</t>
  </si>
  <si>
    <t>12/31/2019 07:09:51</t>
  </si>
  <si>
    <t>12/31/2019 07:09:52</t>
  </si>
  <si>
    <t>12/31/2019 07:09:53</t>
  </si>
  <si>
    <t>12/31/2019 07:09:54</t>
  </si>
  <si>
    <t>12/31/2019 07:09:55</t>
  </si>
  <si>
    <t>12/31/2019 07:09:56</t>
  </si>
  <si>
    <t>12/31/2019 07:09:57</t>
  </si>
  <si>
    <t>12/31/2019 07:11:15</t>
  </si>
  <si>
    <t>12/31/2019 07:13:14</t>
  </si>
  <si>
    <t>12/31/2019 07:10:08</t>
  </si>
  <si>
    <t>12/31/2019 07:10:12</t>
  </si>
  <si>
    <t>12/31/2019 07:10:15</t>
  </si>
  <si>
    <t>12/31/2019 07:10:29</t>
  </si>
  <si>
    <t>12/31/2019 07:10:37</t>
  </si>
  <si>
    <t>12/31/2019 07:10:56</t>
  </si>
  <si>
    <t>12/31/2019 07:11:00</t>
  </si>
  <si>
    <t>12/31/2019 07:11:28</t>
  </si>
  <si>
    <t>12/31/2019 07:11:31</t>
  </si>
  <si>
    <t>12/31/2019 07:11:37</t>
  </si>
  <si>
    <t>12/31/2019 07:13:01</t>
  </si>
  <si>
    <t>12/31/2019 07:15:34</t>
  </si>
  <si>
    <t>12/31/2019 07:11:53</t>
  </si>
  <si>
    <t>12/31/2019 07:16:34</t>
  </si>
  <si>
    <t>12/31/2019 07:13:53</t>
  </si>
  <si>
    <t>12/31/2019 07:13:54</t>
  </si>
  <si>
    <t>12/31/2019 07:17:35</t>
  </si>
  <si>
    <t>26cf0b00-0c7e-4916-b565-ac79f17f7d91.tmp</t>
  </si>
  <si>
    <t>\\acsfs\profiles$\gabrielarb\Downloads\26cf0b00-0c7e-4916-b565-ac79f17f7d91.tmp</t>
  </si>
  <si>
    <t>12/31/2019 07:15:16</t>
  </si>
  <si>
    <t>12/31/2019 07:13:09</t>
  </si>
  <si>
    <t>12/31/2019 07:18:34</t>
  </si>
  <si>
    <t>9225a90f-e57f-4a2f-9704-7ca4e3a67df6.tmp</t>
  </si>
  <si>
    <t>\\acsfs\profiles$\ingridsm\Downloads\9225a90f-e57f-4a2f-9704-7ca4e3a67df6.tmp</t>
  </si>
  <si>
    <t>12/31/2019 07:13:22</t>
  </si>
  <si>
    <t>0a03cc83-bd8c-46fb-bd5e-95fbec94a732.tmp</t>
  </si>
  <si>
    <t>\\acsfs\profiles$\ingridsm\Downloads\0a03cc83-bd8c-46fb-bd5e-95fbec94a732.tmp</t>
  </si>
  <si>
    <t>12/31/2019 07:14:35</t>
  </si>
  <si>
    <t>c59e27dd-7963-4f67-b282-f7587cda8e3c.tmp</t>
  </si>
  <si>
    <t>\\acsfs\profiles$\ingridsm\Downloads\c59e27dd-7963-4f67-b282-f7587cda8e3c.tmp</t>
  </si>
  <si>
    <t>12/31/2019 07:15:15</t>
  </si>
  <si>
    <t>be9047d3-d60f-4f60-a2f0-d6f232081320.tmp</t>
  </si>
  <si>
    <t>\\acsfs\profiles$\ingridsm\Downloads\be9047d3-d60f-4f60-a2f0-d6f232081320.tmp</t>
  </si>
  <si>
    <t>ad25c5da-6be9-4fb5-b817-a31cffefa7da.tmp</t>
  </si>
  <si>
    <t>\\acsfs\profiles$\sarahbal\Downloads\ad25c5da-6be9-4fb5-b817-a31cffefa7da.tmp</t>
  </si>
  <si>
    <t>12/31/2019 07:15:46</t>
  </si>
  <si>
    <t>03b9f93c-e50a-4f1c-b512-fdde8a0499e8.tmp</t>
  </si>
  <si>
    <t>\\acsfs\profiles$\sarahbal\Downloads\03b9f93c-e50a-4f1c-b512-fdde8a0499e8.tmp</t>
  </si>
  <si>
    <t>12/31/2019 07:16:07</t>
  </si>
  <si>
    <t>5ca9a18d-93f3-415c-a5f7-0d385e37bd1a.tmp</t>
  </si>
  <si>
    <t>\\acsfs\profiles$\sarahbal\Downloads\5ca9a18d-93f3-415c-a5f7-0d385e37bd1a.tmp</t>
  </si>
  <si>
    <t>12/31/2019 07:14:23</t>
  </si>
  <si>
    <t>12/31/2019 07:19:35</t>
  </si>
  <si>
    <t>12/31/2019 07:17:14</t>
  </si>
  <si>
    <t>12/31/2019 07:14:14</t>
  </si>
  <si>
    <t>12/31/2019 07:14:25</t>
  </si>
  <si>
    <t>12/31/2019 07:15:51</t>
  </si>
  <si>
    <t>12/31/2019 07:15:54</t>
  </si>
  <si>
    <t>12/31/2019 07:15:58</t>
  </si>
  <si>
    <t>12/31/2019 07:16:31</t>
  </si>
  <si>
    <t>12/31/2019 07:16:43</t>
  </si>
  <si>
    <t>12/31/2019 07:17:02</t>
  </si>
  <si>
    <t>12/31/2019 07:17:07</t>
  </si>
  <si>
    <t>12/31/2019 07:17:27</t>
  </si>
  <si>
    <t>12/31/2019 07:17:39</t>
  </si>
  <si>
    <t>12/31/2019 07:17:45</t>
  </si>
  <si>
    <t>12/31/2019 07:17:46</t>
  </si>
  <si>
    <t>12/31/2019 07:19:29</t>
  </si>
  <si>
    <t>12/31/2019 07:20:35</t>
  </si>
  <si>
    <t>5cd25c59-ad09-4ba4-85c4-c40bd4f851a7.tmp</t>
  </si>
  <si>
    <t>\\acsfs\profiles$\inarajst\Downloads\5cd25c59-ad09-4ba4-85c4-c40bd4f851a7.tmp</t>
  </si>
  <si>
    <t>12/31/2019 07:19:34</t>
  </si>
  <si>
    <t>4bbae0d5-1211-4e35-896b-3a42e8bd41e2.tmp</t>
  </si>
  <si>
    <t>\\acsfs\profiles$\inarajst\Downloads\4bbae0d5-1211-4e35-896b-3a42e8bd41e2.tmp</t>
  </si>
  <si>
    <t>12/31/2019 07:20:11</t>
  </si>
  <si>
    <t>d47f0cd0-1c90-4316-bdff-0dea5c12acd5.tmp</t>
  </si>
  <si>
    <t>\\acsfs\profiles$\inarajst\Downloads\d47f0cd0-1c90-4316-bdff-0dea5c12acd5.tmp</t>
  </si>
  <si>
    <t>12/31/2019 07:20:15</t>
  </si>
  <si>
    <t>2e979c3d-bd8b-4fca-ae92-fd39551ae956.tmp</t>
  </si>
  <si>
    <t>\\acsfs\profiles$\inarajst\Downloads\2e979c3d-bd8b-4fca-ae92-fd39551ae956.tmp</t>
  </si>
  <si>
    <t>12/31/2019 07:20:31</t>
  </si>
  <si>
    <t>12/31/2019 07:21:34</t>
  </si>
  <si>
    <t>12/31/2019 07:17:53</t>
  </si>
  <si>
    <t>12/31/2019 07:19:53</t>
  </si>
  <si>
    <t>12/31/2019 07:20:00</t>
  </si>
  <si>
    <t>12/31/2019 07:23:34</t>
  </si>
  <si>
    <t>10.200.66.164</t>
  </si>
  <si>
    <t>74-86-7A-FC-CF-4B</t>
  </si>
  <si>
    <t>VOTORANT-ABB008</t>
  </si>
  <si>
    <t>alinedss</t>
  </si>
  <si>
    <t>\\acsfs\Deptos\Operacao\Banco_Votorantim\Comum\</t>
  </si>
  <si>
    <t>\\acsfs\Deptos\Operacao\Banco_Votorantim\Comum\Provas Regulamentação\Thumbs.db</t>
  </si>
  <si>
    <t>12/31/2019 07:21:18</t>
  </si>
  <si>
    <t>04d7f697-4eb4-43ec-aeec-72ee9f31d610.tmp</t>
  </si>
  <si>
    <t>\\acsfs\profiles$\laianear\Downloads\04d7f697-4eb4-43ec-aeec-72ee9f31d610.tmp</t>
  </si>
  <si>
    <t>12/31/2019 07:21:22</t>
  </si>
  <si>
    <t>d7236abc-9821-4c74-9830-6d29af826a42.tmp</t>
  </si>
  <si>
    <t>\\acsfs\profiles$\laianear\Downloads\d7236abc-9821-4c74-9830-6d29af826a42.tmp</t>
  </si>
  <si>
    <t>12/31/2019 07:19:14</t>
  </si>
  <si>
    <t>12/31/2019 07:24:35</t>
  </si>
  <si>
    <t>12/31/2019 07:23:14</t>
  </si>
  <si>
    <t>1A489E3.tmp</t>
  </si>
  <si>
    <t>\\acsfs\DEPTOS\Operacao\PCP\5 - Comum\PLANEJAMENTO BV\14 - ACOMPANHAMENTO\1 - REPORT ACOMPANHAMENTO\2019\12 - Dezembro\CARTÕES\1A489E3.tmp</t>
  </si>
  <si>
    <t>~$Range.xlsx</t>
  </si>
  <si>
    <t>\\acsfs\DEPTOS\Operacao\PCP\5 - Comum\PLANEJAMENTO BV\14 - ACOMPANHAMENTO\1 - REPORT ACOMPANHAMENTO\2019\12 - Dezembro\CARTÕES\~$Range.xlsx</t>
  </si>
  <si>
    <t>12/31/2019 07:23:11</t>
  </si>
  <si>
    <t>12/31/2019 07:20:32</t>
  </si>
  <si>
    <t>12/31/2019 07:25:34</t>
  </si>
  <si>
    <t>5e1c8823-3fbc-4869-afc5-01d955e60091.tmp</t>
  </si>
  <si>
    <t>\\acsfs\profiles$\inarajst\Downloads\5e1c8823-3fbc-4869-afc5-01d955e60091.tmp</t>
  </si>
  <si>
    <t>12/31/2019 07:21:10</t>
  </si>
  <si>
    <t>6c3dbae6-4490-4294-9e7b-86b4ffb5bbcb.tmp</t>
  </si>
  <si>
    <t>\\acsfs\profiles$\inarajst\Downloads\6c3dbae6-4490-4294-9e7b-86b4ffb5bbcb.tmp</t>
  </si>
  <si>
    <t>12/31/2019 07:21:19</t>
  </si>
  <si>
    <t>95fa0161-4423-488e-adcc-1fdd2e6ca739.tmp</t>
  </si>
  <si>
    <t>\\acsfs\profiles$\inarajst\Downloads\95fa0161-4423-488e-adcc-1fdd2e6ca739.tmp</t>
  </si>
  <si>
    <t>12/31/2019 07:21:29</t>
  </si>
  <si>
    <t>7b6db403-eeba-487f-8f80-47677205c22f.tmp</t>
  </si>
  <si>
    <t>\\acsfs\profiles$\inarajst\Downloads\7b6db403-eeba-487f-8f80-47677205c22f.tmp</t>
  </si>
  <si>
    <t>12/31/2019 07:21:55</t>
  </si>
  <si>
    <t>94235355-6c05-4c5f-88d6-bdbdda215e0d.tmp</t>
  </si>
  <si>
    <t>\\acsfs\profiles$\inarajst\Downloads\94235355-6c05-4c5f-88d6-bdbdda215e0d.tmp</t>
  </si>
  <si>
    <t>12/31/2019 07:23:41</t>
  </si>
  <si>
    <t>12/31/2019 07:26:34</t>
  </si>
  <si>
    <t>0758b1d5-75fd-47f6-828d-2db82e967fe4.tmp</t>
  </si>
  <si>
    <t>\\acsfs\profiles$\ayalabfi\Downloads\0758b1d5-75fd-47f6-828d-2db82e967fe4.tmp</t>
  </si>
  <si>
    <t>12/31/2019 07:23:43</t>
  </si>
  <si>
    <t>54089e00-7eca-4400-8691-fedef44475dc.tmp</t>
  </si>
  <si>
    <t>\\acsfs\profiles$\ayalabfi\Downloads\54089e00-7eca-4400-8691-fedef44475dc.tmp</t>
  </si>
  <si>
    <t>12/31/2019 07:23:46</t>
  </si>
  <si>
    <t>f21942d1-69a0-4f30-b5c8-f802c9eaef5c.tmp</t>
  </si>
  <si>
    <t>\\acsfs\profiles$\ayalabfi\Downloads\f21942d1-69a0-4f30-b5c8-f802c9eaef5c.tmp</t>
  </si>
  <si>
    <t>12/31/2019 07:25:52</t>
  </si>
  <si>
    <t>9f7c12b7-11d6-4941-80d0-284fa3c1b6ec.tmp</t>
  </si>
  <si>
    <t>\\acsfs\profiles$\ayalabfi\Downloads\9f7c12b7-11d6-4941-80d0-284fa3c1b6ec.tmp</t>
  </si>
  <si>
    <t>12/31/2019 07:23:53</t>
  </si>
  <si>
    <t>12/31/2019 07:25:53</t>
  </si>
  <si>
    <t>12/31/2019 07:25:26</t>
  </si>
  <si>
    <t>12/31/2019 07:27:35</t>
  </si>
  <si>
    <t>12/31/2019 07:23:26</t>
  </si>
  <si>
    <t>12/31/2019 07:28:34</t>
  </si>
  <si>
    <t>\\acsfs\profiles$\gabrieleods\My Documents\My Videos\</t>
  </si>
  <si>
    <t>\\acsfs\profiles$\gabrieleods\My Documents\My Videos\desktop.ini</t>
  </si>
  <si>
    <t>12/31/2019 07:23:27</t>
  </si>
  <si>
    <t>\\acsfs\profiles$\gabrieleods\My Documents\My Pictures\desktop.ini</t>
  </si>
  <si>
    <t>12/31/2019 07:23:28</t>
  </si>
  <si>
    <t>\\acsfs\profiles$\gabrieleods\Contacts\</t>
  </si>
  <si>
    <t>\\acsfs\profiles$\gabrieleods\Contacts\desktop.ini</t>
  </si>
  <si>
    <t>\\acsfs\profiles$\gabrieleods\Favorites\</t>
  </si>
  <si>
    <t>\\acsfs\profiles$\gabrieleods\Favorites\desktop.ini</t>
  </si>
  <si>
    <t>12/31/2019 07:23:29</t>
  </si>
  <si>
    <t>\\acsfs\profiles$\gabrieleods\My Documents\My Music\</t>
  </si>
  <si>
    <t>\\acsfs\profiles$\gabrieleods\My Documents\My Music\desktop.ini</t>
  </si>
  <si>
    <t>12/31/2019 07:23:30</t>
  </si>
  <si>
    <t>\\acsfs\profiles$\gabrieleods\Searches\</t>
  </si>
  <si>
    <t>\\acsfs\profiles$\gabrieleods\Searches\desktop.ini</t>
  </si>
  <si>
    <t>12/31/2019 07:23:31</t>
  </si>
  <si>
    <t>\\acsfs\profiles$\gabrieleods\Downloads\desktop.ini</t>
  </si>
  <si>
    <t>\\acsfs\profiles$\gabrieleods\My Documents\desktop.ini</t>
  </si>
  <si>
    <t>12/31/2019 07:23:32</t>
  </si>
  <si>
    <t>\\acsfs\profiles$\gabrieleods\Saved Games\</t>
  </si>
  <si>
    <t>\\acsfs\profiles$\gabrieleods\Saved Games\desktop.ini</t>
  </si>
  <si>
    <t>12/31/2019 07:24:40</t>
  </si>
  <si>
    <t>12/31/2019 07:24:01</t>
  </si>
  <si>
    <t>ab645ed9-ff72-4925-825d-d2ac8b3daed9.tmp</t>
  </si>
  <si>
    <t>\\acsfs\profiles$\laianear\Downloads\ab645ed9-ff72-4925-825d-d2ac8b3daed9.tmp</t>
  </si>
  <si>
    <t>12/31/2019 07:25:13</t>
  </si>
  <si>
    <t>12/31/2019 07:29:35</t>
  </si>
  <si>
    <t>12/31/2019 07:29:38</t>
  </si>
  <si>
    <t>12/31/2019 07:30:34</t>
  </si>
  <si>
    <t>12/31/2019 07:29:51</t>
  </si>
  <si>
    <t>12/31/2019 07:30:00</t>
  </si>
  <si>
    <t>12/31/2019 07:30:03</t>
  </si>
  <si>
    <t>12/31/2019 07:29:53</t>
  </si>
  <si>
    <t>12/31/2019 07:31:34</t>
  </si>
  <si>
    <t>12/31/2019 07:30:43</t>
  </si>
  <si>
    <t>12/31/2019 07:33:34</t>
  </si>
  <si>
    <t>12/31/2019 07:29:13</t>
  </si>
  <si>
    <t>12/31/2019 07:34:35</t>
  </si>
  <si>
    <t>12/31/2019 07:31:13</t>
  </si>
  <si>
    <t>12/31/2019 07:32:36</t>
  </si>
  <si>
    <t>12/31/2019 07:35:34</t>
  </si>
  <si>
    <t>12/31/2019 07:33:45</t>
  </si>
  <si>
    <t>517bf5e3-813a-46af-8203-a54f1a2b637f.tmp</t>
  </si>
  <si>
    <t>\\acsfs\profiles$\mariajra\Downloads\517bf5e3-813a-46af-8203-a54f1a2b637f.tmp</t>
  </si>
  <si>
    <t>12/31/2019 07:35:00</t>
  </si>
  <si>
    <t>35502f92-f964-47da-9d10-294c46e5eadf.tmp</t>
  </si>
  <si>
    <t>\\acsfs\profiles$\mariajra\Downloads\35502f92-f964-47da-9d10-294c46e5eadf.tmp</t>
  </si>
  <si>
    <t>12/31/2019 07:32:35</t>
  </si>
  <si>
    <t>12/31/2019 07:33:27</t>
  </si>
  <si>
    <t>12/31/2019 07:34:30</t>
  </si>
  <si>
    <t>12/31/2019 07:35:08</t>
  </si>
  <si>
    <t>fd0237ad-cf54-4611-b3fd-be3cd3dd4a95.tmp</t>
  </si>
  <si>
    <t>\\acsfs\profiles$\eduardofss\Downloads\fd0237ad-cf54-4611-b3fd-be3cd3dd4a95.tmp</t>
  </si>
  <si>
    <t>12/31/2019 07:32:44</t>
  </si>
  <si>
    <t>12/31/2019 07:36:35</t>
  </si>
  <si>
    <t>GABRIELE OLIVEIRA DE SOUSA (22898).contact</t>
  </si>
  <si>
    <t>\\acsfs\profiles$\gabrieleods\Contacts\GABRIELE OLIVEIRA DE SOUSA (22898).contact</t>
  </si>
  <si>
    <t>12/31/2019 07:33:04</t>
  </si>
  <si>
    <t>12/31/2019 07:33:05</t>
  </si>
  <si>
    <t>12/31/2019 07:33:06</t>
  </si>
  <si>
    <t>12/31/2019 07:33:07</t>
  </si>
  <si>
    <t>12/31/2019 07:33:08</t>
  </si>
  <si>
    <t>12/31/2019 07:33:09</t>
  </si>
  <si>
    <t>12/31/2019 07:33:10</t>
  </si>
  <si>
    <t>12/31/2019 07:33:11</t>
  </si>
  <si>
    <t>\\acsfs\profiles$\gabrieleods\Favorites\Links for Brasil\</t>
  </si>
  <si>
    <t>\\acsfs\profiles$\gabrieleods\Favorites\Links for Brasil\desktop.ini</t>
  </si>
  <si>
    <t>\\acsfs\profiles$\gabrieleods\Favorites\Links for Brasil\Microsoft Brasil.url</t>
  </si>
  <si>
    <t>12/31/2019 07:33:28</t>
  </si>
  <si>
    <t>\\acsfs\profiles$\gabrieleods\Favorites\Links for Brasil\Windows Brasil.url</t>
  </si>
  <si>
    <t>\\acsfs\profiles$\gabrieleods\Favorites\Links for Brasil\MSN Brasil.url</t>
  </si>
  <si>
    <t>12/31/2019 07:31:53</t>
  </si>
  <si>
    <t>12/31/2019 07:35:43</t>
  </si>
  <si>
    <t>12/31/2019 07:33:02</t>
  </si>
  <si>
    <t>12/31/2019 07:37:34</t>
  </si>
  <si>
    <t>c5c580ac-6102-4123-ad3a-3fe3662ef744.tmp</t>
  </si>
  <si>
    <t>\\acsfs\profiles$\deboraaa\Downloads\c5c580ac-6102-4123-ad3a-3fe3662ef744.tmp</t>
  </si>
  <si>
    <t>8e9f6a9f-f200-4209-8441-220b904117ba.tmp</t>
  </si>
  <si>
    <t>\\acsfs\profiles$\deboraaa\Downloads\8e9f6a9f-f200-4209-8441-220b904117ba.tmp</t>
  </si>
  <si>
    <t>c0240c66-3be3-4d68-aa7d-91eebd407d15.tmp</t>
  </si>
  <si>
    <t>\\acsfs\profiles$\deboraaa\Downloads\c0240c66-3be3-4d68-aa7d-91eebd407d15.tmp</t>
  </si>
  <si>
    <t>12/31/2019 07:34:19</t>
  </si>
  <si>
    <t>60e23c2f-41b9-4f4b-9012-5a5da8c309c2.tmp</t>
  </si>
  <si>
    <t>\\acsfs\profiles$\deboraaa\Downloads\60e23c2f-41b9-4f4b-9012-5a5da8c309c2.tmp</t>
  </si>
  <si>
    <t>12/31/2019 07:36:02</t>
  </si>
  <si>
    <t>ef6e940b-8b40-4120-a33c-277738613366.tmp</t>
  </si>
  <si>
    <t>\\acsfs\profiles$\deboraaa\Downloads\ef6e940b-8b40-4120-a33c-277738613366.tmp</t>
  </si>
  <si>
    <t>12/31/2019 07:35:13</t>
  </si>
  <si>
    <t>12/31/2019 07:39:35</t>
  </si>
  <si>
    <t>12/31/2019 07:37:13</t>
  </si>
  <si>
    <t>12/31/2019 07:37:31</t>
  </si>
  <si>
    <t>12/31/2019 07:37:40</t>
  </si>
  <si>
    <t>12/31/2019 07:37:42</t>
  </si>
  <si>
    <t>12/31/2019 07:37:57</t>
  </si>
  <si>
    <t>12/31/2019 07:38:03</t>
  </si>
  <si>
    <t>12/31/2019 07:38:21</t>
  </si>
  <si>
    <t>12/31/2019 07:38:51</t>
  </si>
  <si>
    <t>12/31/2019 07:37:39</t>
  </si>
  <si>
    <t>12/31/2019 07:40:34</t>
  </si>
  <si>
    <t>12/31/2019 07:36:51</t>
  </si>
  <si>
    <t>0e7942b7-b6b7-45f7-a856-5a6f10778671.tmp</t>
  </si>
  <si>
    <t>\\acsfs\profiles$\eduardofss\Downloads\0e7942b7-b6b7-45f7-a856-5a6f10778671.tmp</t>
  </si>
  <si>
    <t>12/31/2019 07:37:53</t>
  </si>
  <si>
    <t>12/31/2019 07:41:35</t>
  </si>
  <si>
    <t>12/31/2019 07:40:53</t>
  </si>
  <si>
    <t>12/31/2019 07:36:41</t>
  </si>
  <si>
    <t>12/31/2019 07:42:34</t>
  </si>
  <si>
    <t>12/31/2019 07:36:42</t>
  </si>
  <si>
    <t>12/31/2019 07:36:46</t>
  </si>
  <si>
    <t>d2eb3f35-cd5e-44f8-9eba-1a2a9a4fb09b.tmp</t>
  </si>
  <si>
    <t>\\acsfs\profiles$\deboraaa\Downloads\d2eb3f35-cd5e-44f8-9eba-1a2a9a4fb09b.tmp</t>
  </si>
  <si>
    <t>12/31/2019 07:37:54</t>
  </si>
  <si>
    <t>36a4ec7a-038d-47b2-921a-14f7311c0989.tmp</t>
  </si>
  <si>
    <t>\\acsfs\profiles$\deboraaa\Downloads\36a4ec7a-038d-47b2-921a-14f7311c0989.tmp</t>
  </si>
  <si>
    <t>12/31/2019 07:41:13</t>
  </si>
  <si>
    <t>12/31/2019 07:44:34</t>
  </si>
  <si>
    <t>12/31/2019 07:43:13</t>
  </si>
  <si>
    <t>12/31/2019 07:39:19</t>
  </si>
  <si>
    <t>12/31/2019 07:39:29</t>
  </si>
  <si>
    <t>12/31/2019 07:39:39</t>
  </si>
  <si>
    <t>12/31/2019 07:42:03</t>
  </si>
  <si>
    <t>12/31/2019 07:42:38</t>
  </si>
  <si>
    <t>12/31/2019 07:45:34</t>
  </si>
  <si>
    <t>55a5e9c8-70ce-4591-a677-e43e5af1de21.tmp</t>
  </si>
  <si>
    <t>\\acsfs\profiles$\mariajra\Downloads\55a5e9c8-70ce-4591-a677-e43e5af1de21.tmp</t>
  </si>
  <si>
    <t>12/31/2019 07:43:53</t>
  </si>
  <si>
    <t>12/31/2019 07:46:34</t>
  </si>
  <si>
    <t>12/31/2019 07:44:35</t>
  </si>
  <si>
    <t>12/31/2019 07:47:34</t>
  </si>
  <si>
    <t>12/31/2019 07:43:54</t>
  </si>
  <si>
    <t>ulog_Acrobat12_Reader_22bb18ef-a0cc-4985-b2f1-d8449a05e1d0_0b8d04fe-f8ab-4bb5-8364-4756b0546a7b_0.log</t>
  </si>
  <si>
    <t>C:\Users\Jordanarb\AppData\Roaming\Adobe\LogTransport2\Logs\ulog_Acrobat12_Reader_22bb18ef-a0cc-4985-b2f1-d8449a05e1d0_0b8d04fe-f8ab-4bb5-8364-4756b0546a7b_0.log\</t>
  </si>
  <si>
    <t>12/31/2019 07:47:54</t>
  </si>
  <si>
    <t>12/31/2019 07:48:34</t>
  </si>
  <si>
    <t>2a806557-6164-4bbe-b4b4-836b5211d961.tmp</t>
  </si>
  <si>
    <t>\\acsfs\profiles$\anafsb\Downloads\2a806557-6164-4bbe-b4b4-836b5211d961.tmp</t>
  </si>
  <si>
    <t>12/31/2019 07:47:55</t>
  </si>
  <si>
    <t>eb734e94-be4f-4c95-9226-5e4dbbb825fb.tmp</t>
  </si>
  <si>
    <t>\\acsfs\profiles$\anafsb\Downloads\eb734e94-be4f-4c95-9226-5e4dbbb825fb.tmp</t>
  </si>
  <si>
    <t>12/31/2019 07:47:56</t>
  </si>
  <si>
    <t>d6c49e16-ece1-441c-8738-707864568287.tmp</t>
  </si>
  <si>
    <t>\\acsfs\profiles$\anafsb\Downloads\d6c49e16-ece1-441c-8738-707864568287.tmp</t>
  </si>
  <si>
    <t>12/31/2019 07:44:00</t>
  </si>
  <si>
    <t>12/31/2019 07:47:14</t>
  </si>
  <si>
    <t>12/31/2019 07:49:34</t>
  </si>
  <si>
    <t>12/31/2019 07:50:10</t>
  </si>
  <si>
    <t>12/31/2019 07:50:35</t>
  </si>
  <si>
    <t>\\acsfs\profiles$\stefaniasdf\Favorites\Citrix.url\</t>
  </si>
  <si>
    <t>\\acsfs\profiles$\stefaniasdf\Favorites\Citrix.url\:favicon:$DATA</t>
  </si>
  <si>
    <t>Citrix.url</t>
  </si>
  <si>
    <t>\\acsfs\profiles$\stefaniasdf\Favorites\Citrix.url</t>
  </si>
  <si>
    <t>12/31/2019 07:49:38</t>
  </si>
  <si>
    <t>12/31/2019 07:51:34</t>
  </si>
  <si>
    <t>12/31/2019 07:46:54</t>
  </si>
  <si>
    <t>12/31/2019 07:49:53</t>
  </si>
  <si>
    <t>12/31/2019 07:51:15</t>
  </si>
  <si>
    <t>12/31/2019 07:53:34</t>
  </si>
  <si>
    <t>0a719d41-5701-470b-865d-efe4c95710c7.tmp</t>
  </si>
  <si>
    <t>\\acsfs\profiles$\anafsb\Downloads\0a719d41-5701-470b-865d-efe4c95710c7.tmp</t>
  </si>
  <si>
    <t>12/31/2019 07:51:16</t>
  </si>
  <si>
    <t>80699f1e-b2d8-4b06-8027-dc24513b60cc.tmp</t>
  </si>
  <si>
    <t>\\acsfs\profiles$\anafsb\Downloads\80699f1e-b2d8-4b06-8027-dc24513b60cc.tmp</t>
  </si>
  <si>
    <t>12/31/2019 07:51:32</t>
  </si>
  <si>
    <t>12/31/2019 07:49:14</t>
  </si>
  <si>
    <t>12/31/2019 07:54:35</t>
  </si>
  <si>
    <t>12/31/2019 07:53:14</t>
  </si>
  <si>
    <t>12/31/2019 07:52:34</t>
  </si>
  <si>
    <t>12/31/2019 07:52:37</t>
  </si>
  <si>
    <t>12/31/2019 07:52:50</t>
  </si>
  <si>
    <t>12/31/2019 07:52:59</t>
  </si>
  <si>
    <t>12/31/2019 07:53:07</t>
  </si>
  <si>
    <t>12/31/2019 07:53:50</t>
  </si>
  <si>
    <t>12/31/2019 07:50:32</t>
  </si>
  <si>
    <t>12/31/2019 07:55:34</t>
  </si>
  <si>
    <t>\\acsfs\profiles$\leticiaat\My Documents\</t>
  </si>
  <si>
    <t>\\acsfs\profiles$\leticiaat\My Documents\Download.pdf</t>
  </si>
  <si>
    <t>12/31/2019 07:53:47</t>
  </si>
  <si>
    <t>80a6122a-39a1-4323-8418-62b07e62e869.tmp</t>
  </si>
  <si>
    <t>\\acsfs\profiles$\valeriasda\Downloads\80a6122a-39a1-4323-8418-62b07e62e869.tmp</t>
  </si>
  <si>
    <t>12/31/2019 07:53:55</t>
  </si>
  <si>
    <t>12/31/2019 07:56:35</t>
  </si>
  <si>
    <t>2c3ae275-e7ae-4a70-ab7d-24e97f12e2ec.tmp</t>
  </si>
  <si>
    <t>\\acsfs\profiles$\larissaad\Downloads\2c3ae275-e7ae-4a70-ab7d-24e97f12e2ec.tmp</t>
  </si>
  <si>
    <t>12/31/2019 07:54:24</t>
  </si>
  <si>
    <t>f8da8f31-4ce1-4e1d-bda4-2f4f16ecc683.tmp</t>
  </si>
  <si>
    <t>\\acsfs\profiles$\larissaad\Downloads\f8da8f31-4ce1-4e1d-bda4-2f4f16ecc683.tmp</t>
  </si>
  <si>
    <t>12/31/2019 07:53:06</t>
  </si>
  <si>
    <t>12/31/2019 07:55:53</t>
  </si>
  <si>
    <t>12/31/2019 07:54:23</t>
  </si>
  <si>
    <t>12/31/2019 07:57:35</t>
  </si>
  <si>
    <t>12/30/2019 21:36:54</t>
  </si>
  <si>
    <t>12/31/2019 07:53:15</t>
  </si>
  <si>
    <t>12/31/2019 07:54:47</t>
  </si>
  <si>
    <t>12/31/2019 07:53:39</t>
  </si>
  <si>
    <t>acc8241e-658e-4337-aa1f-3bb219f7186b.tmp</t>
  </si>
  <si>
    <t>\\acsfs\profiles$\vivianealda\Downloads\acc8241e-658e-4337-aa1f-3bb219f7186b.tmp</t>
  </si>
  <si>
    <t>12/31/2019 07:55:54</t>
  </si>
  <si>
    <t>c53139de-4fe2-47e2-879b-996d2b00681d.tmp</t>
  </si>
  <si>
    <t>\\acsfs\profiles$\vivianealda\Downloads\c53139de-4fe2-47e2-879b-996d2b00681d.tmp</t>
  </si>
  <si>
    <t>12/31/2019 07:54:04</t>
  </si>
  <si>
    <t>12/31/2019 07:56:44</t>
  </si>
  <si>
    <t>12/31/2019 07:58:35</t>
  </si>
  <si>
    <t>12/31/2019 07:56:56</t>
  </si>
  <si>
    <t>12/31/2019 07:55:14</t>
  </si>
  <si>
    <t>12/31/2019 07:59:35</t>
  </si>
  <si>
    <t>12/31/2019 07:53:56</t>
  </si>
  <si>
    <t>12/31/2019 07:54:06</t>
  </si>
  <si>
    <t>12/31/2019 07:56:45</t>
  </si>
  <si>
    <t>12/31/2019 07:56:55</t>
  </si>
  <si>
    <t>joaogvc@algartech.com;leonardoao@algartech.com;marianadjc@algartech.com;paulacn@algartech.com;planejamentodeoperacoesetrafego@bv.com.br;rafaelggs@algartech.com;taysdss@algartech.com;thiagordu@algartech.com;viniciussg@algartech.com;</t>
  </si>
  <si>
    <t>joaogvc@algartech.com,leonardoao@algartech.com,marianadjc@algartech.com,paulacn@algartech.com,planejamentodeoperacoesetrafego@bv.com.br,rafaelggs@algartech.com,taysdss@algartech.com,thiagordu@algartech.com,viniciussg@algartech.com</t>
  </si>
  <si>
    <t>12/31/2019 07:57:04</t>
  </si>
  <si>
    <t>12/31/2019 07:57:12</t>
  </si>
  <si>
    <t>12/31/2019 07:57:18</t>
  </si>
  <si>
    <t>12/31/2019 07:57:37</t>
  </si>
  <si>
    <t>12/31/2019 07:58:23</t>
  </si>
  <si>
    <t>12/31/2019 07:58:27</t>
  </si>
  <si>
    <t>12/31/2019 07:58:54</t>
  </si>
  <si>
    <t>12/31/2019 07:56:57</t>
  </si>
  <si>
    <t>12/31/2019 08:00:34</t>
  </si>
  <si>
    <t>12/31/2019 07:59:03</t>
  </si>
  <si>
    <t>12/31/2019 08:01:35</t>
  </si>
  <si>
    <t>12/31/2019 07:57:22</t>
  </si>
  <si>
    <t>a39975e0-62ef-4f01-bbe1-e92d1c92d848.tmp</t>
  </si>
  <si>
    <t>\\acsfs\profiles$\larissaad\Downloads\a39975e0-62ef-4f01-bbe1-e92d1c92d848.tmp</t>
  </si>
  <si>
    <t>12/31/2019 07:58:53</t>
  </si>
  <si>
    <t>12/31/2019 07:59:22</t>
  </si>
  <si>
    <t>12/31/2019 08:02:35</t>
  </si>
  <si>
    <t>12/31/2019 08:00:54</t>
  </si>
  <si>
    <t>e1e89975-78f0-446e-afba-e238810d996d.tmp</t>
  </si>
  <si>
    <t>\\acsfs\profiles$\marcellewdl\Downloads\e1e89975-78f0-446e-afba-e238810d996d.tmp</t>
  </si>
  <si>
    <t>12/31/2019 08:01:49</t>
  </si>
  <si>
    <t>1d0e29ae-ab81-4d30-98df-b3f5ffd92ac8.tmp</t>
  </si>
  <si>
    <t>\\acsfs\profiles$\marcellewdl\Downloads\1d0e29ae-ab81-4d30-98df-b3f5ffd92ac8.tmp</t>
  </si>
  <si>
    <t>12/31/2019 07:59:05</t>
  </si>
  <si>
    <t>12/31/2019 07:59:08</t>
  </si>
  <si>
    <t>12/31/2019 08:01:30</t>
  </si>
  <si>
    <t>250881d5-68cd-426e-bf74-35fdc10d3e52.tmp</t>
  </si>
  <si>
    <t>\\acsfs\profiles$\vivianealda\Downloads\250881d5-68cd-426e-bf74-35fdc10d3e52.tmp</t>
  </si>
  <si>
    <t>12/31/2019 07:58:44</t>
  </si>
  <si>
    <t>12/31/2019 08:03:34</t>
  </si>
  <si>
    <t>12/31/2019 07:59:17</t>
  </si>
  <si>
    <t>88d76a92-d6ae-453b-88ba-f1490fcf3087.tmp</t>
  </si>
  <si>
    <t>\\acsfs\profiles$\wenderbnm\Downloads\88d76a92-d6ae-453b-88ba-f1490fcf3087.tmp</t>
  </si>
  <si>
    <t>12/31/2019 08:01:08</t>
  </si>
  <si>
    <t>7b4fdf9f-7e7a-4bca-beb9-e086cd60b4ae.tmp</t>
  </si>
  <si>
    <t>\\acsfs\profiles$\wenderbnm\Downloads\7b4fdf9f-7e7a-4bca-beb9-e086cd60b4ae.tmp</t>
  </si>
  <si>
    <t>12/31/2019 07:59:11</t>
  </si>
  <si>
    <t>e2a657bd-f104-4733-83a3-aee82ed9065c.tmp</t>
  </si>
  <si>
    <t>\\acsfs\profiles$\milenaas\Downloads\e2a657bd-f104-4733-83a3-aee82ed9065c.tmp</t>
  </si>
  <si>
    <t>12/31/2019 08:00:41</t>
  </si>
  <si>
    <t>f1a2fcc6-f8bc-4adc-b9ac-e11cfe94726a.tmp</t>
  </si>
  <si>
    <t>\\acsfs\profiles$\milenaas\Downloads\f1a2fcc6-f8bc-4adc-b9ac-e11cfe94726a.tmp</t>
  </si>
  <si>
    <t>12/31/2019 08:01:09</t>
  </si>
  <si>
    <t>db7aee23-2332-4f2c-a735-bb9b580800b7.tmp</t>
  </si>
  <si>
    <t>\\acsfs\profiles$\milenaas\Downloads\db7aee23-2332-4f2c-a735-bb9b580800b7.tmp</t>
  </si>
  <si>
    <t>fe667803-6103-482a-8a87-ea1a77bd8c03.tmp</t>
  </si>
  <si>
    <t>\\acsfs\profiles$\rafaelamsv\Downloads\fe667803-6103-482a-8a87-ea1a77bd8c03.tmp</t>
  </si>
  <si>
    <t>12/31/2019 07:59:18</t>
  </si>
  <si>
    <t>9c8d90c9-cf3b-45b1-819b-7e363c92144f.tmp</t>
  </si>
  <si>
    <t>\\acsfs\profiles$\rafaelamsv\Downloads\9c8d90c9-cf3b-45b1-819b-7e363c92144f.tmp</t>
  </si>
  <si>
    <t>12/31/2019 08:01:53</t>
  </si>
  <si>
    <t>464d2fe4-27e3-4d13-ac81-96ea29b84715.tmp</t>
  </si>
  <si>
    <t>\\acsfs\profiles$\ANAPDSB\Downloads\464d2fe4-27e3-4d13-ac81-96ea29b84715.tmp</t>
  </si>
  <si>
    <t>12/31/2019 08:02:04</t>
  </si>
  <si>
    <t>12/31/2019 08:03:07</t>
  </si>
  <si>
    <t>8511a603-2c8a-4271-820e-49abd3354b64.tmp</t>
  </si>
  <si>
    <t>\\acsfs\profiles$\ANAPDSB\Downloads\8511a603-2c8a-4271-820e-49abd3354b64.tmp</t>
  </si>
  <si>
    <t>a199a7f3-f93c-452f-a143-bafd57a57ce8.tmp</t>
  </si>
  <si>
    <t>\\acsfs\profiles$\anafsb\Downloads\a199a7f3-f93c-452f-a143-bafd57a57ce8.tmp</t>
  </si>
  <si>
    <t>12/31/2019 07:59:15</t>
  </si>
  <si>
    <t>12/31/2019 08:04:35</t>
  </si>
  <si>
    <t>6471f792-d42c-433f-b27e-aae4594d4526.tmp</t>
  </si>
  <si>
    <t>\\acsfs\profiles$\deborahsi\Downloads\6471f792-d42c-433f-b27e-aae4594d4526.tmp</t>
  </si>
  <si>
    <t>12/31/2019 08:00:37</t>
  </si>
  <si>
    <t>c6f76e6b-7b44-450f-8b6e-056b756e7eaf.tmp</t>
  </si>
  <si>
    <t>\\acsfs\profiles$\deborahsi\Downloads\c6f76e6b-7b44-450f-8b6e-056b756e7eaf.tmp</t>
  </si>
  <si>
    <t>12/31/2019 08:01:23</t>
  </si>
  <si>
    <t>7b9cf1d8-a1a7-4798-ad4f-a783c3ddebc1.tmp</t>
  </si>
  <si>
    <t>\\acsfs\profiles$\deborahsi\Downloads\7b9cf1d8-a1a7-4798-ad4f-a783c3ddebc1.tmp</t>
  </si>
  <si>
    <t>12/31/2019 08:02:55</t>
  </si>
  <si>
    <t>12/31/2019 07:59:14</t>
  </si>
  <si>
    <t>12/31/2019 08:01:14</t>
  </si>
  <si>
    <t>12/31/2019 07:59:21</t>
  </si>
  <si>
    <t>12/31/2019 07:59:25</t>
  </si>
  <si>
    <t>12/31/2019 07:59:54</t>
  </si>
  <si>
    <t>12/31/2019 07:59:55</t>
  </si>
  <si>
    <t>12/31/2019 08:00:00</t>
  </si>
  <si>
    <t>12/31/2019 08:01:25</t>
  </si>
  <si>
    <t>12/31/2019 08:01:28</t>
  </si>
  <si>
    <t>12/31/2019 08:01:46</t>
  </si>
  <si>
    <t>12/31/2019 08:02:13</t>
  </si>
  <si>
    <t>mail.google.com/_/upload?authuser=0&amp;dcp=asu-n&amp;upload_id=AEnB2UreJZ4LiCD4dkNlrdvhu3C-kercnJe7o8WeMgDSgDYnu5N9DGmYrWUmJ2VNOfEh0jFR6hzfX7NTbbTXgB7lWWXVPkB99Q&amp;upload_protocol=resumable</t>
  </si>
  <si>
    <t>12/31/2019 08:03:06</t>
  </si>
  <si>
    <t>12/31/2019 08:05:34</t>
  </si>
  <si>
    <t>89ec5943-3c72-4e19-99bf-5832819e81c7.tmp</t>
  </si>
  <si>
    <t>\\acsfs\profiles$\cintiadcf\Downloads\89ec5943-3c72-4e19-99bf-5832819e81c7.tmp</t>
  </si>
  <si>
    <t>12/30/2019 21:27:59</t>
  </si>
  <si>
    <t>12/31/2019 08:06:35</t>
  </si>
  <si>
    <t>4506ac80-54fb-4978-a688-027b26ae4a32.tmp</t>
  </si>
  <si>
    <t>\\acsfs\profiles$\ayalabfi\Downloads\4506ac80-54fb-4978-a688-027b26ae4a32.tmp</t>
  </si>
  <si>
    <t>12/31/2019 08:04:57</t>
  </si>
  <si>
    <t>12/31/2019 08:04:23</t>
  </si>
  <si>
    <t>12/31/2019 08:07:35</t>
  </si>
  <si>
    <t>12/31/2019 08:07:27</t>
  </si>
  <si>
    <t>12/31/2019 08:08:35</t>
  </si>
  <si>
    <t>8806a741-e059-4358-81d0-d4ff2924de38.tmp</t>
  </si>
  <si>
    <t>\\acsfs\profiles$\geovannasm\Downloads\8806a741-e059-4358-81d0-d4ff2924de38.tmp</t>
  </si>
  <si>
    <t>12/31/2019 08:04:20</t>
  </si>
  <si>
    <t>706bae15-e302-496e-9546-71c5c6712110.tmp</t>
  </si>
  <si>
    <t>\\acsfs\profiles$\milenaas\Downloads\706bae15-e302-496e-9546-71c5c6712110.tmp</t>
  </si>
  <si>
    <t>12/31/2019 08:04:37</t>
  </si>
  <si>
    <t>b4d78dfe-3a86-438a-865f-fa6d97febe28.tmp</t>
  </si>
  <si>
    <t>\\acsfs\profiles$\THYAGOSP\Downloads\b4d78dfe-3a86-438a-865f-fa6d97febe28.tmp</t>
  </si>
  <si>
    <t>12/31/2019 08:04:41</t>
  </si>
  <si>
    <t>b089dbf1-d4f5-4880-98d0-dfe290a43bf0.tmp</t>
  </si>
  <si>
    <t>\\acsfs\profiles$\THYAGOSP\Downloads\b089dbf1-d4f5-4880-98d0-dfe290a43bf0.tmp</t>
  </si>
  <si>
    <t>12/31/2019 08:05:04</t>
  </si>
  <si>
    <t>12/31/2019 08:09:35</t>
  </si>
  <si>
    <t>3cd1c6ba-58fa-48ea-a3b8-d2fb63ca4ae3.tmp</t>
  </si>
  <si>
    <t>\\acsfs\profiles$\luanarda\Downloads\3cd1c6ba-58fa-48ea-a3b8-d2fb63ca4ae3.tmp</t>
  </si>
  <si>
    <t>12/31/2019 08:06:54</t>
  </si>
  <si>
    <t>9b7eb059-d0f0-408c-b7dd-8d84d6d078e3.tmp</t>
  </si>
  <si>
    <t>\\acsfs\profiles$\luanarda\Downloads\9b7eb059-d0f0-408c-b7dd-8d84d6d078e3.tmp</t>
  </si>
  <si>
    <t>12/31/2019 08:08:47</t>
  </si>
  <si>
    <t>12/31/2019 08:05:14</t>
  </si>
  <si>
    <t>12/31/2019 08:07:14</t>
  </si>
  <si>
    <t>12/31/2019 08:08:39</t>
  </si>
  <si>
    <t>12/31/2019 08:07:49</t>
  </si>
  <si>
    <t>12/31/2019 08:10:35</t>
  </si>
  <si>
    <t>12/31/2019 08:10:20</t>
  </si>
  <si>
    <t>12/31/2019 08:11:35</t>
  </si>
  <si>
    <t>12/31/2019 08:10:28</t>
  </si>
  <si>
    <t>ee9b1407-5cda-4571-9179-3288d4bcdb08.tmp</t>
  </si>
  <si>
    <t>\\acsfs\profiles$\felipetds\Downloads\ee9b1407-5cda-4571-9179-3288d4bcdb08.tmp</t>
  </si>
  <si>
    <t>12/31/2019 08:07:54</t>
  </si>
  <si>
    <t>12/31/2019 08:10:57</t>
  </si>
  <si>
    <t>12/31/2019 08:07:59</t>
  </si>
  <si>
    <t>12/31/2019 08:12:36</t>
  </si>
  <si>
    <t>15009667-c086-45fe-ab68-d90641e9057c.tmp</t>
  </si>
  <si>
    <t>\\acsfs\profiles$\quindaizaagds\Downloads\15009667-c086-45fe-ab68-d90641e9057c.tmp</t>
  </si>
  <si>
    <t>12/31/2019 08:08:03</t>
  </si>
  <si>
    <t>dbd59a2d-2ad6-4604-a0c8-33446f8306c7.tmp</t>
  </si>
  <si>
    <t>\\acsfs\profiles$\quindaizaagds\Downloads\dbd59a2d-2ad6-4604-a0c8-33446f8306c7.tmp</t>
  </si>
  <si>
    <t>12/31/2019 08:08:13</t>
  </si>
  <si>
    <t>3f4815b3-8b86-4173-a16d-817f0edbfac5.tmp</t>
  </si>
  <si>
    <t>\\acsfs\profiles$\quindaizaagds\Downloads\3f4815b3-8b86-4173-a16d-817f0edbfac5.tmp</t>
  </si>
  <si>
    <t>12/31/2019 08:09:48</t>
  </si>
  <si>
    <t>b95760ba-9759-451b-a5b7-4ff4e3e12700.tmp</t>
  </si>
  <si>
    <t>\\acsfs\profiles$\quindaizaagds\Downloads\b95760ba-9759-451b-a5b7-4ff4e3e12700.tmp</t>
  </si>
  <si>
    <t>12/31/2019 08:10:29</t>
  </si>
  <si>
    <t>12/31/2019 08:08:24</t>
  </si>
  <si>
    <t>12/31/2019 08:13:35</t>
  </si>
  <si>
    <t>98b5f534-a9af-4a0e-bec9-b8374712e08e.tmp</t>
  </si>
  <si>
    <t>\\acsfs\profiles$\geovannasm\Downloads\98b5f534-a9af-4a0e-bec9-b8374712e08e.tmp</t>
  </si>
  <si>
    <t>12/31/2019 08:09:43</t>
  </si>
  <si>
    <t>13417789-098e-4191-aac3-bca4059409e9.tmp</t>
  </si>
  <si>
    <t>\\acsfs\profiles$\geovannasm\Downloads\13417789-098e-4191-aac3-bca4059409e9.tmp</t>
  </si>
  <si>
    <t>12/31/2019 08:11:18</t>
  </si>
  <si>
    <t>12/31/2019 08:08:42</t>
  </si>
  <si>
    <t>5634fd66-1a3f-4edd-b2bd-838519d08f45.tmp</t>
  </si>
  <si>
    <t>\\acsfs\profiles$\THYAGOSP\Downloads\5634fd66-1a3f-4edd-b2bd-838519d08f45.tmp</t>
  </si>
  <si>
    <t>12/31/2019 08:12:18</t>
  </si>
  <si>
    <t>dd08646d-4954-4747-9d8c-3b49c1828e1f.tmp</t>
  </si>
  <si>
    <t>\\acsfs\profiles$\THYAGOSP\Downloads\dd08646d-4954-4747-9d8c-3b49c1828e1f.tmp</t>
  </si>
  <si>
    <t>12/31/2019 08:11:14</t>
  </si>
  <si>
    <t>12/31/2019 08:14:36</t>
  </si>
  <si>
    <t>12/31/2019 08:13:14</t>
  </si>
  <si>
    <t>12/31/2019 08:10:52</t>
  </si>
  <si>
    <t>12/31/2019 08:11:49</t>
  </si>
  <si>
    <t>12/31/2019 08:16:36</t>
  </si>
  <si>
    <t>d9c7f25b-b19a-4f8e-a8e3-78585b9612cd.tmp</t>
  </si>
  <si>
    <t>\\acsfs\profiles$\felipetds\Downloads\d9c7f25b-b19a-4f8e-a8e3-78585b9612cd.tmp</t>
  </si>
  <si>
    <t>12/31/2019 08:13:45</t>
  </si>
  <si>
    <t>12/31/2019 08:13:53</t>
  </si>
  <si>
    <t>12/31/2019 08:15:48</t>
  </si>
  <si>
    <t>12/31/2019 08:12:33</t>
  </si>
  <si>
    <t>12/31/2019 08:17:35</t>
  </si>
  <si>
    <t>12/31/2019 08:13:32</t>
  </si>
  <si>
    <t>12/31/2019 08:18:35</t>
  </si>
  <si>
    <t>14d30577-ecb6-4443-900d-6dc516285ef8.tmp</t>
  </si>
  <si>
    <t>\\acsfs\profiles$\THYAGOSP\Downloads\14d30577-ecb6-4443-900d-6dc516285ef8.tmp</t>
  </si>
  <si>
    <t>12/31/2019 08:17:54</t>
  </si>
  <si>
    <t>12/31/2019 08:17:50</t>
  </si>
  <si>
    <t>12/31/2019 08:19:35</t>
  </si>
  <si>
    <t>12/31/2019 08:15:51</t>
  </si>
  <si>
    <t>12/31/2019 08:14:14</t>
  </si>
  <si>
    <t>12/31/2019 08:15:55</t>
  </si>
  <si>
    <t>12/31/2019 08:14:56</t>
  </si>
  <si>
    <t>12/31/2019 08:18:15</t>
  </si>
  <si>
    <t>12/31/2019 08:14:57</t>
  </si>
  <si>
    <t>12/31/2019 08:14:58</t>
  </si>
  <si>
    <t>12/31/2019 08:14:59</t>
  </si>
  <si>
    <t>12/31/2019 08:15:00</t>
  </si>
  <si>
    <t>12/31/2019 08:15:01</t>
  </si>
  <si>
    <t>12/31/2019 08:15:02</t>
  </si>
  <si>
    <t>12/31/2019 08:15:03</t>
  </si>
  <si>
    <t>12/31/2019 08:15:04</t>
  </si>
  <si>
    <t>12/31/2019 08:15:05</t>
  </si>
  <si>
    <t>12/31/2019 08:15:06</t>
  </si>
  <si>
    <t>12/31/2019 08:15:07</t>
  </si>
  <si>
    <t>12/31/2019 08:15:08</t>
  </si>
  <si>
    <t>12/31/2019 08:15:09</t>
  </si>
  <si>
    <t>12/31/2019 08:15:10</t>
  </si>
  <si>
    <t>12/31/2019 08:15:11</t>
  </si>
  <si>
    <t>12/31/2019 08:15:12</t>
  </si>
  <si>
    <t>12/31/2019 08:15:13</t>
  </si>
  <si>
    <t>12/31/2019 08:15:14</t>
  </si>
  <si>
    <t>12/31/2019 08:15:15</t>
  </si>
  <si>
    <t>12/31/2019 08:15:16</t>
  </si>
  <si>
    <t>12/31/2019 08:15:17</t>
  </si>
  <si>
    <t>12/31/2019 08:15:18</t>
  </si>
  <si>
    <t>12/31/2019 08:15:19</t>
  </si>
  <si>
    <t>12/31/2019 08:15:20</t>
  </si>
  <si>
    <t>12/31/2019 08:15:21</t>
  </si>
  <si>
    <t>12/31/2019 08:15:22</t>
  </si>
  <si>
    <t>12/31/2019 08:15:23</t>
  </si>
  <si>
    <t>12/31/2019 08:15:24</t>
  </si>
  <si>
    <t>12/31/2019 08:17:56</t>
  </si>
  <si>
    <t>e58edd4b-39cf-457d-be63-fdd8d954d1b4.tmp</t>
  </si>
  <si>
    <t>\\acsfs\profiles$\adelvinsonle\Downloads\e58edd4b-39cf-457d-be63-fdd8d954d1b4.tmp</t>
  </si>
  <si>
    <t>12/31/2019 08:18:03</t>
  </si>
  <si>
    <t>12/31/2019 08:15:25</t>
  </si>
  <si>
    <t>12/31/2019 08:15:26</t>
  </si>
  <si>
    <t>12/31/2019 08:15:27</t>
  </si>
  <si>
    <t>12/31/2019 08:15:28</t>
  </si>
  <si>
    <t>12/31/2019 08:15:29</t>
  </si>
  <si>
    <t>12/31/2019 08:16:10</t>
  </si>
  <si>
    <t>12/31/2019 08:21:35</t>
  </si>
  <si>
    <t>dc74ac47-90ad-4169-bdc5-d99542b16984.tmp</t>
  </si>
  <si>
    <t>\\acsfs\profiles$\ayalabfi\Downloads\dc74ac47-90ad-4169-bdc5-d99542b16984.tmp</t>
  </si>
  <si>
    <t>12/31/2019 08:16:53</t>
  </si>
  <si>
    <t>12/31/2019 08:20:53</t>
  </si>
  <si>
    <t>12/31/2019 08:20:13</t>
  </si>
  <si>
    <t>12/31/2019 08:23:35</t>
  </si>
  <si>
    <t>12/31/2019 08:22:14</t>
  </si>
  <si>
    <t>12/31/2019 08:22:29</t>
  </si>
  <si>
    <t>d669613b-9c43-4cd5-b598-90ad841f299f.tmp</t>
  </si>
  <si>
    <t>\\acsfs\profiles$\ERICALSR\Downloads\d669613b-9c43-4cd5-b598-90ad841f299f.tmp</t>
  </si>
  <si>
    <t>12/31/2019 08:23:02</t>
  </si>
  <si>
    <t>12/31/2019 08:19:14</t>
  </si>
  <si>
    <t>12/31/2019 08:24:35</t>
  </si>
  <si>
    <t>12/31/2019 08:21:14</t>
  </si>
  <si>
    <t>12/31/2019 08:20:51</t>
  </si>
  <si>
    <t>12/31/2019 08:22:47</t>
  </si>
  <si>
    <t>981b14af-cb6d-48d5-9ac0-62d3236d534b.tmp</t>
  </si>
  <si>
    <t>\\acsfs\profiles$\isabellegtds\Downloads\981b14af-cb6d-48d5-9ac0-62d3236d534b.tmp</t>
  </si>
  <si>
    <t>12/31/2019 08:23:55</t>
  </si>
  <si>
    <t>d0a2887b-525e-4f70-99c1-e5bc4cff984b.tmp</t>
  </si>
  <si>
    <t>\\acsfs\profiles$\isabellegtds\Downloads\d0a2887b-525e-4f70-99c1-e5bc4cff984b.tmp</t>
  </si>
  <si>
    <t>12/31/2019 08:20:50</t>
  </si>
  <si>
    <t>12/31/2019 08:25:35</t>
  </si>
  <si>
    <t>12/31/2019 08:25:12</t>
  </si>
  <si>
    <t>12/31/2019 08:26:34</t>
  </si>
  <si>
    <t>https://udpmailboxap01.acs.com.br:8443/h/search?si=0&amp;so=0&amp;sc=58044&amp;sfi=2&amp;st=conversation&amp;action=compose</t>
  </si>
  <si>
    <t>12/31/2019 08:23:12</t>
  </si>
  <si>
    <t>12/31/2019 08:21:17</t>
  </si>
  <si>
    <t>12/31/2019 08:22:53</t>
  </si>
  <si>
    <t>12/31/2019 08:22:26</t>
  </si>
  <si>
    <t>12/31/2019 08:27:35</t>
  </si>
  <si>
    <t>d20f6362-20db-4fbd-b5b0-b15971ff26b6.tmp</t>
  </si>
  <si>
    <t>\\acsfs\profiles$\nayarasds\Downloads\d20f6362-20db-4fbd-b5b0-b15971ff26b6.tmp</t>
  </si>
  <si>
    <t>12/31/2019 08:23:13</t>
  </si>
  <si>
    <t>ff72004b-18ce-4da5-bebc-420d2be38de2.tmp</t>
  </si>
  <si>
    <t>\\acsfs\profiles$\nayarasds\Downloads\ff72004b-18ce-4da5-bebc-420d2be38de2.tmp</t>
  </si>
  <si>
    <t>12/31/2019 08:23:57</t>
  </si>
  <si>
    <t>1c448fc2-c6df-4a14-ba21-bcaf3d28d24a.tmp</t>
  </si>
  <si>
    <t>\\acsfs\profiles$\nayarasds\Downloads\1c448fc2-c6df-4a14-ba21-bcaf3d28d24a.tmp</t>
  </si>
  <si>
    <t>3704618b-6347-4357-a7d8-132b4eafc15a.tmp</t>
  </si>
  <si>
    <t>\\acsfs\profiles$\nayarasds\Downloads\3704618b-6347-4357-a7d8-132b4eafc15a.tmp</t>
  </si>
  <si>
    <t>12/31/2019 08:24:44</t>
  </si>
  <si>
    <t>e7cad388-ece6-4895-9169-60c26d200f0f.tmp</t>
  </si>
  <si>
    <t>\\acsfs\profiles$\nayarasds\Downloads\e7cad388-ece6-4895-9169-60c26d200f0f.tmp</t>
  </si>
  <si>
    <t>12/31/2019 08:22:34</t>
  </si>
  <si>
    <t>e691327a-800c-445d-90a2-d8e82ec68cfd.tmp</t>
  </si>
  <si>
    <t>\\acsfs\profiles$\victoriaksr\Downloads\e691327a-800c-445d-90a2-d8e82ec68cfd.tmp</t>
  </si>
  <si>
    <t>12/31/2019 08:26:00</t>
  </si>
  <si>
    <t>12/31/2019 08:28:35</t>
  </si>
  <si>
    <t>62e15805-d93d-4938-8926-64a1647283d2.tmp</t>
  </si>
  <si>
    <t>\\acsfs\profiles$\ingridsm\Downloads\62e15805-d93d-4938-8926-64a1647283d2.tmp</t>
  </si>
  <si>
    <t>12/31/2019 08:23:23</t>
  </si>
  <si>
    <t>b9216989-decb-4377-912b-6fe8a82bbdd1.tmp</t>
  </si>
  <si>
    <t>\\acsfs\profiles$\ERICALSR\Downloads\b9216989-decb-4377-912b-6fe8a82bbdd1.tmp</t>
  </si>
  <si>
    <t>12/31/2019 08:24:18</t>
  </si>
  <si>
    <t>d22a3864-251c-4828-b850-ab0dfec92d22.tmp</t>
  </si>
  <si>
    <t>\\acsfs\profiles$\ERICALSR\Downloads\d22a3864-251c-4828-b850-ab0dfec92d22.tmp</t>
  </si>
  <si>
    <t>12/31/2019 08:25:14</t>
  </si>
  <si>
    <t>12/31/2019 08:29:35</t>
  </si>
  <si>
    <t>12/31/2019 08:27:14</t>
  </si>
  <si>
    <t>12/31/2019 08:26:12</t>
  </si>
  <si>
    <t>12/31/2019 08:26:48</t>
  </si>
  <si>
    <t>802b31e9-b4a9-4050-87a0-81ab04bae1b4.tmp</t>
  </si>
  <si>
    <t>\\acsfs\profiles$\isabellegtds\Downloads\802b31e9-b4a9-4050-87a0-81ab04bae1b4.tmp</t>
  </si>
  <si>
    <t>12/31/2019 08:26:56</t>
  </si>
  <si>
    <t>12/31/2019 08:30:35</t>
  </si>
  <si>
    <t>12/31/2019 08:28:14</t>
  </si>
  <si>
    <t>12/31/2019 08:31:35</t>
  </si>
  <si>
    <t>12/31/2019 08:29:03</t>
  </si>
  <si>
    <t>12/31/2019 08:26:53</t>
  </si>
  <si>
    <t>12/31/2019 08:28:53</t>
  </si>
  <si>
    <t>12/31/2019 08:28:44</t>
  </si>
  <si>
    <t>12/31/2019 08:32:35</t>
  </si>
  <si>
    <t>83dcef5d-076b-4a8c-906e-3155a3df66ce.tmp</t>
  </si>
  <si>
    <t>\\acsfs\profiles$\danielmlds\Downloads\83dcef5d-076b-4a8c-906e-3155a3df66ce.tmp</t>
  </si>
  <si>
    <t>12/31/2019 08:30:21</t>
  </si>
  <si>
    <t>12/31/2019 08:29:04</t>
  </si>
  <si>
    <t>12/31/2019 08:31:50</t>
  </si>
  <si>
    <t>12/31/2019 08:29:45</t>
  </si>
  <si>
    <t>12/31/2019 08:33:34</t>
  </si>
  <si>
    <t>9700106e-b87b-4818-805b-a55a37418f12.tmp</t>
  </si>
  <si>
    <t>\\acsfs\profiles$\geovannasm\Downloads\9700106e-b87b-4818-805b-a55a37418f12.tmp</t>
  </si>
  <si>
    <t>12/31/2019 08:31:14</t>
  </si>
  <si>
    <t>12/31/2019 08:34:34</t>
  </si>
  <si>
    <t>12/31/2019 08:33:14</t>
  </si>
  <si>
    <t>12/31/2019 08:31:56</t>
  </si>
  <si>
    <t>12/31/2019 08:31:19</t>
  </si>
  <si>
    <t>12/31/2019 08:35:34</t>
  </si>
  <si>
    <t>3bd08b48-16a8-495b-b4b6-3f0163c1e17c.tmp</t>
  </si>
  <si>
    <t>\\acsfs\profiles$\nataliacsl\Downloads\3bd08b48-16a8-495b-b4b6-3f0163c1e17c.tmp</t>
  </si>
  <si>
    <t>12/31/2019 08:33:03</t>
  </si>
  <si>
    <t>0cc56f29-0580-4b53-91bc-fe773f8e6b46.tmp</t>
  </si>
  <si>
    <t>\\acsfs\profiles$\nataliacsl\Downloads\0cc56f29-0580-4b53-91bc-fe773f8e6b46.tmp</t>
  </si>
  <si>
    <t>12/31/2019 08:34:11</t>
  </si>
  <si>
    <t>12/31/2019 08:36:34</t>
  </si>
  <si>
    <t>12/31/2019 08:32:02</t>
  </si>
  <si>
    <t>12/31/2019 08:33:53</t>
  </si>
  <si>
    <t>12/31/2019 08:32:53</t>
  </si>
  <si>
    <t>12/31/2019 08:34:53</t>
  </si>
  <si>
    <t>12/31/2019 08:34:57</t>
  </si>
  <si>
    <t>12/31/2019 08:37:34</t>
  </si>
  <si>
    <t>12/31/2019 08:36:33</t>
  </si>
  <si>
    <t>12/31/2019 08:33:10</t>
  </si>
  <si>
    <t>307c06db-6270-4b7d-a636-8fcc498322ce.tmp</t>
  </si>
  <si>
    <t>\\acsfs\profiles$\YASMINSC\Downloads\307c06db-6270-4b7d-a636-8fcc498322ce.tmp</t>
  </si>
  <si>
    <t>12/31/2019 08:34:25</t>
  </si>
  <si>
    <t>2c65057d-8697-4896-bd3e-ac667222be36.tmp</t>
  </si>
  <si>
    <t>\\acsfs\profiles$\YASMINSC\Downloads\2c65057d-8697-4896-bd3e-ac667222be36.tmp</t>
  </si>
  <si>
    <t>12/31/2019 08:35:59</t>
  </si>
  <si>
    <t>12/31/2019 08:32:56</t>
  </si>
  <si>
    <t>12/31/2019 08:38:34</t>
  </si>
  <si>
    <t>12/31/2019 08:35:09</t>
  </si>
  <si>
    <t>12/31/2019 08:32:23</t>
  </si>
  <si>
    <t>12/31/2019 08:36:40</t>
  </si>
  <si>
    <t>12/31/2019 08:39:33</t>
  </si>
  <si>
    <t>Lucasgpe</t>
  </si>
  <si>
    <t>9af1a586-72d4-4d6a-83a0-d4adce9c9ba0.tmp</t>
  </si>
  <si>
    <t>\\acsfs\profiles$\lucasgpe\Downloads\9af1a586-72d4-4d6a-83a0-d4adce9c9ba0.tmp</t>
  </si>
  <si>
    <t>12/31/2019 08:38:04</t>
  </si>
  <si>
    <t>ea361719-c923-4cbc-84b2-75d5c863d024.tmp</t>
  </si>
  <si>
    <t>\\acsfs\profiles$\lucasgpe\Downloads\ea361719-c923-4cbc-84b2-75d5c863d024.tmp</t>
  </si>
  <si>
    <t>12/31/2019 08:37:14</t>
  </si>
  <si>
    <t>12/31/2019 08:35:29</t>
  </si>
  <si>
    <t>12/31/2019 08:35:49</t>
  </si>
  <si>
    <t>RELATORIO DE LOGIN - FINANCEIRA - 30-12.xlsm</t>
  </si>
  <si>
    <t>\\acsfs\DEPTOS\Operacao\PCP\5 - Comum\PLANEJAMENTO BV\14 - ACOMPANHAMENTO\1 - REPORT ACOMPANHAMENTO\2019\12 - Dezembro\FINANCEIRA\Login Logout Financeira\RELATORIO DE LOGIN - FINANCEIRA - 30-12.xlsm</t>
  </si>
  <si>
    <t>12/31/2019 08:37:08</t>
  </si>
  <si>
    <t>12/31/2019 08:37:15</t>
  </si>
  <si>
    <t>12/31/2019 08:37:26</t>
  </si>
  <si>
    <t>12/31/2019 08:37:31</t>
  </si>
  <si>
    <t>12/31/2019 08:37:32</t>
  </si>
  <si>
    <t>12/31/2019 08:37:35</t>
  </si>
  <si>
    <t>mail.google.com/sync/u/0/i/s?hl=pt-BR&amp;c=312</t>
  </si>
  <si>
    <t>12/31/2019 08:37:53</t>
  </si>
  <si>
    <t>12/31/2019 08:37:59</t>
  </si>
  <si>
    <t>12/31/2019 08:38:11</t>
  </si>
  <si>
    <t>12/31/2019 08:38:16</t>
  </si>
  <si>
    <t>mail.google.com/sync/u/0/i/s?hl=pt-BR&amp;c=320</t>
  </si>
  <si>
    <t>12/31/2019 08:38:18</t>
  </si>
  <si>
    <t>12/31/2019 08:38:51</t>
  </si>
  <si>
    <t>12/31/2019 08:38:54</t>
  </si>
  <si>
    <t>12/31/2019 08:40:34</t>
  </si>
  <si>
    <t>82fd90c0-d6cb-4a46-b4e2-40f359339dd2.tmp</t>
  </si>
  <si>
    <t>\\acsfs\profiles$\LUCASNS\Downloads\82fd90c0-d6cb-4a46-b4e2-40f359339dd2.tmp</t>
  </si>
  <si>
    <t>12/31/2019 08:35:11</t>
  </si>
  <si>
    <t>12/31/2019 08:35:19</t>
  </si>
  <si>
    <t>b6e2b1f3-501b-4dd0-b270-e14c092d7d24.tmp</t>
  </si>
  <si>
    <t>\\acsfs\profiles$\LUCASNS\Downloads\b6e2b1f3-501b-4dd0-b270-e14c092d7d24.tmp</t>
  </si>
  <si>
    <t>12/31/2019 08:38:20</t>
  </si>
  <si>
    <t>12/31/2019 08:41:33</t>
  </si>
  <si>
    <t>12/31/2019 08:36:19</t>
  </si>
  <si>
    <t>lu18508zy21t.tmp</t>
  </si>
  <si>
    <t>\\acsfs\profiles$\geovanaasa\My Documents\lu18508zy21t.tmp</t>
  </si>
  <si>
    <t>\\acsfs\profiles$\geovanaasa\My Documents\lu18508zy21t.tmp\</t>
  </si>
  <si>
    <t>\\acsfs\profiles$\geovanaasa\My Documents\lu18508zy21t.tmp\META-INF\</t>
  </si>
  <si>
    <t>\\acsfs\profiles$\geovanaasa\My Documents\lu18508zy21t.tmp\Thumbnails\</t>
  </si>
  <si>
    <t>12/31/2019 08:38:53</t>
  </si>
  <si>
    <t>12/31/2019 08:40:54</t>
  </si>
  <si>
    <t>12/31/2019 08:40:18</t>
  </si>
  <si>
    <t>12/31/2019 08:42:34</t>
  </si>
  <si>
    <t>12/31/2019 08:40:19</t>
  </si>
  <si>
    <t>12/31/2019 08:40:20</t>
  </si>
  <si>
    <t>12/31/2019 08:40:21</t>
  </si>
  <si>
    <t>12/31/2019 08:40:22</t>
  </si>
  <si>
    <t>12/31/2019 08:40:23</t>
  </si>
  <si>
    <t>12/31/2019 08:40:24</t>
  </si>
  <si>
    <t>12/31/2019 08:40:25</t>
  </si>
  <si>
    <t>12/31/2019 08:40:26</t>
  </si>
  <si>
    <t>12/31/2019 08:40:27</t>
  </si>
  <si>
    <t>12/31/2019 08:40:28</t>
  </si>
  <si>
    <t>12/31/2019 08:40:29</t>
  </si>
  <si>
    <t>12/31/2019 08:40:30</t>
  </si>
  <si>
    <t>12/31/2019 08:40:31</t>
  </si>
  <si>
    <t>12/31/2019 08:40:32</t>
  </si>
  <si>
    <t>12/31/2019 08:40:33</t>
  </si>
  <si>
    <t>12/31/2019 08:40:35</t>
  </si>
  <si>
    <t>12/31/2019 08:40:36</t>
  </si>
  <si>
    <t>12/31/2019 08:40:37</t>
  </si>
  <si>
    <t>12/31/2019 08:40:38</t>
  </si>
  <si>
    <t>12/31/2019 08:41:23</t>
  </si>
  <si>
    <t>12/31/2019 08:43:33</t>
  </si>
  <si>
    <t>642dbbe6-2df0-4875-9eb4-e598a8cbe8a3.tmp</t>
  </si>
  <si>
    <t>\\acsfs\profiles$\antoniosva\Downloads\642dbbe6-2df0-4875-9eb4-e598a8cbe8a3.tmp</t>
  </si>
  <si>
    <t>12/31/2019 08:38:40</t>
  </si>
  <si>
    <t>bb99dc81-bb2a-429e-a001-c6ea03f1b7e8.tmp</t>
  </si>
  <si>
    <t>\\acsfs\profiles$\victoriaksr\Downloads\bb99dc81-bb2a-429e-a001-c6ea03f1b7e8.tmp</t>
  </si>
  <si>
    <t>12/31/2019 08:41:17</t>
  </si>
  <si>
    <t>12/31/2019 08:41:02</t>
  </si>
  <si>
    <t>12/31/2019 08:38:45</t>
  </si>
  <si>
    <t>12/31/2019 08:44:34</t>
  </si>
  <si>
    <t>12/31/2019 08:38:46</t>
  </si>
  <si>
    <t>12/31/2019 08:38:47</t>
  </si>
  <si>
    <t>12/31/2019 08:38:48</t>
  </si>
  <si>
    <t>12/31/2019 08:38:49</t>
  </si>
  <si>
    <t>12/31/2019 08:38:50</t>
  </si>
  <si>
    <t>12/31/2019 08:38:52</t>
  </si>
  <si>
    <t>12/31/2019 08:38:55</t>
  </si>
  <si>
    <t>12/31/2019 08:38:56</t>
  </si>
  <si>
    <t>12/31/2019 08:38:57</t>
  </si>
  <si>
    <t>12/31/2019 08:38:58</t>
  </si>
  <si>
    <t>12/31/2019 08:38:59</t>
  </si>
  <si>
    <t>12/31/2019 08:39:00</t>
  </si>
  <si>
    <t>12/31/2019 08:39:01</t>
  </si>
  <si>
    <t>12/31/2019 08:39:02</t>
  </si>
  <si>
    <t>12/31/2019 08:39:03</t>
  </si>
  <si>
    <t>12/31/2019 08:39:04</t>
  </si>
  <si>
    <t>12/31/2019 08:39:05</t>
  </si>
  <si>
    <t>12/31/2019 08:39:06</t>
  </si>
  <si>
    <t>12/31/2019 08:39:07</t>
  </si>
  <si>
    <t>12/31/2019 08:39:08</t>
  </si>
  <si>
    <t>12/31/2019 08:39:09</t>
  </si>
  <si>
    <t>12/31/2019 08:39:10</t>
  </si>
  <si>
    <t>12/31/2019 08:39:11</t>
  </si>
  <si>
    <t>12/31/2019 08:39:12</t>
  </si>
  <si>
    <t>12/31/2019 08:39:13</t>
  </si>
  <si>
    <t>12/31/2019 08:39:14</t>
  </si>
  <si>
    <t>12/31/2019 08:43:14</t>
  </si>
  <si>
    <t>mail.google.com/sync/u/0/i/s?hl=pt-BR&amp;c=333</t>
  </si>
  <si>
    <t>12/31/2019 08:39:19</t>
  </si>
  <si>
    <t>mail.google.com/sync/u/0/i/s?hl=pt-BR&amp;c=335</t>
  </si>
  <si>
    <t>12/31/2019 08:39:36</t>
  </si>
  <si>
    <t>12/31/2019 08:39:39</t>
  </si>
  <si>
    <t>12/31/2019 08:40:03</t>
  </si>
  <si>
    <t>joaogvc@algartech.com;katia.cardoso@bv.com.br;leonardoao@algartech.com;paulacn@algartech.com;rafaelggs@algartech.com;taysdss@algartech.com;viniciussg@algartech.com;</t>
  </si>
  <si>
    <t>joaogvc@algartech.com,katia.cardoso@bv.com.br,leonardoao@algartech.com,paulacn@algartech.com,rafaelggs@algartech.com,taysdss@algartech.com,viniciussg@algartech.com</t>
  </si>
  <si>
    <t>12/31/2019 08:40:06</t>
  </si>
  <si>
    <t>12/31/2019 08:40:13</t>
  </si>
  <si>
    <t>12/31/2019 08:40:17</t>
  </si>
  <si>
    <t>12/31/2019 08:41:11</t>
  </si>
  <si>
    <t>12/31/2019 08:41:14</t>
  </si>
  <si>
    <t>12/31/2019 08:41:24</t>
  </si>
  <si>
    <t>mail.google.com/sync/u/0/i/s?hl=pt-BR&amp;c=357</t>
  </si>
  <si>
    <t>12/31/2019 08:41:26</t>
  </si>
  <si>
    <t>12/31/2019 08:41:45</t>
  </si>
  <si>
    <t>12/31/2019 08:41:53</t>
  </si>
  <si>
    <t>12/31/2019 08:42:03</t>
  </si>
  <si>
    <t>mail.google.com/_/upload?authuser=0&amp;dcp=asu-n&amp;upload_id=AEnB2Ur_uWhzgKgMmNYPUECAK4YoWvpKqesaOxBi4yRs-cwoQECYE9VDc7y4lg23DVI_d4rW_wD6f1XDEsEt0oUhJ--AIVmmwajNzcUI2TXF_1vApoqNreY&amp;upload_protocol=resumable</t>
  </si>
  <si>
    <t>12/31/2019 08:41:51</t>
  </si>
  <si>
    <t>12/31/2019 08:45:33</t>
  </si>
  <si>
    <t>8c8cf3be-9473-4d6b-aeb0-c758d0950f18.tmp</t>
  </si>
  <si>
    <t>\\acsfs\profiles$\eduardofss\Downloads\8c8cf3be-9473-4d6b-aeb0-c758d0950f18.tmp</t>
  </si>
  <si>
    <t>12/31/2019 08:44:49</t>
  </si>
  <si>
    <t>053e26c0-d986-4362-a862-2fec51d47ced.tmp</t>
  </si>
  <si>
    <t>\\acsfs\profiles$\eduardofss\Downloads\053e26c0-d986-4362-a862-2fec51d47ced.tmp</t>
  </si>
  <si>
    <t>12/31/2019 08:44:14</t>
  </si>
  <si>
    <t>12/31/2019 08:46:34</t>
  </si>
  <si>
    <t>10.200.67.129</t>
  </si>
  <si>
    <t>74-86-7A-FC-CE-99</t>
  </si>
  <si>
    <t>VOTORANT-PB008</t>
  </si>
  <si>
    <t>LETICIA LIMA ALVES (39).contact</t>
  </si>
  <si>
    <t>\\acsfs\profiles$\leticiala\Contacts\LETICIA LIMA ALVES (39).contact</t>
  </si>
  <si>
    <t>12/31/2019 08:44:15</t>
  </si>
  <si>
    <t>12/31/2019 08:44:50</t>
  </si>
  <si>
    <t>12/31/2019 08:44:51</t>
  </si>
  <si>
    <t>12/31/2019 08:44:52</t>
  </si>
  <si>
    <t>12/31/2019 08:44:53</t>
  </si>
  <si>
    <t>12/31/2019 08:44:54</t>
  </si>
  <si>
    <t>12/31/2019 08:44:55</t>
  </si>
  <si>
    <t>12/31/2019 08:44:56</t>
  </si>
  <si>
    <t>12/31/2019 08:44:57</t>
  </si>
  <si>
    <t>12/31/2019 08:44:58</t>
  </si>
  <si>
    <t>12/31/2019 08:44:59</t>
  </si>
  <si>
    <t>12/31/2019 08:45:00</t>
  </si>
  <si>
    <t>12/31/2019 08:45:01</t>
  </si>
  <si>
    <t>12/31/2019 08:45:03</t>
  </si>
  <si>
    <t>12/31/2019 08:45:04</t>
  </si>
  <si>
    <t>12/31/2019 08:45:05</t>
  </si>
  <si>
    <t>12/31/2019 08:45:06</t>
  </si>
  <si>
    <t>12/31/2019 08:45:07</t>
  </si>
  <si>
    <t>12/31/2019 08:45:08</t>
  </si>
  <si>
    <t>12/31/2019 08:45:09</t>
  </si>
  <si>
    <t>12/31/2019 08:45:11</t>
  </si>
  <si>
    <t>12/31/2019 08:45:12</t>
  </si>
  <si>
    <t>12/31/2019 08:44:12</t>
  </si>
  <si>
    <t>12/31/2019 08:47:34</t>
  </si>
  <si>
    <t>12/31/2019 08:43:16</t>
  </si>
  <si>
    <t>\\acsfs\profiles$\pedrohab\My Documents\My Pictures\</t>
  </si>
  <si>
    <t>\\acsfs\profiles$\PEDROHAB\My Documents\My Videos\desktop.ini</t>
  </si>
  <si>
    <t>12/31/2019 08:43:17</t>
  </si>
  <si>
    <t>\\acsfs\profiles$\PEDROHAB\My Documents\My Videos\</t>
  </si>
  <si>
    <t>12/31/2019 08:43:19</t>
  </si>
  <si>
    <t>12/31/2019 08:43:20</t>
  </si>
  <si>
    <t>12/31/2019 08:43:21</t>
  </si>
  <si>
    <t>\\acsfs\profiles$\pedrohab\My Documents\My Music\</t>
  </si>
  <si>
    <t>\\acsfs\profiles$\PEDROHAB\My Documents\My Pictures\desktop.ini</t>
  </si>
  <si>
    <t>12/31/2019 08:43:22</t>
  </si>
  <si>
    <t>\\acsfs\profiles$\pedrohab\My Documents\My Videos\</t>
  </si>
  <si>
    <t>12/31/2019 08:43:23</t>
  </si>
  <si>
    <t>12/31/2019 08:43:26</t>
  </si>
  <si>
    <t>\\acsfs\profiles$\PEDROHAB\Contacts\</t>
  </si>
  <si>
    <t>\\acsfs\profiles$\PEDROHAB\Contacts\desktop.ini</t>
  </si>
  <si>
    <t>12/31/2019 08:43:27</t>
  </si>
  <si>
    <t>12/31/2019 08:43:29</t>
  </si>
  <si>
    <t>12/31/2019 08:43:30</t>
  </si>
  <si>
    <t>12/31/2019 08:43:32</t>
  </si>
  <si>
    <t>12/31/2019 08:43:35</t>
  </si>
  <si>
    <t>\\acsfs\profiles$\pedrohab\My Documents\</t>
  </si>
  <si>
    <t>\\acsfs\profiles$\PEDROHAB\Favorites\desktop.ini</t>
  </si>
  <si>
    <t>12/31/2019 08:43:36</t>
  </si>
  <si>
    <t>12/31/2019 08:43:38</t>
  </si>
  <si>
    <t>12/31/2019 08:43:39</t>
  </si>
  <si>
    <t>12/31/2019 08:43:41</t>
  </si>
  <si>
    <t>12/31/2019 08:43:43</t>
  </si>
  <si>
    <t>12/31/2019 08:43:44</t>
  </si>
  <si>
    <t>\\acsfs\profiles$\PEDROHAB\My Documents\My Music\desktop.ini</t>
  </si>
  <si>
    <t>12/31/2019 08:43:45</t>
  </si>
  <si>
    <t>\\acsfs\profiles$\PEDROHAB\My Documents\My Music\</t>
  </si>
  <si>
    <t>12/31/2019 08:43:46</t>
  </si>
  <si>
    <t>12/31/2019 08:43:47</t>
  </si>
  <si>
    <t>12/31/2019 08:43:49</t>
  </si>
  <si>
    <t>\\acsfs\profiles$\PEDROHAB\Searches\</t>
  </si>
  <si>
    <t>\\acsfs\profiles$\PEDROHAB\Searches\desktop.ini</t>
  </si>
  <si>
    <t>12/31/2019 08:43:50</t>
  </si>
  <si>
    <t>12/31/2019 08:43:51</t>
  </si>
  <si>
    <t>12/31/2019 08:43:52</t>
  </si>
  <si>
    <t>12/31/2019 08:43:53</t>
  </si>
  <si>
    <t>12/31/2019 08:43:54</t>
  </si>
  <si>
    <t>\\acsfs\profiles$\pedrohab\Downloads\</t>
  </si>
  <si>
    <t>\\acsfs\profiles$\PEDROHAB\Downloads\desktop.ini</t>
  </si>
  <si>
    <t>12/31/2019 08:43:55</t>
  </si>
  <si>
    <t>12/31/2019 08:43:58</t>
  </si>
  <si>
    <t>\\acsfs\profiles$\pedrohab\Favorites\</t>
  </si>
  <si>
    <t>\\acsfs\profiles$\PEDROHAB\My Documents\desktop.ini</t>
  </si>
  <si>
    <t>12/31/2019 08:44:00</t>
  </si>
  <si>
    <t>\\acsfs\profiles$\PEDROHAB\My Documents\</t>
  </si>
  <si>
    <t>12/31/2019 08:44:01</t>
  </si>
  <si>
    <t>12/31/2019 08:44:02</t>
  </si>
  <si>
    <t>12/31/2019 08:44:03</t>
  </si>
  <si>
    <t>12/31/2019 08:44:05</t>
  </si>
  <si>
    <t>12/31/2019 08:44:06</t>
  </si>
  <si>
    <t>\\acsfs\profiles$\PEDROHAB\Saved Games\desktop.ini</t>
  </si>
  <si>
    <t>12/31/2019 08:44:09</t>
  </si>
  <si>
    <t>12/31/2019 08:46:10</t>
  </si>
  <si>
    <t>12/31/2019 08:48:33</t>
  </si>
  <si>
    <t>56a9b4e0-f181-4904-a962-b39dd652e05e.tmp</t>
  </si>
  <si>
    <t>\\acsfs\profiles$\antoniosva\Downloads\56a9b4e0-f181-4904-a962-b39dd652e05e.tmp</t>
  </si>
  <si>
    <t>12/31/2019 08:46:25</t>
  </si>
  <si>
    <t>0c39394e-8566-4f5f-b73f-61ba04d2e064.tmp</t>
  </si>
  <si>
    <t>\\acsfs\profiles$\antoniosva\Downloads\0c39394e-8566-4f5f-b73f-61ba04d2e064.tmp</t>
  </si>
  <si>
    <t>12/31/2019 08:47:26</t>
  </si>
  <si>
    <t>2caadd67-ca96-4bf0-b197-93c278a4e16d.tmp</t>
  </si>
  <si>
    <t>\\acsfs\profiles$\antoniosva\Downloads\2caadd67-ca96-4bf0-b197-93c278a4e16d.tmp</t>
  </si>
  <si>
    <t>ae5a704c-73f3-44c3-a2ef-da8f98f683c7.tmp</t>
  </si>
  <si>
    <t>\\acsfs\profiles$\georgendsq\Downloads\ae5a704c-73f3-44c3-a2ef-da8f98f683c7.tmp</t>
  </si>
  <si>
    <t>12/31/2019 08:44:31</t>
  </si>
  <si>
    <t>a7c9ca0c-7fc6-4bdf-af64-9693cbd73eb9.tmp</t>
  </si>
  <si>
    <t>\\acsfs\profiles$\georgendsq\Downloads\a7c9ca0c-7fc6-4bdf-af64-9693cbd73eb9.tmp</t>
  </si>
  <si>
    <t>12/31/2019 08:45:20</t>
  </si>
  <si>
    <t>1202168f-ff68-4a59-bdf5-b7d8a49ea349.tmp</t>
  </si>
  <si>
    <t>\\acsfs\profiles$\georgendsq\Downloads\1202168f-ff68-4a59-bdf5-b7d8a49ea349.tmp</t>
  </si>
  <si>
    <t>12/31/2019 08:46:15</t>
  </si>
  <si>
    <t>b2bf1ce1-783a-474f-ac5b-64c0b8f4f19b.tmp</t>
  </si>
  <si>
    <t>\\acsfs\profiles$\georgendsq\Downloads\b2bf1ce1-783a-474f-ac5b-64c0b8f4f19b.tmp</t>
  </si>
  <si>
    <t>12/31/2019 08:46:30</t>
  </si>
  <si>
    <t>85d85527-33ec-4efa-b47b-e754a20f9195.tmp</t>
  </si>
  <si>
    <t>\\acsfs\profiles$\georgendsq\Downloads\85d85527-33ec-4efa-b47b-e754a20f9195.tmp</t>
  </si>
  <si>
    <t>12/31/2019 08:46:48</t>
  </si>
  <si>
    <t>5b5c5982-c5aa-4c94-ab8f-caaa5d3537d8.tmp</t>
  </si>
  <si>
    <t>\\acsfs\profiles$\georgendsq\Downloads\5b5c5982-c5aa-4c94-ab8f-caaa5d3537d8.tmp</t>
  </si>
  <si>
    <t>12/31/2019 08:47:18</t>
  </si>
  <si>
    <t>\\acsfs\profiles$\georgendsq\My Documents\</t>
  </si>
  <si>
    <t>PID chat.txt</t>
  </si>
  <si>
    <t>\\acsfs\profiles$\georgendsq\My Documents\PID chat.txt</t>
  </si>
  <si>
    <t>5e4c35b8-b9ad-4983-b2dd-fb6b086bc3f0.tmp</t>
  </si>
  <si>
    <t>\\acsfs\profiles$\vivianealda\Downloads\5e4c35b8-b9ad-4983-b2dd-fb6b086bc3f0.tmp</t>
  </si>
  <si>
    <t>12/31/2019 08:46:39</t>
  </si>
  <si>
    <t>673badc1-b461-4ebc-9b47-4237cf091b29.tmp</t>
  </si>
  <si>
    <t>\\acsfs\profiles$\vivianealda\Downloads\673badc1-b461-4ebc-9b47-4237cf091b29.tmp</t>
  </si>
  <si>
    <t>12/31/2019 08:46:37</t>
  </si>
  <si>
    <t>12/31/2019 08:49:33</t>
  </si>
  <si>
    <t>12/31/2019 08:45:14</t>
  </si>
  <si>
    <t>12/31/2019 08:46:31</t>
  </si>
  <si>
    <t>12/31/2019 08:51:34</t>
  </si>
  <si>
    <t>\\acsfs\profiles$\leticiala\My Documents\Automation Anywhere Files\ConfigFiles\</t>
  </si>
  <si>
    <t>log4net-config.xml</t>
  </si>
  <si>
    <t>\\acsfs\profiles$\leticiala\My Documents\Automation Anywhere Files\ConfigFiles\log4net-config.xml</t>
  </si>
  <si>
    <t>12/31/2019 08:46:32</t>
  </si>
  <si>
    <t>\\acsfs\profiles$\leticiala\My Documents\Automation Anywhere Files\</t>
  </si>
  <si>
    <t>AA.Trigger.xml</t>
  </si>
  <si>
    <t>\\acsfs\profiles$\leticiala\My Documents\Automation Anywhere Files\AA.Trigger.xml</t>
  </si>
  <si>
    <t>12/31/2019 08:46:33</t>
  </si>
  <si>
    <t>12/31/2019 08:46:35</t>
  </si>
  <si>
    <t>12/31/2019 08:46:36</t>
  </si>
  <si>
    <t>12/31/2019 08:48:12</t>
  </si>
  <si>
    <t>12/31/2019 08:49:42</t>
  </si>
  <si>
    <t>12/31/2019 08:50:12</t>
  </si>
  <si>
    <t>12/31/2019 08:50:42</t>
  </si>
  <si>
    <t>12/31/2019 08:46:26</t>
  </si>
  <si>
    <t>a44689bb-6f93-4f8c-b91e-ca73cb61d2a4.tmp</t>
  </si>
  <si>
    <t>\\acsfs\profiles$\alessandraan\Downloads\a44689bb-6f93-4f8c-b91e-ca73cb61d2a4.tmp</t>
  </si>
  <si>
    <t>12/31/2019 08:46:28</t>
  </si>
  <si>
    <t>04306eb4-5bbd-46e6-bc76-e8f2c45da5a7.tmp</t>
  </si>
  <si>
    <t>\\acsfs\profiles$\alessandraan\Downloads\04306eb4-5bbd-46e6-bc76-e8f2c45da5a7.tmp</t>
  </si>
  <si>
    <t>12/31/2019 08:46:29</t>
  </si>
  <si>
    <t>e022ded0-a87c-4923-8472-f87e23488233.tmp</t>
  </si>
  <si>
    <t>\\acsfs\profiles$\alessandraan\Downloads\e022ded0-a87c-4923-8472-f87e23488233.tmp</t>
  </si>
  <si>
    <t>cf7cd1ac-2eb3-46f3-acf2-7e59cb850ccb.tmp</t>
  </si>
  <si>
    <t>\\acsfs\profiles$\alessandraan\Downloads\cf7cd1ac-2eb3-46f3-acf2-7e59cb850ccb.tmp</t>
  </si>
  <si>
    <t>12/31/2019 08:47:08</t>
  </si>
  <si>
    <t>082755d4-d612-41de-8582-b0bc0a137ef5.tmp</t>
  </si>
  <si>
    <t>\\acsfs\profiles$\alessandraan\Downloads\082755d4-d612-41de-8582-b0bc0a137ef5.tmp</t>
  </si>
  <si>
    <t>12/31/2019 08:47:11</t>
  </si>
  <si>
    <t>48e5ecb5-31e7-4dfa-8b41-12e0e8c380e0.tmp</t>
  </si>
  <si>
    <t>\\acsfs\profiles$\alessandraan\Downloads\48e5ecb5-31e7-4dfa-8b41-12e0e8c380e0.tmp</t>
  </si>
  <si>
    <t>12/31/2019 08:47:20</t>
  </si>
  <si>
    <t>a05fa638-806d-49d2-aad7-f0213331b6bd.tmp</t>
  </si>
  <si>
    <t>\\acsfs\profiles$\alessandraan\Downloads\a05fa638-806d-49d2-aad7-f0213331b6bd.tmp</t>
  </si>
  <si>
    <t>12/31/2019 08:48:53</t>
  </si>
  <si>
    <t>12/31/2019 08:47:59</t>
  </si>
  <si>
    <t>lu18508zy222.tmp</t>
  </si>
  <si>
    <t>\\acsfs\profiles$\geovanaasa\My Documents\lu18508zy222.tmp</t>
  </si>
  <si>
    <t>\\acsfs\profiles$\geovanaasa\My Documents\lu18508zy222.tmp\</t>
  </si>
  <si>
    <t>\\acsfs\profiles$\geovanaasa\My Documents\lu18508zy222.tmp\META-INF\</t>
  </si>
  <si>
    <t>\\acsfs\profiles$\geovanaasa\My Documents\lu18508zy222.tmp\Thumbnails\</t>
  </si>
  <si>
    <t>12/31/2019 08:48:28</t>
  </si>
  <si>
    <t>1580154a-fb32-4eca-8ddf-dd34674b87a0.tmp</t>
  </si>
  <si>
    <t>\\acsfs\profiles$\kamilamrc\Downloads\1580154a-fb32-4eca-8ddf-dd34674b87a0.tmp</t>
  </si>
  <si>
    <t>12/31/2019 08:50:45</t>
  </si>
  <si>
    <t>ee0f35a7-a1f2-48c3-94cf-35c174fd462c.tmp</t>
  </si>
  <si>
    <t>\\acsfs\profiles$\kamilamrc\Downloads\ee0f35a7-a1f2-48c3-94cf-35c174fd462c.tmp</t>
  </si>
  <si>
    <t>12/31/2019 08:51:13</t>
  </si>
  <si>
    <t>684e8665-5a6c-4de3-81a5-4af257a081e2.tmp</t>
  </si>
  <si>
    <t>\\acsfs\profiles$\kamilamrc\Downloads\684e8665-5a6c-4de3-81a5-4af257a081e2.tmp</t>
  </si>
  <si>
    <t>12/31/2019 08:48:40</t>
  </si>
  <si>
    <t>12/31/2019 08:52:34</t>
  </si>
  <si>
    <t>b2c9c06f-0f7a-4b1a-8393-33fb14bf8826.tmp</t>
  </si>
  <si>
    <t>\\acsfs\profiles$\gabrielhca\Downloads\b2c9c06f-0f7a-4b1a-8393-33fb14bf8826.tmp</t>
  </si>
  <si>
    <t>12/31/2019 08:49:34</t>
  </si>
  <si>
    <t>6ef525fe-0d17-4ac8-bf81-2354cb7dc0ef.tmp</t>
  </si>
  <si>
    <t>\\acsfs\profiles$\gabrielhca\Downloads\6ef525fe-0d17-4ac8-bf81-2354cb7dc0ef.tmp</t>
  </si>
  <si>
    <t>12/31/2019 08:50:49</t>
  </si>
  <si>
    <t>dfba3574-3cd0-4c47-a9c7-68287c96f920.tmp</t>
  </si>
  <si>
    <t>\\acsfs\profiles$\gabrielhca\Downloads\dfba3574-3cd0-4c47-a9c7-68287c96f920.tmp</t>
  </si>
  <si>
    <t>12/31/2019 08:49:21</t>
  </si>
  <si>
    <t>12/31/2019 08:48:10</t>
  </si>
  <si>
    <t>12/31/2019 08:53:34</t>
  </si>
  <si>
    <t>184fef04-535e-4996-acb8-a49d80b1ad7d.tmp</t>
  </si>
  <si>
    <t>\\acsfs\profiles$\antoniosva\Downloads\184fef04-535e-4996-acb8-a49d80b1ad7d.tmp</t>
  </si>
  <si>
    <t>12/31/2019 08:48:02</t>
  </si>
  <si>
    <t>12/31/2019 08:50:36</t>
  </si>
  <si>
    <t>bc93f7ef-4edd-4d83-8862-9e3148610b73.tmp</t>
  </si>
  <si>
    <t>\\acsfs\profiles$\jonatanls\Downloads\bc93f7ef-4edd-4d83-8862-9e3148610b73.tmp</t>
  </si>
  <si>
    <t>12/31/2019 08:51:08</t>
  </si>
  <si>
    <t>c85e0e61-0be4-470c-8974-d6c10b987130.tmp</t>
  </si>
  <si>
    <t>\\acsfs\profiles$\jonatanls\Downloads\c85e0e61-0be4-470c-8974-d6c10b987130.tmp</t>
  </si>
  <si>
    <t>12/31/2019 08:51:52</t>
  </si>
  <si>
    <t>56ce1685-cb16-441b-9417-2a4db2925fe5.tmp</t>
  </si>
  <si>
    <t>\\acsfs\profiles$\jonatanls\Downloads\56ce1685-cb16-441b-9417-2a4db2925fe5.tmp</t>
  </si>
  <si>
    <t>12/31/2019 08:50:40</t>
  </si>
  <si>
    <t>a2b0d549-8fb5-4100-9232-591007fd3a2e.tmp</t>
  </si>
  <si>
    <t>\\acsfs\profiles$\sarahbal\Downloads\a2b0d549-8fb5-4100-9232-591007fd3a2e.tmp</t>
  </si>
  <si>
    <t>12/31/2019 08:50:43</t>
  </si>
  <si>
    <t>815eb9bf-74c4-4df8-8ee9-16f7efb4d6d8.tmp</t>
  </si>
  <si>
    <t>\\acsfs\profiles$\sarahbal\Downloads\815eb9bf-74c4-4df8-8ee9-16f7efb4d6d8.tmp</t>
  </si>
  <si>
    <t>12/31/2019 08:49:24</t>
  </si>
  <si>
    <t>3bc43e4a-2c13-434b-8bab-f451ae4c3a6b.tmp</t>
  </si>
  <si>
    <t>\\acsfs\profiles$\laianear\Downloads\3bc43e4a-2c13-434b-8bab-f451ae4c3a6b.tmp</t>
  </si>
  <si>
    <t>12/31/2019 08:49:38</t>
  </si>
  <si>
    <t>35caaef7-2611-4af0-b42e-bb5047e664cb.tmp</t>
  </si>
  <si>
    <t>\\acsfs\profiles$\laianear\Downloads\35caaef7-2611-4af0-b42e-bb5047e664cb.tmp</t>
  </si>
  <si>
    <t>Não confirmado 524890.crdownload</t>
  </si>
  <si>
    <t>\\acsfs\profiles$\laianear\Downloads\Não confirmado 524890.crdownload</t>
  </si>
  <si>
    <t>12/31/2019 08:49:26</t>
  </si>
  <si>
    <t>12/31/2019 08:51:58</t>
  </si>
  <si>
    <t>bf191e38-aae6-4de5-a59d-f1914f567883.tmp</t>
  </si>
  <si>
    <t>\\acsfs\profiles$\claudiajca\Downloads\bf191e38-aae6-4de5-a59d-f1914f567883.tmp</t>
  </si>
  <si>
    <t>12/31/2019 08:46:55</t>
  </si>
  <si>
    <t>12/31/2019 08:54:35</t>
  </si>
  <si>
    <t>12/31/2019 08:50:54</t>
  </si>
  <si>
    <t>12/31/2019 08:49:15</t>
  </si>
  <si>
    <t>12/31/2019 08:51:14</t>
  </si>
  <si>
    <t>12/31/2019 08:52:53</t>
  </si>
  <si>
    <t>12/31/2019 08:52:39</t>
  </si>
  <si>
    <t>3f837233-b6cb-4505-b34c-3f8cbf31c76e.tmp</t>
  </si>
  <si>
    <t>\\acsfs\profiles$\isabellegtds\Downloads\3f837233-b6cb-4505-b34c-3f8cbf31c76e.tmp</t>
  </si>
  <si>
    <t>12/31/2019 08:51:12</t>
  </si>
  <si>
    <t>12/31/2019 08:56:34</t>
  </si>
  <si>
    <t>12/31/2019 08:52:12</t>
  </si>
  <si>
    <t>12/31/2019 08:55:38</t>
  </si>
  <si>
    <t>12/31/2019 08:55:44</t>
  </si>
  <si>
    <t>12/31/2019 08:54:03</t>
  </si>
  <si>
    <t>9bef2b08-85f1-4836-b8de-7af5fc5bab17.tmp</t>
  </si>
  <si>
    <t>\\acsfs\profiles$\geovanaasa\Downloads\9bef2b08-85f1-4836-b8de-7af5fc5bab17.tmp</t>
  </si>
  <si>
    <t>12/31/2019 08:51:41</t>
  </si>
  <si>
    <t>0c13edd0-e720-430e-96bb-9611a0c44a14.tmp</t>
  </si>
  <si>
    <t>\\acsfs\profiles$\kamilamrc\Downloads\0c13edd0-e720-430e-96bb-9611a0c44a14.tmp</t>
  </si>
  <si>
    <t>12/31/2019 08:51:45</t>
  </si>
  <si>
    <t>f6c2841d-68a1-47c8-b32f-9269c843ef64.tmp</t>
  </si>
  <si>
    <t>\\acsfs\profiles$\kamilamrc\Downloads\f6c2841d-68a1-47c8-b32f-9269c843ef64.tmp</t>
  </si>
  <si>
    <t>12/31/2019 08:51:49</t>
  </si>
  <si>
    <t>99b29b36-ec29-467b-9dfb-a76f8628d67a.tmp</t>
  </si>
  <si>
    <t>\\acsfs\profiles$\kamilamrc\Downloads\99b29b36-ec29-467b-9dfb-a76f8628d67a.tmp</t>
  </si>
  <si>
    <t>12/31/2019 08:55:21</t>
  </si>
  <si>
    <t>12/31/2019 08:55:22</t>
  </si>
  <si>
    <t>12/31/2019 08:55:23</t>
  </si>
  <si>
    <t>12/31/2019 08:55:24</t>
  </si>
  <si>
    <t>12/31/2019 08:55:25</t>
  </si>
  <si>
    <t>12/31/2019 08:55:26</t>
  </si>
  <si>
    <t>12/31/2019 08:55:27</t>
  </si>
  <si>
    <t>12/31/2019 08:55:28</t>
  </si>
  <si>
    <t>12/31/2019 08:55:29</t>
  </si>
  <si>
    <t>12/31/2019 08:55:30</t>
  </si>
  <si>
    <t>12/31/2019 08:55:31</t>
  </si>
  <si>
    <t>12/31/2019 08:55:32</t>
  </si>
  <si>
    <t>12/31/2019 08:55:33</t>
  </si>
  <si>
    <t>12/31/2019 08:55:34</t>
  </si>
  <si>
    <t>12/31/2019 08:55:35</t>
  </si>
  <si>
    <t>12/31/2019 08:55:36</t>
  </si>
  <si>
    <t>12/31/2019 08:55:37</t>
  </si>
  <si>
    <t>12/31/2019 08:55:39</t>
  </si>
  <si>
    <t>12/31/2019 08:55:40</t>
  </si>
  <si>
    <t>12/31/2019 08:55:41</t>
  </si>
  <si>
    <t>12/31/2019 08:55:42</t>
  </si>
  <si>
    <t>12/31/2019 08:55:43</t>
  </si>
  <si>
    <t>12/31/2019 08:55:45</t>
  </si>
  <si>
    <t>12/31/2019 08:55:46</t>
  </si>
  <si>
    <t>12/31/2019 08:52:13</t>
  </si>
  <si>
    <t>12/31/2019 08:57:34</t>
  </si>
  <si>
    <t>3929decf-40cc-44d5-b199-56b630b1b9cc.tmp</t>
  </si>
  <si>
    <t>\\acsfs\profiles$\gabrielhca\Downloads\3929decf-40cc-44d5-b199-56b630b1b9cc.tmp</t>
  </si>
  <si>
    <t>12/31/2019 08:53:59</t>
  </si>
  <si>
    <t>5e1871fa-4989-4c11-99a6-c0feddcb1c3a.tmp</t>
  </si>
  <si>
    <t>\\acsfs\profiles$\PEDROHAB\Downloads\5e1871fa-4989-4c11-99a6-c0feddcb1c3a.tmp</t>
  </si>
  <si>
    <t>12/31/2019 08:54:07</t>
  </si>
  <si>
    <t>Unconfirmed 744426.crdownload</t>
  </si>
  <si>
    <t>\\acsfs\profiles$\PEDROHAB\Downloads\Unconfirmed 744426.crdownload</t>
  </si>
  <si>
    <t>a401f86f-f82a-4173-9a8f-8a6c990c9998.tmp</t>
  </si>
  <si>
    <t>\\acsfs\profiles$\PEDROHAB\Downloads\a401f86f-f82a-4173-9a8f-8a6c990c9998.tmp</t>
  </si>
  <si>
    <t>12/31/2019 08:54:10</t>
  </si>
  <si>
    <t>5e683a44-850c-4d32-93a6-ac36c8e605e7.tmp</t>
  </si>
  <si>
    <t>\\acsfs\profiles$\PEDROHAB\Downloads\5e683a44-850c-4d32-93a6-ac36c8e605e7.tmp</t>
  </si>
  <si>
    <t>12/31/2019 08:54:32</t>
  </si>
  <si>
    <t>Unconfirmed 437604.crdownload</t>
  </si>
  <si>
    <t>\\acsfs\profiles$\PEDROHAB\Downloads\Unconfirmed 437604.crdownload</t>
  </si>
  <si>
    <t>12/31/2019 08:54:33</t>
  </si>
  <si>
    <t>Unconfirmed 466216.crdownload</t>
  </si>
  <si>
    <t>\\acsfs\profiles$\PEDROHAB\Downloads\Unconfirmed 466216.crdownload</t>
  </si>
  <si>
    <t>12/31/2019 08:54:45</t>
  </si>
  <si>
    <t>ed1e2f80-4556-4cbc-9e3c-1bdaa4437fb6.tmp</t>
  </si>
  <si>
    <t>\\acsfs\profiles$\PEDROHAB\Downloads\ed1e2f80-4556-4cbc-9e3c-1bdaa4437fb6.tmp</t>
  </si>
  <si>
    <t>3e5d6d3b-ed9f-46f3-8359-e699b44caae4.tmp</t>
  </si>
  <si>
    <t>\\acsfs\profiles$\PEDROHAB\Downloads\3e5d6d3b-ed9f-46f3-8359-e699b44caae4.tmp</t>
  </si>
  <si>
    <t>12/31/2019 08:56:44</t>
  </si>
  <si>
    <t>12/31/2019 08:54:30</t>
  </si>
  <si>
    <t>12/31/2019 08:58:34</t>
  </si>
  <si>
    <t>12/31/2019 08:53:57</t>
  </si>
  <si>
    <t>b540accf-b1e1-40e9-8792-02b2c1715ddc.tmp</t>
  </si>
  <si>
    <t>\\acsfs\profiles$\sarahbal\Downloads\b540accf-b1e1-40e9-8792-02b2c1715ddc.tmp</t>
  </si>
  <si>
    <t>12/31/2019 08:58:11</t>
  </si>
  <si>
    <t>12/31/2019 08:54:29</t>
  </si>
  <si>
    <t>63de600a-0f60-4502-a310-37a70df4750d.tmp</t>
  </si>
  <si>
    <t>\\acsfs\profiles$\andrezacapf\Downloads\63de600a-0f60-4502-a310-37a70df4750d.tmp</t>
  </si>
  <si>
    <t>12/31/2019 08:54:34</t>
  </si>
  <si>
    <t>93de887d-b6d6-4018-af88-1d51684e6457.tmp</t>
  </si>
  <si>
    <t>\\acsfs\profiles$\andrezacapf\Downloads\93de887d-b6d6-4018-af88-1d51684e6457.tmp</t>
  </si>
  <si>
    <t>12/31/2019 08:54:37</t>
  </si>
  <si>
    <t>6749e8c7-52c4-4c9c-8984-2ec74c48e58e.tmp</t>
  </si>
  <si>
    <t>\\acsfs\profiles$\andrezacapf\Downloads\6749e8c7-52c4-4c9c-8984-2ec74c48e58e.tmp</t>
  </si>
  <si>
    <t>12/31/2019 08:54:41</t>
  </si>
  <si>
    <t>a1682fd5-2fb2-4db7-a34f-6e02515b0ff6.tmp</t>
  </si>
  <si>
    <t>\\acsfs\profiles$\andrezacapf\Downloads\a1682fd5-2fb2-4db7-a34f-6e02515b0ff6.tmp</t>
  </si>
  <si>
    <t>12/31/2019 08:54:43</t>
  </si>
  <si>
    <t>262538c7-e2d6-44b7-acf3-a02a6687fa98.tmp</t>
  </si>
  <si>
    <t>\\acsfs\profiles$\andrezacapf\Downloads\262538c7-e2d6-44b7-acf3-a02a6687fa98.tmp</t>
  </si>
  <si>
    <t>12/31/2019 08:55:14</t>
  </si>
  <si>
    <t>31a68df6-898e-4212-9d45-bb2784bda151.tmp</t>
  </si>
  <si>
    <t>\\acsfs\profiles$\andrezacapf\Downloads\31a68df6-898e-4212-9d45-bb2784bda151.tmp</t>
  </si>
  <si>
    <t>87b5cfb1-faec-43b9-ab42-2adf1d64d8fa.tmp</t>
  </si>
  <si>
    <t>\\acsfs\profiles$\andrezacapf\Downloads\87b5cfb1-faec-43b9-ab42-2adf1d64d8fa.tmp</t>
  </si>
  <si>
    <t>12/31/2019 08:57:47</t>
  </si>
  <si>
    <t>93faa5a8-d214-4357-abb6-02ec5b2d4151.tmp</t>
  </si>
  <si>
    <t>\\acsfs\profiles$\andrezacapf\Downloads\93faa5a8-d214-4357-abb6-02ec5b2d4151.tmp</t>
  </si>
  <si>
    <t>12/31/2019 08:53:01</t>
  </si>
  <si>
    <t>12/31/2019 08:59:34</t>
  </si>
  <si>
    <t>12/31/2019 08:56:53</t>
  </si>
  <si>
    <t>12/31/2019 08:57:14</t>
  </si>
  <si>
    <t>12/31/2019 08:59:09</t>
  </si>
  <si>
    <t>ae9f2ae7-2b28-4e69-af13-944ca07dd623.tmp</t>
  </si>
  <si>
    <t>\\acsfs\profiles$\adelvinsonle\Downloads\ae9f2ae7-2b28-4e69-af13-944ca07dd623.tmp</t>
  </si>
  <si>
    <t>12/31/2019 08:58:25</t>
  </si>
  <si>
    <t>12/31/2019 09:00:34</t>
  </si>
  <si>
    <t>cd84345a-67c6-4cd0-aa79-51fb707f0f5a.tmp</t>
  </si>
  <si>
    <t>\\acsfs\profiles$\brendadsl\Downloads\cd84345a-67c6-4cd0-aa79-51fb707f0f5a.tmp</t>
  </si>
  <si>
    <t>12/31/2019 08:58:26</t>
  </si>
  <si>
    <t>88122aae-2014-4134-ac97-88ed316b3600.tmp</t>
  </si>
  <si>
    <t>\\acsfs\profiles$\brendadsl\Downloads\88122aae-2014-4134-ac97-88ed316b3600.tmp</t>
  </si>
  <si>
    <t>12/31/2019 08:58:38</t>
  </si>
  <si>
    <t>79ea00ff-0252-4e7f-9f25-99ea68534a8e.tmp</t>
  </si>
  <si>
    <t>\\acsfs\profiles$\brendadsl\Downloads\79ea00ff-0252-4e7f-9f25-99ea68534a8e.tmp</t>
  </si>
  <si>
    <t>12/31/2019 08:58:40</t>
  </si>
  <si>
    <t>e88eb418-3e7e-40fe-b1c6-c6055b9db364.tmp</t>
  </si>
  <si>
    <t>\\acsfs\profiles$\brendadsl\Downloads\e88eb418-3e7e-40fe-b1c6-c6055b9db364.tmp</t>
  </si>
  <si>
    <t>12/31/2019 08:58:41</t>
  </si>
  <si>
    <t>e6c6ba9b-296b-455f-9547-e3b49b5922f5.tmp</t>
  </si>
  <si>
    <t>\\acsfs\profiles$\brendadsl\Downloads\e6c6ba9b-296b-455f-9547-e3b49b5922f5.tmp</t>
  </si>
  <si>
    <t>12/31/2019 08:59:39</t>
  </si>
  <si>
    <t>9ea576e0-c375-4306-be8d-227fb4a3036b.tmp</t>
  </si>
  <si>
    <t>\\acsfs\profiles$\brendadsl\Downloads\9ea576e0-c375-4306-be8d-227fb4a3036b.tmp</t>
  </si>
  <si>
    <t>12/31/2019 08:59:40</t>
  </si>
  <si>
    <t>9c8a5391-be0f-43e5-80e8-6d5768f4ac81.tmp</t>
  </si>
  <si>
    <t>\\acsfs\profiles$\brendadsl\Downloads\9c8a5391-be0f-43e5-80e8-6d5768f4ac81.tmp</t>
  </si>
  <si>
    <t>12/31/2019 08:59:42</t>
  </si>
  <si>
    <t>12/31/2019 08:56:32</t>
  </si>
  <si>
    <t>12/31/2019 08:56:04</t>
  </si>
  <si>
    <t>12/31/2019 09:01:34</t>
  </si>
  <si>
    <t>12/31/2019 09:00:17</t>
  </si>
  <si>
    <t>12/31/2019 09:02:34</t>
  </si>
  <si>
    <t>72c1e15b-7c3f-4a2f-81a3-0b96b33c3f31.tmp</t>
  </si>
  <si>
    <t>\\acsfs\profiles$\nayarasds\Downloads\72c1e15b-7c3f-4a2f-81a3-0b96b33c3f31.tmp</t>
  </si>
  <si>
    <t>12/31/2019 09:00:49</t>
  </si>
  <si>
    <t>12/31/2019 09:00:02</t>
  </si>
  <si>
    <t>94a788db-282b-48b2-bf32-09a3e229504b.tmp</t>
  </si>
  <si>
    <t>\\acsfs\profiles$\PEDROHAB\Downloads\94a788db-282b-48b2-bf32-09a3e229504b.tmp</t>
  </si>
  <si>
    <t>12/31/2019 09:02:25</t>
  </si>
  <si>
    <t>12/31/2019 09:03:34</t>
  </si>
  <si>
    <t>.~lock.RENEG BV Venc 20.12.2019.ods#</t>
  </si>
  <si>
    <t>\\acsfs\profiles$\LUCASBS\RENEG BV\.~lock.RENEG BV Venc 20.12.2019.ods#</t>
  </si>
  <si>
    <t>12/31/2019 09:02:35</t>
  </si>
  <si>
    <t>lu460565c683s.tmp</t>
  </si>
  <si>
    <t>\\acsfs\profiles$\LUCASBS\RENEG BV\lu460565c683s.tmp</t>
  </si>
  <si>
    <t>\\acsfs\profiles$\LUCASBS\RENEG BV\lu460565c683s.tmp\</t>
  </si>
  <si>
    <t>\\acsfs\profiles$\LUCASBS\RENEG BV\lu460565c683s.tmp\META-INF\</t>
  </si>
  <si>
    <t>\\acsfs\profiles$\LUCASBS\RENEG BV\lu460565c683s.tmp\Thumbnails\</t>
  </si>
  <si>
    <t>12/31/2019 09:01:23</t>
  </si>
  <si>
    <t>8ff365fc-ae17-455d-bb48-6d0a829127f2.tmp</t>
  </si>
  <si>
    <t>\\acsfs\profiles$\Flaviojmm\Downloads\8ff365fc-ae17-455d-bb48-6d0a829127f2.tmp</t>
  </si>
  <si>
    <t>12/31/2019 09:00:15</t>
  </si>
  <si>
    <t>4a163441-6b39-456f-878c-5dee3f95687e.tmp</t>
  </si>
  <si>
    <t>\\acsfs\profiles$\andrezacapf\Downloads\4a163441-6b39-456f-878c-5dee3f95687e.tmp</t>
  </si>
  <si>
    <t>12/31/2019 09:03:06</t>
  </si>
  <si>
    <t>Não%20Me%20Ligue%20Mais%20_%20Versão%20Acústica (1).5p0e5iu.partial</t>
  </si>
  <si>
    <t>\\acsfs\profiles$\danielta\Downloads\Não%20Me%20Ligue%20Mais%20_%20Versão%20Acústica (1).5p0e5iu.partial</t>
  </si>
  <si>
    <t>12/31/2019 08:59:52</t>
  </si>
  <si>
    <t>29d3aac2-c2ed-4d9d-9877-e64e3623cf05.tmp</t>
  </si>
  <si>
    <t>\\acsfs\profiles$\vivianealda\Downloads\29d3aac2-c2ed-4d9d-9877-e64e3623cf05.tmp</t>
  </si>
  <si>
    <t>12/31/2019 08:58:53</t>
  </si>
  <si>
    <t>12/31/2019 09:04:33</t>
  </si>
  <si>
    <t>12/31/2019 09:02:54</t>
  </si>
  <si>
    <t>12/31/2019 09:01:14</t>
  </si>
  <si>
    <t>12/31/2019 09:03:14</t>
  </si>
  <si>
    <t>12/31/2019 09:04:36</t>
  </si>
  <si>
    <t>12/31/2019 09:05:34</t>
  </si>
  <si>
    <t>12/31/2019 09:02:58</t>
  </si>
  <si>
    <t>68c32258-161c-4506-b85b-ac690bfa9da3.tmp</t>
  </si>
  <si>
    <t>\\acsfs\profiles$\brendadsl\Downloads\68c32258-161c-4506-b85b-ac690bfa9da3.tmp</t>
  </si>
  <si>
    <t>12/31/2019 09:01:19</t>
  </si>
  <si>
    <t>12/31/2019 09:06:34</t>
  </si>
  <si>
    <t>12/31/2019 09:02:15</t>
  </si>
  <si>
    <t>12/31/2019 09:06:30</t>
  </si>
  <si>
    <t>12/31/2019 09:07:34</t>
  </si>
  <si>
    <t>10.200.67.156</t>
  </si>
  <si>
    <t>74-86-7A-FC-CF-23</t>
  </si>
  <si>
    <t>VOTORANT-OB010</t>
  </si>
  <si>
    <t>763cd470-0f56-4387-93cb-18590aeba935.tmp</t>
  </si>
  <si>
    <t>\\acsfs\profiles$\victorgl\Downloads\763cd470-0f56-4387-93cb-18590aeba935.tmp</t>
  </si>
  <si>
    <t>12/31/2019 09:06:33</t>
  </si>
  <si>
    <t>4cd37040-8245-42ba-9939-816db1bf775e.tmp</t>
  </si>
  <si>
    <t>\\acsfs\profiles$\victorgl\Downloads\4cd37040-8245-42ba-9939-816db1bf775e.tmp</t>
  </si>
  <si>
    <t>12/31/2019 09:04:35</t>
  </si>
  <si>
    <t>\\acsfs\profiles$\antoniosva\Contacts\</t>
  </si>
  <si>
    <t>ANTONIO SIDNEY VIEIRA ARAUJO (1715).contact</t>
  </si>
  <si>
    <t>\\acsfs\profiles$\antoniosva\Contacts\ANTONIO SIDNEY VIEIRA ARAUJO (1715).contact</t>
  </si>
  <si>
    <t>12/31/2019 09:04:46</t>
  </si>
  <si>
    <t>\\acsfs\profiles$\antoniosva\My Documents\My Videos\</t>
  </si>
  <si>
    <t>\\acsfs\profiles$\antoniosva\My Documents\My Videos\desktop.ini</t>
  </si>
  <si>
    <t>\\acsfs\profiles$\antoniosva\My Documents\My Pictures\</t>
  </si>
  <si>
    <t>\\acsfs\profiles$\antoniosva\My Documents\My Pictures\desktop.ini</t>
  </si>
  <si>
    <t>12/31/2019 09:04:47</t>
  </si>
  <si>
    <t>\\acsfs\profiles$\antoniosva\Contacts\desktop.ini</t>
  </si>
  <si>
    <t>\\acsfs\profiles$\antoniosva\Favorites\</t>
  </si>
  <si>
    <t>\\acsfs\profiles$\antoniosva\Favorites\desktop.ini</t>
  </si>
  <si>
    <t>12/31/2019 09:04:48</t>
  </si>
  <si>
    <t>\\acsfs\profiles$\antoniosva\My Documents\My Music\</t>
  </si>
  <si>
    <t>\\acsfs\profiles$\antoniosva\My Documents\My Music\desktop.ini</t>
  </si>
  <si>
    <t>12/31/2019 09:04:49</t>
  </si>
  <si>
    <t>\\acsfs\profiles$\antoniosva\Searches\</t>
  </si>
  <si>
    <t>\\acsfs\profiles$\antoniosva\Searches\desktop.ini</t>
  </si>
  <si>
    <t>\\acsfs\profiles$\antoniosva\Downloads\desktop.ini</t>
  </si>
  <si>
    <t>12/31/2019 09:04:50</t>
  </si>
  <si>
    <t>\\acsfs\profiles$\antoniosva\My Documents\</t>
  </si>
  <si>
    <t>\\acsfs\profiles$\antoniosva\My Documents\desktop.ini</t>
  </si>
  <si>
    <t>12/31/2019 09:04:51</t>
  </si>
  <si>
    <t>\\acsfs\profiles$\antoniosva\Saved Games\</t>
  </si>
  <si>
    <t>\\acsfs\profiles$\antoniosva\Saved Games\desktop.ini</t>
  </si>
  <si>
    <t>12/31/2019 09:05:00</t>
  </si>
  <si>
    <t>\\acsfs\profiles$\antoniosva\Favorites\Links for Brasil\</t>
  </si>
  <si>
    <t>\\acsfs\profiles$\antoniosva\Favorites\Links for Brasil\desktop.ini</t>
  </si>
  <si>
    <t>\\acsfs\profiles$\antoniosva\Favorites\Links for Brasil\Microsoft Brasil.url</t>
  </si>
  <si>
    <t>12/31/2019 09:05:01</t>
  </si>
  <si>
    <t>\\acsfs\profiles$\antoniosva\Favorites\Links for Brasil\Windows Brasil.url</t>
  </si>
  <si>
    <t>12/31/2019 09:05:02</t>
  </si>
  <si>
    <t>\\acsfs\profiles$\antoniosva\Favorites\Links for Brasil\MSN Brasil.url</t>
  </si>
  <si>
    <t>12/31/2019 09:02:49</t>
  </si>
  <si>
    <t>12/31/2019 09:08:34</t>
  </si>
  <si>
    <t>32c416f0-9d17-420e-a0f9-ebc95f16766f.tmp</t>
  </si>
  <si>
    <t>\\acsfs\profiles$\LUCASBS\Downloads\32c416f0-9d17-420e-a0f9-ebc95f16766f.tmp</t>
  </si>
  <si>
    <t>12/31/2019 09:03:49</t>
  </si>
  <si>
    <t>74eb9a1e-c070-4101-9f9b-94b7f3770f7c.tmp</t>
  </si>
  <si>
    <t>\\acsfs\profiles$\LUCASBS\Downloads\74eb9a1e-c070-4101-9f9b-94b7f3770f7c.tmp</t>
  </si>
  <si>
    <t>12/31/2019 09:03:47</t>
  </si>
  <si>
    <t>3e4fb65b-8a5f-49b3-9c7e-0f39ff4ed7bb.tmp</t>
  </si>
  <si>
    <t>\\acsfs\profiles$\sarahbal\Downloads\3e4fb65b-8a5f-49b3-9c7e-0f39ff4ed7bb.tmp</t>
  </si>
  <si>
    <t>7282d454-6959-48d0-a954-1fa278eda2fb.tmp</t>
  </si>
  <si>
    <t>\\acsfs\profiles$\sarahbal\Downloads\7282d454-6959-48d0-a954-1fa278eda2fb.tmp</t>
  </si>
  <si>
    <t>12/31/2019 09:03:23</t>
  </si>
  <si>
    <t>Não%20Me%20Ligue%20Mais%20_%20Versão%20Acústica (2).2goyxeh.partial</t>
  </si>
  <si>
    <t>\\acsfs\profiles$\danielta\Downloads\Não%20Me%20Ligue%20Mais%20_%20Versão%20Acústica (2).2goyxeh.partial</t>
  </si>
  <si>
    <t>12/31/2019 09:07:20</t>
  </si>
  <si>
    <t>b996502a-9639-4e56-8fbf-7bb316a2eb35.tmp</t>
  </si>
  <si>
    <t>\\acsfs\profiles$\anafsb\Downloads\b996502a-9639-4e56-8fbf-7bb316a2eb35.tmp</t>
  </si>
  <si>
    <t>12/31/2019 09:04:53</t>
  </si>
  <si>
    <t>12/31/2019 09:09:33</t>
  </si>
  <si>
    <t>12/31/2019 09:07:14</t>
  </si>
  <si>
    <t>12/31/2019 09:07:23</t>
  </si>
  <si>
    <t>1abc9624-f2e4-4af4-8814-8ce2718d000a.tmp</t>
  </si>
  <si>
    <t>\\acsfs\profiles$\regisadsa\Downloads\1abc9624-f2e4-4af4-8814-8ce2718d000a.tmp</t>
  </si>
  <si>
    <t>12/31/2019 09:08:35</t>
  </si>
  <si>
    <t>449d7722-76f5-47aa-925d-9b21a3faec27.tmp</t>
  </si>
  <si>
    <t>\\acsfs\profiles$\regisadsa\Downloads\449d7722-76f5-47aa-925d-9b21a3faec27.tmp</t>
  </si>
  <si>
    <t>12/31/2019 09:08:43</t>
  </si>
  <si>
    <t>12/31/2019 09:10:34</t>
  </si>
  <si>
    <t>5a5e7e3c-c9ff-4e85-9c5c-de52e9219a16.tmp</t>
  </si>
  <si>
    <t>\\acsfs\profiles$\bernardopcm\Downloads\5a5e7e3c-c9ff-4e85-9c5c-de52e9219a16.tmp</t>
  </si>
  <si>
    <t>12/31/2019 09:08:46</t>
  </si>
  <si>
    <t>bea64ff9-1e2b-4f1d-97ae-78a2bb3fd7c3.tmp</t>
  </si>
  <si>
    <t>\\acsfs\profiles$\bernardopcm\Downloads\bea64ff9-1e2b-4f1d-97ae-78a2bb3fd7c3.tmp</t>
  </si>
  <si>
    <t>12/31/2019 09:07:12</t>
  </si>
  <si>
    <t>12/31/2019 09:12:33</t>
  </si>
  <si>
    <t>7830f5dd-08a6-4076-9472-dc2f53ec4c0e.tmp</t>
  </si>
  <si>
    <t>\\acsfs\profiles$\victorgl\Downloads\7830f5dd-08a6-4076-9472-dc2f53ec4c0e.tmp</t>
  </si>
  <si>
    <t>12/31/2019 09:08:20</t>
  </si>
  <si>
    <t>068f90b6-af74-48c4-b11d-368f2f09ae2c.tmp</t>
  </si>
  <si>
    <t>\\acsfs\profiles$\victorgl\Downloads\068f90b6-af74-48c4-b11d-368f2f09ae2c.tmp</t>
  </si>
  <si>
    <t>7ef835c1-0777-489d-80cd-31c9021ce2e9.tmp</t>
  </si>
  <si>
    <t>\\acsfs\profiles$\victorgl\Downloads\7ef835c1-0777-489d-80cd-31c9021ce2e9.tmp</t>
  </si>
  <si>
    <t>12/31/2019 09:11:39</t>
  </si>
  <si>
    <t>fc8e7315-1640-468e-8c0c-993e19cf4338.tmp</t>
  </si>
  <si>
    <t>\\acsfs\profiles$\victorgl\Downloads\fc8e7315-1640-468e-8c0c-993e19cf4338.tmp</t>
  </si>
  <si>
    <t>12/31/2019 09:12:09</t>
  </si>
  <si>
    <t>12/31/2019 09:13:33</t>
  </si>
  <si>
    <t>12/31/2019 09:12:30</t>
  </si>
  <si>
    <t>12/31/2019 09:11:12</t>
  </si>
  <si>
    <t>12/31/2019 09:10:24</t>
  </si>
  <si>
    <t>a658e02b-aa75-4c48-9bb8-cd8cca2ff9c1.tmp</t>
  </si>
  <si>
    <t>\\acsfs\profiles$\vivianealda\Downloads\a658e02b-aa75-4c48-9bb8-cd8cca2ff9c1.tmp</t>
  </si>
  <si>
    <t>12/31/2019 09:08:53</t>
  </si>
  <si>
    <t>12/31/2019 09:14:33</t>
  </si>
  <si>
    <t>12/31/2019 09:10:53</t>
  </si>
  <si>
    <t>12/31/2019 09:09:14</t>
  </si>
  <si>
    <t>12/31/2019 09:13:14</t>
  </si>
  <si>
    <t>12/31/2019 09:09:06</t>
  </si>
  <si>
    <t>9b4d14cc-6963-4e6a-8be0-f7da26bd2c4a.tmp</t>
  </si>
  <si>
    <t>\\acsfs\profiles$\regisadsa\Downloads\9b4d14cc-6963-4e6a-8be0-f7da26bd2c4a.tmp</t>
  </si>
  <si>
    <t>12/31/2019 09:09:21</t>
  </si>
  <si>
    <t>a0c4a452-40ad-4491-9f47-4b4dda26df3e.tmp</t>
  </si>
  <si>
    <t>\\acsfs\profiles$\regisadsa\Downloads\a0c4a452-40ad-4491-9f47-4b4dda26df3e.tmp</t>
  </si>
  <si>
    <t>12/31/2019 09:10:01</t>
  </si>
  <si>
    <t>12/31/2019 09:15:34</t>
  </si>
  <si>
    <t>390344cc-65c9-411c-9b66-25964c62e71f.tmp</t>
  </si>
  <si>
    <t>\\acsfs\profiles$\bernardopcm\Downloads\390344cc-65c9-411c-9b66-25964c62e71f.tmp</t>
  </si>
  <si>
    <t>12/31/2019 09:15:08</t>
  </si>
  <si>
    <t>D0-67-E5-FF-14-72</t>
  </si>
  <si>
    <t>VOTORANT-AFB005</t>
  </si>
  <si>
    <t>layscb</t>
  </si>
  <si>
    <t>12/31/2019 09:14:31</t>
  </si>
  <si>
    <t>12/31/2019 09:16:34</t>
  </si>
  <si>
    <t>12/31/2019 09:14:13</t>
  </si>
  <si>
    <t>38219d52-2fab-42a0-974d-70b7fa1f1d92.tmp</t>
  </si>
  <si>
    <t>\\acsfs\profiles$\ayalabfi\Downloads\38219d52-2fab-42a0-974d-70b7fa1f1d92.tmp</t>
  </si>
  <si>
    <t>12/31/2019 09:17:34</t>
  </si>
  <si>
    <t>cd636b41-8f73-464d-a0dc-c2a1c0b870d7.tmp</t>
  </si>
  <si>
    <t>\\acsfs\profiles$\danielmlds\Downloads\cd636b41-8f73-464d-a0dc-c2a1c0b870d7.tmp</t>
  </si>
  <si>
    <t>12/31/2019 09:12:34</t>
  </si>
  <si>
    <t>12/31/2019 09:12:35</t>
  </si>
  <si>
    <t>12/31/2019 09:12:36</t>
  </si>
  <si>
    <t>12/31/2019 09:12:37</t>
  </si>
  <si>
    <t>12/31/2019 09:12:38</t>
  </si>
  <si>
    <t>12/31/2019 09:12:39</t>
  </si>
  <si>
    <t>12/31/2019 09:12:40</t>
  </si>
  <si>
    <t>12/31/2019 09:12:41</t>
  </si>
  <si>
    <t>12/31/2019 09:12:42</t>
  </si>
  <si>
    <t>12/31/2019 09:12:43</t>
  </si>
  <si>
    <t>12/31/2019 09:12:44</t>
  </si>
  <si>
    <t>12/31/2019 09:12:45</t>
  </si>
  <si>
    <t>12/31/2019 09:12:46</t>
  </si>
  <si>
    <t>12/31/2019 09:12:47</t>
  </si>
  <si>
    <t>12/31/2019 09:12:48</t>
  </si>
  <si>
    <t>12/31/2019 09:12:49</t>
  </si>
  <si>
    <t>12/31/2019 09:12:50</t>
  </si>
  <si>
    <t>12/31/2019 09:12:51</t>
  </si>
  <si>
    <t>12/31/2019 09:12:52</t>
  </si>
  <si>
    <t>12/31/2019 09:12:53</t>
  </si>
  <si>
    <t>12/31/2019 09:12:54</t>
  </si>
  <si>
    <t>12/31/2019 09:12:55</t>
  </si>
  <si>
    <t>12/31/2019 09:12:56</t>
  </si>
  <si>
    <t>12/31/2019 09:12:57</t>
  </si>
  <si>
    <t>12/31/2019 09:12:58</t>
  </si>
  <si>
    <t>12/31/2019 09:12:59</t>
  </si>
  <si>
    <t>12/31/2019 09:13:00</t>
  </si>
  <si>
    <t>12/31/2019 09:13:01</t>
  </si>
  <si>
    <t>12/31/2019 09:13:02</t>
  </si>
  <si>
    <t>12/31/2019 09:13:34</t>
  </si>
  <si>
    <t>e726756c-3998-4c3d-9eb9-161e55a0c3be.tmp</t>
  </si>
  <si>
    <t>\\acsfs\profiles$\marcosvnds\Downloads\e726756c-3998-4c3d-9eb9-161e55a0c3be.tmp</t>
  </si>
  <si>
    <t>12/31/2019 09:15:02</t>
  </si>
  <si>
    <t>97ef98b0-f5b2-4d34-ae49-38f9a3db8d67.tmp</t>
  </si>
  <si>
    <t>\\acsfs\profiles$\marcosvnds\Downloads\97ef98b0-f5b2-4d34-ae49-38f9a3db8d67.tmp</t>
  </si>
  <si>
    <t>12/31/2019 09:15:20</t>
  </si>
  <si>
    <t>10cf2c82-f08f-4ad8-b6ef-d5b9575ec485.tmp</t>
  </si>
  <si>
    <t>\\acsfs\profiles$\marcosvnds\Downloads\10cf2c82-f08f-4ad8-b6ef-d5b9575ec485.tmp</t>
  </si>
  <si>
    <t>12/31/2019 09:15:52</t>
  </si>
  <si>
    <t>6a6d2816-f0de-491b-b8c5-7f45753e3e63.tmp</t>
  </si>
  <si>
    <t>\\acsfs\profiles$\marcosvnds\Downloads\6a6d2816-f0de-491b-b8c5-7f45753e3e63.tmp</t>
  </si>
  <si>
    <t>12/31/2019 09:15:09</t>
  </si>
  <si>
    <t>12/31/2019 09:18:34</t>
  </si>
  <si>
    <t>12/31/2019 09:15:10</t>
  </si>
  <si>
    <t>lu460565c6841.tmp</t>
  </si>
  <si>
    <t>\\acsfs\profiles$\LUCASBS\RENEG BV\lu460565c6841.tmp</t>
  </si>
  <si>
    <t>\\acsfs\profiles$\LUCASBS\RENEG BV\lu460565c6841.tmp\</t>
  </si>
  <si>
    <t>\\acsfs\profiles$\LUCASBS\RENEG BV\lu460565c6841.tmp\META-INF\</t>
  </si>
  <si>
    <t>\\acsfs\profiles$\LUCASBS\RENEG BV\lu460565c6841.tmp\Thumbnails\</t>
  </si>
  <si>
    <t>12/31/2019 09:15:39</t>
  </si>
  <si>
    <t>\\acsfs\profiles$\LUCASBS\RENEG BV\Consolidado\</t>
  </si>
  <si>
    <t>.~lock.RENEG BV - Venc 20.12.2019 - Lucas.ods#</t>
  </si>
  <si>
    <t>\\acsfs\profiles$\LUCASBS\RENEG BV\Consolidado\.~lock.RENEG BV - Venc 20.12.2019 - Lucas.ods#</t>
  </si>
  <si>
    <t>12/31/2019 09:15:56</t>
  </si>
  <si>
    <t>.~lock.RENEG BV 23-12 Venc 26.12.2019.ods#</t>
  </si>
  <si>
    <t>\\acsfs\profiles$\LUCASBS\RENEG BV\.~lock.RENEG BV 23-12 Venc 26.12.2019.ods#</t>
  </si>
  <si>
    <t>12/31/2019 09:16:08</t>
  </si>
  <si>
    <t>12/31/2019 09:17:50</t>
  </si>
  <si>
    <t>12/31/2019 09:17:22</t>
  </si>
  <si>
    <t>Rap do 17 ft. VMZ _ Dragon Ball Super _ VG Beats _ Prod[1]. by Shuka4Beats.chvj5h8.partial</t>
  </si>
  <si>
    <t>\\acsfs\profiles$\danielta\Downloads\Rap do 17 ft. VMZ _ Dragon Ball Super _ VG Beats _ Prod[1]. by Shuka4Beats.chvj5h8.partial</t>
  </si>
  <si>
    <t>12/31/2019 09:14:24</t>
  </si>
  <si>
    <t>12/31/2019 09:14:54</t>
  </si>
  <si>
    <t>12/31/2019 09:19:34</t>
  </si>
  <si>
    <t>12/31/2019 09:16:53</t>
  </si>
  <si>
    <t>12/31/2019 09:15:14</t>
  </si>
  <si>
    <t>12/31/2019 09:17:15</t>
  </si>
  <si>
    <t>12/31/2019 09:15:13</t>
  </si>
  <si>
    <t>12/31/2019 09:20:33</t>
  </si>
  <si>
    <t>03ee8b8f-0f6c-4f62-976a-61f5b712f673.tmp</t>
  </si>
  <si>
    <t>\\acsfs\profiles$\LAISLG\Downloads\03ee8b8f-0f6c-4f62-976a-61f5b712f673.tmp</t>
  </si>
  <si>
    <t>12/31/2019 09:15:49</t>
  </si>
  <si>
    <t>12/31/2019 09:16:25</t>
  </si>
  <si>
    <t>470203f0-6094-4fcd-b89a-e54747136936.tmp</t>
  </si>
  <si>
    <t>\\acsfs\profiles$\LAISLG\Downloads\470203f0-6094-4fcd-b89a-e54747136936.tmp</t>
  </si>
  <si>
    <t>12/31/2019 09:18:31</t>
  </si>
  <si>
    <t>12/31/2019 09:15:58</t>
  </si>
  <si>
    <t>12/31/2019 09:21:34</t>
  </si>
  <si>
    <t>10.200.66.63</t>
  </si>
  <si>
    <t>alessandrara</t>
  </si>
  <si>
    <t>\\acsfs\profiles$\alessandrara\My Documents\</t>
  </si>
  <si>
    <t>gtr.txt</t>
  </si>
  <si>
    <t>\\acsfs\profiles$\alessandrara\My Documents\gtr.txt</t>
  </si>
  <si>
    <t>12/31/2019 09:17:27</t>
  </si>
  <si>
    <t>12/31/2019 09:22:34</t>
  </si>
  <si>
    <t>09a917e1-804d-409e-966e-9869d7e5465b.tmp</t>
  </si>
  <si>
    <t>\\acsfs\profiles$\gabrielamdp\Downloads\09a917e1-804d-409e-966e-9869d7e5465b.tmp</t>
  </si>
  <si>
    <t>12/31/2019 09:17:28</t>
  </si>
  <si>
    <t>a82cc9a0-d156-4c78-bc10-dd7f6e41f594.tmp</t>
  </si>
  <si>
    <t>\\acsfs\profiles$\gabrielamdp\Downloads\a82cc9a0-d156-4c78-bc10-dd7f6e41f594.tmp</t>
  </si>
  <si>
    <t>12/31/2019 09:17:33</t>
  </si>
  <si>
    <t>32b4ba0f-8e2c-4a6b-8e59-5b404f40902c.tmp</t>
  </si>
  <si>
    <t>\\acsfs\profiles$\gabrielamdp\Downloads\32b4ba0f-8e2c-4a6b-8e59-5b404f40902c.tmp</t>
  </si>
  <si>
    <t>12/31/2019 09:20:16</t>
  </si>
  <si>
    <t>d1fd4ff1-e4d6-4485-bb33-ac9a9309a6e6.tmp</t>
  </si>
  <si>
    <t>\\acsfs\profiles$\gabrielamdp\Downloads\d1fd4ff1-e4d6-4485-bb33-ac9a9309a6e6.tmp</t>
  </si>
  <si>
    <t>12/31/2019 09:18:53</t>
  </si>
  <si>
    <t>12/31/2019 09:23:33</t>
  </si>
  <si>
    <t>585fbeab-fe34-48d4-b12e-fe8064add1bd.tmp</t>
  </si>
  <si>
    <t>\\acsfs\profiles$\ingridsm\Downloads\585fbeab-fe34-48d4-b12e-fe8064add1bd.tmp</t>
  </si>
  <si>
    <t>12/31/2019 09:18:09</t>
  </si>
  <si>
    <t>lu440885crg3k.tmp</t>
  </si>
  <si>
    <t>\\acsfs\profiles$\LUCASBS\RENEG BV\lu440885crg3k.tmp</t>
  </si>
  <si>
    <t>\\acsfs\profiles$\LUCASBS\RENEG BV\lu440885crg3k.tmp\</t>
  </si>
  <si>
    <t>\\acsfs\profiles$\LUCASBS\RENEG BV\lu440885crg3k.tmp\META-INF\</t>
  </si>
  <si>
    <t>\\acsfs\profiles$\LUCASBS\RENEG BV\lu440885crg3k.tmp\Thumbnails\</t>
  </si>
  <si>
    <t>12/31/2019 09:18:44</t>
  </si>
  <si>
    <t>12/31/2019 09:18:45</t>
  </si>
  <si>
    <t>lu440885crg3p.tmp</t>
  </si>
  <si>
    <t>\\acsfs\profiles$\LUCASBS\RENEG BV\lu440885crg3p.tmp</t>
  </si>
  <si>
    <t>\\acsfs\profiles$\LUCASBS\RENEG BV\lu440885crg3p.tmp\</t>
  </si>
  <si>
    <t>\\acsfs\profiles$\LUCASBS\RENEG BV\lu440885crg3p.tmp\META-INF\</t>
  </si>
  <si>
    <t>\\acsfs\profiles$\LUCASBS\RENEG BV\lu440885crg3p.tmp\Thumbnails\</t>
  </si>
  <si>
    <t>12/31/2019 09:18:55</t>
  </si>
  <si>
    <t>12/31/2019 09:20:05</t>
  </si>
  <si>
    <t>.~lock.RENEG BV - 30.12 - Venc 01.01.2020 - Lucas.ods#</t>
  </si>
  <si>
    <t>\\acsfs\profiles$\LUCASBS\RENEG BV\Consolidado\.~lock.RENEG BV - 30.12 - Venc 01.01.2020 - Lucas.ods#</t>
  </si>
  <si>
    <t>12/31/2019 09:20:46</t>
  </si>
  <si>
    <t>12/31/2019 09:22:05</t>
  </si>
  <si>
    <t>12/31/2019 09:22:07</t>
  </si>
  <si>
    <t>lu477525cxeew.tmp</t>
  </si>
  <si>
    <t>\\acsfs\profiles$\LUCASBS\RENEG BV\lu477525cxeew.tmp</t>
  </si>
  <si>
    <t>\\acsfs\profiles$\LUCASBS\RENEG BV\lu477525cxeew.tmp\</t>
  </si>
  <si>
    <t>\\acsfs\profiles$\LUCASBS\RENEG BV\lu477525cxeew.tmp\META-INF\</t>
  </si>
  <si>
    <t>\\acsfs\profiles$\LUCASBS\RENEG BV\lu477525cxeew.tmp\Thumbnails\</t>
  </si>
  <si>
    <t>12/31/2019 09:21:42</t>
  </si>
  <si>
    <t>12/31/2019 09:22:44</t>
  </si>
  <si>
    <t>12/31/2019 09:20:53</t>
  </si>
  <si>
    <t>12/31/2019 09:24:34</t>
  </si>
  <si>
    <t>12/31/2019 09:22:53</t>
  </si>
  <si>
    <t>12/31/2019 09:21:14</t>
  </si>
  <si>
    <t>12/31/2019 09:22:54</t>
  </si>
  <si>
    <t>12/31/2019 09:22:56</t>
  </si>
  <si>
    <t>12/31/2019 09:23:14</t>
  </si>
  <si>
    <t>12/31/2019 09:23:05</t>
  </si>
  <si>
    <t>12/31/2019 09:25:33</t>
  </si>
  <si>
    <t>12/31/2019 09:21:24</t>
  </si>
  <si>
    <t>12/31/2019 09:26:34</t>
  </si>
  <si>
    <t>efba32c0-b68e-438a-b7a2-162426ef3a5b.tmp</t>
  </si>
  <si>
    <t>\\acsfs\profiles$\alinepp\Downloads\efba32c0-b68e-438a-b7a2-162426ef3a5b.tmp</t>
  </si>
  <si>
    <t>12/31/2019 09:22:50</t>
  </si>
  <si>
    <t>430e10a8-48c3-434a-8bd0-0ba9c3fe7738.tmp</t>
  </si>
  <si>
    <t>\\acsfs\profiles$\alinepp\Downloads\430e10a8-48c3-434a-8bd0-0ba9c3fe7738.tmp</t>
  </si>
  <si>
    <t>c692bc43-0789-4b35-bcca-a789c182d729.tmp</t>
  </si>
  <si>
    <t>\\acsfs\profiles$\alinepp\Downloads\c692bc43-0789-4b35-bcca-a789c182d729.tmp</t>
  </si>
  <si>
    <t>12/31/2019 09:25:46</t>
  </si>
  <si>
    <t>12/31/2019 09:25:30</t>
  </si>
  <si>
    <t>12/31/2019 09:28:34</t>
  </si>
  <si>
    <t>12/31/2019 09:27:00</t>
  </si>
  <si>
    <t>\\acsfs\profiles$\LUCASBS\RENEG BV\Consolidado\.~lock.RENEG BV - Venc 26.12.2019 - Lucas.ods#</t>
  </si>
  <si>
    <t>12/31/2019 09:27:19</t>
  </si>
  <si>
    <t>12/31/2019 09:27:20</t>
  </si>
  <si>
    <t>lu451685d3gzz.tmp</t>
  </si>
  <si>
    <t>\\acsfs\profiles$\LUCASBS\RENEG BV\lu451685d3gzz.tmp</t>
  </si>
  <si>
    <t>\\acsfs\profiles$\LUCASBS\RENEG BV\lu451685d3gzz.tmp\</t>
  </si>
  <si>
    <t>\\acsfs\profiles$\LUCASBS\RENEG BV\lu451685d3gzz.tmp\META-INF\</t>
  </si>
  <si>
    <t>\\acsfs\profiles$\LUCASBS\RENEG BV\lu451685d3gzz.tmp\Thumbnails\</t>
  </si>
  <si>
    <t>12/31/2019 09:27:39</t>
  </si>
  <si>
    <t>12/31/2019 09:26:53</t>
  </si>
  <si>
    <t>12/31/2019 09:29:34</t>
  </si>
  <si>
    <t>12/31/2019 09:28:14</t>
  </si>
  <si>
    <t>12/31/2019 09:28:25</t>
  </si>
  <si>
    <t>12/31/2019 09:24:51</t>
  </si>
  <si>
    <t>\\acsfs\DEPTOS\Operacao\PCP\5 - Comum\PLANEJAMENTO BV\22 - BANCO DE DADOS BV\FINANCEIRA\Banco de Dados BV 12-2019.xlsx\</t>
  </si>
  <si>
    <t>\\acsfs\DEPTOS\Operacao\PCP\5 - Comum\JUKA\Login Logout Financeira\Banco de Dados BV 12-2019.xlsx</t>
  </si>
  <si>
    <t>Banco de Dados BV 12-2019.xlsx</t>
  </si>
  <si>
    <t>\\acsfs\DEPTOS\Operacao\PCP\5 - Comum\JUKA\Login Logout Financeira\Banco de Dados BV 12-2019.xlsx\</t>
  </si>
  <si>
    <t>\\acsfs\DEPTOS\Operacao\PCP\5 - Comum\JUKA\Login Logout Financeira\Banco de Dados BV 12-2019.xlsx\:Zone.Identifier:$DATA</t>
  </si>
  <si>
    <t>12/31/2019 09:28:41</t>
  </si>
  <si>
    <t>12/31/2019 09:30:34</t>
  </si>
  <si>
    <t>12/31/2019 09:28:42</t>
  </si>
  <si>
    <t>12/31/2019 09:31:34</t>
  </si>
  <si>
    <t>12/31/2019 09:30:12</t>
  </si>
  <si>
    <t>12/31/2019 09:26:04</t>
  </si>
  <si>
    <t>12/31/2019 09:28:08</t>
  </si>
  <si>
    <t>12/31/2019 09:29:43</t>
  </si>
  <si>
    <t>12/31/2019 09:27:57</t>
  </si>
  <si>
    <t>12/31/2019 09:32:34</t>
  </si>
  <si>
    <t>gustavodsil</t>
  </si>
  <si>
    <t>12/31/2019 09:28:53</t>
  </si>
  <si>
    <t>b6dea420-7cc3-4d27-a7c8-01567ecea694.tmp</t>
  </si>
  <si>
    <t>\\acsfs\profiles$\gabrielhca\Downloads\b6dea420-7cc3-4d27-a7c8-01567ecea694.tmp</t>
  </si>
  <si>
    <t>12/31/2019 09:31:05</t>
  </si>
  <si>
    <t>31649922-0e10-43e8-9143-45fdf8c8b2d9.tmp</t>
  </si>
  <si>
    <t>\\acsfs\profiles$\gabrielamdp\Downloads\31649922-0e10-43e8-9143-45fdf8c8b2d9.tmp</t>
  </si>
  <si>
    <t>12/31/2019 09:33:34</t>
  </si>
  <si>
    <t>12/31/2019 09:27:55</t>
  </si>
  <si>
    <t>12/31/2019 09:29:32</t>
  </si>
  <si>
    <t>.~lock.RENEG BV - Venc 01.01.2020 - Lucas.ods#</t>
  </si>
  <si>
    <t>\\acsfs\profiles$\LUCASBS\RENEG BV\Consolidado\.~lock.RENEG BV - Venc 01.01.2020 - Lucas.ods#</t>
  </si>
  <si>
    <t>12/31/2019 09:30:17</t>
  </si>
  <si>
    <t>12/31/2019 09:30:18</t>
  </si>
  <si>
    <t>lu474165d8nug.tmp</t>
  </si>
  <si>
    <t>\\acsfs\profiles$\LUCASBS\RENEG BV\Consolidado\lu474165d8nug.tmp</t>
  </si>
  <si>
    <t>\\acsfs\profiles$\LUCASBS\RENEG BV\Consolidado\lu474165d8nug.tmp\</t>
  </si>
  <si>
    <t>\\acsfs\profiles$\LUCASBS\RENEG BV\Consolidado\lu474165d8nug.tmp\META-INF\</t>
  </si>
  <si>
    <t>\\acsfs\profiles$\LUCASBS\RENEG BV\Consolidado\lu474165d8nug.tmp\Thumbnails\</t>
  </si>
  <si>
    <t>12/31/2019 09:30:25</t>
  </si>
  <si>
    <t>12/31/2019 09:31:19</t>
  </si>
  <si>
    <t>12/31/2019 09:31:20</t>
  </si>
  <si>
    <t>lu385365d9tgo.tmp</t>
  </si>
  <si>
    <t>\\acsfs\profiles$\LUCASBS\RENEG BV\Consolidado\lu385365d9tgo.tmp</t>
  </si>
  <si>
    <t>\\acsfs\profiles$\LUCASBS\RENEG BV\Consolidado\lu385365d9tgo.tmp\</t>
  </si>
  <si>
    <t>\\acsfs\profiles$\LUCASBS\RENEG BV\Consolidado\lu385365d9tgo.tmp\META-INF\</t>
  </si>
  <si>
    <t>\\acsfs\profiles$\LUCASBS\RENEG BV\Consolidado\lu385365d9tgo.tmp\Thumbnails\</t>
  </si>
  <si>
    <t>12/31/2019 09:31:37</t>
  </si>
  <si>
    <t>12/31/2019 09:32:43</t>
  </si>
  <si>
    <t>12/31/2019 09:32:44</t>
  </si>
  <si>
    <t>lu451885dbby7.tmp</t>
  </si>
  <si>
    <t>\\acsfs\profiles$\LUCASBS\RENEG BV\Consolidado\lu451885dbby7.tmp</t>
  </si>
  <si>
    <t>\\acsfs\profiles$\LUCASBS\RENEG BV\Consolidado\lu451885dbby7.tmp\</t>
  </si>
  <si>
    <t>\\acsfs\profiles$\LUCASBS\RENEG BV\Consolidado\lu451885dbby7.tmp\META-INF\</t>
  </si>
  <si>
    <t>\\acsfs\profiles$\LUCASBS\RENEG BV\Consolidado\lu451885dbby7.tmp\Thumbnails\</t>
  </si>
  <si>
    <t>12/31/2019 09:29:09</t>
  </si>
  <si>
    <t>Rap do 17 ft. VMZ _ Dragon Ball Super _ VG Beats _ Prod[1]. by Shuka4Beats (1).1pqnhvf.partial</t>
  </si>
  <si>
    <t>\\acsfs\profiles$\danielta\Downloads\Rap do 17 ft. VMZ _ Dragon Ball Super _ VG Beats _ Prod[1]. by Shuka4Beats (1).1pqnhvf.partial</t>
  </si>
  <si>
    <t>12/31/2019 09:32:04</t>
  </si>
  <si>
    <t>12/31/2019 09:34:34</t>
  </si>
  <si>
    <t>12/31/2019 09:32:53</t>
  </si>
  <si>
    <t>12/31/2019 09:29:14</t>
  </si>
  <si>
    <t>12/31/2019 09:30:57</t>
  </si>
  <si>
    <t>5f094b01-8c15-4501-b04b-86c20b761e61.tmp</t>
  </si>
  <si>
    <t>\\acsfs\profiles$\gabrieleods\Downloads\5f094b01-8c15-4501-b04b-86c20b761e61.tmp</t>
  </si>
  <si>
    <t>12/31/2019 09:30:58</t>
  </si>
  <si>
    <t>3e9b1c8b-0ea2-402d-a2b5-e8f89fed5e71.tmp</t>
  </si>
  <si>
    <t>\\acsfs\profiles$\gabrieleods\Downloads\3e9b1c8b-0ea2-402d-a2b5-e8f89fed5e71.tmp</t>
  </si>
  <si>
    <t>12/31/2019 09:31:35</t>
  </si>
  <si>
    <t>eb67598c-efd3-4cc7-8d40-35b33586f227.tmp</t>
  </si>
  <si>
    <t>\\acsfs\profiles$\gabrieleods\Downloads\eb67598c-efd3-4cc7-8d40-35b33586f227.tmp</t>
  </si>
  <si>
    <t>12/31/2019 09:33:39</t>
  </si>
  <si>
    <t>8fb2836b-83fc-4365-9f91-424fc3544943.tmp</t>
  </si>
  <si>
    <t>\\acsfs\profiles$\gabrieleods\Downloads\8fb2836b-83fc-4365-9f91-424fc3544943.tmp</t>
  </si>
  <si>
    <t>12/31/2019 09:34:10</t>
  </si>
  <si>
    <t>6bec41a8-caba-45a8-adb6-9cb59358dad0.tmp</t>
  </si>
  <si>
    <t>\\acsfs\profiles$\gabrieleods\Downloads\6bec41a8-caba-45a8-adb6-9cb59358dad0.tmp</t>
  </si>
  <si>
    <t>12/31/2019 09:34:18</t>
  </si>
  <si>
    <t>0c264759-fd17-4e3f-9eae-a158e3b5d8bc.tmp</t>
  </si>
  <si>
    <t>\\acsfs\profiles$\gabrieleods\Downloads\0c264759-fd17-4e3f-9eae-a158e3b5d8bc.tmp</t>
  </si>
  <si>
    <t>12/31/2019 09:32:38</t>
  </si>
  <si>
    <t>12/31/2019 09:35:34</t>
  </si>
  <si>
    <t>12/31/2019 09:32:50</t>
  </si>
  <si>
    <t>3fe3fe88-6f4c-4972-af1f-e14f87ce5b35;</t>
  </si>
  <si>
    <t>12/31/2019 09:33:09</t>
  </si>
  <si>
    <t>12/31/2019 09:33:10</t>
  </si>
  <si>
    <t>12/31/2019 09:33:24</t>
  </si>
  <si>
    <t>12/31/2019 09:33:37</t>
  </si>
  <si>
    <t>12/31/2019 09:34:27</t>
  </si>
  <si>
    <t>12/31/2019 09:34:42</t>
  </si>
  <si>
    <t>12/31/2019 09:36:34</t>
  </si>
  <si>
    <t>12/31/2019 09:35:12</t>
  </si>
  <si>
    <t>12/31/2019 09:35:42</t>
  </si>
  <si>
    <t>12/31/2019 09:32:57</t>
  </si>
  <si>
    <t>12/31/2019 09:38:34</t>
  </si>
  <si>
    <t>12/31/2019 09:33:16</t>
  </si>
  <si>
    <t>12/31/2019 09:33:17</t>
  </si>
  <si>
    <t>lu464885dcwqw.tmp</t>
  </si>
  <si>
    <t>\\acsfs\profiles$\LUCASBS\RENEG BV\Consolidado\lu464885dcwqw.tmp</t>
  </si>
  <si>
    <t>\\acsfs\profiles$\LUCASBS\RENEG BV\Consolidado\lu464885dcwqw.tmp\</t>
  </si>
  <si>
    <t>\\acsfs\profiles$\LUCASBS\RENEG BV\Consolidado\lu464885dcwqw.tmp\META-INF\</t>
  </si>
  <si>
    <t>\\acsfs\profiles$\LUCASBS\RENEG BV\Consolidado\lu464885dcwqw.tmp\Thumbnails\</t>
  </si>
  <si>
    <t>.~lock.RENEG BV - Venc 28.12.2019 - Lucas.ods#</t>
  </si>
  <si>
    <t>\\acsfs\profiles$\LUCASBS\RENEG BV\Consolidado\.~lock.RENEG BV - Venc 28.12.2019 - Lucas.ods#</t>
  </si>
  <si>
    <t>12/31/2019 09:34:21</t>
  </si>
  <si>
    <t>12/31/2019 09:34:22</t>
  </si>
  <si>
    <t>lu431885dduyp.tmp</t>
  </si>
  <si>
    <t>\\acsfs\profiles$\LUCASBS\RENEG BV\Consolidado\lu431885dduyp.tmp</t>
  </si>
  <si>
    <t>\\acsfs\profiles$\LUCASBS\RENEG BV\Consolidado\lu431885dduyp.tmp\</t>
  </si>
  <si>
    <t>\\acsfs\profiles$\LUCASBS\RENEG BV\Consolidado\lu431885dduyp.tmp\META-INF\</t>
  </si>
  <si>
    <t>\\acsfs\profiles$\LUCASBS\RENEG BV\Consolidado\lu431885dduyp.tmp\Thumbnails\</t>
  </si>
  <si>
    <t>12/31/2019 09:36:12</t>
  </si>
  <si>
    <t>12/31/2019 09:34:53</t>
  </si>
  <si>
    <t>12/31/2019 09:39:34</t>
  </si>
  <si>
    <t>12/31/2019 09:34:14</t>
  </si>
  <si>
    <t>12/31/2019 09:35:14</t>
  </si>
  <si>
    <t>12/31/2019 09:35:41</t>
  </si>
  <si>
    <t>12/31/2019 09:38:39</t>
  </si>
  <si>
    <t>12/31/2019 09:39:28</t>
  </si>
  <si>
    <t>12/31/2019 09:40:34</t>
  </si>
  <si>
    <t>12/31/2019 09:37:16</t>
  </si>
  <si>
    <t>3c51e361-b71a-4677-a692-406c144afac1.tmp</t>
  </si>
  <si>
    <t>\\acsfs\profiles$\mariajra\Downloads\3c51e361-b71a-4677-a692-406c144afac1.tmp</t>
  </si>
  <si>
    <t>12/31/2019 09:41:34</t>
  </si>
  <si>
    <t>12/31/2019 09:36:42</t>
  </si>
  <si>
    <t>12/31/2019 09:37:12</t>
  </si>
  <si>
    <t>12/31/2019 09:38:12</t>
  </si>
  <si>
    <t>12/31/2019 09:38:42</t>
  </si>
  <si>
    <t>12/31/2019 09:37:17</t>
  </si>
  <si>
    <t>12/31/2019 09:41:54</t>
  </si>
  <si>
    <t>12/31/2019 09:43:33</t>
  </si>
  <si>
    <t>12/31/2019 09:38:53</t>
  </si>
  <si>
    <t>12/31/2019 09:44:34</t>
  </si>
  <si>
    <t>12/31/2019 09:40:56</t>
  </si>
  <si>
    <t>12/31/2019 09:40:14</t>
  </si>
  <si>
    <t>12/31/2019 09:41:14</t>
  </si>
  <si>
    <t>12/31/2019 09:40:57</t>
  </si>
  <si>
    <t>12/31/2019 09:40:23</t>
  </si>
  <si>
    <t>12/31/2019 09:45:35</t>
  </si>
  <si>
    <t>b6dc3b2f-86d1-4513-9b0f-461cebff945a.tmp</t>
  </si>
  <si>
    <t>\\acsfs\profiles$\LAISLG\Downloads\b6dc3b2f-86d1-4513-9b0f-461cebff945a.tmp</t>
  </si>
  <si>
    <t>12/31/2019 09:41:31</t>
  </si>
  <si>
    <t>12/31/2019 09:41:04</t>
  </si>
  <si>
    <t>10.200.67.14</t>
  </si>
  <si>
    <t>TALITA SANTOS SILVA CASTRO (5375).contact</t>
  </si>
  <si>
    <t>\\acsfs\profiles$\talitassc\Contacts\TALITA SANTOS SILVA CASTRO (5375).contact</t>
  </si>
  <si>
    <t>12/31/2019 09:41:15</t>
  </si>
  <si>
    <t>12/31/2019 09:41:16</t>
  </si>
  <si>
    <t>12/31/2019 09:41:17</t>
  </si>
  <si>
    <t>12/31/2019 09:41:18</t>
  </si>
  <si>
    <t>12/31/2019 09:41:19</t>
  </si>
  <si>
    <t>12/31/2019 09:41:20</t>
  </si>
  <si>
    <t>12/31/2019 09:41:21</t>
  </si>
  <si>
    <t>12/31/2019 09:41:33</t>
  </si>
  <si>
    <t>12/31/2019 09:45:20</t>
  </si>
  <si>
    <t>12/31/2019 09:47:34</t>
  </si>
  <si>
    <t>fee88bbe-3684-4ff9-8470-1abaf3c3ed5d.tmp</t>
  </si>
  <si>
    <t>\\acsfs\profiles$\marcosvnds\Downloads\fee88bbe-3684-4ff9-8470-1abaf3c3ed5d.tmp</t>
  </si>
  <si>
    <t>12/31/2019 09:43:57</t>
  </si>
  <si>
    <t>12/31/2019 09:43:58</t>
  </si>
  <si>
    <t>12/31/2019 09:44:01</t>
  </si>
  <si>
    <t>12/31/2019 09:48:34</t>
  </si>
  <si>
    <t>12/31/2019 09:44:02</t>
  </si>
  <si>
    <t>12/31/2019 09:44:03</t>
  </si>
  <si>
    <t>12/31/2019 09:44:04</t>
  </si>
  <si>
    <t>12/31/2019 09:44:05</t>
  </si>
  <si>
    <t>12/31/2019 09:44:06</t>
  </si>
  <si>
    <t>12/31/2019 09:44:07</t>
  </si>
  <si>
    <t>12/31/2019 09:44:08</t>
  </si>
  <si>
    <t>12/31/2019 09:44:09</t>
  </si>
  <si>
    <t>12/31/2019 09:44:10</t>
  </si>
  <si>
    <t>12/31/2019 09:44:11</t>
  </si>
  <si>
    <t>12/31/2019 09:44:12</t>
  </si>
  <si>
    <t>12/31/2019 09:44:13</t>
  </si>
  <si>
    <t>12/31/2019 09:44:14</t>
  </si>
  <si>
    <t>12/31/2019 09:44:15</t>
  </si>
  <si>
    <t>12/31/2019 09:44:16</t>
  </si>
  <si>
    <t>12/31/2019 09:47:54</t>
  </si>
  <si>
    <t>12/31/2019 09:46:14</t>
  </si>
  <si>
    <t>12/31/2019 09:49:34</t>
  </si>
  <si>
    <t>12/31/2019 09:47:14</t>
  </si>
  <si>
    <t>12/31/2019 09:44:54</t>
  </si>
  <si>
    <t>12/31/2019 09:46:55</t>
  </si>
  <si>
    <t>12/31/2019 09:46:18</t>
  </si>
  <si>
    <t>12/31/2019 09:51:34</t>
  </si>
  <si>
    <t>af33d511-f73a-43e1-8371-ccc23fb09d15.tmp</t>
  </si>
  <si>
    <t>\\acsfs\profiles$\alinepp\Downloads\af33d511-f73a-43e1-8371-ccc23fb09d15.tmp</t>
  </si>
  <si>
    <t>12/31/2019 09:47:51</t>
  </si>
  <si>
    <t>f0fa67d5-7d0b-4dad-bcc7-ff2f39045fc4.tmp</t>
  </si>
  <si>
    <t>\\acsfs\profiles$\gabrielafs\Downloads\f0fa67d5-7d0b-4dad-bcc7-ff2f39045fc4.tmp</t>
  </si>
  <si>
    <t>eb0b9a25-7d15-4870-8968-8f139a40767e.tmp</t>
  </si>
  <si>
    <t>\\acsfs\profiles$\gabrielafs\Downloads\eb0b9a25-7d15-4870-8968-8f139a40767e.tmp</t>
  </si>
  <si>
    <t>12/31/2019 09:47:55</t>
  </si>
  <si>
    <t>8ad7a619-a813-4094-baaa-483b2275ad8f.tmp</t>
  </si>
  <si>
    <t>\\acsfs\profiles$\gabrielafs\Downloads\8ad7a619-a813-4094-baaa-483b2275ad8f.tmp</t>
  </si>
  <si>
    <t>1b0799e7-f43d-441c-bfd6-0b138c2b4ddd.tmp</t>
  </si>
  <si>
    <t>\\acsfs\profiles$\gabrielafs\Downloads\1b0799e7-f43d-441c-bfd6-0b138c2b4ddd.tmp</t>
  </si>
  <si>
    <t>12/31/2019 09:51:29</t>
  </si>
  <si>
    <t>12/31/2019 09:52:34</t>
  </si>
  <si>
    <t>558c52f8-5218-4bf3-867c-11ec44a7638b.tmp</t>
  </si>
  <si>
    <t>\\acsfs\profiles$\marcosvnds\Downloads\558c52f8-5218-4bf3-867c-11ec44a7638b.tmp</t>
  </si>
  <si>
    <t>12/31/2019 09:49:37</t>
  </si>
  <si>
    <t>12/31/2019 09:53:34</t>
  </si>
  <si>
    <t>12/31/2019 09:52:10</t>
  </si>
  <si>
    <t>68333b71-b0f2-4ae1-9701-f3f07a476286.tmp</t>
  </si>
  <si>
    <t>\\acsfs\profiles$\kellzylenneasr\Downloads\68333b71-b0f2-4ae1-9701-f3f07a476286.tmp</t>
  </si>
  <si>
    <t>12/31/2019 09:52:38</t>
  </si>
  <si>
    <t>12/31/2019 09:52:56</t>
  </si>
  <si>
    <t>12/30/2019 16:24:57</t>
  </si>
  <si>
    <t>12/31/2019 09:54:34</t>
  </si>
  <si>
    <t>12/31/2019 09:52:15</t>
  </si>
  <si>
    <t>12/31/2019 09:53:14</t>
  </si>
  <si>
    <t>12/31/2019 09:50:53</t>
  </si>
  <si>
    <t>12/31/2019 09:52:53</t>
  </si>
  <si>
    <t>12/31/2019 09:50:15</t>
  </si>
  <si>
    <t>\\acsfs\DEPTOS\Operacao\PCP\5 - Comum\JUKA\Login Logout Financeira\Pausas.xlsx</t>
  </si>
  <si>
    <t>12/31/2019 09:53:45</t>
  </si>
  <si>
    <t>12/31/2019 09:51:30</t>
  </si>
  <si>
    <t>12/31/2019 09:55:35</t>
  </si>
  <si>
    <t>12/31/2019 09:53:38</t>
  </si>
  <si>
    <t>12/31/2019 09:57:35</t>
  </si>
  <si>
    <t>ec21e57f-ff35-4eab-a05c-2f0c93eb397e.tmp</t>
  </si>
  <si>
    <t>\\acsfs\profiles$\matheushds\Downloads\ec21e57f-ff35-4eab-a05c-2f0c93eb397e.tmp</t>
  </si>
  <si>
    <t>12/31/2019 09:54:54</t>
  </si>
  <si>
    <t>143137bc-3429-423f-bbd9-fc3afa3fe4cf.tmp</t>
  </si>
  <si>
    <t>\\acsfs\profiles$\matheushds\Downloads\143137bc-3429-423f-bbd9-fc3afa3fe4cf.tmp</t>
  </si>
  <si>
    <t>12/31/2019 09:55:07</t>
  </si>
  <si>
    <t>30192920-55b4-4f3e-b0a1-9e80e14340d3.tmp</t>
  </si>
  <si>
    <t>\\acsfs\profiles$\matheushds\Downloads\30192920-55b4-4f3e-b0a1-9e80e14340d3.tmp</t>
  </si>
  <si>
    <t>12/31/2019 09:58:35</t>
  </si>
  <si>
    <t>1e9238aa-b717-4de6-8ee5-3af6c9a2bd17.tmp</t>
  </si>
  <si>
    <t>\\acsfs\profiles$\kellzylenneasr\Downloads\1e9238aa-b717-4de6-8ee5-3af6c9a2bd17.tmp</t>
  </si>
  <si>
    <t>12/31/2019 09:58:14</t>
  </si>
  <si>
    <t>12/31/2019 09:59:35</t>
  </si>
  <si>
    <t>12/31/2019 09:56:24</t>
  </si>
  <si>
    <t>12/31/2019 09:56:54</t>
  </si>
  <si>
    <t>12/31/2019 09:59:08</t>
  </si>
  <si>
    <t>12/31/2019 09:59:10</t>
  </si>
  <si>
    <t>12/31/2019 09:59:14</t>
  </si>
  <si>
    <t>12/31/2019 09:59:16</t>
  </si>
  <si>
    <t>12/31/2019 09:59:17</t>
  </si>
  <si>
    <t>12/31/2019 09:59:18</t>
  </si>
  <si>
    <t>12/31/2019 09:59:19</t>
  </si>
  <si>
    <t>12/31/2019 09:59:20</t>
  </si>
  <si>
    <t>12/31/2019 09:59:21</t>
  </si>
  <si>
    <t>12/31/2019 09:58:10</t>
  </si>
  <si>
    <t>12/31/2019 10:00:36</t>
  </si>
  <si>
    <t>12/31/2019 09:58:12</t>
  </si>
  <si>
    <t>12/31/2019 09:58:13</t>
  </si>
  <si>
    <t>12/31/2019 09:58:15</t>
  </si>
  <si>
    <t>12/31/2019 09:58:58</t>
  </si>
  <si>
    <t>12/31/2019 10:02:35</t>
  </si>
  <si>
    <t>c90fd534-04fc-4382-a98f-eecb75c2a364.tmp</t>
  </si>
  <si>
    <t>\\acsfs\profiles$\matheushds\Downloads\c90fd534-04fc-4382-a98f-eecb75c2a364.tmp</t>
  </si>
  <si>
    <t>12/31/2019 09:59:50</t>
  </si>
  <si>
    <t>\\acsfs\profiles$\maxmillianosv\Favorites\NetScaler Gateway.url\</t>
  </si>
  <si>
    <t>\\acsfs\profiles$\maxmillianosv\Favorites\NetScaler Gateway.url\:favicon:$DATA</t>
  </si>
  <si>
    <t>\\acsfs\profiles$\maxmillianosv\Favorites\NetScaler Gateway.url</t>
  </si>
  <si>
    <t>12/31/2019 10:00:28</t>
  </si>
  <si>
    <t>bd1acfe1-6709-424c-a1e5-450e239e3bf8.tmp</t>
  </si>
  <si>
    <t>\\acsfs\profiles$\victorgl\Downloads\bd1acfe1-6709-424c-a1e5-450e239e3bf8.tmp</t>
  </si>
  <si>
    <t>12/31/2019 10:00:13</t>
  </si>
  <si>
    <t>12/31/2019 10:03:35</t>
  </si>
  <si>
    <t>12/31/2019 10:00:52</t>
  </si>
  <si>
    <t>12/31/2019 10:00:53</t>
  </si>
  <si>
    <t>lu585167by2jd.tmp</t>
  </si>
  <si>
    <t>\\acsfs\profiles$\BRUNAAR\Numero\lu585167by2jd.tmp</t>
  </si>
  <si>
    <t>12/31/2019 10:02:49</t>
  </si>
  <si>
    <t>12/31/2019 10:02:26</t>
  </si>
  <si>
    <t>12/31/2019 10:04:36</t>
  </si>
  <si>
    <t>12/31/2019 10:00:22</t>
  </si>
  <si>
    <t>12/31/2019 10:00:30</t>
  </si>
  <si>
    <t>12/31/2019 10:00:35</t>
  </si>
  <si>
    <t>12/31/2019 09:58:54</t>
  </si>
  <si>
    <t>12/31/2019 10:02:53</t>
  </si>
  <si>
    <t>12/31/2019 09:59:23</t>
  </si>
  <si>
    <t>12/31/2019 09:59:24</t>
  </si>
  <si>
    <t>12/31/2019 09:59:25</t>
  </si>
  <si>
    <t>12/31/2019 09:59:26</t>
  </si>
  <si>
    <t>12/31/2019 09:59:28</t>
  </si>
  <si>
    <t>12/31/2019 09:59:30</t>
  </si>
  <si>
    <t>12/31/2019 09:59:32</t>
  </si>
  <si>
    <t>12/31/2019 09:59:34</t>
  </si>
  <si>
    <t>12/31/2019 09:59:37</t>
  </si>
  <si>
    <t>12/31/2019 09:59:38</t>
  </si>
  <si>
    <t>12/31/2019 09:59:39</t>
  </si>
  <si>
    <t>12/31/2019 09:59:40</t>
  </si>
  <si>
    <t>12/31/2019 09:59:41</t>
  </si>
  <si>
    <t>12/31/2019 09:59:42</t>
  </si>
  <si>
    <t>12/31/2019 09:59:43</t>
  </si>
  <si>
    <t>12/31/2019 09:59:44</t>
  </si>
  <si>
    <t>12/31/2019 09:59:46</t>
  </si>
  <si>
    <t>12/31/2019 09:59:47</t>
  </si>
  <si>
    <t>12/31/2019 09:59:49</t>
  </si>
  <si>
    <t>12/31/2019 09:59:51</t>
  </si>
  <si>
    <t>12/31/2019 09:59:52</t>
  </si>
  <si>
    <t>12/31/2019 09:59:53</t>
  </si>
  <si>
    <t>12/31/2019 09:59:54</t>
  </si>
  <si>
    <t>12/31/2019 09:59:56</t>
  </si>
  <si>
    <t>12/31/2019 09:59:57</t>
  </si>
  <si>
    <t>12/31/2019 09:59:59</t>
  </si>
  <si>
    <t>12/31/2019 10:00:00</t>
  </si>
  <si>
    <t>12/31/2019 10:00:01</t>
  </si>
  <si>
    <t>12/31/2019 10:00:02</t>
  </si>
  <si>
    <t>12/31/2019 10:00:19</t>
  </si>
  <si>
    <t>winrt--{S-1-5-21-602162358-764733703-839522115-358571}-.searchconnector-ms</t>
  </si>
  <si>
    <t>\\acsfs\profiles$\regisedsj\Searches\winrt--{S-1-5-21-602162358-764733703-839522115-358571}-.searchconnector-ms</t>
  </si>
  <si>
    <t>12/31/2019 10:01:53</t>
  </si>
  <si>
    <t>11a2c13b-3a9b-4277-9d2d-d325327be2a1.tmp</t>
  </si>
  <si>
    <t>\\acsfs\profiles$\regisedsj\Downloads\11a2c13b-3a9b-4277-9d2d-d325327be2a1.tmp</t>
  </si>
  <si>
    <t>69777bd0-fc49-4317-b05b-a0d1ca95b52f.tmp</t>
  </si>
  <si>
    <t>\\acsfs\profiles$\regisedsj\Downloads\69777bd0-fc49-4317-b05b-a0d1ca95b52f.tmp</t>
  </si>
  <si>
    <t>12/31/2019 10:03:18</t>
  </si>
  <si>
    <t>8d70052c-c0f8-442f-af73-42f81fc21db6.tmp</t>
  </si>
  <si>
    <t>\\acsfs\profiles$\regisedsj\Downloads\8d70052c-c0f8-442f-af73-42f81fc21db6.tmp</t>
  </si>
  <si>
    <t>12/31/2019 10:07:42</t>
  </si>
  <si>
    <t>12/31/2019 10:08:37</t>
  </si>
  <si>
    <t>1c96cc08-0d89-40ae-b0be-4f040ac4f488.tmp</t>
  </si>
  <si>
    <t>\\acsfs\profiles$\vivianealda\Downloads\1c96cc08-0d89-40ae-b0be-4f040ac4f488.tmp</t>
  </si>
  <si>
    <t>12/31/2019 10:04:14</t>
  </si>
  <si>
    <t>12/31/2019 10:09:36</t>
  </si>
  <si>
    <t>12/31/2019 10:05:14</t>
  </si>
  <si>
    <t>12/31/2019 10:07:19</t>
  </si>
  <si>
    <t>12/31/2019 10:07:26</t>
  </si>
  <si>
    <t>12/31/2019 10:07:31</t>
  </si>
  <si>
    <t>12/31/2019 10:07:34</t>
  </si>
  <si>
    <t>12/31/2019 10:04:53</t>
  </si>
  <si>
    <t>12/31/2019 10:08:56</t>
  </si>
  <si>
    <t>12/31/2019 10:09:38</t>
  </si>
  <si>
    <t>12/31/2019 10:10:36</t>
  </si>
  <si>
    <t>12/31/2019 10:10:09</t>
  </si>
  <si>
    <t>12/31/2019 10:12:36</t>
  </si>
  <si>
    <t>552be74d-05ea-4c7f-80e6-0e441b3c1442.tmp</t>
  </si>
  <si>
    <t>\\acsfs\profiles$\maxmillianosv\Downloads\552be74d-05ea-4c7f-80e6-0e441b3c1442.tmp</t>
  </si>
  <si>
    <t>12/31/2019 10:11:21</t>
  </si>
  <si>
    <t>d37147ff-afab-4ac8-984d-24fd5a5ce381.tmp</t>
  </si>
  <si>
    <t>\\acsfs\profiles$\maxmillianosv\Downloads\d37147ff-afab-4ac8-984d-24fd5a5ce381.tmp</t>
  </si>
  <si>
    <t>12/31/2019 10:11:22</t>
  </si>
  <si>
    <t>4e2c7062-3a94-42d2-b5d5-3b90de60ba47.tmp</t>
  </si>
  <si>
    <t>\\acsfs\profiles$\maxmillianosv\Downloads\4e2c7062-3a94-42d2-b5d5-3b90de60ba47.tmp</t>
  </si>
  <si>
    <t>12/31/2019 10:11:45</t>
  </si>
  <si>
    <t>24aac937-1ff3-4f89-9951-0422c38aa7fa.tmp</t>
  </si>
  <si>
    <t>\\acsfs\profiles$\maxmillianosv\Downloads\24aac937-1ff3-4f89-9951-0422c38aa7fa.tmp</t>
  </si>
  <si>
    <t>12/31/2019 10:11:49</t>
  </si>
  <si>
    <t>d3eb8e23-fbbc-4268-aee4-8a8f4eff7020.tmp</t>
  </si>
  <si>
    <t>\\acsfs\profiles$\maxmillianosv\Downloads\d3eb8e23-fbbc-4268-aee4-8a8f4eff7020.tmp</t>
  </si>
  <si>
    <t>12/31/2019 10:11:55</t>
  </si>
  <si>
    <t>2bc2a9d2-1f07-4199-ad47-65a43af41b84.tmp</t>
  </si>
  <si>
    <t>\\acsfs\profiles$\maxmillianosv\Downloads\2bc2a9d2-1f07-4199-ad47-65a43af41b84.tmp</t>
  </si>
  <si>
    <t>12/31/2019 10:10:48</t>
  </si>
  <si>
    <t>63711a17-ea23-4aa3-bbb1-f1de91b48685.tmp</t>
  </si>
  <si>
    <t>\\acsfs\profiles$\MATEUSJM\Downloads\63711a17-ea23-4aa3-bbb1-f1de91b48685.tmp</t>
  </si>
  <si>
    <t>12/31/2019 10:10:55</t>
  </si>
  <si>
    <t>12/31/2019 10:11:16</t>
  </si>
  <si>
    <t>12/31/2019 10:13:36</t>
  </si>
  <si>
    <t>e2560c31-2b79-475f-a74b-c460cfa7194d.tmp</t>
  </si>
  <si>
    <t>\\acsfs\profiles$\ingridsm\Downloads\e2560c31-2b79-475f-a74b-c460cfa7194d.tmp</t>
  </si>
  <si>
    <t>12/31/2019 10:10:22</t>
  </si>
  <si>
    <t>12/31/2019 10:12:04</t>
  </si>
  <si>
    <t>4247053e-d3be-4b6a-be40-7ef20c7b908d.tmp</t>
  </si>
  <si>
    <t>\\acsfs\profiles$\jonatanls\Downloads\4247053e-d3be-4b6a-be40-7ef20c7b908d.tmp</t>
  </si>
  <si>
    <t>12/31/2019 10:12:54</t>
  </si>
  <si>
    <t>$IXKVVKN.pdf</t>
  </si>
  <si>
    <t>\\acsfs\profiles$\jonatanls\Downloads\$RECYCLE.BIN\$IXKVVKN.pdf</t>
  </si>
  <si>
    <t>12/31/2019 10:12:55</t>
  </si>
  <si>
    <t>$IGG8SQC.pdf</t>
  </si>
  <si>
    <t>\\acsfs\profiles$\jonatanls\Downloads\$RECYCLE.BIN\$IGG8SQC.pdf</t>
  </si>
  <si>
    <t>$IVLQJMS.pdf</t>
  </si>
  <si>
    <t>\\acsfs\profiles$\jonatanls\Downloads\$RECYCLE.BIN\$IVLQJMS.pdf</t>
  </si>
  <si>
    <t>12/31/2019 10:13:12</t>
  </si>
  <si>
    <t>86208901-9c76-4f30-b18f-99525acaf9f3.tmp</t>
  </si>
  <si>
    <t>\\acsfs\profiles$\jonatanls\Downloads\86208901-9c76-4f30-b18f-99525acaf9f3.tmp</t>
  </si>
  <si>
    <t>12/31/2019 10:09:48</t>
  </si>
  <si>
    <t>09e7e54e-7914-4315-a6af-fca9827ab2fa.tmp</t>
  </si>
  <si>
    <t>\\acsfs\profiles$\claudiajca\Downloads\09e7e54e-7914-4315-a6af-fca9827ab2fa.tmp</t>
  </si>
  <si>
    <t>12/31/2019 10:10:14</t>
  </si>
  <si>
    <t>12/31/2019 10:14:36</t>
  </si>
  <si>
    <t>12/31/2019 10:11:14</t>
  </si>
  <si>
    <t>12/31/2019 10:11:05</t>
  </si>
  <si>
    <t>12/31/2019 10:11:29</t>
  </si>
  <si>
    <t>12/31/2019 10:10:53</t>
  </si>
  <si>
    <t>12/31/2019 10:15:12</t>
  </si>
  <si>
    <t>12/31/2019 10:16:36</t>
  </si>
  <si>
    <t>12/31/2019 10:12:37</t>
  </si>
  <si>
    <t>12/31/2019 10:17:36</t>
  </si>
  <si>
    <t>\\acsfs\profiles$\maxmillianosv\My Documents\xworkcenter\lex\</t>
  </si>
  <si>
    <t>\\acsfs\profiles$\maxmillianosv\My Documents\xworkcenter\lex\temp.tlx</t>
  </si>
  <si>
    <t>12/31/2019 10:12:38</t>
  </si>
  <si>
    <t>12/31/2019 10:12:39</t>
  </si>
  <si>
    <t>12/31/2019 10:12:40</t>
  </si>
  <si>
    <t>12/31/2019 10:12:41</t>
  </si>
  <si>
    <t>12/31/2019 10:12:42</t>
  </si>
  <si>
    <t>12/31/2019 10:12:43</t>
  </si>
  <si>
    <t>12/31/2019 10:12:44</t>
  </si>
  <si>
    <t>12/31/2019 10:12:45</t>
  </si>
  <si>
    <t>12/31/2019 10:12:46</t>
  </si>
  <si>
    <t>12/31/2019 10:12:47</t>
  </si>
  <si>
    <t>12/31/2019 10:12:48</t>
  </si>
  <si>
    <t>12/31/2019 10:12:49</t>
  </si>
  <si>
    <t>12/31/2019 10:12:50</t>
  </si>
  <si>
    <t>12/31/2019 10:12:51</t>
  </si>
  <si>
    <t>3b8dd775-f279-468b-b989-f4d8e822274d.tmp</t>
  </si>
  <si>
    <t>\\acsfs\profiles$\maxmillianosv\Downloads\3b8dd775-f279-468b-b989-f4d8e822274d.tmp</t>
  </si>
  <si>
    <t>12/31/2019 10:13:28</t>
  </si>
  <si>
    <t>12/31/2019 10:13:06</t>
  </si>
  <si>
    <t>c8459c54-ac52-4ede-8fb6-481cf97067d3.tmp</t>
  </si>
  <si>
    <t>\\acsfs\profiles$\MATEUSJM\Downloads\c8459c54-ac52-4ede-8fb6-481cf97067d3.tmp</t>
  </si>
  <si>
    <t>12/31/2019 10:15:29</t>
  </si>
  <si>
    <t>f63ecc3b-80df-4830-89be-38e2587b514c.tmp</t>
  </si>
  <si>
    <t>\\acsfs\profiles$\MATEUSJM\Downloads\f63ecc3b-80df-4830-89be-38e2587b514c.tmp</t>
  </si>
  <si>
    <t>12/31/2019 10:14:24</t>
  </si>
  <si>
    <t>12/31/2019 10:18:36</t>
  </si>
  <si>
    <t>12/31/2019 10:13:30</t>
  </si>
  <si>
    <t>$INMKGGI.pdf</t>
  </si>
  <si>
    <t>\\acsfs\profiles$\jonatanls\Downloads\$RECYCLE.BIN\$INMKGGI.pdf</t>
  </si>
  <si>
    <t>$IFCVMUV.pdf</t>
  </si>
  <si>
    <t>\\acsfs\profiles$\jonatanls\Downloads\$RECYCLE.BIN\$IFCVMUV.pdf</t>
  </si>
  <si>
    <t>12/31/2019 10:13:31</t>
  </si>
  <si>
    <t>$IMB43KF.pdf</t>
  </si>
  <si>
    <t>\\acsfs\profiles$\jonatanls\Downloads\$RECYCLE.BIN\$IMB43KF.pdf</t>
  </si>
  <si>
    <t>$IB0YK5H.pdf</t>
  </si>
  <si>
    <t>\\acsfs\profiles$\jonatanls\Downloads\$RECYCLE.BIN\$IB0YK5H.pdf</t>
  </si>
  <si>
    <t>12/31/2019 10:15:25</t>
  </si>
  <si>
    <t>663ba433-cd61-4f62-9ddc-7135e77d3c00.tmp</t>
  </si>
  <si>
    <t>\\acsfs\profiles$\ANAPDSB\Downloads\663ba433-cd61-4f62-9ddc-7135e77d3c00.tmp</t>
  </si>
  <si>
    <t>12/31/2019 10:16:57</t>
  </si>
  <si>
    <t>12/31/2019 10:16:14</t>
  </si>
  <si>
    <t>12/31/2019 10:19:36</t>
  </si>
  <si>
    <t>12/31/2019 10:17:14</t>
  </si>
  <si>
    <t>12/31/2019 10:14:53</t>
  </si>
  <si>
    <t>12/31/2019 10:16:54</t>
  </si>
  <si>
    <t>12/31/2019 10:18:47</t>
  </si>
  <si>
    <t>12/31/2019 10:18:32</t>
  </si>
  <si>
    <t>12/31/2019 10:15:44</t>
  </si>
  <si>
    <t>12/31/2019 10:20:36</t>
  </si>
  <si>
    <t>366176d0-70b6-475a-9f82-128a749c0a91.tmp</t>
  </si>
  <si>
    <t>\\acsfs\profiles$\brendadsl\Downloads\366176d0-70b6-475a-9f82-128a749c0a91.tmp</t>
  </si>
  <si>
    <t>12/31/2019 10:16:17</t>
  </si>
  <si>
    <t>780e8199-1c3d-43e9-91db-635755acf338.tmp</t>
  </si>
  <si>
    <t>\\acsfs\profiles$\brendadsl\Downloads\780e8199-1c3d-43e9-91db-635755acf338.tmp</t>
  </si>
  <si>
    <t>12/31/2019 10:16:33</t>
  </si>
  <si>
    <t>2bb8d5a5-0812-4e75-a74f-f0cac107ad7c.tmp</t>
  </si>
  <si>
    <t>\\acsfs\profiles$\brendadsl\Downloads\2bb8d5a5-0812-4e75-a74f-f0cac107ad7c.tmp</t>
  </si>
  <si>
    <t>12/31/2019 10:20:12</t>
  </si>
  <si>
    <t>12/31/2019 10:21:36</t>
  </si>
  <si>
    <t>12/31/2019 10:20:42</t>
  </si>
  <si>
    <t>12/31/2019 10:18:00</t>
  </si>
  <si>
    <t>12/31/2019 10:19:02</t>
  </si>
  <si>
    <t>12/31/2019 10:22:14</t>
  </si>
  <si>
    <t>12/31/2019 10:24:36</t>
  </si>
  <si>
    <t>12/31/2019 10:23:14</t>
  </si>
  <si>
    <t>12/31/2019 10:20:53</t>
  </si>
  <si>
    <t>12/31/2019 10:22:54</t>
  </si>
  <si>
    <t>12/31/2019 10:20:22</t>
  </si>
  <si>
    <t>12/31/2019 10:25:36</t>
  </si>
  <si>
    <t>da453bbb-2044-4f2c-96b8-80565db4ad1f.tmp</t>
  </si>
  <si>
    <t>\\acsfs\profiles$\bernardopcm\Downloads\da453bbb-2044-4f2c-96b8-80565db4ad1f.tmp</t>
  </si>
  <si>
    <t>12/31/2019 10:21:12</t>
  </si>
  <si>
    <t>12/31/2019 10:26:36</t>
  </si>
  <si>
    <t>12/31/2019 10:21:42</t>
  </si>
  <si>
    <t>12/31/2019 10:24:11</t>
  </si>
  <si>
    <t>12/31/2019 10:23:56</t>
  </si>
  <si>
    <t>12/31/2019 10:27:36</t>
  </si>
  <si>
    <t>12/31/2019 10:26:21</t>
  </si>
  <si>
    <t>54233b7d-5efe-4a84-a276-0ecadce6cd62.tmp</t>
  </si>
  <si>
    <t>\\acsfs\profiles$\marcosvnds\Downloads\54233b7d-5efe-4a84-a276-0ecadce6cd62.tmp</t>
  </si>
  <si>
    <t>12/31/2019 10:22:29</t>
  </si>
  <si>
    <t>12/31/2019 10:28:14</t>
  </si>
  <si>
    <t>12/31/2019 10:29:36</t>
  </si>
  <si>
    <t>12/31/2019 10:26:54</t>
  </si>
  <si>
    <t>12/31/2019 10:28:45</t>
  </si>
  <si>
    <t>12/31/2019 10:28:54</t>
  </si>
  <si>
    <t>12/31/2019 10:28:57</t>
  </si>
  <si>
    <t>12/31/2019 10:29:01</t>
  </si>
  <si>
    <t>12/31/2019 10:29:48</t>
  </si>
  <si>
    <t>12/31/2019 10:31:37</t>
  </si>
  <si>
    <t>12/31/2019 10:29:51</t>
  </si>
  <si>
    <t>12/31/2019 10:29:52</t>
  </si>
  <si>
    <t>12/31/2019 10:29:53</t>
  </si>
  <si>
    <t>12/31/2019 10:29:54</t>
  </si>
  <si>
    <t>12/31/2019 10:29:56</t>
  </si>
  <si>
    <t>12/31/2019 10:29:57</t>
  </si>
  <si>
    <t>12/31/2019 10:29:58</t>
  </si>
  <si>
    <t>12/31/2019 10:29:59</t>
  </si>
  <si>
    <t>12/31/2019 10:30:00</t>
  </si>
  <si>
    <t>12/31/2019 10:30:01</t>
  </si>
  <si>
    <t>12/31/2019 10:30:02</t>
  </si>
  <si>
    <t>12/31/2019 10:30:03</t>
  </si>
  <si>
    <t>12/31/2019 10:30:05</t>
  </si>
  <si>
    <t>12/31/2019 10:30:07</t>
  </si>
  <si>
    <t>12/31/2019 10:30:09</t>
  </si>
  <si>
    <t>12/31/2019 10:30:10</t>
  </si>
  <si>
    <t>12/31/2019 10:30:12</t>
  </si>
  <si>
    <t>12/31/2019 10:30:13</t>
  </si>
  <si>
    <t>12/31/2019 10:30:14</t>
  </si>
  <si>
    <t>12/31/2019 10:30:15</t>
  </si>
  <si>
    <t>12/31/2019 10:30:17</t>
  </si>
  <si>
    <t>12/31/2019 10:30:18</t>
  </si>
  <si>
    <t>12/31/2019 10:30:19</t>
  </si>
  <si>
    <t>12/31/2019 10:30:20</t>
  </si>
  <si>
    <t>12/31/2019 10:30:21</t>
  </si>
  <si>
    <t>12/31/2019 10:30:22</t>
  </si>
  <si>
    <t>12/31/2019 10:30:23</t>
  </si>
  <si>
    <t>12/31/2019 10:30:24</t>
  </si>
  <si>
    <t>12/31/2019 10:30:25</t>
  </si>
  <si>
    <t>12/31/2019 10:30:26</t>
  </si>
  <si>
    <t>12/31/2019 10:30:27</t>
  </si>
  <si>
    <t>12/31/2019 10:30:29</t>
  </si>
  <si>
    <t>12/31/2019 10:30:30</t>
  </si>
  <si>
    <t>12/31/2019 10:30:31</t>
  </si>
  <si>
    <t>12/31/2019 10:30:33</t>
  </si>
  <si>
    <t>12/31/2019 10:30:35</t>
  </si>
  <si>
    <t>12/31/2019 10:30:36</t>
  </si>
  <si>
    <t>12/31/2019 10:30:59</t>
  </si>
  <si>
    <t>12/31/2019 10:31:49</t>
  </si>
  <si>
    <t>12/31/2019 10:32:36</t>
  </si>
  <si>
    <t>12/31/2019 10:32:10</t>
  </si>
  <si>
    <t>12/31/2019 10:29:14</t>
  </si>
  <si>
    <t>12/31/2019 10:34:36</t>
  </si>
  <si>
    <t>12/31/2019 10:29:18</t>
  </si>
  <si>
    <t>12/31/2019 10:31:03</t>
  </si>
  <si>
    <t>12/31/2019 10:31:09</t>
  </si>
  <si>
    <t>12/31/2019 10:31:19</t>
  </si>
  <si>
    <t>12/31/2019 10:31:33</t>
  </si>
  <si>
    <t>12/31/2019 10:31:55</t>
  </si>
  <si>
    <t>12/31/2019 10:31:59</t>
  </si>
  <si>
    <t>12/31/2019 10:32:54</t>
  </si>
  <si>
    <t>12/31/2019 10:32:49</t>
  </si>
  <si>
    <t>12/31/2019 10:35:36</t>
  </si>
  <si>
    <t>12/31/2019 10:34:03</t>
  </si>
  <si>
    <t>12/31/2019 10:35:28</t>
  </si>
  <si>
    <t>12/31/2019 10:36:36</t>
  </si>
  <si>
    <t>1f7efcc3-5067-4e66-b977-104edf2cf5eb.tmp</t>
  </si>
  <si>
    <t>\\acsfs\profiles$\alinepp\Downloads\1f7efcc3-5067-4e66-b977-104edf2cf5eb.tmp</t>
  </si>
  <si>
    <t>12/31/2019 10:31:52</t>
  </si>
  <si>
    <t>12/31/2019 10:36:38</t>
  </si>
  <si>
    <t>12/31/2019 10:37:36</t>
  </si>
  <si>
    <t>12/31/2019 10:34:28</t>
  </si>
  <si>
    <t>12/31/2019 10:35:17</t>
  </si>
  <si>
    <t>12/31/2019 10:33:12</t>
  </si>
  <si>
    <t>12/31/2019 10:38:36</t>
  </si>
  <si>
    <t>12/31/2019 10:34:14</t>
  </si>
  <si>
    <t>12/31/2019 10:39:36</t>
  </si>
  <si>
    <t>12/31/2019 10:35:14</t>
  </si>
  <si>
    <t>12/31/2019 10:34:54</t>
  </si>
  <si>
    <t>12/31/2019 10:35:35</t>
  </si>
  <si>
    <t>12/31/2019 10:35:46</t>
  </si>
  <si>
    <t>12/31/2019 10:35:52</t>
  </si>
  <si>
    <t>12/31/2019 10:35:53</t>
  </si>
  <si>
    <t>12/31/2019 10:35:56</t>
  </si>
  <si>
    <t>12/31/2019 10:38:57</t>
  </si>
  <si>
    <t>12/31/2019 10:40:36</t>
  </si>
  <si>
    <t>12/31/2019 10:36:57</t>
  </si>
  <si>
    <t>5ecaef99-952f-404b-938b-66c24dc86713.tmp</t>
  </si>
  <si>
    <t>\\acsfs\profiles$\nathaliarmr\Downloads\5ecaef99-952f-404b-938b-66c24dc86713.tmp</t>
  </si>
  <si>
    <t>12/31/2019 10:38:35</t>
  </si>
  <si>
    <t>f59acde5-4724-4407-84c9-eaff580cb923.tmp</t>
  </si>
  <si>
    <t>\\acsfs\profiles$\nathaliarmr\Downloads\f59acde5-4724-4407-84c9-eaff580cb923.tmp</t>
  </si>
  <si>
    <t>12/31/2019 10:40:42</t>
  </si>
  <si>
    <t>12/31/2019 10:41:36</t>
  </si>
  <si>
    <t>12/31/2019 10:38:05</t>
  </si>
  <si>
    <t>12/31/2019 10:40:14</t>
  </si>
  <si>
    <t>12/31/2019 10:42:36</t>
  </si>
  <si>
    <t>5c8dd64c-9b70-44cc-879c-5331a0eb2025.tmp</t>
  </si>
  <si>
    <t>\\acsfs\profiles$\regisedsj\Downloads\5c8dd64c-9b70-44cc-879c-5331a0eb2025.tmp</t>
  </si>
  <si>
    <t>12/31/2019 10:40:16</t>
  </si>
  <si>
    <t>4b4edc54-2fea-4fa6-8a12-771f809c4690.tmp</t>
  </si>
  <si>
    <t>\\acsfs\profiles$\regisedsj\Downloads\4b4edc54-2fea-4fa6-8a12-771f809c4690.tmp</t>
  </si>
  <si>
    <t>12/31/2019 10:40:43</t>
  </si>
  <si>
    <t>Q29udHJvbGxlci5QYXl3YXJlXzEtMg-- (25).ica</t>
  </si>
  <si>
    <t>\\acsfs\profiles$\regisedsj\Downloads\Q29udHJvbGxlci5QYXl3YXJlXzEtMg-- (25).ica</t>
  </si>
  <si>
    <t>12/31/2019 10:41:07</t>
  </si>
  <si>
    <t>\\acsfs\profiles$\regisedsj\Downloads\Q29udHJvbGxlci5DYWxjdWxhZG9yYURlVmVuY2lt (22).ica</t>
  </si>
  <si>
    <t>12/31/2019 10:40:41</t>
  </si>
  <si>
    <t>12/31/2019 10:43:36</t>
  </si>
  <si>
    <t>69e4b8a4-c115-44a0-b223-ac8cd5c1f7fc.tmp</t>
  </si>
  <si>
    <t>\\acsfs\profiles$\ingridsm\Downloads\69e4b8a4-c115-44a0-b223-ac8cd5c1f7fc.tmp</t>
  </si>
  <si>
    <t>12/31/2019 10:40:49</t>
  </si>
  <si>
    <t>b703ed89-d51d-49f5-a0e5-7e7dec016db5.tmp</t>
  </si>
  <si>
    <t>\\acsfs\profiles$\ingridsm\Downloads\b703ed89-d51d-49f5-a0e5-7e7dec016db5.tmp</t>
  </si>
  <si>
    <t>12/31/2019 10:44:36</t>
  </si>
  <si>
    <t>12/31/2019 10:41:14</t>
  </si>
  <si>
    <t>12/31/2019 10:43:14</t>
  </si>
  <si>
    <t>12/31/2019 10:45:36</t>
  </si>
  <si>
    <t>12/31/2019 10:42:13</t>
  </si>
  <si>
    <t>12/31/2019 10:42:18</t>
  </si>
  <si>
    <t>12/31/2019 10:41:12</t>
  </si>
  <si>
    <t>12/31/2019 10:46:36</t>
  </si>
  <si>
    <t>12/31/2019 10:41:42</t>
  </si>
  <si>
    <t>12/31/2019 10:42:12</t>
  </si>
  <si>
    <t>12/31/2019 10:42:42</t>
  </si>
  <si>
    <t>12/31/2019 10:43:12</t>
  </si>
  <si>
    <t>12/31/2019 10:44:42</t>
  </si>
  <si>
    <t>12/31/2019 10:44:29</t>
  </si>
  <si>
    <t>12/31/2019 10:45:49</t>
  </si>
  <si>
    <t>12/31/2019 10:43:38</t>
  </si>
  <si>
    <t>12/31/2019 10:47:36</t>
  </si>
  <si>
    <t>e5adf7b3-5665-4cb2-aeb2-9c046c73438d.tmp</t>
  </si>
  <si>
    <t>\\acsfs\profiles$\marcosvnds\Downloads\e5adf7b3-5665-4cb2-aeb2-9c046c73438d.tmp</t>
  </si>
  <si>
    <t>12/31/2019 10:43:02</t>
  </si>
  <si>
    <t>7e924350-8ec6-427a-8850-3f7785eb545b.tmp</t>
  </si>
  <si>
    <t>\\acsfs\profiles$\regisedsj\Downloads\7e924350-8ec6-427a-8850-3f7785eb545b.tmp</t>
  </si>
  <si>
    <t>12/31/2019 10:47:21</t>
  </si>
  <si>
    <t>12/31/2019 10:48:36</t>
  </si>
  <si>
    <t>12/31/2019 10:47:26</t>
  </si>
  <si>
    <t>72a20887-024b-4006-97f7-bd54e70f19a1.tmp</t>
  </si>
  <si>
    <t>\\acsfs\profiles$\georgendsq\Downloads\72a20887-024b-4006-97f7-bd54e70f19a1.tmp</t>
  </si>
  <si>
    <t>12/31/2019 10:46:14</t>
  </si>
  <si>
    <t>12/31/2019 10:49:36</t>
  </si>
  <si>
    <t>12/31/2019 10:47:14</t>
  </si>
  <si>
    <t>12/31/2019 10:46:57</t>
  </si>
  <si>
    <t>12/31/2019 10:50:37</t>
  </si>
  <si>
    <t>b6a1d2c6-748d-43e1-88cf-d2678179b53c.tmp</t>
  </si>
  <si>
    <t>\\acsfs\profiles$\bernardopcm\Downloads\b6a1d2c6-748d-43e1-88cf-d2678179b53c.tmp</t>
  </si>
  <si>
    <t>12/31/2019 10:49:22</t>
  </si>
  <si>
    <t>96a0d4c2-6960-42a0-ae34-c67535deddf1.tmp</t>
  </si>
  <si>
    <t>\\acsfs\profiles$\cintiadcf\Downloads\96a0d4c2-6960-42a0-ae34-c67535deddf1.tmp</t>
  </si>
  <si>
    <t>12/31/2019 10:46:56</t>
  </si>
  <si>
    <t>12/31/2019 10:52:36</t>
  </si>
  <si>
    <t>0d3b1bad-1d6c-4acf-9070-5fbdc001168f.tmp</t>
  </si>
  <si>
    <t>\\acsfs\profiles$\deboraaa\Downloads\0d3b1bad-1d6c-4acf-9070-5fbdc001168f.tmp</t>
  </si>
  <si>
    <t>12/31/2019 10:51:18</t>
  </si>
  <si>
    <t>12/31/2019 10:53:37</t>
  </si>
  <si>
    <t>12/31/2019 10:52:15</t>
  </si>
  <si>
    <t>12/31/2019 10:54:36</t>
  </si>
  <si>
    <t>12/31/2019 10:53:14</t>
  </si>
  <si>
    <t>12/31/2019 10:54:25</t>
  </si>
  <si>
    <t>12/31/2019 10:55:37</t>
  </si>
  <si>
    <t>4eb10484-129f-4727-8076-323bae181d5d.tmp</t>
  </si>
  <si>
    <t>\\acsfs\profiles$\cintiadcf\Downloads\4eb10484-129f-4727-8076-323bae181d5d.tmp</t>
  </si>
  <si>
    <t>12/31/2019 10:55:03</t>
  </si>
  <si>
    <t>12/31/2019 10:56:36</t>
  </si>
  <si>
    <t>12/31/2019 10:54:15</t>
  </si>
  <si>
    <t>12/31/2019 10:57:36</t>
  </si>
  <si>
    <t>ce1820c2-19b7-47ad-8cd4-794da0f008f5.tmp</t>
  </si>
  <si>
    <t>\\acsfs\profiles$\marcellewdl\Downloads\ce1820c2-19b7-47ad-8cd4-794da0f008f5.tmp</t>
  </si>
  <si>
    <t>12/31/2019 10:58:14</t>
  </si>
  <si>
    <t>12/31/2019 10:59:36</t>
  </si>
  <si>
    <t>12/31/2019 11:02:37</t>
  </si>
  <si>
    <t>12/31/2019 10:58:59</t>
  </si>
  <si>
    <t>12/31/2019 10:58:30</t>
  </si>
  <si>
    <t>12/31/2019 10:58:33</t>
  </si>
  <si>
    <t>12/31/2019 10:59:14</t>
  </si>
  <si>
    <t>12/31/2019 11:04:37</t>
  </si>
  <si>
    <t>12/31/2019 11:03:43</t>
  </si>
  <si>
    <t>12/31/2019 11:05:36</t>
  </si>
  <si>
    <t>524edb8f-3f79-4e88-ae3d-86581cf8dc9d.tmp</t>
  </si>
  <si>
    <t>\\acsfs\profiles$\andressagr\Downloads\524edb8f-3f79-4e88-ae3d-86581cf8dc9d.tmp</t>
  </si>
  <si>
    <t>12/31/2019 11:04:13</t>
  </si>
  <si>
    <t>12/31/2019 11:03:18</t>
  </si>
  <si>
    <t>12/31/2019 11:06:36</t>
  </si>
  <si>
    <t>12/31/2019 11:06:07</t>
  </si>
  <si>
    <t>12/31/2019 11:07:36</t>
  </si>
  <si>
    <t>12/31/2019 11:06:08</t>
  </si>
  <si>
    <t>12/31/2019 11:06:09</t>
  </si>
  <si>
    <t>12/31/2019 11:06:10</t>
  </si>
  <si>
    <t>12/31/2019 11:06:12</t>
  </si>
  <si>
    <t>12/31/2019 11:06:13</t>
  </si>
  <si>
    <t>12/31/2019 11:08:36</t>
  </si>
  <si>
    <t>12/31/2019 11:06:20</t>
  </si>
  <si>
    <t>12/31/2019 11:06:21</t>
  </si>
  <si>
    <t>12/31/2019 11:06:23</t>
  </si>
  <si>
    <t>12/31/2019 11:06:25</t>
  </si>
  <si>
    <t>12/31/2019 11:08:24</t>
  </si>
  <si>
    <t>12/31/2019 11:04:14</t>
  </si>
  <si>
    <t>12/31/2019 11:09:37</t>
  </si>
  <si>
    <t>12/31/2019 11:05:14</t>
  </si>
  <si>
    <t>12/31/2019 11:09:39</t>
  </si>
  <si>
    <t>12/31/2019 11:10:36</t>
  </si>
  <si>
    <t>12/31/2019 11:06:30</t>
  </si>
  <si>
    <t>12/31/2019 11:11:37</t>
  </si>
  <si>
    <t>12/31/2019 11:11:55</t>
  </si>
  <si>
    <t>12/31/2019 11:12:37</t>
  </si>
  <si>
    <t>12/31/2019 11:10:14</t>
  </si>
  <si>
    <t>12/31/2019 11:14:37</t>
  </si>
  <si>
    <t>12/31/2019 11:11:14</t>
  </si>
  <si>
    <t>12/31/2019 11:12:20</t>
  </si>
  <si>
    <t>12/31/2019 11:16:36</t>
  </si>
  <si>
    <t>12/31/2019 11:14:32</t>
  </si>
  <si>
    <t>12/31/2019 11:17:36</t>
  </si>
  <si>
    <t>98a4ab6f-6527-4566-972e-068ed0ae5654.tmp</t>
  </si>
  <si>
    <t>\\acsfs\profiles$\regisedsj\Downloads\98a4ab6f-6527-4566-972e-068ed0ae5654.tmp</t>
  </si>
  <si>
    <t>12/31/2019 11:15:45</t>
  </si>
  <si>
    <t>12/31/2019 11:19:36</t>
  </si>
  <si>
    <t>12/31/2019 11:16:15</t>
  </si>
  <si>
    <t>12/31/2019 11:17:15</t>
  </si>
  <si>
    <t>12/31/2019 11:19:58</t>
  </si>
  <si>
    <t>12/31/2019 11:20:37</t>
  </si>
  <si>
    <t>12/31/2019 11:18:59</t>
  </si>
  <si>
    <t>12/31/2019 11:22:37</t>
  </si>
  <si>
    <t>https://udpmailboxap01/h/search?si=0&amp;so=0&amp;sc=58166&amp;sfi=2&amp;st=message&amp;action=compose&amp;paction=view</t>
  </si>
  <si>
    <t>12/31/2019 11:19:29</t>
  </si>
  <si>
    <t>12/31/2019 11:21:59</t>
  </si>
  <si>
    <t>12/31/2019 11:17:29</t>
  </si>
  <si>
    <t>12/31/2019 11:17:55</t>
  </si>
  <si>
    <t>12/31/2019 11:23:36</t>
  </si>
  <si>
    <t>12/31/2019 11:19:43</t>
  </si>
  <si>
    <t>12/31/2019 11:22:15</t>
  </si>
  <si>
    <t>12/31/2019 11:24:36</t>
  </si>
  <si>
    <t>12/31/2019 11:23:15</t>
  </si>
  <si>
    <t>12/31/2019 11:20:51</t>
  </si>
  <si>
    <t>12/31/2019 11:25:37</t>
  </si>
  <si>
    <t>12/31/2019 11:22:29</t>
  </si>
  <si>
    <t>12/31/2019 11:27:36</t>
  </si>
  <si>
    <t>12/31/2019 11:22:47</t>
  </si>
  <si>
    <t>e0e8a8d1-748a-45c5-9c2a-1f6a0e6736df.tmp</t>
  </si>
  <si>
    <t>\\acsfs\profiles$\gabrielamdp\Downloads\e0e8a8d1-748a-45c5-9c2a-1f6a0e6736df.tmp</t>
  </si>
  <si>
    <t>12/31/2019 11:22:59</t>
  </si>
  <si>
    <t>12/31/2019 11:24:59</t>
  </si>
  <si>
    <t>12/31/2019 11:25:07</t>
  </si>
  <si>
    <t>12/31/2019 11:23:55</t>
  </si>
  <si>
    <t>12/31/2019 11:28:36</t>
  </si>
  <si>
    <t>12/31/2019 11:23:51</t>
  </si>
  <si>
    <t>12/31/2019 11:24:40</t>
  </si>
  <si>
    <t>12/31/2019 11:28:15</t>
  </si>
  <si>
    <t>12/31/2019 11:29:36</t>
  </si>
  <si>
    <t>12/31/2019 11:28:35</t>
  </si>
  <si>
    <t>12/31/2019 11:31:36</t>
  </si>
  <si>
    <t>f00d91c1-eb29-4ee6-b9c1-d9fed50186ae.tmp</t>
  </si>
  <si>
    <t>\\acsfs\profiles$\larissaad\Downloads\f00d91c1-eb29-4ee6-b9c1-d9fed50186ae.tmp</t>
  </si>
  <si>
    <t>12/31/2019 11:30:05</t>
  </si>
  <si>
    <t>12/31/2019 11:32:37</t>
  </si>
  <si>
    <t>12/31/2019 11:30:46</t>
  </si>
  <si>
    <t>ebca7a8c-5ace-4833-8f96-ac57257ccaec.tmp</t>
  </si>
  <si>
    <t>\\acsfs\profiles$\dhiulliananads\Downloads\ebca7a8c-5ace-4833-8f96-ac57257ccaec.tmp</t>
  </si>
  <si>
    <t>12/31/2019 11:29:55</t>
  </si>
  <si>
    <t>12/31/2019 11:33:36</t>
  </si>
  <si>
    <t>12/31/2019 11:32:48</t>
  </si>
  <si>
    <t>12/31/2019 11:29:19</t>
  </si>
  <si>
    <t>50cc4793-258a-4f90-90ca-2e2085b4e8bb.tmp</t>
  </si>
  <si>
    <t>\\acsfs\profiles$\ingridsm\Downloads\50cc4793-258a-4f90-90ca-2e2085b4e8bb.tmp</t>
  </si>
  <si>
    <t>12/31/2019 11:31:27</t>
  </si>
  <si>
    <t>12/31/2019 11:31:32</t>
  </si>
  <si>
    <t>12/31/2019 11:29:15</t>
  </si>
  <si>
    <t>12/31/2019 11:34:36</t>
  </si>
  <si>
    <t>12/31/2019 11:32:30</t>
  </si>
  <si>
    <t>12/31/2019 11:35:37</t>
  </si>
  <si>
    <t>12/31/2019 11:34:05</t>
  </si>
  <si>
    <t>12/31/2019 11:32:43</t>
  </si>
  <si>
    <t>12/31/2019 11:36:36</t>
  </si>
  <si>
    <t>03dd5d0f-50b0-4ee7-9bd1-e82c77976fe8.tmp</t>
  </si>
  <si>
    <t>\\acsfs\profiles$\philipegsf\Downloads\03dd5d0f-50b0-4ee7-9bd1-e82c77976fe8.tmp</t>
  </si>
  <si>
    <t>12/31/2019 11:31:39</t>
  </si>
  <si>
    <t>12/31/2019 11:36:47</t>
  </si>
  <si>
    <t>12/31/2019 11:37:36</t>
  </si>
  <si>
    <t>98b2125f-f193-4cef-b1ea-693857281635;</t>
  </si>
  <si>
    <t>12/31/2019 11:37:02</t>
  </si>
  <si>
    <t>12/31/2019 11:37:03</t>
  </si>
  <si>
    <t>12/31/2019 11:37:06</t>
  </si>
  <si>
    <t>12/31/2019 11:37:07</t>
  </si>
  <si>
    <t>12/31/2019 11:35:55</t>
  </si>
  <si>
    <t>12/31/2019 11:38:36</t>
  </si>
  <si>
    <t>12/31/2019 11:34:15</t>
  </si>
  <si>
    <t>12/31/2019 11:39:36</t>
  </si>
  <si>
    <t>12/31/2019 11:35:15</t>
  </si>
  <si>
    <t>12/31/2019 11:35:57</t>
  </si>
  <si>
    <t>12/31/2019 11:41:36</t>
  </si>
  <si>
    <t>ab0a2f64-ccb8-48e7-bfb1-97f661a355e1.tmp</t>
  </si>
  <si>
    <t>\\acsfs\profiles$\philipegsf\Downloads\ab0a2f64-ccb8-48e7-bfb1-97f661a355e1.tmp</t>
  </si>
  <si>
    <t>12/31/2019 11:40:03</t>
  </si>
  <si>
    <t>6ed7e5db-9f1b-4e66-8c0e-3ee982cfb59a.tmp</t>
  </si>
  <si>
    <t>\\acsfs\profiles$\philipegsf\Downloads\6ed7e5db-9f1b-4e66-8c0e-3ee982cfb59a.tmp</t>
  </si>
  <si>
    <t>12/31/2019 11:36:44</t>
  </si>
  <si>
    <t>12/31/2019 11:37:53</t>
  </si>
  <si>
    <t>12/31/2019 11:42:36</t>
  </si>
  <si>
    <t>12/31/2019 11:40:33</t>
  </si>
  <si>
    <t>dd1f09cd-b8ea-4ac1-8b63-f06fbf9c4d0e.tmp</t>
  </si>
  <si>
    <t>\\acsfs\profiles$\gabrielamdp\Downloads\dd1f09cd-b8ea-4ac1-8b63-f06fbf9c4d0e.tmp</t>
  </si>
  <si>
    <t>12/31/2019 11:37:10</t>
  </si>
  <si>
    <t>12/31/2019 11:37:15</t>
  </si>
  <si>
    <t>12/31/2019 11:37:17</t>
  </si>
  <si>
    <t>12/31/2019 11:37:18</t>
  </si>
  <si>
    <t>12/31/2019 11:37:21</t>
  </si>
  <si>
    <t>12/31/2019 11:37:22</t>
  </si>
  <si>
    <t>12/31/2019 11:37:25</t>
  </si>
  <si>
    <t>12/31/2019 11:43:37</t>
  </si>
  <si>
    <t>12/31/2019 11:37:26</t>
  </si>
  <si>
    <t>12/31/2019 11:37:27</t>
  </si>
  <si>
    <t>12/31/2019 11:37:28</t>
  </si>
  <si>
    <t>12/31/2019 11:41:55</t>
  </si>
  <si>
    <t>12/31/2019 11:37:33</t>
  </si>
  <si>
    <t>12/31/2019 11:37:47</t>
  </si>
  <si>
    <t>12/31/2019 11:37:55</t>
  </si>
  <si>
    <t>12/31/2019 11:40:09</t>
  </si>
  <si>
    <t>12/31/2019 11:41:48</t>
  </si>
  <si>
    <t>.~lock.BANCO DE DADOS - ATUALIZADO.xlsx#</t>
  </si>
  <si>
    <t>\\acsfs\DEPTOS\Operacao\Banco_Votorantim\Comum\00 - COMUM - BV CARTÕES\.~lock.BANCO DE DADOS - ATUALIZADO.xlsx#</t>
  </si>
  <si>
    <t>12/31/2019 11:38:00</t>
  </si>
  <si>
    <t>12/31/2019 11:38:01</t>
  </si>
  <si>
    <t>12/31/2019 11:38:02</t>
  </si>
  <si>
    <t>12/31/2019 11:38:03</t>
  </si>
  <si>
    <t>12/31/2019 11:38:04</t>
  </si>
  <si>
    <t>12/31/2019 11:42:47</t>
  </si>
  <si>
    <t>.~lock.Contato Reneg Vencimento 20-12.xls#</t>
  </si>
  <si>
    <t>\\acsfs\profiles$\CLAUDIAJCA\.~lock.Contato Reneg Vencimento 20-12.xls#</t>
  </si>
  <si>
    <t>12/31/2019 11:42:48</t>
  </si>
  <si>
    <t>lu2106017rhyo.tmp</t>
  </si>
  <si>
    <t>\\acsfs\profiles$\CLAUDIAJCA\lu2106017rhyo.tmp</t>
  </si>
  <si>
    <t>12/31/2019 11:43:29</t>
  </si>
  <si>
    <t>12/31/2019 11:40:15</t>
  </si>
  <si>
    <t>12/31/2019 11:44:37</t>
  </si>
  <si>
    <t>12/31/2019 11:41:15</t>
  </si>
  <si>
    <t>12/31/2019 11:42:42</t>
  </si>
  <si>
    <t>12/31/2019 11:45:36</t>
  </si>
  <si>
    <t>12/31/2019 11:43:14</t>
  </si>
  <si>
    <t>12/31/2019 11:46:37</t>
  </si>
  <si>
    <t>12/31/2019 11:43:18</t>
  </si>
  <si>
    <t>12/31/2019 11:43:19</t>
  </si>
  <si>
    <t>12/31/2019 11:43:20</t>
  </si>
  <si>
    <t>12/31/2019 11:43:21</t>
  </si>
  <si>
    <t>12/31/2019 11:43:22</t>
  </si>
  <si>
    <t>12/31/2019 11:43:25</t>
  </si>
  <si>
    <t>12/31/2019 11:43:26</t>
  </si>
  <si>
    <t>12/31/2019 11:43:27</t>
  </si>
  <si>
    <t>12/31/2019 11:43:28</t>
  </si>
  <si>
    <t>12/31/2019 11:43:30</t>
  </si>
  <si>
    <t>12/31/2019 11:43:31</t>
  </si>
  <si>
    <t>12/31/2019 11:43:33</t>
  </si>
  <si>
    <t>12/31/2019 11:43:34</t>
  </si>
  <si>
    <t>12/31/2019 11:43:35</t>
  </si>
  <si>
    <t>12/31/2019 11:43:36</t>
  </si>
  <si>
    <t>12/31/2019 11:43:39</t>
  </si>
  <si>
    <t>12/31/2019 11:43:40</t>
  </si>
  <si>
    <t>12/31/2019 11:43:41</t>
  </si>
  <si>
    <t>12/31/2019 11:43:42</t>
  </si>
  <si>
    <t>12/31/2019 11:43:44</t>
  </si>
  <si>
    <t>12/31/2019 11:43:46</t>
  </si>
  <si>
    <t>12/31/2019 11:43:48</t>
  </si>
  <si>
    <t>12/31/2019 11:43:49</t>
  </si>
  <si>
    <t>12/31/2019 11:43:50</t>
  </si>
  <si>
    <t>12/31/2019 11:43:52</t>
  </si>
  <si>
    <t>12/31/2019 11:43:53</t>
  </si>
  <si>
    <t>12/31/2019 11:43:55</t>
  </si>
  <si>
    <t>12/31/2019 11:43:56</t>
  </si>
  <si>
    <t>12/31/2019 11:43:57</t>
  </si>
  <si>
    <t>12/31/2019 11:43:58</t>
  </si>
  <si>
    <t>12/31/2019 11:44:00</t>
  </si>
  <si>
    <t>12/31/2019 11:44:01</t>
  </si>
  <si>
    <t>12/31/2019 11:44:02</t>
  </si>
  <si>
    <t>12/31/2019 11:44:03</t>
  </si>
  <si>
    <t>12/31/2019 11:44:04</t>
  </si>
  <si>
    <t>12/31/2019 11:44:05</t>
  </si>
  <si>
    <t>12/31/2019 11:44:06</t>
  </si>
  <si>
    <t>12/31/2019 11:44:07</t>
  </si>
  <si>
    <t>12/31/2019 11:43:08</t>
  </si>
  <si>
    <t>12/31/2019 11:48:36</t>
  </si>
  <si>
    <t>12/31/2019 11:44:58</t>
  </si>
  <si>
    <t>12/31/2019 11:45:00</t>
  </si>
  <si>
    <t>12/31/2019 11:45:06</t>
  </si>
  <si>
    <t>12/31/2019 11:45:07</t>
  </si>
  <si>
    <t>12/31/2019 11:45:12</t>
  </si>
  <si>
    <t>12/31/2019 11:45:17</t>
  </si>
  <si>
    <t>12/31/2019 11:45:20</t>
  </si>
  <si>
    <t>12/31/2019 11:46:09</t>
  </si>
  <si>
    <t>12/31/2019 11:46:13</t>
  </si>
  <si>
    <t>12/31/2019 11:46:15</t>
  </si>
  <si>
    <t>12/31/2019 11:46:16</t>
  </si>
  <si>
    <t>12/31/2019 11:46:20</t>
  </si>
  <si>
    <t>12/31/2019 11:46:21</t>
  </si>
  <si>
    <t>12/31/2019 11:46:22</t>
  </si>
  <si>
    <t>12/31/2019 11:46:24</t>
  </si>
  <si>
    <t>12/31/2019 11:46:30</t>
  </si>
  <si>
    <t>12/31/2019 11:46:31</t>
  </si>
  <si>
    <t>12/31/2019 11:45:47</t>
  </si>
  <si>
    <t>12/31/2019 11:49:36</t>
  </si>
  <si>
    <t>12/31/2019 11:47:15</t>
  </si>
  <si>
    <t>12/31/2019 11:50:31</t>
  </si>
  <si>
    <t>12/31/2019 11:51:36</t>
  </si>
  <si>
    <t>2b0da16c-7c80-4ba2-a1d3-fa2d05263a24.tmp</t>
  </si>
  <si>
    <t>\\acsfs\profiles$\gabriellalpr\Downloads\2b0da16c-7c80-4ba2-a1d3-fa2d05263a24.tmp</t>
  </si>
  <si>
    <t>12/31/2019 11:51:17</t>
  </si>
  <si>
    <t>12/31/2019 11:49:08</t>
  </si>
  <si>
    <t>93905dd8-3b14-4fc1-ace4-c79ed3cab86e.tmp</t>
  </si>
  <si>
    <t>\\acsfs\profiles$\jalilebds\Downloads\93905dd8-3b14-4fc1-ace4-c79ed3cab86e.tmp</t>
  </si>
  <si>
    <t>12/31/2019 11:49:18</t>
  </si>
  <si>
    <t>Unconfirmed 594114.crdownload</t>
  </si>
  <si>
    <t>\\acsfs\profiles$\jalilebds\Downloads\Unconfirmed 594114.crdownload</t>
  </si>
  <si>
    <t>12/31/2019 11:50:15</t>
  </si>
  <si>
    <t>12/31/2019 11:52:37</t>
  </si>
  <si>
    <t>e2aeb349-73fb-43d3-a231-318b61dc95c8.tmp</t>
  </si>
  <si>
    <t>\\acsfs\profiles$\gabrielarb\Downloads\e2aeb349-73fb-43d3-a231-318b61dc95c8.tmp</t>
  </si>
  <si>
    <t>12/31/2019 11:51:16</t>
  </si>
  <si>
    <t>5aa78c2d-cd5f-4e1b-84e4-e9fa2935ba66.tmp</t>
  </si>
  <si>
    <t>\\acsfs\profiles$\vivianalds\Downloads\5aa78c2d-cd5f-4e1b-84e4-e9fa2935ba66.tmp</t>
  </si>
  <si>
    <t>12/31/2019 11:48:51</t>
  </si>
  <si>
    <t>bfaa7bf1-2c51-48d7-8de1-2bf9ea6b622f.tmp</t>
  </si>
  <si>
    <t>\\acsfs\profiles$\gabrielamdp\Downloads\bfaa7bf1-2c51-48d7-8de1-2bf9ea6b622f.tmp</t>
  </si>
  <si>
    <t>12/31/2019 11:49:40</t>
  </si>
  <si>
    <t>12/31/2019 11:47:55</t>
  </si>
  <si>
    <t>12/31/2019 11:53:36</t>
  </si>
  <si>
    <t>12/31/2019 11:47:54</t>
  </si>
  <si>
    <t>12/31/2019 11:47:56</t>
  </si>
  <si>
    <t>12/31/2019 11:47:57</t>
  </si>
  <si>
    <t>12/31/2019 11:47:58</t>
  </si>
  <si>
    <t>12/31/2019 11:47:59</t>
  </si>
  <si>
    <t>12/31/2019 11:48:01</t>
  </si>
  <si>
    <t>12/31/2019 11:48:06</t>
  </si>
  <si>
    <t>12/31/2019 11:48:12</t>
  </si>
  <si>
    <t>12/31/2019 11:49:09</t>
  </si>
  <si>
    <t>12/31/2019 11:49:10</t>
  </si>
  <si>
    <t>12/31/2019 11:49:12</t>
  </si>
  <si>
    <t>12/31/2019 11:49:13</t>
  </si>
  <si>
    <t>12/31/2019 11:49:14</t>
  </si>
  <si>
    <t>12/31/2019 11:49:15</t>
  </si>
  <si>
    <t>12/31/2019 11:49:20</t>
  </si>
  <si>
    <t>12/31/2019 11:49:23</t>
  </si>
  <si>
    <t>12/31/2019 11:49:37</t>
  </si>
  <si>
    <t>12/31/2019 11:49:38</t>
  </si>
  <si>
    <t>12/31/2019 11:49:53</t>
  </si>
  <si>
    <t>12/31/2019 11:50:04</t>
  </si>
  <si>
    <t>12/31/2019 11:50:12</t>
  </si>
  <si>
    <t>12/31/2019 11:50:20</t>
  </si>
  <si>
    <t>12/31/2019 11:50:21</t>
  </si>
  <si>
    <t>12/31/2019 11:50:22</t>
  </si>
  <si>
    <t>12/31/2019 11:50:23</t>
  </si>
  <si>
    <t>12/31/2019 11:50:28</t>
  </si>
  <si>
    <t>12/31/2019 11:50:33</t>
  </si>
  <si>
    <t>12/31/2019 11:50:55</t>
  </si>
  <si>
    <t>12/31/2019 11:50:57</t>
  </si>
  <si>
    <t>12/31/2019 11:50:58</t>
  </si>
  <si>
    <t>12/31/2019 11:51:00</t>
  </si>
  <si>
    <t>12/31/2019 11:51:01</t>
  </si>
  <si>
    <t>12/31/2019 11:51:02</t>
  </si>
  <si>
    <t>12/31/2019 11:51:05</t>
  </si>
  <si>
    <t>12/31/2019 11:51:06</t>
  </si>
  <si>
    <t>12/31/2019 11:51:07</t>
  </si>
  <si>
    <t>12/31/2019 11:51:08</t>
  </si>
  <si>
    <t>12/31/2019 11:51:09</t>
  </si>
  <si>
    <t>12/31/2019 11:51:11</t>
  </si>
  <si>
    <t>12/31/2019 11:53:08</t>
  </si>
  <si>
    <t>12/31/2019 11:52:26</t>
  </si>
  <si>
    <t>12/31/2019 11:52:28</t>
  </si>
  <si>
    <t>lu18681cw8u3.tmp</t>
  </si>
  <si>
    <t>\\acsfs\profiles$\CLAUDIAJCA\lu18681cw8u3.tmp</t>
  </si>
  <si>
    <t>\\acsfs\profiles$\CLAUDIAJCA\lu18681cw8u3.tmp\</t>
  </si>
  <si>
    <t>\\acsfs\profiles$\CLAUDIAJCA\lu18681cw8u3.tmp\META-INF\</t>
  </si>
  <si>
    <t>\\acsfs\profiles$\CLAUDIAJCA\lu18681cw8u3.tmp\Thumbnails\</t>
  </si>
  <si>
    <t>12/31/2019 11:52:16</t>
  </si>
  <si>
    <t>12/31/2019 11:54:36</t>
  </si>
  <si>
    <t>12/31/2019 11:53:15</t>
  </si>
  <si>
    <t>12/31/2019 11:50:27</t>
  </si>
  <si>
    <t>12/31/2019 11:51:38</t>
  </si>
  <si>
    <t>12/31/2019 11:56:36</t>
  </si>
  <si>
    <t>890dbf63-5642-461b-bb3b-45d13ac9b86e.tmp</t>
  </si>
  <si>
    <t>\\acsfs\profiles$\gabriellalpr\Downloads\890dbf63-5642-461b-bb3b-45d13ac9b86e.tmp</t>
  </si>
  <si>
    <t>12/31/2019 11:51:59</t>
  </si>
  <si>
    <t>60e2fb96-af6d-41fc-ac31-886e53f45c30.tmp</t>
  </si>
  <si>
    <t>\\acsfs\profiles$\gabriellalpr\Downloads\60e2fb96-af6d-41fc-ac31-886e53f45c30.tmp</t>
  </si>
  <si>
    <t>12/31/2019 11:56:21</t>
  </si>
  <si>
    <t>.~lock.filas 1721 1725 e 1724 a tratar.xlsx#</t>
  </si>
  <si>
    <t>\\acsfs\profiles$\jalilebds\Downloads\.~lock.filas 1721 1725 e 1724 a tratar.xlsx#</t>
  </si>
  <si>
    <t>12/31/2019 11:56:22</t>
  </si>
  <si>
    <t>lu77602jihb.tmp</t>
  </si>
  <si>
    <t>\\acsfs\profiles$\jalilebds\Downloads\lu77602jihb.tmp</t>
  </si>
  <si>
    <t>12/31/2019 11:53:55</t>
  </si>
  <si>
    <t>12/31/2019 11:58:36</t>
  </si>
  <si>
    <t>12/31/2019 11:57:23</t>
  </si>
  <si>
    <t>12/31/2019 11:57:39</t>
  </si>
  <si>
    <t>12/31/2019 11:54:01</t>
  </si>
  <si>
    <t>12/31/2019 11:58:19</t>
  </si>
  <si>
    <t>lu227081d63s0.tmp</t>
  </si>
  <si>
    <t>\\acsfs\profiles$\CLAUDIAJCA\lu227081d63s0.tmp</t>
  </si>
  <si>
    <t>\\acsfs\profiles$\CLAUDIAJCA\lu227081d63s0.tmp\</t>
  </si>
  <si>
    <t>\\acsfs\profiles$\CLAUDIAJCA\lu227081d63s0.tmp\META-INF\</t>
  </si>
  <si>
    <t>\\acsfs\profiles$\CLAUDIAJCA\lu227081d63s0.tmp\Thumbnails\</t>
  </si>
  <si>
    <t>12/31/2019 11:58:15</t>
  </si>
  <si>
    <t>12/31/2019 11:59:37</t>
  </si>
  <si>
    <t>12/31/2019 11:58:24</t>
  </si>
  <si>
    <t>12/31/2019 12:00:36</t>
  </si>
  <si>
    <t>12/31/2019 11:57:27</t>
  </si>
  <si>
    <t>\\acsfs\profiles$\nathaliarmr\Desktop\</t>
  </si>
  <si>
    <t>atualizado.txt</t>
  </si>
  <si>
    <t>\\acsfs\profiles$\nathaliarmr\Desktop\atualizado.txt</t>
  </si>
  <si>
    <t>12/31/2019 11:58:34</t>
  </si>
  <si>
    <t>12/31/2019 12:01:37</t>
  </si>
  <si>
    <t>12/31/2019 11:57:51</t>
  </si>
  <si>
    <t>12/31/2019 12:02:36</t>
  </si>
  <si>
    <t>12/31/2019 12:00:17</t>
  </si>
  <si>
    <t>fcc6059a-91dc-4f02-be86-f8c78417e638.tmp</t>
  </si>
  <si>
    <t>\\acsfs\profiles$\gabrielamdp\Downloads\fcc6059a-91dc-4f02-be86-f8c78417e638.tmp</t>
  </si>
  <si>
    <t>12/31/2019 11:59:55</t>
  </si>
  <si>
    <t>12/31/2019 12:03:36</t>
  </si>
  <si>
    <t>12/31/2019 11:57:45</t>
  </si>
  <si>
    <t>12/31/2019 11:57:46</t>
  </si>
  <si>
    <t>12/31/2019 11:57:48</t>
  </si>
  <si>
    <t>12/31/2019 11:57:49</t>
  </si>
  <si>
    <t>12/31/2019 11:57:50</t>
  </si>
  <si>
    <t>12/31/2019 11:57:53</t>
  </si>
  <si>
    <t>12/31/2019 11:57:58</t>
  </si>
  <si>
    <t>12/31/2019 11:57:59</t>
  </si>
  <si>
    <t>12/31/2019 11:58:07</t>
  </si>
  <si>
    <t>12/31/2019 11:58:10</t>
  </si>
  <si>
    <t>12/31/2019 11:58:11</t>
  </si>
  <si>
    <t>12/31/2019 11:58:12</t>
  </si>
  <si>
    <t>12/31/2019 11:58:13</t>
  </si>
  <si>
    <t>12/31/2019 11:58:14</t>
  </si>
  <si>
    <t>12/31/2019 11:58:20</t>
  </si>
  <si>
    <t>12/31/2019 11:58:21</t>
  </si>
  <si>
    <t>12/31/2019 11:58:40</t>
  </si>
  <si>
    <t>12/31/2019 11:58:51</t>
  </si>
  <si>
    <t>12/31/2019 11:58:54</t>
  </si>
  <si>
    <t>12/31/2019 11:58:57</t>
  </si>
  <si>
    <t>12/31/2019 11:58:58</t>
  </si>
  <si>
    <t>12/31/2019 11:59:04</t>
  </si>
  <si>
    <t>12/31/2019 11:59:05</t>
  </si>
  <si>
    <t>12/31/2019 11:59:15</t>
  </si>
  <si>
    <t>12/31/2019 11:59:27</t>
  </si>
  <si>
    <t>12/31/2019 11:59:31</t>
  </si>
  <si>
    <t>12/31/2019 11:59:32</t>
  </si>
  <si>
    <t>12/31/2019 11:59:33</t>
  </si>
  <si>
    <t>12/31/2019 11:59:38</t>
  </si>
  <si>
    <t>12/31/2019 11:59:43</t>
  </si>
  <si>
    <t>12/31/2019 11:59:48</t>
  </si>
  <si>
    <t>12/31/2019 11:59:51</t>
  </si>
  <si>
    <t>12/31/2019 11:59:52</t>
  </si>
  <si>
    <t>12/31/2019 11:59:53</t>
  </si>
  <si>
    <t>12/31/2019 11:59:57</t>
  </si>
  <si>
    <t>12/31/2019 12:00:32</t>
  </si>
  <si>
    <t>12/31/2019 12:00:35</t>
  </si>
  <si>
    <t>12/31/2019 12:00:37</t>
  </si>
  <si>
    <t>12/31/2019 12:00:38</t>
  </si>
  <si>
    <t>12/31/2019 12:00:39</t>
  </si>
  <si>
    <t>12/31/2019 12:00:44</t>
  </si>
  <si>
    <t>12/31/2019 12:00:45</t>
  </si>
  <si>
    <t>12/31/2019 12:01:09</t>
  </si>
  <si>
    <t>12/31/2019 12:01:13</t>
  </si>
  <si>
    <t>12/31/2019 12:01:15</t>
  </si>
  <si>
    <t>12/31/2019 12:01:16</t>
  </si>
  <si>
    <t>12/31/2019 12:01:19</t>
  </si>
  <si>
    <t>12/31/2019 12:01:20</t>
  </si>
  <si>
    <t>12/31/2019 12:01:40</t>
  </si>
  <si>
    <t>12/31/2019 12:01:44</t>
  </si>
  <si>
    <t>12/31/2019 12:01:45</t>
  </si>
  <si>
    <t>12/31/2019 12:01:46</t>
  </si>
  <si>
    <t>12/31/2019 12:01:50</t>
  </si>
  <si>
    <t>12/31/2019 12:01:52</t>
  </si>
  <si>
    <t>12/31/2019 12:02:13</t>
  </si>
  <si>
    <t>12/31/2019 12:00:30</t>
  </si>
  <si>
    <t>12/31/2019 11:59:11</t>
  </si>
  <si>
    <t>12/31/2019 12:01:23</t>
  </si>
  <si>
    <t>12/31/2019 12:01:24</t>
  </si>
  <si>
    <t>lu135481dcrpz.tmp</t>
  </si>
  <si>
    <t>\\acsfs\profiles$\CLAUDIAJCA\lu135481dcrpz.tmp</t>
  </si>
  <si>
    <t>\\acsfs\profiles$\CLAUDIAJCA\lu135481dcrpz.tmp\</t>
  </si>
  <si>
    <t>\\acsfs\profiles$\CLAUDIAJCA\lu135481dcrpz.tmp\META-INF\</t>
  </si>
  <si>
    <t>\\acsfs\profiles$\CLAUDIAJCA\lu135481dcrpz.tmp\Thumbnails\</t>
  </si>
  <si>
    <t>12/31/2019 12:02:52</t>
  </si>
  <si>
    <t>.~lock.Contato Reneg Vencimento 01-01.1.ods#</t>
  </si>
  <si>
    <t>\\acsfs\profiles$\CLAUDIAJCA\.~lock.Contato Reneg Vencimento 01-01.1.ods#</t>
  </si>
  <si>
    <t>12/31/2019 12:03:05</t>
  </si>
  <si>
    <t>12/31/2019 12:03:06</t>
  </si>
  <si>
    <t>lu203321dhjcu.tmp</t>
  </si>
  <si>
    <t>\\acsfs\profiles$\CLAUDIAJCA\lu203321dhjcu.tmp</t>
  </si>
  <si>
    <t>\\acsfs\profiles$\CLAUDIAJCA\lu203321dhjcu.tmp\</t>
  </si>
  <si>
    <t>\\acsfs\profiles$\CLAUDIAJCA\lu203321dhjcu.tmp\META-INF\</t>
  </si>
  <si>
    <t>\\acsfs\profiles$\CLAUDIAJCA\lu203321dhjcu.tmp\Thumbnails\</t>
  </si>
  <si>
    <t>12/31/2019 12:03:22</t>
  </si>
  <si>
    <t>12/31/2019 12:04:37</t>
  </si>
  <si>
    <t>12/31/2019 12:04:19</t>
  </si>
  <si>
    <t>12/31/2019 12:05:36</t>
  </si>
  <si>
    <t>.~lock.Cielo Promo.docx#</t>
  </si>
  <si>
    <t>\\acsfs\profiles$\cintiadcf\Downloads\.~lock.Cielo Promo.docx#</t>
  </si>
  <si>
    <t>12/31/2019 12:06:09</t>
  </si>
  <si>
    <t>12/31/2019 12:07:36</t>
  </si>
  <si>
    <t>12/31/2019 12:06:11</t>
  </si>
  <si>
    <t>lu202721a2ri3.tmp</t>
  </si>
  <si>
    <t>\\acsfs\profiles$\VIVIANALDS\My Documents\lu202721a2ri3.tmp</t>
  </si>
  <si>
    <t>\\acsfs\profiles$\VIVIANALDS\My Documents\lu202721a2ri3.tmp\</t>
  </si>
  <si>
    <t>\\acsfs\profiles$\VIVIANALDS\My Documents\lu202721a2ri3.tmp\META-INF\</t>
  </si>
  <si>
    <t>\\acsfs\profiles$\VIVIANALDS\My Documents\lu202721a2ri3.tmp\Thumbnails\</t>
  </si>
  <si>
    <t>12/31/2019 12:05:55</t>
  </si>
  <si>
    <t>12/31/2019 12:08:37</t>
  </si>
  <si>
    <t>12/31/2019 12:03:20</t>
  </si>
  <si>
    <t>12/31/2019 12:03:24</t>
  </si>
  <si>
    <t>12/31/2019 12:03:25</t>
  </si>
  <si>
    <t>12/31/2019 12:03:26</t>
  </si>
  <si>
    <t>12/31/2019 12:03:28</t>
  </si>
  <si>
    <t>12/31/2019 12:03:34</t>
  </si>
  <si>
    <t>12/31/2019 12:03:37</t>
  </si>
  <si>
    <t>12/31/2019 12:03:42</t>
  </si>
  <si>
    <t>12/31/2019 12:03:43</t>
  </si>
  <si>
    <t>12/31/2019 12:03:47</t>
  </si>
  <si>
    <t>12/31/2019 12:03:48</t>
  </si>
  <si>
    <t>12/31/2019 12:03:50</t>
  </si>
  <si>
    <t>12/31/2019 12:04:08</t>
  </si>
  <si>
    <t>12/31/2019 12:04:10</t>
  </si>
  <si>
    <t>12/31/2019 12:04:12</t>
  </si>
  <si>
    <t>12/31/2019 12:04:13</t>
  </si>
  <si>
    <t>12/31/2019 12:04:14</t>
  </si>
  <si>
    <t>12/31/2019 12:04:17</t>
  </si>
  <si>
    <t>12/31/2019 12:04:18</t>
  </si>
  <si>
    <t>12/31/2019 12:04:20</t>
  </si>
  <si>
    <t>12/31/2019 12:04:25</t>
  </si>
  <si>
    <t>12/31/2019 12:04:27</t>
  </si>
  <si>
    <t>12/31/2019 12:04:29</t>
  </si>
  <si>
    <t>12/31/2019 12:04:30</t>
  </si>
  <si>
    <t>12/31/2019 12:04:32</t>
  </si>
  <si>
    <t>12/31/2019 12:04:35</t>
  </si>
  <si>
    <t>12/31/2019 12:04:40</t>
  </si>
  <si>
    <t>12/31/2019 12:04:46</t>
  </si>
  <si>
    <t>12/31/2019 12:04:48</t>
  </si>
  <si>
    <t>12/31/2019 12:04:49</t>
  </si>
  <si>
    <t>12/31/2019 12:04:50</t>
  </si>
  <si>
    <t>12/31/2019 12:04:51</t>
  </si>
  <si>
    <t>12/31/2019 12:04:52</t>
  </si>
  <si>
    <t>12/31/2019 12:04:54</t>
  </si>
  <si>
    <t>12/31/2019 12:04:55</t>
  </si>
  <si>
    <t>12/31/2019 12:04:57</t>
  </si>
  <si>
    <t>12/31/2019 12:04:58</t>
  </si>
  <si>
    <t>12/31/2019 12:04:59</t>
  </si>
  <si>
    <t>12/31/2019 12:05:01</t>
  </si>
  <si>
    <t>12/31/2019 12:05:02</t>
  </si>
  <si>
    <t>12/31/2019 12:05:03</t>
  </si>
  <si>
    <t>12/31/2019 12:05:04</t>
  </si>
  <si>
    <t>12/31/2019 12:05:06</t>
  </si>
  <si>
    <t>12/31/2019 12:05:14</t>
  </si>
  <si>
    <t>12/31/2019 12:05:21</t>
  </si>
  <si>
    <t>12/31/2019 12:05:23</t>
  </si>
  <si>
    <t>12/31/2019 12:05:25</t>
  </si>
  <si>
    <t>12/31/2019 12:05:26</t>
  </si>
  <si>
    <t>12/31/2019 12:05:27</t>
  </si>
  <si>
    <t>12/31/2019 12:05:29</t>
  </si>
  <si>
    <t>12/31/2019 12:05:33</t>
  </si>
  <si>
    <t>12/31/2019 12:05:40</t>
  </si>
  <si>
    <t>12/31/2019 12:05:44</t>
  </si>
  <si>
    <t>12/31/2019 12:05:46</t>
  </si>
  <si>
    <t>12/31/2019 12:05:47</t>
  </si>
  <si>
    <t>12/31/2019 12:05:50</t>
  </si>
  <si>
    <t>12/31/2019 12:05:52</t>
  </si>
  <si>
    <t>12/31/2019 12:06:01</t>
  </si>
  <si>
    <t>12/31/2019 12:06:05</t>
  </si>
  <si>
    <t>12/31/2019 12:06:06</t>
  </si>
  <si>
    <t>12/31/2019 12:06:07</t>
  </si>
  <si>
    <t>12/31/2019 12:06:12</t>
  </si>
  <si>
    <t>12/31/2019 12:06:30</t>
  </si>
  <si>
    <t>12/31/2019 12:06:33</t>
  </si>
  <si>
    <t>12/31/2019 12:06:34</t>
  </si>
  <si>
    <t>12/31/2019 12:06:35</t>
  </si>
  <si>
    <t>12/31/2019 12:06:36</t>
  </si>
  <si>
    <t>12/31/2019 12:06:37</t>
  </si>
  <si>
    <t>12/31/2019 12:06:39</t>
  </si>
  <si>
    <t>12/31/2019 12:06:45</t>
  </si>
  <si>
    <t>12/31/2019 12:04:41</t>
  </si>
  <si>
    <t>lu188361di69a.tmp</t>
  </si>
  <si>
    <t>\\acsfs\profiles$\CLAUDIAJCA\lu188361di69a.tmp</t>
  </si>
  <si>
    <t>\\acsfs\profiles$\CLAUDIAJCA\lu188361di69a.tmp\</t>
  </si>
  <si>
    <t>\\acsfs\profiles$\CLAUDIAJCA\lu188361di69a.tmp\META-INF\</t>
  </si>
  <si>
    <t>12/31/2019 12:09:36</t>
  </si>
  <si>
    <t>\\acsfs\profiles$\CLAUDIAJCA\lu188361di69a.tmp\Thumbnails\</t>
  </si>
  <si>
    <t>12/31/2019 12:05:42</t>
  </si>
  <si>
    <t>12/31/2019 12:05:10</t>
  </si>
  <si>
    <t>103e789a-bd0b-4cbc-bd15-4796dcad6d8a.tmp</t>
  </si>
  <si>
    <t>\\acsfs\profiles$\anafaes\Downloads\103e789a-bd0b-4cbc-bd15-4796dcad6d8a.tmp</t>
  </si>
  <si>
    <t>12/31/2019 12:05:16</t>
  </si>
  <si>
    <t>e4fcc174-6155-4a10-a16c-491499437fdc.tmp</t>
  </si>
  <si>
    <t>\\acsfs\profiles$\anafaes\Downloads\e4fcc174-6155-4a10-a16c-491499437fdc.tmp</t>
  </si>
  <si>
    <t>12/31/2019 12:04:15</t>
  </si>
  <si>
    <t>12/31/2019 12:05:15</t>
  </si>
  <si>
    <t>12/31/2019 12:06:40</t>
  </si>
  <si>
    <t>12/31/2019 12:10:36</t>
  </si>
  <si>
    <t>bf1975fb-c432-4b31-a989-719e18823a6e.tmp</t>
  </si>
  <si>
    <t>\\acsfs\profiles$\cintiadcf\Downloads\bf1975fb-c432-4b31-a989-719e18823a6e.tmp</t>
  </si>
  <si>
    <t>44ed0a76-1fcb-42bd-8a77-9d065cb78f9f.tmp</t>
  </si>
  <si>
    <t>\\acsfs\profiles$\cintiadcf\Downloads\44ed0a76-1fcb-42bd-8a77-9d065cb78f9f.tmp</t>
  </si>
  <si>
    <t>12/31/2019 12:07:02</t>
  </si>
  <si>
    <t>7113dce2-0453-4e0d-99b2-3ea6f42439ca.tmp</t>
  </si>
  <si>
    <t>\\acsfs\profiles$\cintiadcf\Downloads\7113dce2-0453-4e0d-99b2-3ea6f42439ca.tmp</t>
  </si>
  <si>
    <t>12/31/2019 12:12:36</t>
  </si>
  <si>
    <t>12/31/2019 12:11:55</t>
  </si>
  <si>
    <t>12/31/2019 12:13:37</t>
  </si>
  <si>
    <t>12/31/2019 12:12:41</t>
  </si>
  <si>
    <t>12/31/2019 12:12:42</t>
  </si>
  <si>
    <t>lu585167by2jg.tmp</t>
  </si>
  <si>
    <t>\\acsfs\profiles$\BRUNAAR\Numero\lu585167by2jg.tmp</t>
  </si>
  <si>
    <t>12/31/2019 12:10:15</t>
  </si>
  <si>
    <t>12/31/2019 12:14:36</t>
  </si>
  <si>
    <t>12/31/2019 12:11:15</t>
  </si>
  <si>
    <t>12/31/2019 12:13:41</t>
  </si>
  <si>
    <t>mail.google.com/sync/u/0/i/s?hl=pt-BR&amp;c=598</t>
  </si>
  <si>
    <t>12/31/2019 12:13:48</t>
  </si>
  <si>
    <t>mail.google.com/sync/u/0/i/s?hl=pt-BR&amp;c=600</t>
  </si>
  <si>
    <t>12/31/2019 12:13:56</t>
  </si>
  <si>
    <t>12/31/2019 12:12:12</t>
  </si>
  <si>
    <t>12/31/2019 12:15:37</t>
  </si>
  <si>
    <t>12/31/2019 12:11:29</t>
  </si>
  <si>
    <t>\\acsfs\DEPTOS\Operacao\PCP\5 - Comum\JEAN FARINHA\</t>
  </si>
  <si>
    <t>\\acsfs\DEPTOS\Operacao\PCP\5 - Comum\JHAIME FRANCIELLI\Thumbs.db</t>
  </si>
  <si>
    <t>12/31/2019 12:13:06</t>
  </si>
  <si>
    <t>12/31/2019 12:18:37</t>
  </si>
  <si>
    <t>12/31/2019 12:13:07</t>
  </si>
  <si>
    <t>lu585167by2jj.tmp</t>
  </si>
  <si>
    <t>\\acsfs\profiles$\BRUNAAR\Numero\lu585167by2jj.tmp</t>
  </si>
  <si>
    <t>12/31/2019 12:17:13</t>
  </si>
  <si>
    <t>12/31/2019 12:15:08</t>
  </si>
  <si>
    <t>12/31/2019 12:14:02</t>
  </si>
  <si>
    <t>12/31/2019 12:19:36</t>
  </si>
  <si>
    <t>12/31/2019 12:16:15</t>
  </si>
  <si>
    <t>12/31/2019 12:17:15</t>
  </si>
  <si>
    <t>12/31/2019 12:14:06</t>
  </si>
  <si>
    <t>12/31/2019 12:15:28</t>
  </si>
  <si>
    <t>12/31/2019 12:15:32</t>
  </si>
  <si>
    <t>12/31/2019 12:15:33</t>
  </si>
  <si>
    <t>12/31/2019 12:15:38</t>
  </si>
  <si>
    <t>12/31/2019 12:18:53</t>
  </si>
  <si>
    <t>12/31/2019 12:20:37</t>
  </si>
  <si>
    <t>12/31/2019 12:20:01</t>
  </si>
  <si>
    <t>12/31/2019 12:17:35</t>
  </si>
  <si>
    <t>12/31/2019 12:21:00</t>
  </si>
  <si>
    <t>12/31/2019 12:21:36</t>
  </si>
  <si>
    <t>dbcf8c33-e0c5-44e9-ba85-4ada6425ce9d.tmp</t>
  </si>
  <si>
    <t>\\acsfs\profiles$\LUISPLS\Downloads\dbcf8c33-e0c5-44e9-ba85-4ada6425ce9d.tmp</t>
  </si>
  <si>
    <t>12/31/2019 12:17:55</t>
  </si>
  <si>
    <t>12/31/2019 12:23:37</t>
  </si>
  <si>
    <t>12/31/2019 12:22:15</t>
  </si>
  <si>
    <t>12/31/2019 12:24:36</t>
  </si>
  <si>
    <t>12/31/2019 12:23:15</t>
  </si>
  <si>
    <t>12/31/2019 12:20:54</t>
  </si>
  <si>
    <t>RELATORIO DE LOGIN - BV CARTÕES 29-12 - Cópia.xlsm</t>
  </si>
  <si>
    <t>\\acsfs\DEPTOS\Operacao\PCP\5 - Comum\PLANEJAMENTO BV\14 - ACOMPANHAMENTO\1 - REPORT ACOMPANHAMENTO\2019\12 - Dezembro\CARTÕES\Login Logout Cartões\RELATORIO DE LOGIN - BV CARTÕES 29-12 - Cópia.xlsm</t>
  </si>
  <si>
    <t>12/31/2019 12:20:19</t>
  </si>
  <si>
    <t>12/31/2019 12:24:26</t>
  </si>
  <si>
    <t>12/31/2019 12:26:36</t>
  </si>
  <si>
    <t>12/31/2019 12:24:27</t>
  </si>
  <si>
    <t>lu77602jihe.tmp</t>
  </si>
  <si>
    <t>\\acsfs\profiles$\jalilebds\Downloads\lu77602jihe.tmp</t>
  </si>
  <si>
    <t>12/31/2019 12:24:35</t>
  </si>
  <si>
    <t>12/31/2019 12:27:37</t>
  </si>
  <si>
    <t>12/31/2019 12:23:02</t>
  </si>
  <si>
    <t>a7a1332e-0b03-4f62-8120-8af3c71185b8.tmp</t>
  </si>
  <si>
    <t>\\acsfs\profiles$\MATEUSJM\Downloads\a7a1332e-0b03-4f62-8120-8af3c71185b8.tmp</t>
  </si>
  <si>
    <t>12/31/2019 12:23:55</t>
  </si>
  <si>
    <t>12/31/2019 12:28:36</t>
  </si>
  <si>
    <t>12/31/2019 12:24:10</t>
  </si>
  <si>
    <t>12/31/2019 12:28:15</t>
  </si>
  <si>
    <t>12/31/2019 12:29:36</t>
  </si>
  <si>
    <t>12/31/2019 12:25:09</t>
  </si>
  <si>
    <t>12/31/2019 12:28:04</t>
  </si>
  <si>
    <t>mail.google.com/sync/u/0/i/s?hl=pt-BR&amp;c=637</t>
  </si>
  <si>
    <t>12/31/2019 12:28:07</t>
  </si>
  <si>
    <t>mail.google.com/sync/u/0/i/s?hl=pt-BR&amp;c=639</t>
  </si>
  <si>
    <t>mail.google.com/sync/u/0/i/s?hl=pt-BR&amp;c=641</t>
  </si>
  <si>
    <t>12/31/2019 12:28:24</t>
  </si>
  <si>
    <t>12/31/2019 12:28:46</t>
  </si>
  <si>
    <t>12/31/2019 12:30:36</t>
  </si>
  <si>
    <t>12/31/2019 12:28:42</t>
  </si>
  <si>
    <t>12/31/2019 12:27:13</t>
  </si>
  <si>
    <t>12/31/2019 12:26:20</t>
  </si>
  <si>
    <t>12/31/2019 12:31:36</t>
  </si>
  <si>
    <t>12/31/2019 12:27:21</t>
  </si>
  <si>
    <t>12/31/2019 12:27:22</t>
  </si>
  <si>
    <t>lu40900589s8u.tmp</t>
  </si>
  <si>
    <t>\\acsfs\profiles$\LUISPLS\My Documents\Nova pasta\lu40900589s8u.tmp</t>
  </si>
  <si>
    <t>\\acsfs\profiles$\LUISPLS\My Documents\Nova pasta\lu40900589s8u.tmp\</t>
  </si>
  <si>
    <t>\\acsfs\profiles$\LUISPLS\My Documents\Nova pasta\lu40900589s8u.tmp\META-INF\</t>
  </si>
  <si>
    <t>\\acsfs\profiles$\LUISPLS\My Documents\Nova pasta\lu40900589s8u.tmp\Thumbnails\</t>
  </si>
  <si>
    <t>12/31/2019 12:27:31</t>
  </si>
  <si>
    <t>12/31/2019 12:30:03</t>
  </si>
  <si>
    <t>12/31/2019 12:30:04</t>
  </si>
  <si>
    <t>lu4064458bbvw.tmp</t>
  </si>
  <si>
    <t>\\acsfs\profiles$\LUISPLS\My Documents\Nova pasta\lu4064458bbvw.tmp</t>
  </si>
  <si>
    <t>\\acsfs\profiles$\LUISPLS\My Documents\Nova pasta\lu4064458bbvw.tmp\</t>
  </si>
  <si>
    <t>\\acsfs\profiles$\LUISPLS\My Documents\Nova pasta\lu4064458bbvw.tmp\META-INF\</t>
  </si>
  <si>
    <t>\\acsfs\profiles$\LUISPLS\My Documents\Nova pasta\lu4064458bbvw.tmp\Thumbnails\</t>
  </si>
  <si>
    <t>12/31/2019 12:30:10</t>
  </si>
  <si>
    <t>lu4064458bbw1.tmp</t>
  </si>
  <si>
    <t>\\acsfs\profiles$\LUISPLS\My Documents\Nova pasta\lu4064458bbw1.tmp</t>
  </si>
  <si>
    <t>\\acsfs\profiles$\LUISPLS\My Documents\Nova pasta\lu4064458bbw1.tmp\</t>
  </si>
  <si>
    <t>\\acsfs\profiles$\LUISPLS\My Documents\Nova pasta\lu4064458bbw1.tmp\META-INF\</t>
  </si>
  <si>
    <t>\\acsfs\profiles$\LUISPLS\My Documents\Nova pasta\lu4064458bbw1.tmp\Thumbnails\</t>
  </si>
  <si>
    <t>12/31/2019 12:29:55</t>
  </si>
  <si>
    <t>12/31/2019 12:33:37</t>
  </si>
  <si>
    <t>12/31/2019 12:30:16</t>
  </si>
  <si>
    <t>12/31/2019 12:34:36</t>
  </si>
  <si>
    <t>12/31/2019 12:29:15</t>
  </si>
  <si>
    <t>12/31/2019 12:29:22</t>
  </si>
  <si>
    <t>12/31/2019 12:29:26</t>
  </si>
  <si>
    <t>12/31/2019 12:29:53</t>
  </si>
  <si>
    <t>mail.google.com/sync/u/0/i/s?hl=pt-BR&amp;c=652</t>
  </si>
  <si>
    <t>12/31/2019 12:30:38</t>
  </si>
  <si>
    <t>mail.google.com/sync/u/0/i/s?hl=pt-BR&amp;c=657</t>
  </si>
  <si>
    <t>12/31/2019 12:31:14</t>
  </si>
  <si>
    <t>12/31/2019 12:31:45</t>
  </si>
  <si>
    <t>12/31/2019 12:32:16</t>
  </si>
  <si>
    <t>12/31/2019 12:32:32</t>
  </si>
  <si>
    <t>RELATORIO DE LOGIN - BV CARTÕES 30-12.xlsm</t>
  </si>
  <si>
    <t>\\acsfs\DEPTOS\Operacao\PCP\5 - Comum\PLANEJAMENTO BV\14 - ACOMPANHAMENTO\1 - REPORT ACOMPANHAMENTO\2019\12 - Dezembro\CARTÕES\Login Logout Cartões\RELATORIO DE LOGIN - BV CARTÕES 30-12.xlsm</t>
  </si>
  <si>
    <t>12/31/2019 12:32:38</t>
  </si>
  <si>
    <t>12/31/2019 12:33:51</t>
  </si>
  <si>
    <t>12/31/2019 12:34:01</t>
  </si>
  <si>
    <t>12/31/2019 12:34:08</t>
  </si>
  <si>
    <t>12/31/2019 12:33:01</t>
  </si>
  <si>
    <t>12/31/2019 12:35:37</t>
  </si>
  <si>
    <t>3096a5a9-2d6f-43f6-a076-8387ed0b528a.tmp</t>
  </si>
  <si>
    <t>\\acsfs\profiles$\nathaliarmr\Downloads\3096a5a9-2d6f-43f6-a076-8387ed0b528a.tmp</t>
  </si>
  <si>
    <t>12/31/2019 12:34:10</t>
  </si>
  <si>
    <t>12/31/2019 12:32:18</t>
  </si>
  <si>
    <t>12/31/2019 12:36:36</t>
  </si>
  <si>
    <t>12/31/2019 12:32:52</t>
  </si>
  <si>
    <t>12/31/2019 12:37:36</t>
  </si>
  <si>
    <t>12/31/2019 12:35:55</t>
  </si>
  <si>
    <t>12/31/2019 12:38:36</t>
  </si>
  <si>
    <t>12/31/2019 12:33:43</t>
  </si>
  <si>
    <t>\\acsfs\profiles$\geovannasm\My Documents\</t>
  </si>
  <si>
    <t>\\acsfs\profiles$\geovannasm\My Documents\831e1540-cb4c-4ee0-94b2-360a5afab640.pdf</t>
  </si>
  <si>
    <t>12/31/2019 12:34:28</t>
  </si>
  <si>
    <t>12/31/2019 12:34:29</t>
  </si>
  <si>
    <t>lu59249qwzf.tmp</t>
  </si>
  <si>
    <t>\\acsfs\profiles$\jonatanls\My Documents\lu59249qwzf.tmp</t>
  </si>
  <si>
    <t>12/31/2019 12:34:16</t>
  </si>
  <si>
    <t>12/31/2019 12:39:36</t>
  </si>
  <si>
    <t>12/31/2019 12:34:17</t>
  </si>
  <si>
    <t>lu188041eg9ux.tmp</t>
  </si>
  <si>
    <t>\\acsfs\profiles$\CLAUDIAJCA\lu188041eg9ux.tmp</t>
  </si>
  <si>
    <t>\\acsfs\profiles$\CLAUDIAJCA\lu188041eg9ux.tmp\</t>
  </si>
  <si>
    <t>\\acsfs\profiles$\CLAUDIAJCA\lu188041eg9ux.tmp\META-INF\</t>
  </si>
  <si>
    <t>\\acsfs\profiles$\CLAUDIAJCA\lu188041eg9ux.tmp\Thumbnails\</t>
  </si>
  <si>
    <t>12/31/2019 12:34:15</t>
  </si>
  <si>
    <t>12/31/2019 12:35:15</t>
  </si>
  <si>
    <t>12/31/2019 12:38:52</t>
  </si>
  <si>
    <t>12/31/2019 12:40:36</t>
  </si>
  <si>
    <t>be4b91e9-5673-4e20-ab30-c08a3129bf07.tmp</t>
  </si>
  <si>
    <t>\\acsfs\profiles$\laylaams\Downloads\be4b91e9-5673-4e20-ab30-c08a3129bf07.tmp</t>
  </si>
  <si>
    <t>12/31/2019 12:38:54</t>
  </si>
  <si>
    <t>8ff8098d-72f2-4472-a785-c06e0d52faca.tmp</t>
  </si>
  <si>
    <t>\\acsfs\profiles$\laylaams\Downloads\8ff8098d-72f2-4472-a785-c06e0d52faca.tmp</t>
  </si>
  <si>
    <t>12/31/2019 12:38:43</t>
  </si>
  <si>
    <t>12/31/2019 12:40:06</t>
  </si>
  <si>
    <t>12/31/2019 12:36:15</t>
  </si>
  <si>
    <t>12/31/2019 12:41:36</t>
  </si>
  <si>
    <t>12/31/2019 12:36:16</t>
  </si>
  <si>
    <t>lu3812458hhpp.tmp</t>
  </si>
  <si>
    <t>\\acsfs\profiles$\LUISPLS\My Documents\Nova pasta\lu3812458hhpp.tmp</t>
  </si>
  <si>
    <t>\\acsfs\profiles$\LUISPLS\My Documents\Nova pasta\lu3812458hhpp.tmp\</t>
  </si>
  <si>
    <t>\\acsfs\profiles$\LUISPLS\My Documents\Nova pasta\lu3812458hhpp.tmp\META-INF\</t>
  </si>
  <si>
    <t>\\acsfs\profiles$\LUISPLS\My Documents\Nova pasta\lu3812458hhpp.tmp\Thumbnails\</t>
  </si>
  <si>
    <t>12/31/2019 12:37:11</t>
  </si>
  <si>
    <t>12/31/2019 12:36:43</t>
  </si>
  <si>
    <t>12/31/2019 12:42:37</t>
  </si>
  <si>
    <t>lu77602jihh.tmp</t>
  </si>
  <si>
    <t>\\acsfs\profiles$\jalilebds\Downloads\lu77602jihh.tmp</t>
  </si>
  <si>
    <t>12/31/2019 12:41:08</t>
  </si>
  <si>
    <t>12/31/2019 12:40:57</t>
  </si>
  <si>
    <t>00bc36af-fe0e-4320-afea-6c29495a4597.tmp</t>
  </si>
  <si>
    <t>\\acsfs\profiles$\vivianalds\Downloads\00bc36af-fe0e-4320-afea-6c29495a4597.tmp</t>
  </si>
  <si>
    <t>12/31/2019 12:38:39</t>
  </si>
  <si>
    <t>12/31/2019 12:43:36</t>
  </si>
  <si>
    <t>12/31/2019 12:41:55</t>
  </si>
  <si>
    <t>12/31/2019 12:43:43</t>
  </si>
  <si>
    <t>12/31/2019 12:44:36</t>
  </si>
  <si>
    <t>12/31/2019 12:40:15</t>
  </si>
  <si>
    <t>12/31/2019 12:41:15</t>
  </si>
  <si>
    <t>12/31/2019 12:40:41</t>
  </si>
  <si>
    <t>832e9dad-28d0-4eb1-a27d-de5d89fd9e30.tmp</t>
  </si>
  <si>
    <t>\\acsfs\profiles$\mariagsg\Downloads\832e9dad-28d0-4eb1-a27d-de5d89fd9e30.tmp</t>
  </si>
  <si>
    <t>a3d82320-75d4-4af5-93c9-ffad634ca609.tmp</t>
  </si>
  <si>
    <t>\\acsfs\profiles$\mariagsg\Downloads\a3d82320-75d4-4af5-93c9-ffad634ca609.tmp</t>
  </si>
  <si>
    <t>12/31/2019 12:40:43</t>
  </si>
  <si>
    <t>Q29udHJvbGxlci5QYXl3YXJlXzEtMg-- (6).ica</t>
  </si>
  <si>
    <t>\\acsfs\profiles$\mariagsg\Downloads\Q29udHJvbGxlci5QYXl3YXJlXzEtMg-- (6).ica</t>
  </si>
  <si>
    <t>12/31/2019 12:41:11</t>
  </si>
  <si>
    <t>12/31/2019 12:41:35</t>
  </si>
  <si>
    <t>733a9f09-907b-4718-878e-62482868c5ca.tmp</t>
  </si>
  <si>
    <t>\\acsfs\profiles$\mariagsg\Downloads\733a9f09-907b-4718-878e-62482868c5ca.tmp</t>
  </si>
  <si>
    <t>12/31/2019 12:44:06</t>
  </si>
  <si>
    <t>12/31/2019 12:47:36</t>
  </si>
  <si>
    <t>12/31/2019 12:43:48</t>
  </si>
  <si>
    <t>12/31/2019 12:48:36</t>
  </si>
  <si>
    <t>b01a73ce-14b2-4c17-a46c-c0170a1ef17d.tmp</t>
  </si>
  <si>
    <t>\\acsfs\profiles$\Flaviojmm\Downloads\b01a73ce-14b2-4c17-a46c-c0170a1ef17d.tmp</t>
  </si>
  <si>
    <t>12/31/2019 12:46:15</t>
  </si>
  <si>
    <t>12/31/2019 12:49:36</t>
  </si>
  <si>
    <t>12/31/2019 12:47:15</t>
  </si>
  <si>
    <t>12/31/2019 12:46:10</t>
  </si>
  <si>
    <t>3698b10e-6488-4d5d-977f-355f30caadbf.tmp</t>
  </si>
  <si>
    <t>\\acsfs\profiles$\welidicdj\Downloads\3698b10e-6488-4d5d-977f-355f30caadbf.tmp</t>
  </si>
  <si>
    <t>12/31/2019 12:46:13</t>
  </si>
  <si>
    <t>12/31/2019 12:46:40</t>
  </si>
  <si>
    <t>12/31/2019 12:47:48</t>
  </si>
  <si>
    <t>e4d55b6b-3c9e-4d99-a5eb-159f1ec5f00a.tmp</t>
  </si>
  <si>
    <t>\\acsfs\profiles$\welidicdj\Downloads\e4d55b6b-3c9e-4d99-a5eb-159f1ec5f00a.tmp</t>
  </si>
  <si>
    <t>12/31/2019 12:47:02</t>
  </si>
  <si>
    <t>12/31/2019 12:50:36</t>
  </si>
  <si>
    <t>12/31/2019 12:47:37</t>
  </si>
  <si>
    <t>12/31/2019 12:51:36</t>
  </si>
  <si>
    <t>f0541df8-298b-43c2-95b8-7d5ad6c0430e.tmp</t>
  </si>
  <si>
    <t>\\acsfs\profiles$\philipegsf\Downloads\f0541df8-298b-43c2-95b8-7d5ad6c0430e.tmp</t>
  </si>
  <si>
    <t>12/31/2019 12:49:26</t>
  </si>
  <si>
    <t>12/31/2019 12:52:36</t>
  </si>
  <si>
    <t>12/31/2019 12:47:56</t>
  </si>
  <si>
    <t>12/31/2019 12:53:35</t>
  </si>
  <si>
    <t>12/31/2019 12:50:34</t>
  </si>
  <si>
    <t>12/31/2019 12:48:47</t>
  </si>
  <si>
    <t>12/31/2019 12:52:16</t>
  </si>
  <si>
    <t>12/31/2019 12:54:36</t>
  </si>
  <si>
    <t>12/31/2019 12:53:15</t>
  </si>
  <si>
    <t>12/31/2019 12:55:03</t>
  </si>
  <si>
    <t>12/31/2019 12:57:36</t>
  </si>
  <si>
    <t>12/31/2019 12:53:55</t>
  </si>
  <si>
    <t>12/31/2019 12:58:36</t>
  </si>
  <si>
    <t>12/31/2019 12:54:50</t>
  </si>
  <si>
    <t>b97c554f-c821-4926-86f2-6a26d74b8ac6.tmp</t>
  </si>
  <si>
    <t>\\acsfs\profiles$\rafaelamsv\Downloads\b97c554f-c821-4926-86f2-6a26d74b8ac6.tmp</t>
  </si>
  <si>
    <t>12/31/2019 12:58:15</t>
  </si>
  <si>
    <t>12/31/2019 12:59:36</t>
  </si>
  <si>
    <t>12/31/2019 12:58:22</t>
  </si>
  <si>
    <t>12/31/2019 13:01:36</t>
  </si>
  <si>
    <t>12/31/2019 12:58:23</t>
  </si>
  <si>
    <t>lu18508zy227.tmp</t>
  </si>
  <si>
    <t>\\acsfs\profiles$\geovanaasa\My Documents\lu18508zy227.tmp</t>
  </si>
  <si>
    <t>\\acsfs\profiles$\geovanaasa\My Documents\lu18508zy227.tmp\</t>
  </si>
  <si>
    <t>\\acsfs\profiles$\geovanaasa\My Documents\lu18508zy227.tmp\META-INF\</t>
  </si>
  <si>
    <t>\\acsfs\profiles$\geovanaasa\My Documents\lu18508zy227.tmp\Thumbnails\</t>
  </si>
  <si>
    <t>12/31/2019 12:58:27</t>
  </si>
  <si>
    <t>12/31/2019 12:59:54</t>
  </si>
  <si>
    <t>12/31/2019 12:59:55</t>
  </si>
  <si>
    <t>lu18508zy22f.tmp</t>
  </si>
  <si>
    <t>\\acsfs\profiles$\geovanaasa\My Documents\lu18508zy22f.tmp</t>
  </si>
  <si>
    <t>\\acsfs\profiles$\geovanaasa\My Documents\lu18508zy22f.tmp\</t>
  </si>
  <si>
    <t>\\acsfs\profiles$\geovanaasa\My Documents\lu18508zy22f.tmp\META-INF\</t>
  </si>
  <si>
    <t>\\acsfs\profiles$\geovanaasa\My Documents\lu18508zy22f.tmp\Thumbnails\</t>
  </si>
  <si>
    <t>12/31/2019 13:00:01</t>
  </si>
  <si>
    <t>12/31/2019 13:01:31</t>
  </si>
  <si>
    <t>12/31/2019 13:02:35</t>
  </si>
  <si>
    <t>24839e06-a44b-480f-b674-55be3940dfed.tmp</t>
  </si>
  <si>
    <t>\\acsfs\profiles$\quindaizaagds\Downloads\24839e06-a44b-480f-b674-55be3940dfed.tmp</t>
  </si>
  <si>
    <t>12/31/2019 12:59:56</t>
  </si>
  <si>
    <t>12/31/2019 13:03:36</t>
  </si>
  <si>
    <t>12/31/2019 12:59:47</t>
  </si>
  <si>
    <t>12/31/2019 12:59:32</t>
  </si>
  <si>
    <t>2fc1a1e8-3987-4003-b6f5-eeaf5455ccc2.tmp</t>
  </si>
  <si>
    <t>\\acsfs\profiles$\geovannasm\Downloads\2fc1a1e8-3987-4003-b6f5-eeaf5455ccc2.tmp</t>
  </si>
  <si>
    <t>12/31/2019 12:59:40</t>
  </si>
  <si>
    <t>12/31/2019 12:59:41</t>
  </si>
  <si>
    <t>lu59249qwzu.tmp</t>
  </si>
  <si>
    <t>\\acsfs\profiles$\jonatanls\My Documents\lu59249qwzu.tmp</t>
  </si>
  <si>
    <t>12/31/2019 13:00:18</t>
  </si>
  <si>
    <t>12/31/2019 13:00:19</t>
  </si>
  <si>
    <t>lu59249qx00.tmp</t>
  </si>
  <si>
    <t>\\acsfs\profiles$\jonatanls\My Documents\lu59249qx00.tmp</t>
  </si>
  <si>
    <t>12/31/2019 13:01:00</t>
  </si>
  <si>
    <t>aa3ed0f8-2947-4a1f-a0ad-b71a40ccdb40.tmp</t>
  </si>
  <si>
    <t>\\acsfs\profiles$\jonatanls\Downloads\aa3ed0f8-2947-4a1f-a0ad-b71a40ccdb40.tmp</t>
  </si>
  <si>
    <t>12/31/2019 13:01:38</t>
  </si>
  <si>
    <t>lu1876019g2vs.tmp</t>
  </si>
  <si>
    <t>\\acsfs\profiles$\FLAVIOJMM\My Documents\lu1876019g2vs.tmp</t>
  </si>
  <si>
    <t>\\acsfs\profiles$\FLAVIOJMM\My Documents\lu1876019g2vs.tmp\</t>
  </si>
  <si>
    <t>\\acsfs\profiles$\FLAVIOJMM\My Documents\lu1876019g2vs.tmp\META-INF\</t>
  </si>
  <si>
    <t>\\acsfs\profiles$\FLAVIOJMM\My Documents\lu1876019g2vs.tmp\Thumbnails\</t>
  </si>
  <si>
    <t>12/31/2019 13:03:09</t>
  </si>
  <si>
    <t>12/31/2019 13:02:13</t>
  </si>
  <si>
    <t>12/31/2019 13:00:53</t>
  </si>
  <si>
    <t>12/31/2019 13:04:36</t>
  </si>
  <si>
    <t>fd17475d-7657-481d-b631-0d0df47281b9.tmp</t>
  </si>
  <si>
    <t>\\acsfs\profiles$\anafaes\Downloads\fd17475d-7657-481d-b631-0d0df47281b9.tmp</t>
  </si>
  <si>
    <t>12/31/2019 13:01:13</t>
  </si>
  <si>
    <t>e608ead0-c8d1-4db2-bc85-4cb52d1a60f5.tmp</t>
  </si>
  <si>
    <t>\\acsfs\profiles$\anafaes\Downloads\e608ead0-c8d1-4db2-bc85-4cb52d1a60f5.tmp</t>
  </si>
  <si>
    <t>12/31/2019 12:59:15</t>
  </si>
  <si>
    <t>12/31/2019 13:02:09</t>
  </si>
  <si>
    <t>1b5bede4-edb7-4865-9f18-4afa705de826.tmp</t>
  </si>
  <si>
    <t>\\acsfs\profiles$\isabellegtds\Downloads\1b5bede4-edb7-4865-9f18-4afa705de826.tmp</t>
  </si>
  <si>
    <t>12/31/2019 13:05:06</t>
  </si>
  <si>
    <t>12/31/2019 13:07:36</t>
  </si>
  <si>
    <t>lu77602jihk.tmp</t>
  </si>
  <si>
    <t>\\acsfs\profiles$\jalilebds\Downloads\lu77602jihk.tmp</t>
  </si>
  <si>
    <t>20258016-ab62-40de-b437-1c2ffa72b775.tmp</t>
  </si>
  <si>
    <t>\\acsfs\profiles$\quindaizaagds\Downloads\20258016-ab62-40de-b437-1c2ffa72b775.tmp</t>
  </si>
  <si>
    <t>12/31/2019 13:02:45</t>
  </si>
  <si>
    <t>50e95846-fe1a-425e-9f62-de4c9d972fea.tmp</t>
  </si>
  <si>
    <t>\\acsfs\profiles$\quindaizaagds\Downloads\50e95846-fe1a-425e-9f62-de4c9d972fea.tmp</t>
  </si>
  <si>
    <t>12/31/2019 13:05:56</t>
  </si>
  <si>
    <t>12/31/2019 13:08:36</t>
  </si>
  <si>
    <t>12/31/2019 13:06:09</t>
  </si>
  <si>
    <t>12/31/2019 13:06:08</t>
  </si>
  <si>
    <t>09aebef7-070a-46af-9a5c-10f06083e7e4.tmp</t>
  </si>
  <si>
    <t>\\acsfs\profiles$\rafaelamsv\Downloads\09aebef7-070a-46af-9a5c-10f06083e7e4.tmp</t>
  </si>
  <si>
    <t>12/31/2019 13:08:30</t>
  </si>
  <si>
    <t>12/31/2019 13:09:36</t>
  </si>
  <si>
    <t>7847b000-eed8-4862-9aec-ffdabd0568ed.tmp</t>
  </si>
  <si>
    <t>\\acsfs\profiles$\anafaes\Downloads\7847b000-eed8-4862-9aec-ffdabd0568ed.tmp</t>
  </si>
  <si>
    <t>12/31/2019 13:04:15</t>
  </si>
  <si>
    <t>12/31/2019 13:05:15</t>
  </si>
  <si>
    <t>12/31/2019 13:09:41</t>
  </si>
  <si>
    <t>12/31/2019 13:10:36</t>
  </si>
  <si>
    <t>12/31/2019 13:05:45</t>
  </si>
  <si>
    <t>12/31/2019 13:08:56</t>
  </si>
  <si>
    <t>12/31/2019 13:11:36</t>
  </si>
  <si>
    <t>47a74be8-ea9d-4cda-a16a-c881d100c758.tmp</t>
  </si>
  <si>
    <t>\\acsfs\profiles$\gabriellalpr\Downloads\47a74be8-ea9d-4cda-a16a-c881d100c758.tmp</t>
  </si>
  <si>
    <t>12/31/2019 13:06:57</t>
  </si>
  <si>
    <t>12/31/2019 13:10:19</t>
  </si>
  <si>
    <t>cf7746a3-bf4e-4a59-a2d8-c8c8b3e85878.tmp</t>
  </si>
  <si>
    <t>\\acsfs\profiles$\geovanaasa\Downloads\cf7746a3-bf4e-4a59-a2d8-c8c8b3e85878.tmp</t>
  </si>
  <si>
    <t>12/31/2019 13:10:03</t>
  </si>
  <si>
    <t>12/31/2019 13:12:36</t>
  </si>
  <si>
    <t>12/31/2019 13:10:04</t>
  </si>
  <si>
    <t>lu77602jihn.tmp</t>
  </si>
  <si>
    <t>\\acsfs\profiles$\jalilebds\Downloads\lu77602jihn.tmp</t>
  </si>
  <si>
    <t>12/31/2019 13:07:53</t>
  </si>
  <si>
    <t>12/31/2019 13:09:35</t>
  </si>
  <si>
    <t>12/31/2019 13:13:36</t>
  </si>
  <si>
    <t>12/31/2019 13:09:56</t>
  </si>
  <si>
    <t>12/31/2019 13:09:57</t>
  </si>
  <si>
    <t>12/31/2019 13:10:11</t>
  </si>
  <si>
    <t>12/31/2019 13:10:26</t>
  </si>
  <si>
    <t>12/31/2019 13:10:32</t>
  </si>
  <si>
    <t>12/31/2019 13:10:39</t>
  </si>
  <si>
    <t>12/31/2019 13:11:08</t>
  </si>
  <si>
    <t>12/31/2019 13:11:17</t>
  </si>
  <si>
    <t>12/31/2019 13:11:44</t>
  </si>
  <si>
    <t>12/31/2019 13:11:56</t>
  </si>
  <si>
    <t>12/31/2019 13:12:07</t>
  </si>
  <si>
    <t>12/31/2019 13:12:16</t>
  </si>
  <si>
    <t>12/31/2019 13:12:26</t>
  </si>
  <si>
    <t>12/31/2019 13:12:28</t>
  </si>
  <si>
    <t>12/31/2019 13:12:32</t>
  </si>
  <si>
    <t>12/31/2019 13:12:35</t>
  </si>
  <si>
    <t>12/31/2019 13:12:41</t>
  </si>
  <si>
    <t>12/31/2019 13:12:59</t>
  </si>
  <si>
    <t>12/31/2019 13:10:27</t>
  </si>
  <si>
    <t>12/31/2019 13:10:15</t>
  </si>
  <si>
    <t>12/31/2019 13:14:36</t>
  </si>
  <si>
    <t>12/31/2019 13:11:15</t>
  </si>
  <si>
    <t>12/31/2019 13:12:34</t>
  </si>
  <si>
    <t>12/31/2019 13:15:36</t>
  </si>
  <si>
    <t>lu12940lsead.tmp</t>
  </si>
  <si>
    <t>\\acsfs\profiles$\dhiulliananads\My Documents\lu12940lsead.tmp</t>
  </si>
  <si>
    <t>\\acsfs\profiles$\dhiulliananads\My Documents\lu12940lsead.tmp\</t>
  </si>
  <si>
    <t>\\acsfs\profiles$\dhiulliananads\My Documents\lu12940lsead.tmp\META-INF\</t>
  </si>
  <si>
    <t>\\acsfs\profiles$\dhiulliananads\My Documents\lu12940lsead.tmp\Thumbnails\</t>
  </si>
  <si>
    <t>lu12940lseak.tmp</t>
  </si>
  <si>
    <t>\\acsfs\profiles$\dhiulliananads\My Documents\lu12940lseak.tmp</t>
  </si>
  <si>
    <t>12/31/2019 13:13:00</t>
  </si>
  <si>
    <t>\\acsfs\profiles$\dhiulliananads\My Documents\lu12940lseak.tmp\</t>
  </si>
  <si>
    <t>\\acsfs\profiles$\dhiulliananads\My Documents\lu12940lseak.tmp\META-INF\</t>
  </si>
  <si>
    <t>\\acsfs\profiles$\dhiulliananads\My Documents\lu12940lseak.tmp\Thumbnails\</t>
  </si>
  <si>
    <t>12/31/2019 13:16:36</t>
  </si>
  <si>
    <t>12/31/2019 13:12:29</t>
  </si>
  <si>
    <t>lu18508zy22p.tmp</t>
  </si>
  <si>
    <t>\\acsfs\profiles$\geovanaasa\My Documents\lu18508zy22p.tmp</t>
  </si>
  <si>
    <t>\\acsfs\profiles$\geovanaasa\My Documents\lu18508zy22p.tmp\</t>
  </si>
  <si>
    <t>\\acsfs\profiles$\geovanaasa\My Documents\lu18508zy22p.tmp\META-INF\</t>
  </si>
  <si>
    <t>\\acsfs\profiles$\geovanaasa\My Documents\lu18508zy22p.tmp\Thumbnails\</t>
  </si>
  <si>
    <t>12/31/2019 13:16:14</t>
  </si>
  <si>
    <t>12/31/2019 13:18:35</t>
  </si>
  <si>
    <t>12/31/2019 13:16:15</t>
  </si>
  <si>
    <t>lu400165kr02g.tmp</t>
  </si>
  <si>
    <t>\\acsfs\profiles$\LUCASBS\RENEG BV\Consolidado\lu400165kr02g.tmp</t>
  </si>
  <si>
    <t>\\acsfs\profiles$\LUCASBS\RENEG BV\Consolidado\lu400165kr02g.tmp\</t>
  </si>
  <si>
    <t>\\acsfs\profiles$\LUCASBS\RENEG BV\Consolidado\lu400165kr02g.tmp\META-INF\</t>
  </si>
  <si>
    <t>\\acsfs\profiles$\LUCASBS\RENEG BV\Consolidado\lu400165kr02g.tmp\Thumbnails\</t>
  </si>
  <si>
    <t>12/31/2019 13:16:33</t>
  </si>
  <si>
    <t>12/31/2019 13:16:37</t>
  </si>
  <si>
    <t>12/31/2019 13:17:10</t>
  </si>
  <si>
    <t>12/31/2019 13:17:34</t>
  </si>
  <si>
    <t>12/31/2019 13:17:47</t>
  </si>
  <si>
    <t>12/31/2019 13:17:53</t>
  </si>
  <si>
    <t>12/31/2019 13:17:56</t>
  </si>
  <si>
    <t>12/31/2019 13:19:36</t>
  </si>
  <si>
    <t>12/31/2019 13:17:15</t>
  </si>
  <si>
    <t>12/31/2019 13:18:57</t>
  </si>
  <si>
    <t>12/31/2019 13:15:33</t>
  </si>
  <si>
    <t>12/31/2019 13:20:37</t>
  </si>
  <si>
    <t>12/31/2019 13:16:18</t>
  </si>
  <si>
    <t>12/31/2019 13:19:24</t>
  </si>
  <si>
    <t>12/31/2019 13:21:36</t>
  </si>
  <si>
    <t>https://udpmailboxap01.acs.com.br:8443/h/search?si=0&amp;so=0&amp;sc=58227&amp;sfi=6&amp;st=conversation&amp;action=compose</t>
  </si>
  <si>
    <t>6;</t>
  </si>
  <si>
    <t>https://6</t>
  </si>
  <si>
    <t>12/31/2019 13:16:50</t>
  </si>
  <si>
    <t>12/31/2019 13:16:51</t>
  </si>
  <si>
    <t>lu18508zy22u.tmp</t>
  </si>
  <si>
    <t>\\acsfs\profiles$\geovanaasa\My Documents\lu18508zy22u.tmp</t>
  </si>
  <si>
    <t>\\acsfs\profiles$\geovanaasa\My Documents\lu18508zy22u.tmp\</t>
  </si>
  <si>
    <t>\\acsfs\profiles$\geovanaasa\My Documents\lu18508zy22u.tmp\META-INF\</t>
  </si>
  <si>
    <t>\\acsfs\profiles$\geovanaasa\My Documents\lu18508zy22u.tmp\Thumbnails\</t>
  </si>
  <si>
    <t>12/31/2019 13:22:36</t>
  </si>
  <si>
    <t>12/31/2019 13:20:38</t>
  </si>
  <si>
    <t>lu202721a2ri7.tmp</t>
  </si>
  <si>
    <t>\\acsfs\profiles$\VIVIANALDS\My Documents\lu202721a2ri7.tmp</t>
  </si>
  <si>
    <t>\\acsfs\profiles$\VIVIANALDS\My Documents\lu202721a2ri7.tmp\</t>
  </si>
  <si>
    <t>\\acsfs\profiles$\VIVIANALDS\My Documents\lu202721a2ri7.tmp\META-INF\</t>
  </si>
  <si>
    <t>\\acsfs\profiles$\VIVIANALDS\My Documents\lu202721a2ri7.tmp\Thumbnails\</t>
  </si>
  <si>
    <t>12/31/2019 13:20:40</t>
  </si>
  <si>
    <t>12/31/2019 13:20:41</t>
  </si>
  <si>
    <t>lu202721a2rib.tmp</t>
  </si>
  <si>
    <t>\\acsfs\profiles$\VIVIANALDS\My Documents\lu202721a2rib.tmp</t>
  </si>
  <si>
    <t>\\acsfs\profiles$\VIVIANALDS\My Documents\lu202721a2rib.tmp\</t>
  </si>
  <si>
    <t>\\acsfs\profiles$\VIVIANALDS\My Documents\lu202721a2rib.tmp\META-INF\</t>
  </si>
  <si>
    <t>\\acsfs\profiles$\VIVIANALDS\My Documents\lu202721a2rib.tmp\Thumbnails\</t>
  </si>
  <si>
    <t>12/31/2019 13:19:28</t>
  </si>
  <si>
    <t>12/31/2019 13:23:35</t>
  </si>
  <si>
    <t>12/31/2019 13:19:38</t>
  </si>
  <si>
    <t>12/31/2019 13:19:43</t>
  </si>
  <si>
    <t>12/31/2019 13:20:02</t>
  </si>
  <si>
    <t>12/31/2019 13:20:25</t>
  </si>
  <si>
    <t>12/31/2019 13:20:32</t>
  </si>
  <si>
    <t>12/31/2019 13:20:50</t>
  </si>
  <si>
    <t>12/31/2019 13:21:01</t>
  </si>
  <si>
    <t>12/31/2019 13:21:13</t>
  </si>
  <si>
    <t>12/31/2019 13:21:58</t>
  </si>
  <si>
    <t>12/31/2019 13:22:15</t>
  </si>
  <si>
    <t>12/31/2019 13:22:25</t>
  </si>
  <si>
    <t>12/31/2019 13:22:31</t>
  </si>
  <si>
    <t>12/31/2019 13:22:38</t>
  </si>
  <si>
    <t>12/31/2019 13:22:43</t>
  </si>
  <si>
    <t>12/31/2019 13:22:45</t>
  </si>
  <si>
    <t>12/31/2019 13:22:48</t>
  </si>
  <si>
    <t>12/31/2019 13:22:54</t>
  </si>
  <si>
    <t>12/31/2019 13:22:58</t>
  </si>
  <si>
    <t>12/31/2019 13:20:49</t>
  </si>
  <si>
    <t>8ca67c3e-31d7-41f7-9b82-97052763ed26.tmp</t>
  </si>
  <si>
    <t>\\acsfs\profiles$\kellzylenneasr\Downloads\8ca67c3e-31d7-41f7-9b82-97052763ed26.tmp</t>
  </si>
  <si>
    <t>12/31/2019 13:21:10</t>
  </si>
  <si>
    <t>12/31/2019 13:21:11</t>
  </si>
  <si>
    <t>lu1406010xs10.tmp</t>
  </si>
  <si>
    <t>\\acsfs\profiles$\jonathanwap\lu1406010xs10.tmp</t>
  </si>
  <si>
    <t>\\acsfs\profiles$\jonathanwap\lu1406010xs10.tmp\</t>
  </si>
  <si>
    <t>\\acsfs\profiles$\jonathanwap\lu1406010xs10.tmp\META-INF\</t>
  </si>
  <si>
    <t>\\acsfs\profiles$\jonathanwap\lu1406010xs10.tmp\Thumbnails\</t>
  </si>
  <si>
    <t>12/31/2019 13:24:36</t>
  </si>
  <si>
    <t>12/31/2019 13:23:15</t>
  </si>
  <si>
    <t>12/31/2019 13:23:10</t>
  </si>
  <si>
    <t>12/31/2019 13:26:36</t>
  </si>
  <si>
    <t>10.200.66.51</t>
  </si>
  <si>
    <t>74-86-7A-FB-17-64</t>
  </si>
  <si>
    <t>VOTORANT-YB010</t>
  </si>
  <si>
    <t>\\acsfs\profiles$\layonmof\Contacts\</t>
  </si>
  <si>
    <t>LAYON MARCIO OLIVEIRA FARIA (23838).contact</t>
  </si>
  <si>
    <t>\\acsfs\profiles$\layonmof\Contacts\LAYON MARCIO OLIVEIRA FARIA (23838).contact</t>
  </si>
  <si>
    <t>12/31/2019 13:23:22</t>
  </si>
  <si>
    <t>\\acsfs\profiles$\layonmof\My Documents\My Videos\</t>
  </si>
  <si>
    <t>\\acsfs\profiles$\layonmof\My Documents\My Videos\desktop.ini</t>
  </si>
  <si>
    <t>12/31/2019 13:23:23</t>
  </si>
  <si>
    <t>\\acsfs\profiles$\layonmof\My Documents\My Pictures\</t>
  </si>
  <si>
    <t>\\acsfs\profiles$\layonmof\My Documents\My Pictures\desktop.ini</t>
  </si>
  <si>
    <t>12/31/2019 13:23:24</t>
  </si>
  <si>
    <t>\\acsfs\profiles$\layonmof\Contacts\desktop.ini</t>
  </si>
  <si>
    <t>\\acsfs\profiles$\layonmof\Favorites\</t>
  </si>
  <si>
    <t>\\acsfs\profiles$\layonmof\Favorites\desktop.ini</t>
  </si>
  <si>
    <t>12/31/2019 13:23:25</t>
  </si>
  <si>
    <t>\\acsfs\profiles$\layonmof\My Documents\My Music\</t>
  </si>
  <si>
    <t>\\acsfs\profiles$\layonmof\My Documents\My Music\desktop.ini</t>
  </si>
  <si>
    <t>12/31/2019 13:23:26</t>
  </si>
  <si>
    <t>\\acsfs\profiles$\layonmof\Searches\</t>
  </si>
  <si>
    <t>\\acsfs\profiles$\layonmof\Searches\desktop.ini</t>
  </si>
  <si>
    <t>\\acsfs\profiles$\layonmof\Downloads\desktop.ini</t>
  </si>
  <si>
    <t>12/31/2019 13:23:27</t>
  </si>
  <si>
    <t>\\acsfs\profiles$\layonmof\My Documents\</t>
  </si>
  <si>
    <t>\\acsfs\profiles$\layonmof\My Documents\desktop.ini</t>
  </si>
  <si>
    <t>12/31/2019 13:20:54</t>
  </si>
  <si>
    <t>12/31/2019 13:23:28</t>
  </si>
  <si>
    <t>\\acsfs\profiles$\layonmof\Saved Games\</t>
  </si>
  <si>
    <t>\\acsfs\profiles$\layonmof\Saved Games\desktop.ini</t>
  </si>
  <si>
    <t>12/31/2019 13:21:24</t>
  </si>
  <si>
    <t>12/31/2019 13:21:54</t>
  </si>
  <si>
    <t>12/31/2019 13:22:24</t>
  </si>
  <si>
    <t>12/31/2019 13:23:44</t>
  </si>
  <si>
    <t>\\acsfs\profiles$\layonmof\Favorites\Links for Brasil\</t>
  </si>
  <si>
    <t>\\acsfs\profiles$\layonmof\Favorites\Links for Brasil\desktop.ini</t>
  </si>
  <si>
    <t>\\acsfs\profiles$\layonmof\Favorites\Links for Brasil\Microsoft Brasil.url</t>
  </si>
  <si>
    <t>12/31/2019 13:23:46</t>
  </si>
  <si>
    <t>\\acsfs\profiles$\layonmof\Favorites\Links for Brasil\Windows Brasil.url</t>
  </si>
  <si>
    <t>12/31/2019 13:23:47</t>
  </si>
  <si>
    <t>\\acsfs\profiles$\layonmof\Favorites\Links for Brasil\MSN Brasil.url</t>
  </si>
  <si>
    <t>12/31/2019 13:25:34</t>
  </si>
  <si>
    <t>c1150966-f8e8-46ad-93d7-534f118704ef.tmp</t>
  </si>
  <si>
    <t>\\acsfs\profiles$\layonmof\Downloads\c1150966-f8e8-46ad-93d7-534f118704ef.tmp</t>
  </si>
  <si>
    <t>12/31/2019 13:24:22</t>
  </si>
  <si>
    <t>12/31/2019 13:24:23</t>
  </si>
  <si>
    <t>lu18508zy22z.tmp</t>
  </si>
  <si>
    <t>\\acsfs\profiles$\geovanaasa\My Documents\lu18508zy22z.tmp</t>
  </si>
  <si>
    <t>\\acsfs\profiles$\geovanaasa\My Documents\lu18508zy22z.tmp\</t>
  </si>
  <si>
    <t>\\acsfs\profiles$\geovanaasa\My Documents\lu18508zy22z.tmp\META-INF\</t>
  </si>
  <si>
    <t>\\acsfs\profiles$\geovanaasa\My Documents\lu18508zy22z.tmp\Thumbnails\</t>
  </si>
  <si>
    <t>12/31/2019 13:24:47</t>
  </si>
  <si>
    <t>12/31/2019 13:24:49</t>
  </si>
  <si>
    <t>lu3790058nseq.tmp</t>
  </si>
  <si>
    <t>\\acsfs\profiles$\LUISPLS\My Documents\Nova pasta\lu3790058nseq.tmp</t>
  </si>
  <si>
    <t>12/31/2019 13:21:53</t>
  </si>
  <si>
    <t>62ce8c36-329f-4424-aab8-3f12e297574c.tmp</t>
  </si>
  <si>
    <t>\\acsfs\profiles$\alinepp\Downloads\62ce8c36-329f-4424-aab8-3f12e297574c.tmp</t>
  </si>
  <si>
    <t>12/31/2019 13:24:06</t>
  </si>
  <si>
    <t>12/31/2019 13:27:36</t>
  </si>
  <si>
    <t>12/31/2019 13:23:08</t>
  </si>
  <si>
    <t>12/31/2019 13:28:36</t>
  </si>
  <si>
    <t>12/31/2019 13:23:14</t>
  </si>
  <si>
    <t>12/31/2019 13:23:34</t>
  </si>
  <si>
    <t>12/31/2019 13:23:56</t>
  </si>
  <si>
    <t>12/31/2019 13:23:58</t>
  </si>
  <si>
    <t>12/31/2019 13:24:04</t>
  </si>
  <si>
    <t>mail.google.com/sync/u/0/i/s?hl=pt-BR&amp;c=280</t>
  </si>
  <si>
    <t>12/31/2019 13:24:09</t>
  </si>
  <si>
    <t>12/31/2019 13:25:21</t>
  </si>
  <si>
    <t>mail.google.com/sync/u/0/i/s?hl=pt-BR&amp;c=297</t>
  </si>
  <si>
    <t>12/31/2019 13:25:22</t>
  </si>
  <si>
    <t>12/31/2019 13:26:02</t>
  </si>
  <si>
    <t>12/31/2019 13:26:06</t>
  </si>
  <si>
    <t>mail.google.com/sync/u/0/i/s?hl=pt-BR&amp;c=308</t>
  </si>
  <si>
    <t>12/31/2019 13:26:34</t>
  </si>
  <si>
    <t>mail.google.com/sync/u/0/i/s?hl=pt-BR&amp;c=313</t>
  </si>
  <si>
    <t>12/31/2019 13:26:43</t>
  </si>
  <si>
    <t>12/31/2019 13:27:03</t>
  </si>
  <si>
    <t>12/31/2019 13:27:16</t>
  </si>
  <si>
    <t>12/31/2019 13:24:51</t>
  </si>
  <si>
    <t>lu1876019g2w8.tmp</t>
  </si>
  <si>
    <t>\\acsfs\profiles$\FLAVIOJMM\My Documents\lu1876019g2w8.tmp</t>
  </si>
  <si>
    <t>\\acsfs\profiles$\FLAVIOJMM\My Documents\lu1876019g2w8.tmp\</t>
  </si>
  <si>
    <t>\\acsfs\profiles$\FLAVIOJMM\My Documents\lu1876019g2w8.tmp\META-INF\</t>
  </si>
  <si>
    <t>\\acsfs\profiles$\FLAVIOJMM\My Documents\lu1876019g2w8.tmp\Thumbnails\</t>
  </si>
  <si>
    <t>12/31/2019 13:28:15</t>
  </si>
  <si>
    <t>12/31/2019 13:29:36</t>
  </si>
  <si>
    <t>12/31/2019 13:27:33</t>
  </si>
  <si>
    <t>03844160-6a23-423d-8176-c0feecbf246d.tmp</t>
  </si>
  <si>
    <t>\\acsfs\profiles$\karinarm\Downloads\03844160-6a23-423d-8176-c0feecbf246d.tmp</t>
  </si>
  <si>
    <t>12/31/2019 13:25:53</t>
  </si>
  <si>
    <t>12/31/2019 13:31:36</t>
  </si>
  <si>
    <t>Não confirmado 21157.crdownload</t>
  </si>
  <si>
    <t>\\acsfs\profiles$\layonmof\Downloads\Não confirmado 21157.crdownload</t>
  </si>
  <si>
    <t>d5794ad3-9c89-41e2-a90e-fd959aafc128.tmp</t>
  </si>
  <si>
    <t>\\acsfs\profiles$\layonmof\Downloads\d5794ad3-9c89-41e2-a90e-fd959aafc128.tmp</t>
  </si>
  <si>
    <t>12/31/2019 13:26:08</t>
  </si>
  <si>
    <t>1bf86ab5-38a8-494f-89fe-efc64342027b.tmp</t>
  </si>
  <si>
    <t>\\acsfs\profiles$\layonmof\Downloads\1bf86ab5-38a8-494f-89fe-efc64342027b.tmp</t>
  </si>
  <si>
    <t>12/31/2019 13:26:22</t>
  </si>
  <si>
    <t>3d8dff76-54bf-4b90-8c6a-f91f0c718b5a.tmp</t>
  </si>
  <si>
    <t>\\acsfs\profiles$\layonmof\Downloads\3d8dff76-54bf-4b90-8c6a-f91f0c718b5a.tmp</t>
  </si>
  <si>
    <t>12/31/2019 13:27:40</t>
  </si>
  <si>
    <t>e0677559-fd9a-4883-8069-9fb9285ea0e4.tmp</t>
  </si>
  <si>
    <t>\\acsfs\profiles$\layonmof\Downloads\e0677559-fd9a-4883-8069-9fb9285ea0e4.tmp</t>
  </si>
  <si>
    <t>12/31/2019 13:27:09</t>
  </si>
  <si>
    <t>12/31/2019 13:31:01</t>
  </si>
  <si>
    <t>12/31/2019 13:28:54</t>
  </si>
  <si>
    <t>12/31/2019 13:32:36</t>
  </si>
  <si>
    <t>12/31/2019 13:31:11</t>
  </si>
  <si>
    <t>12/31/2019 13:33:35</t>
  </si>
  <si>
    <t>12/31/2019 13:29:56</t>
  </si>
  <si>
    <t>12/31/2019 13:29:49</t>
  </si>
  <si>
    <t>12/31/2019 13:29:15</t>
  </si>
  <si>
    <t>12/31/2019 13:34:36</t>
  </si>
  <si>
    <t>.~lock.isabelle 4.ods#</t>
  </si>
  <si>
    <t>\\acsfs\profiles$\ISABELLEGTDS\Nova pasta\.~lock.isabelle 4.ods#</t>
  </si>
  <si>
    <t>12/31/2019 13:33:36</t>
  </si>
  <si>
    <t>lu1780vk3zp.tmp</t>
  </si>
  <si>
    <t>\\acsfs\profiles$\ISABELLEGTDS\Nova pasta\lu1780vk3zp.tmp</t>
  </si>
  <si>
    <t>\\acsfs\profiles$\ISABELLEGTDS\Nova pasta\lu1780vk3zp.tmp\</t>
  </si>
  <si>
    <t>\\acsfs\profiles$\ISABELLEGTDS\Nova pasta\lu1780vk3zp.tmp\META-INF\</t>
  </si>
  <si>
    <t>\\acsfs\profiles$\ISABELLEGTDS\Nova pasta\lu1780vk3zp.tmp\Thumbnails\</t>
  </si>
  <si>
    <t>12/31/2019 13:35:12</t>
  </si>
  <si>
    <t>12/31/2019 13:36:36</t>
  </si>
  <si>
    <t>12/31/2019 13:35:13</t>
  </si>
  <si>
    <t>lu18508zy239.tmp</t>
  </si>
  <si>
    <t>\\acsfs\profiles$\geovanaasa\My Documents\lu18508zy239.tmp</t>
  </si>
  <si>
    <t>\\acsfs\profiles$\geovanaasa\My Documents\lu18508zy239.tmp\</t>
  </si>
  <si>
    <t>\\acsfs\profiles$\geovanaasa\My Documents\lu18508zy239.tmp\META-INF\</t>
  </si>
  <si>
    <t>\\acsfs\profiles$\geovanaasa\My Documents\lu18508zy239.tmp\Thumbnails\</t>
  </si>
  <si>
    <t>12/31/2019 13:34:00</t>
  </si>
  <si>
    <t>e9b03a05-e89b-41b1-adfa-550c1dd302fb.tmp</t>
  </si>
  <si>
    <t>\\acsfs\profiles$\alinepp\Downloads\e9b03a05-e89b-41b1-adfa-550c1dd302fb.tmp</t>
  </si>
  <si>
    <t>12/31/2019 13:35:01</t>
  </si>
  <si>
    <t>12/31/2019 13:37:36</t>
  </si>
  <si>
    <t>12/31/2019 13:35:56</t>
  </si>
  <si>
    <t>12/31/2019 13:38:36</t>
  </si>
  <si>
    <t>12/31/2019 13:34:22</t>
  </si>
  <si>
    <t>12/31/2019 13:34:15</t>
  </si>
  <si>
    <t>12/31/2019 13:39:36</t>
  </si>
  <si>
    <t>12/31/2019 13:35:15</t>
  </si>
  <si>
    <t>12/31/2019 13:38:55</t>
  </si>
  <si>
    <t>12/31/2019 13:40:36</t>
  </si>
  <si>
    <t>c9b5c941-e45a-44af-8fb5-34c886a7aecc.tmp</t>
  </si>
  <si>
    <t>\\acsfs\profiles$\laylaams\Downloads\c9b5c941-e45a-44af-8fb5-34c886a7aecc.tmp</t>
  </si>
  <si>
    <t>12/31/2019 13:38:23</t>
  </si>
  <si>
    <t>12/31/2019 13:41:36</t>
  </si>
  <si>
    <t>f82be65f-452c-4cb3-91a5-108fa588aba0.tmp</t>
  </si>
  <si>
    <t>\\acsfs\profiles$\alinepp\Downloads\f82be65f-452c-4cb3-91a5-108fa588aba0.tmp</t>
  </si>
  <si>
    <t>12/31/2019 13:39:38</t>
  </si>
  <si>
    <t>9598ccdf-0f29-4486-a132-b28ff86c31d8.tmp</t>
  </si>
  <si>
    <t>\\acsfs\profiles$\alinepp\Downloads\9598ccdf-0f29-4486-a132-b28ff86c31d8.tmp</t>
  </si>
  <si>
    <t>12/31/2019 13:41:56</t>
  </si>
  <si>
    <t>12/31/2019 13:43:36</t>
  </si>
  <si>
    <t>12/31/2019 13:39:28</t>
  </si>
  <si>
    <t>12/31/2019 13:41:15</t>
  </si>
  <si>
    <t>9940664d-61cf-4d9c-95d3-6e8779227d08.tmp</t>
  </si>
  <si>
    <t>\\acsfs\profiles$\jonatanls\Downloads\9940664d-61cf-4d9c-95d3-6e8779227d08.tmp</t>
  </si>
  <si>
    <t>12/31/2019 13:42:03</t>
  </si>
  <si>
    <t>ace71d8d-f66a-413e-8af0-f316f323853b.tmp</t>
  </si>
  <si>
    <t>\\acsfs\profiles$\jonatanls\Downloads\ace71d8d-f66a-413e-8af0-f316f323853b.tmp</t>
  </si>
  <si>
    <t>12/31/2019 13:42:25</t>
  </si>
  <si>
    <t>Chave (2).bj53lis.partial</t>
  </si>
  <si>
    <t>\\acsfs\profiles$\danielta\Downloads\Chave (2).bj53lis.partial</t>
  </si>
  <si>
    <t>12/31/2019 13:40:15</t>
  </si>
  <si>
    <t>12/31/2019 13:44:36</t>
  </si>
  <si>
    <t>12/31/2019 13:42:13</t>
  </si>
  <si>
    <t>12/31/2019 13:42:14</t>
  </si>
  <si>
    <t>lu1780vk3zu.tmp</t>
  </si>
  <si>
    <t>\\acsfs\profiles$\ISABELLEGTDS\Nova pasta\lu1780vk3zu.tmp</t>
  </si>
  <si>
    <t>\\acsfs\profiles$\ISABELLEGTDS\Nova pasta\lu1780vk3zu.tmp\</t>
  </si>
  <si>
    <t>\\acsfs\profiles$\ISABELLEGTDS\Nova pasta\lu1780vk3zu.tmp\META-INF\</t>
  </si>
  <si>
    <t>\\acsfs\profiles$\ISABELLEGTDS\Nova pasta\lu1780vk3zu.tmp\Thumbnails\</t>
  </si>
  <si>
    <t>12/31/2019 13:42:21</t>
  </si>
  <si>
    <t>lu1780vk3zz.tmp</t>
  </si>
  <si>
    <t>\\acsfs\profiles$\ISABELLEGTDS\Nova pasta\lu1780vk3zz.tmp</t>
  </si>
  <si>
    <t>\\acsfs\profiles$\ISABELLEGTDS\Nova pasta\lu1780vk3zz.tmp\</t>
  </si>
  <si>
    <t>\\acsfs\profiles$\ISABELLEGTDS\Nova pasta\lu1780vk3zz.tmp\META-INF\</t>
  </si>
  <si>
    <t>\\acsfs\profiles$\ISABELLEGTDS\Nova pasta\lu1780vk3zz.tmp\Thumbnails\</t>
  </si>
  <si>
    <t>12/31/2019 13:42:53</t>
  </si>
  <si>
    <t>12/31/2019 13:43:39</t>
  </si>
  <si>
    <t>12/31/2019 13:43:42</t>
  </si>
  <si>
    <t>12/31/2019 13:45:36</t>
  </si>
  <si>
    <t>3ac3c4c7-e41a-4c10-8007-dfc525f5373e.tmp</t>
  </si>
  <si>
    <t>\\acsfs\profiles$\nathaliarmr\Downloads\3ac3c4c7-e41a-4c10-8007-dfc525f5373e.tmp</t>
  </si>
  <si>
    <t>12/31/2019 13:43:37</t>
  </si>
  <si>
    <t>12/31/2019 13:46:36</t>
  </si>
  <si>
    <t>12/31/2019 13:43:38</t>
  </si>
  <si>
    <t>lu18508zy23e.tmp</t>
  </si>
  <si>
    <t>\\acsfs\profiles$\geovanaasa\My Documents\lu18508zy23e.tmp</t>
  </si>
  <si>
    <t>\\acsfs\profiles$\geovanaasa\My Documents\lu18508zy23e.tmp\</t>
  </si>
  <si>
    <t>\\acsfs\profiles$\geovanaasa\My Documents\lu18508zy23e.tmp\META-INF\</t>
  </si>
  <si>
    <t>\\acsfs\profiles$\geovanaasa\My Documents\lu18508zy23e.tmp\Thumbnails\</t>
  </si>
  <si>
    <t>12/31/2019 13:43:59</t>
  </si>
  <si>
    <t>12/31/2019 13:45:43</t>
  </si>
  <si>
    <t>\\acsfs\profiles$\geovanaasa\My Documents\.~lock.Sem título 1.ods#</t>
  </si>
  <si>
    <t>12/31/2019 13:46:03</t>
  </si>
  <si>
    <t>12/31/2019 13:45:41</t>
  </si>
  <si>
    <t>12/31/2019 13:47:36</t>
  </si>
  <si>
    <t>d17ceb75-9924-448c-9649-8508decc8ddb.tmp</t>
  </si>
  <si>
    <t>\\acsfs\profiles$\gabrielafs\Downloads\d17ceb75-9924-448c-9649-8508decc8ddb.tmp</t>
  </si>
  <si>
    <t>12/31/2019 13:46:27</t>
  </si>
  <si>
    <t>864f44aa-c015-46cb-ab72-12b1b8386373.tmp</t>
  </si>
  <si>
    <t>\\acsfs\profiles$\marcosvnds\Downloads\864f44aa-c015-46cb-ab72-12b1b8386373.tmp</t>
  </si>
  <si>
    <t>12/31/2019 13:47:56</t>
  </si>
  <si>
    <t>12/31/2019 13:48:36</t>
  </si>
  <si>
    <t>12/31/2019 13:47:29</t>
  </si>
  <si>
    <t>12/31/2019 13:49:36</t>
  </si>
  <si>
    <t>12/31/2019 13:47:30</t>
  </si>
  <si>
    <t>lu188041eg9vu.tmp</t>
  </si>
  <si>
    <t>\\acsfs\profiles$\CLAUDIAJCA\lu188041eg9vu.tmp</t>
  </si>
  <si>
    <t>\\acsfs\profiles$\CLAUDIAJCA\lu188041eg9vu.tmp\</t>
  </si>
  <si>
    <t>\\acsfs\profiles$\CLAUDIAJCA\lu188041eg9vu.tmp\META-INF\</t>
  </si>
  <si>
    <t>\\acsfs\profiles$\CLAUDIAJCA\lu188041eg9vu.tmp\Thumbnails\</t>
  </si>
  <si>
    <t>12/31/2019 13:48:24</t>
  </si>
  <si>
    <t>12/31/2019 13:48:25</t>
  </si>
  <si>
    <t>lu188041eg9vz.tmp</t>
  </si>
  <si>
    <t>\\acsfs\profiles$\CLAUDIAJCA\lu188041eg9vz.tmp</t>
  </si>
  <si>
    <t>\\acsfs\profiles$\CLAUDIAJCA\lu188041eg9vz.tmp\</t>
  </si>
  <si>
    <t>\\acsfs\profiles$\CLAUDIAJCA\lu188041eg9vz.tmp\META-INF\</t>
  </si>
  <si>
    <t>\\acsfs\profiles$\CLAUDIAJCA\lu188041eg9vz.tmp\Thumbnails\</t>
  </si>
  <si>
    <t>12/31/2019 13:46:15</t>
  </si>
  <si>
    <t>12/31/2019 13:47:15</t>
  </si>
  <si>
    <t>12/31/2019 13:47:41</t>
  </si>
  <si>
    <t>69aceda4-23da-40d4-820b-fc64c4b57af1.tmp</t>
  </si>
  <si>
    <t>\\acsfs\profiles$\adelvinsonle\Downloads\69aceda4-23da-40d4-820b-fc64c4b57af1.tmp</t>
  </si>
  <si>
    <t>12/31/2019 13:45:23</t>
  </si>
  <si>
    <t>12/31/2019 13:50:36</t>
  </si>
  <si>
    <t>12/31/2019 13:48:41</t>
  </si>
  <si>
    <t>12/31/2019 13:51:36</t>
  </si>
  <si>
    <t>1cb81a44-f53e-4c58-928d-295e21ad3103.tmp</t>
  </si>
  <si>
    <t>\\acsfs\profiles$\geovanaasa\Downloads\1cb81a44-f53e-4c58-928d-295e21ad3103.tmp</t>
  </si>
  <si>
    <t>12/31/2019 13:49:12</t>
  </si>
  <si>
    <t>12/31/2019 13:50:53</t>
  </si>
  <si>
    <t>12/31/2019 13:49:15</t>
  </si>
  <si>
    <t>12/31/2019 13:52:36</t>
  </si>
  <si>
    <t>17f028bc-bb72-42fd-b2d9-33206d1c0a3f.tmp</t>
  </si>
  <si>
    <t>\\acsfs\profiles$\deboraaa\Downloads\17f028bc-bb72-42fd-b2d9-33206d1c0a3f.tmp</t>
  </si>
  <si>
    <t>12/31/2019 13:47:13</t>
  </si>
  <si>
    <t>12/31/2019 13:52:02</t>
  </si>
  <si>
    <t>12/31/2019 13:53:36</t>
  </si>
  <si>
    <t>74f7f21b-8e6f-47ba-8aeb-b08c9b78300e.tmp</t>
  </si>
  <si>
    <t>\\acsfs\profiles$\anafaes\Downloads\74f7f21b-8e6f-47ba-8aeb-b08c9b78300e.tmp</t>
  </si>
  <si>
    <t>12/31/2019 13:51:38</t>
  </si>
  <si>
    <t>\\acsfs\profiles$\anafsb\My Documents\xworkcenter\logs\</t>
  </si>
  <si>
    <t>XLOG_anafsb_31122019_135133.log</t>
  </si>
  <si>
    <t>\\acsfs\profiles$\anafsb\My Documents\xworkcenter\logs\XLOG_anafsb_31122019_135133.log</t>
  </si>
  <si>
    <t>12/31/2019 13:52:58</t>
  </si>
  <si>
    <t>df0c6238-a079-4f95-9925-b90014ce977c.tmp</t>
  </si>
  <si>
    <t>\\acsfs\profiles$\vivianealda\Downloads\df0c6238-a079-4f95-9925-b90014ce977c.tmp</t>
  </si>
  <si>
    <t>12/31/2019 13:49:02</t>
  </si>
  <si>
    <t>12/31/2019 13:54:36</t>
  </si>
  <si>
    <t>12/31/2019 13:49:31</t>
  </si>
  <si>
    <t>12/31/2019 13:49:32</t>
  </si>
  <si>
    <t>lu200681ha10y.tmp</t>
  </si>
  <si>
    <t>\\acsfs\profiles$\CLAUDIAJCA\lu200681ha10y.tmp</t>
  </si>
  <si>
    <t>12/31/2019 13:49:47</t>
  </si>
  <si>
    <t>.~lock.Contato Reneg Vencimento 28-12.ods#</t>
  </si>
  <si>
    <t>\\acsfs\profiles$\CLAUDIAJCA\.~lock.Contato Reneg Vencimento 28-12.ods#</t>
  </si>
  <si>
    <t>12/31/2019 13:50:23</t>
  </si>
  <si>
    <t>lu168401hb17n.tmp</t>
  </si>
  <si>
    <t>\\acsfs\profiles$\CLAUDIAJCA\lu168401hb17n.tmp</t>
  </si>
  <si>
    <t>\\acsfs\profiles$\CLAUDIAJCA\lu168401hb17n.tmp\</t>
  </si>
  <si>
    <t>\\acsfs\profiles$\CLAUDIAJCA\lu168401hb17n.tmp\META-INF\</t>
  </si>
  <si>
    <t>\\acsfs\profiles$\CLAUDIAJCA\lu168401hb17n.tmp\Thumbnails\</t>
  </si>
  <si>
    <t>12/31/2019 13:50:37</t>
  </si>
  <si>
    <t>.~lock.Contato Reneg Vencimento 26-12.1.ods#</t>
  </si>
  <si>
    <t>\\acsfs\profiles$\CLAUDIAJCA\.~lock.Contato Reneg Vencimento 26-12.1.ods#</t>
  </si>
  <si>
    <t>12/31/2019 13:50:51</t>
  </si>
  <si>
    <t>12/31/2019 13:50:52</t>
  </si>
  <si>
    <t>lu130441hc1de.tmp</t>
  </si>
  <si>
    <t>\\acsfs\profiles$\CLAUDIAJCA\lu130441hc1de.tmp</t>
  </si>
  <si>
    <t>\\acsfs\profiles$\CLAUDIAJCA\lu130441hc1de.tmp\</t>
  </si>
  <si>
    <t>\\acsfs\profiles$\CLAUDIAJCA\lu130441hc1de.tmp\META-INF\</t>
  </si>
  <si>
    <t>\\acsfs\profiles$\CLAUDIAJCA\lu130441hc1de.tmp\Thumbnails\</t>
  </si>
  <si>
    <t>12/31/2019 13:51:04</t>
  </si>
  <si>
    <t>12/31/2019 13:52:16</t>
  </si>
  <si>
    <t>12/31/2019 13:53:16</t>
  </si>
  <si>
    <t>12/31/2019 13:52:17</t>
  </si>
  <si>
    <t>12/31/2019 13:55:36</t>
  </si>
  <si>
    <t>12/31/2019 13:56:36</t>
  </si>
  <si>
    <t>50fa4388-2579-4a86-80fd-922d18aed9de.tmp</t>
  </si>
  <si>
    <t>\\acsfs\profiles$\layonmof\Downloads\50fa4388-2579-4a86-80fd-922d18aed9de.tmp</t>
  </si>
  <si>
    <t>12/31/2019 13:55:51</t>
  </si>
  <si>
    <t>d0f38d54-96ec-4f90-b9b3-73f00d6a75a3.tmp</t>
  </si>
  <si>
    <t>\\acsfs\profiles$\alinepp\Downloads\d0f38d54-96ec-4f90-b9b3-73f00d6a75a3.tmp</t>
  </si>
  <si>
    <t>12/31/2019 13:52:56</t>
  </si>
  <si>
    <t>12/31/2019 13:58:36</t>
  </si>
  <si>
    <t>0a9da5d5-0a3f-4f53-b063-0226435d55d6.tmp</t>
  </si>
  <si>
    <t>\\acsfs\profiles$\anafaes\Downloads\0a9da5d5-0a3f-4f53-b063-0226435d55d6.tmp</t>
  </si>
  <si>
    <t>12/31/2019 13:53:08</t>
  </si>
  <si>
    <t>877bcb06-e7f5-4c87-aae5-122d94b9f96b.tmp</t>
  </si>
  <si>
    <t>\\acsfs\profiles$\anafaes\Downloads\877bcb06-e7f5-4c87-aae5-122d94b9f96b.tmp</t>
  </si>
  <si>
    <t>12/31/2019 13:55:35</t>
  </si>
  <si>
    <t>60aeb91f-c8f4-4e79-a7e2-50f6038eef66.tmp</t>
  </si>
  <si>
    <t>\\acsfs\profiles$\anafaes\Downloads\60aeb91f-c8f4-4e79-a7e2-50f6038eef66.tmp</t>
  </si>
  <si>
    <t>12/31/2019 13:53:56</t>
  </si>
  <si>
    <t>12/31/2019 13:56:26</t>
  </si>
  <si>
    <t>12/31/2019 13:54:46</t>
  </si>
  <si>
    <t>12/31/2019 13:54:47</t>
  </si>
  <si>
    <t>lu1876019g2wk.tmp</t>
  </si>
  <si>
    <t>\\acsfs\profiles$\FLAVIOJMM\My Documents\lu1876019g2wk.tmp</t>
  </si>
  <si>
    <t>\\acsfs\profiles$\FLAVIOJMM\My Documents\lu1876019g2wk.tmp\</t>
  </si>
  <si>
    <t>\\acsfs\profiles$\FLAVIOJMM\My Documents\lu1876019g2wk.tmp\META-INF\</t>
  </si>
  <si>
    <t>\\acsfs\profiles$\FLAVIOJMM\My Documents\lu1876019g2wk.tmp\Thumbnails\</t>
  </si>
  <si>
    <t>12/31/2019 13:58:16</t>
  </si>
  <si>
    <t>12/31/2019 13:59:36</t>
  </si>
  <si>
    <t>12/31/2019 13:57:10</t>
  </si>
  <si>
    <t>99ac46bb-ae71-45e7-a6aa-e9e8aa77e3b1.tmp</t>
  </si>
  <si>
    <t>\\acsfs\profiles$\welidicdj\Downloads\99ac46bb-ae71-45e7-a6aa-e9e8aa77e3b1.tmp</t>
  </si>
  <si>
    <t>12/31/2019 14:00:56</t>
  </si>
  <si>
    <t>12/31/2019 14:01:36</t>
  </si>
  <si>
    <t>12/31/2019 13:58:48</t>
  </si>
  <si>
    <t>12/31/2019 14:03:37</t>
  </si>
  <si>
    <t>12/31/2019 13:59:56</t>
  </si>
  <si>
    <t>12/31/2019 13:59:16</t>
  </si>
  <si>
    <t>12/31/2019 14:04:36</t>
  </si>
  <si>
    <t>12/31/2019 14:02:17</t>
  </si>
  <si>
    <t>12/31/2019 14:07:37</t>
  </si>
  <si>
    <t>a0ea8816-840a-4339-82ee-9a7e7bce67c9.tmp</t>
  </si>
  <si>
    <t>\\acsfs\profiles$\marcellewdl\Downloads\a0ea8816-840a-4339-82ee-9a7e7bce67c9.tmp</t>
  </si>
  <si>
    <t>12/31/2019 14:04:57</t>
  </si>
  <si>
    <t>77601399-166e-4b39-8e73-76cb4d06fac5.tmp</t>
  </si>
  <si>
    <t>\\acsfs\profiles$\marcellewdl\Downloads\77601399-166e-4b39-8e73-76cb4d06fac5.tmp</t>
  </si>
  <si>
    <t>12/31/2019 14:04:54</t>
  </si>
  <si>
    <t>12/31/2019 14:04:43</t>
  </si>
  <si>
    <t>12/31/2019 14:06:51</t>
  </si>
  <si>
    <t>12/31/2019 14:08:37</t>
  </si>
  <si>
    <t>12/31/2019 14:05:56</t>
  </si>
  <si>
    <t>12/31/2019 14:05:19</t>
  </si>
  <si>
    <t>12/31/2019 14:05:20</t>
  </si>
  <si>
    <t>lu1876019g2wv.tmp</t>
  </si>
  <si>
    <t>\\acsfs\profiles$\FLAVIOJMM\My Documents\lu1876019g2wv.tmp</t>
  </si>
  <si>
    <t>\\acsfs\profiles$\FLAVIOJMM\My Documents\lu1876019g2wv.tmp\</t>
  </si>
  <si>
    <t>\\acsfs\profiles$\FLAVIOJMM\My Documents\lu1876019g2wv.tmp\META-INF\</t>
  </si>
  <si>
    <t>\\acsfs\profiles$\FLAVIOJMM\My Documents\lu1876019g2wv.tmp\Thumbnails\</t>
  </si>
  <si>
    <t>12/31/2019 14:06:43</t>
  </si>
  <si>
    <t>12/31/2019 14:09:36</t>
  </si>
  <si>
    <t>12/31/2019 14:04:16</t>
  </si>
  <si>
    <t>12/31/2019 14:05:16</t>
  </si>
  <si>
    <t>12/31/2019 14:09:03</t>
  </si>
  <si>
    <t>12/31/2019 14:11:36</t>
  </si>
  <si>
    <t>12/31/2019 14:10:26</t>
  </si>
  <si>
    <t>12/31/2019 14:12:36</t>
  </si>
  <si>
    <t>12/31/2019 14:11:56</t>
  </si>
  <si>
    <t>12/31/2019 14:13:36</t>
  </si>
  <si>
    <t>12/31/2019 14:12:07</t>
  </si>
  <si>
    <t>955d2fd8-1650-41d0-9f2c-d433a3c2609a.tmp</t>
  </si>
  <si>
    <t>\\acsfs\profiles$\milenaas\Downloads\955d2fd8-1650-41d0-9f2c-d433a3c2609a.tmp</t>
  </si>
  <si>
    <t>12/31/2019 14:12:21</t>
  </si>
  <si>
    <t>0ecc999e-89af-4efc-b8a7-21273d2a13e6.tmp</t>
  </si>
  <si>
    <t>\\acsfs\profiles$\milenaas\Downloads\0ecc999e-89af-4efc-b8a7-21273d2a13e6.tmp</t>
  </si>
  <si>
    <t>12/31/2019 14:09:18</t>
  </si>
  <si>
    <t>12/31/2019 14:09:19</t>
  </si>
  <si>
    <t>lu1876019g2x1.tmp</t>
  </si>
  <si>
    <t>\\acsfs\profiles$\FLAVIOJMM\My Documents\lu1876019g2x1.tmp</t>
  </si>
  <si>
    <t>\\acsfs\profiles$\FLAVIOJMM\My Documents\lu1876019g2x1.tmp\</t>
  </si>
  <si>
    <t>\\acsfs\profiles$\FLAVIOJMM\My Documents\lu1876019g2x1.tmp\META-INF\</t>
  </si>
  <si>
    <t>\\acsfs\profiles$\FLAVIOJMM\My Documents\lu1876019g2x1.tmp\Thumbnails\</t>
  </si>
  <si>
    <t>12/31/2019 14:12:40</t>
  </si>
  <si>
    <t>abd3498d-919a-4797-af5e-fd41624fba14.tmp</t>
  </si>
  <si>
    <t>\\acsfs\profiles$\vivianealda\Downloads\abd3498d-919a-4797-af5e-fd41624fba14.tmp</t>
  </si>
  <si>
    <t>12/31/2019 14:10:00</t>
  </si>
  <si>
    <t>12/31/2019 14:14:36</t>
  </si>
  <si>
    <t>10.200.61.145</t>
  </si>
  <si>
    <t>78-2B-CB-C3-48-91</t>
  </si>
  <si>
    <t>VOTORANTO-CB035</t>
  </si>
  <si>
    <t>https://www.youtube.com/youtubei/v1/log_event?alt=json&amp;key=aizasyao_fj2slqu8q4stehlgcilw_y9_11qcw8</t>
  </si>
  <si>
    <t>12/31/2019 14:13:26</t>
  </si>
  <si>
    <t>12/31/2019 14:13:27</t>
  </si>
  <si>
    <t>lu242201hwsei.tmp</t>
  </si>
  <si>
    <t>\\acsfs\profiles$\CLAUDIAJCA\lu242201hwsei.tmp</t>
  </si>
  <si>
    <t>12/31/2019 14:10:16</t>
  </si>
  <si>
    <t>12/31/2019 14:11:16</t>
  </si>
  <si>
    <t>12/31/2019 14:14:04</t>
  </si>
  <si>
    <t>12/31/2019 14:15:37</t>
  </si>
  <si>
    <t>db857520-8f4b-4534-ac83-78eadb49168e.tmp</t>
  </si>
  <si>
    <t>\\acsfs\profiles$\victorgl\Downloads\db857520-8f4b-4534-ac83-78eadb49168e.tmp</t>
  </si>
  <si>
    <t>12/31/2019 14:10:52</t>
  </si>
  <si>
    <t>12/31/2019 14:16:36</t>
  </si>
  <si>
    <t>335103eb-f437-47e7-aae1-d004f4e49d6d.tmp</t>
  </si>
  <si>
    <t>\\acsfs\profiles$\layonmof\Downloads\335103eb-f437-47e7-aae1-d004f4e49d6d.tmp</t>
  </si>
  <si>
    <t>12/31/2019 14:13:56</t>
  </si>
  <si>
    <t>12/31/2019 14:17:36</t>
  </si>
  <si>
    <t>12/31/2019 14:14:28</t>
  </si>
  <si>
    <t>12/31/2019 14:18:36</t>
  </si>
  <si>
    <t>lu56472757c7z.tmp</t>
  </si>
  <si>
    <t>\\acsfs\DEPTOS\Operacao\Banco_Votorantim\Supervisao\SUPERS BV CARTÕES\ANA VITORIA\APOIO\lu56472757c7z.tmp</t>
  </si>
  <si>
    <t>\\acsfs\DEPTOS\Operacao\Banco_Votorantim\Supervisao\SUPERS BV CARTÕES\ANA VITORIA\APOIO\lu56472757c7z.tmp\</t>
  </si>
  <si>
    <t>\\acsfs\DEPTOS\Operacao\Banco_Votorantim\Supervisao\SUPERS BV CARTÕES\ANA VITORIA\APOIO\lu56472757c7z.tmp\META-INF\</t>
  </si>
  <si>
    <t>\\acsfs\DEPTOS\Operacao\Banco_Votorantim\Supervisao\SUPERS BV CARTÕES\ANA VITORIA\APOIO\lu56472757c7z.tmp\Thumbnails\</t>
  </si>
  <si>
    <t>12/31/2019 14:13:54</t>
  </si>
  <si>
    <t>12/31/2019 14:13:55</t>
  </si>
  <si>
    <t>lu400165kr02p.tmp</t>
  </si>
  <si>
    <t>\\acsfs\profiles$\LUCASBS\RENEG BV\Consolidado\lu400165kr02p.tmp</t>
  </si>
  <si>
    <t>\\acsfs\profiles$\LUCASBS\RENEG BV\Consolidado\lu400165kr02p.tmp\</t>
  </si>
  <si>
    <t>\\acsfs\profiles$\LUCASBS\RENEG BV\Consolidado\lu400165kr02p.tmp\META-INF\</t>
  </si>
  <si>
    <t>\\acsfs\profiles$\LUCASBS\RENEG BV\Consolidado\lu400165kr02p.tmp\Thumbnails\</t>
  </si>
  <si>
    <t>12/31/2019 14:14:40</t>
  </si>
  <si>
    <t>12/31/2019 14:14:41</t>
  </si>
  <si>
    <t>lu400165kr02u.tmp</t>
  </si>
  <si>
    <t>\\acsfs\profiles$\LUCASBS\RENEG BV\Consolidado\lu400165kr02u.tmp</t>
  </si>
  <si>
    <t>\\acsfs\profiles$\LUCASBS\RENEG BV\Consolidado\lu400165kr02u.tmp\</t>
  </si>
  <si>
    <t>\\acsfs\profiles$\LUCASBS\RENEG BV\Consolidado\lu400165kr02u.tmp\META-INF\</t>
  </si>
  <si>
    <t>\\acsfs\profiles$\LUCASBS\RENEG BV\Consolidado\lu400165kr02u.tmp\Thumbnails\</t>
  </si>
  <si>
    <t>12/31/2019 14:14:55</t>
  </si>
  <si>
    <t>12/31/2019 14:15:20</t>
  </si>
  <si>
    <t>12/31/2019 14:15:21</t>
  </si>
  <si>
    <t>lu425765nfo1v.tmp</t>
  </si>
  <si>
    <t>\\acsfs\profiles$\LUCASBS\RENEG BV\Consolidado\lu425765nfo1v.tmp</t>
  </si>
  <si>
    <t>\\acsfs\profiles$\LUCASBS\RENEG BV\Consolidado\lu425765nfo1v.tmp\</t>
  </si>
  <si>
    <t>\\acsfs\profiles$\LUCASBS\RENEG BV\Consolidado\lu425765nfo1v.tmp\META-INF\</t>
  </si>
  <si>
    <t>\\acsfs\profiles$\LUCASBS\RENEG BV\Consolidado\lu425765nfo1v.tmp\Thumbnails\</t>
  </si>
  <si>
    <t>12/31/2019 14:17:50</t>
  </si>
  <si>
    <t>12/31/2019 14:17:56</t>
  </si>
  <si>
    <t>12/31/2019 14:13:29</t>
  </si>
  <si>
    <t>12/31/2019 14:15:51</t>
  </si>
  <si>
    <t>12/31/2019 14:15:52</t>
  </si>
  <si>
    <t>lu1876019g2x7.tmp</t>
  </si>
  <si>
    <t>\\acsfs\profiles$\FLAVIOJMM\My Documents\lu1876019g2x7.tmp</t>
  </si>
  <si>
    <t>\\acsfs\profiles$\FLAVIOJMM\My Documents\lu1876019g2x7.tmp\</t>
  </si>
  <si>
    <t>\\acsfs\profiles$\FLAVIOJMM\My Documents\lu1876019g2x7.tmp\META-INF\</t>
  </si>
  <si>
    <t>\\acsfs\profiles$\FLAVIOJMM\My Documents\lu1876019g2x7.tmp\Thumbnails\</t>
  </si>
  <si>
    <t>12/31/2019 14:14:33</t>
  </si>
  <si>
    <t>12/31/2019 14:19:36</t>
  </si>
  <si>
    <t>12/31/2019 14:14:54</t>
  </si>
  <si>
    <t>.~lock.Contato Reneg Vencimento 20-12.1.xls#</t>
  </si>
  <si>
    <t>\\acsfs\profiles$\CLAUDIAJCA\.~lock.Contato Reneg Vencimento 20-12.1.xls#</t>
  </si>
  <si>
    <t>12/31/2019 14:16:39</t>
  </si>
  <si>
    <t>.~lock.Contato Reneg 1.xls#</t>
  </si>
  <si>
    <t>\\acsfs\profiles$\CLAUDIAJCA\.~lock.Contato Reneg 1.xls#</t>
  </si>
  <si>
    <t>12/31/2019 14:16:48</t>
  </si>
  <si>
    <t>12/31/2019 14:16:16</t>
  </si>
  <si>
    <t>12/31/2019 14:17:16</t>
  </si>
  <si>
    <t>12/31/2019 14:15:53</t>
  </si>
  <si>
    <t>12/31/2019 14:16:02</t>
  </si>
  <si>
    <t>12/31/2019 14:20:37</t>
  </si>
  <si>
    <t>ab6dc1ba-4bb4-4a3f-b7bd-87f077ed9479.tmp</t>
  </si>
  <si>
    <t>\\acsfs\profiles$\victorgl\Downloads\ab6dc1ba-4bb4-4a3f-b7bd-87f077ed9479.tmp</t>
  </si>
  <si>
    <t>12/31/2019 14:16:24</t>
  </si>
  <si>
    <t>7e88516e-b3d4-4b38-9dc6-bdfbac645107.tmp</t>
  </si>
  <si>
    <t>\\acsfs\profiles$\victorgl\Downloads\7e88516e-b3d4-4b38-9dc6-bdfbac645107.tmp</t>
  </si>
  <si>
    <t>12/31/2019 14:18:47</t>
  </si>
  <si>
    <t>12/31/2019 14:15:54</t>
  </si>
  <si>
    <t>12/31/2019 14:21:36</t>
  </si>
  <si>
    <t>12/31/2019 14:16:04</t>
  </si>
  <si>
    <t>12/31/2019 14:16:17</t>
  </si>
  <si>
    <t>12/31/2019 14:16:25</t>
  </si>
  <si>
    <t>12/31/2019 14:16:26</t>
  </si>
  <si>
    <t>12/31/2019 14:18:51</t>
  </si>
  <si>
    <t>12/31/2019 14:18:58</t>
  </si>
  <si>
    <t>12/31/2019 14:19:04</t>
  </si>
  <si>
    <t>12/31/2019 14:19:12</t>
  </si>
  <si>
    <t>12/31/2019 14:19:18</t>
  </si>
  <si>
    <t>12/31/2019 14:19:56</t>
  </si>
  <si>
    <t>12/31/2019 14:20:09</t>
  </si>
  <si>
    <t>12/31/2019 14:20:10</t>
  </si>
  <si>
    <t>12/31/2019 14:20:14</t>
  </si>
  <si>
    <t>12/31/2019 14:22:36</t>
  </si>
  <si>
    <t>lu77602jihq.tmp</t>
  </si>
  <si>
    <t>\\acsfs\profiles$\jalilebds\Downloads\lu77602jihq.tmp</t>
  </si>
  <si>
    <t>12/31/2019 14:21:11</t>
  </si>
  <si>
    <t>12/31/2019 14:21:12</t>
  </si>
  <si>
    <t>lu77602jiht.tmp</t>
  </si>
  <si>
    <t>\\acsfs\profiles$\jalilebds\Downloads\lu77602jiht.tmp</t>
  </si>
  <si>
    <t>12/31/2019 14:18:19</t>
  </si>
  <si>
    <t>12/31/2019 14:18:59</t>
  </si>
  <si>
    <t>aa74f969-40e0-44da-80c1-8393656bc25d.tmp</t>
  </si>
  <si>
    <t>\\acsfs\profiles$\gabrielamdp\Downloads\aa74f969-40e0-44da-80c1-8393656bc25d.tmp</t>
  </si>
  <si>
    <t>12/31/2019 14:20:01</t>
  </si>
  <si>
    <t>12/31/2019 14:23:36</t>
  </si>
  <si>
    <t>12/31/2019 14:20:03</t>
  </si>
  <si>
    <t>lu425765nfo23.tmp</t>
  </si>
  <si>
    <t>\\acsfs\profiles$\LUCASBS\RENEG BV\Consolidado\lu425765nfo23.tmp</t>
  </si>
  <si>
    <t>\\acsfs\profiles$\LUCASBS\RENEG BV\Consolidado\lu425765nfo23.tmp\</t>
  </si>
  <si>
    <t>\\acsfs\profiles$\LUCASBS\RENEG BV\Consolidado\lu425765nfo23.tmp\META-INF\</t>
  </si>
  <si>
    <t>\\acsfs\profiles$\LUCASBS\RENEG BV\Consolidado\lu425765nfo23.tmp\Thumbnails\</t>
  </si>
  <si>
    <t>12/31/2019 14:21:13</t>
  </si>
  <si>
    <t>lu425765nfo28.tmp</t>
  </si>
  <si>
    <t>\\acsfs\profiles$\LUCASBS\RENEG BV\Consolidado\lu425765nfo28.tmp</t>
  </si>
  <si>
    <t>\\acsfs\profiles$\LUCASBS\RENEG BV\Consolidado\lu425765nfo28.tmp\</t>
  </si>
  <si>
    <t>\\acsfs\profiles$\LUCASBS\RENEG BV\Consolidado\lu425765nfo28.tmp\META-INF\</t>
  </si>
  <si>
    <t>\\acsfs\profiles$\LUCASBS\RENEG BV\Consolidado\lu425765nfo28.tmp\Thumbnails\</t>
  </si>
  <si>
    <t>12/31/2019 14:21:21</t>
  </si>
  <si>
    <t>12/31/2019 14:22:20</t>
  </si>
  <si>
    <t>12/31/2019 14:22:21</t>
  </si>
  <si>
    <t>lu460565nnxzp.tmp</t>
  </si>
  <si>
    <t>\\acsfs\profiles$\LUCASBS\RENEG BV\Consolidado\lu460565nnxzp.tmp</t>
  </si>
  <si>
    <t>\\acsfs\profiles$\LUCASBS\RENEG BV\Consolidado\lu460565nnxzp.tmp\</t>
  </si>
  <si>
    <t>\\acsfs\profiles$\LUCASBS\RENEG BV\Consolidado\lu460565nnxzp.tmp\META-INF\</t>
  </si>
  <si>
    <t>\\acsfs\profiles$\LUCASBS\RENEG BV\Consolidado\lu460565nnxzp.tmp\Thumbnails\</t>
  </si>
  <si>
    <t>12/31/2019 14:22:35</t>
  </si>
  <si>
    <t>12/31/2019 14:22:24</t>
  </si>
  <si>
    <t>ba29f51d-3114-40ee-bba2-966411c37387.tmp</t>
  </si>
  <si>
    <t>\\acsfs\profiles$\matheusmax\Downloads\ba29f51d-3114-40ee-bba2-966411c37387.tmp</t>
  </si>
  <si>
    <t>7f05b598-9e51-423b-8e86-0923228f986d.tmp</t>
  </si>
  <si>
    <t>\\acsfs\profiles$\matheusmax\Downloads\7f05b598-9e51-423b-8e86-0923228f986d.tmp</t>
  </si>
  <si>
    <t>12/31/2019 14:21:35</t>
  </si>
  <si>
    <t>lu1876019g2xd.tmp</t>
  </si>
  <si>
    <t>\\acsfs\profiles$\FLAVIOJMM\My Documents\lu1876019g2xd.tmp</t>
  </si>
  <si>
    <t>\\acsfs\profiles$\FLAVIOJMM\My Documents\lu1876019g2xd.tmp\</t>
  </si>
  <si>
    <t>\\acsfs\profiles$\FLAVIOJMM\My Documents\lu1876019g2xd.tmp\META-INF\</t>
  </si>
  <si>
    <t>\\acsfs\profiles$\FLAVIOJMM\My Documents\lu1876019g2xd.tmp\Thumbnails\</t>
  </si>
  <si>
    <t>12/31/2019 14:22:04</t>
  </si>
  <si>
    <t>12/31/2019 14:22:05</t>
  </si>
  <si>
    <t>lu1876019g2xj.tmp</t>
  </si>
  <si>
    <t>\\acsfs\profiles$\FLAVIOJMM\My Documents\lu1876019g2xj.tmp</t>
  </si>
  <si>
    <t>\\acsfs\profiles$\FLAVIOJMM\My Documents\lu1876019g2xj.tmp\</t>
  </si>
  <si>
    <t>\\acsfs\profiles$\FLAVIOJMM\My Documents\lu1876019g2xj.tmp\META-INF\</t>
  </si>
  <si>
    <t>\\acsfs\profiles$\FLAVIOJMM\My Documents\lu1876019g2xj.tmp\Thumbnails\</t>
  </si>
  <si>
    <t>12/31/2019 14:22:16</t>
  </si>
  <si>
    <t>12/31/2019 14:24:36</t>
  </si>
  <si>
    <t>12/31/2019 14:23:16</t>
  </si>
  <si>
    <t>12/31/2019 14:19:38</t>
  </si>
  <si>
    <t>12/31/2019 14:24:48</t>
  </si>
  <si>
    <t>12/31/2019 14:25:36</t>
  </si>
  <si>
    <t>d96f7aff-be11-4577-bb8c-4f6ec45c37d2.tmp</t>
  </si>
  <si>
    <t>\\acsfs\profiles$\nathaliarmr\Downloads\d96f7aff-be11-4577-bb8c-4f6ec45c37d2.tmp</t>
  </si>
  <si>
    <t>12/31/2019 14:23:56</t>
  </si>
  <si>
    <t>12/31/2019 14:26:36</t>
  </si>
  <si>
    <t>12/31/2019 14:24:19</t>
  </si>
  <si>
    <t>12/31/2019 14:24:40</t>
  </si>
  <si>
    <t>12/31/2019 14:25:05</t>
  </si>
  <si>
    <t>12/31/2019 14:24:23</t>
  </si>
  <si>
    <t>12/31/2019 14:22:11</t>
  </si>
  <si>
    <t>12/31/2019 14:27:37</t>
  </si>
  <si>
    <t>0458a547-1d9d-43d9-9e9f-08bca3cdae67.tmp</t>
  </si>
  <si>
    <t>\\acsfs\profiles$\edicarlosdl\Downloads\0458a547-1d9d-43d9-9e9f-08bca3cdae67.tmp</t>
  </si>
  <si>
    <t>12/31/2019 14:23:25</t>
  </si>
  <si>
    <t>0fd2be92-5b95-4664-a7b6-8cf5deededf2.tmp</t>
  </si>
  <si>
    <t>\\acsfs\profiles$\edicarlosdl\Downloads\0fd2be92-5b95-4664-a7b6-8cf5deededf2.tmp</t>
  </si>
  <si>
    <t>12/31/2019 14:25:39</t>
  </si>
  <si>
    <t>e57dcdb4-3123-4258-8c74-bfa63dc0f4bd.tmp</t>
  </si>
  <si>
    <t>\\acsfs\profiles$\fabianobmf\Downloads\e57dcdb4-3123-4258-8c74-bfa63dc0f4bd.tmp</t>
  </si>
  <si>
    <t>12/31/2019 14:23:09</t>
  </si>
  <si>
    <t>12/31/2019 14:28:36</t>
  </si>
  <si>
    <t>12/31/2019 14:23:10</t>
  </si>
  <si>
    <t>lu470445npjlc.tmp</t>
  </si>
  <si>
    <t>\\acsfs\profiles$\LUCASBS\RENEG BV\Consolidado\lu470445npjlc.tmp</t>
  </si>
  <si>
    <t>\\acsfs\profiles$\LUCASBS\RENEG BV\Consolidado\lu470445npjlc.tmp\</t>
  </si>
  <si>
    <t>\\acsfs\profiles$\LUCASBS\RENEG BV\Consolidado\lu470445npjlc.tmp\META-INF\</t>
  </si>
  <si>
    <t>\\acsfs\profiles$\LUCASBS\RENEG BV\Consolidado\lu470445npjlc.tmp\Thumbnails\</t>
  </si>
  <si>
    <t>12/31/2019 14:23:19</t>
  </si>
  <si>
    <t>12/31/2019 14:27:43</t>
  </si>
  <si>
    <t>12/31/2019 14:27:44</t>
  </si>
  <si>
    <t>lu1876019g2xp.tmp</t>
  </si>
  <si>
    <t>\\acsfs\profiles$\FLAVIOJMM\My Documents\lu1876019g2xp.tmp</t>
  </si>
  <si>
    <t>\\acsfs\profiles$\FLAVIOJMM\My Documents\lu1876019g2xp.tmp\</t>
  </si>
  <si>
    <t>\\acsfs\profiles$\FLAVIOJMM\My Documents\lu1876019g2xp.tmp\META-INF\</t>
  </si>
  <si>
    <t>12/31/2019 14:23:43</t>
  </si>
  <si>
    <t>12/31/2019 14:27:07</t>
  </si>
  <si>
    <t>33f74ac7-a5ea-4c9e-9595-7ed07e6a2b85.tmp</t>
  </si>
  <si>
    <t>\\acsfs\profiles$\THYAGOSP\Downloads\33f74ac7-a5ea-4c9e-9595-7ed07e6a2b85.tmp</t>
  </si>
  <si>
    <t>\\acsfs\profiles$\FLAVIOJMM\My Documents\lu1876019g2xp.tmp\Thumbnails\</t>
  </si>
  <si>
    <t>12/31/2019 14:28:06</t>
  </si>
  <si>
    <t>lu1876019g2xv.tmp</t>
  </si>
  <si>
    <t>\\acsfs\profiles$\FLAVIOJMM\My Documents\lu1876019g2xv.tmp</t>
  </si>
  <si>
    <t>\\acsfs\profiles$\FLAVIOJMM\My Documents\lu1876019g2xv.tmp\</t>
  </si>
  <si>
    <t>\\acsfs\profiles$\FLAVIOJMM\My Documents\lu1876019g2xv.tmp\META-INF\</t>
  </si>
  <si>
    <t>\\acsfs\profiles$\FLAVIOJMM\My Documents\lu1876019g2xv.tmp\Thumbnails\</t>
  </si>
  <si>
    <t>12/31/2019 14:28:16</t>
  </si>
  <si>
    <t>12/31/2019 14:29:36</t>
  </si>
  <si>
    <t>12/31/2019 14:25:30</t>
  </si>
  <si>
    <t>12/31/2019 14:25:31</t>
  </si>
  <si>
    <t>lu9384174eqm.tmp</t>
  </si>
  <si>
    <t>\\acsfs\profiles$\ISABELLEGTDS\Nova pasta\lu9384174eqm.tmp</t>
  </si>
  <si>
    <t>\\acsfs\profiles$\ISABELLEGTDS\Nova pasta\lu9384174eqm.tmp\</t>
  </si>
  <si>
    <t>\\acsfs\profiles$\ISABELLEGTDS\Nova pasta\lu9384174eqm.tmp\META-INF\</t>
  </si>
  <si>
    <t>\\acsfs\profiles$\ISABELLEGTDS\Nova pasta\lu9384174eqm.tmp\Thumbnails\</t>
  </si>
  <si>
    <t>12/31/2019 14:25:41</t>
  </si>
  <si>
    <t>.~lock.isabelle 2.ods#</t>
  </si>
  <si>
    <t>\\acsfs\profiles$\ISABELLEGTDS\Nova pasta\.~lock.isabelle 2.ods#</t>
  </si>
  <si>
    <t>12/31/2019 14:25:42</t>
  </si>
  <si>
    <t>lu9384174eqr.tmp</t>
  </si>
  <si>
    <t>\\acsfs\profiles$\ISABELLEGTDS\Nova pasta\lu9384174eqr.tmp</t>
  </si>
  <si>
    <t>\\acsfs\profiles$\ISABELLEGTDS\Nova pasta\lu9384174eqr.tmp\</t>
  </si>
  <si>
    <t>\\acsfs\profiles$\ISABELLEGTDS\Nova pasta\lu9384174eqr.tmp\META-INF\</t>
  </si>
  <si>
    <t>\\acsfs\profiles$\ISABELLEGTDS\Nova pasta\lu9384174eqr.tmp\Thumbnails\</t>
  </si>
  <si>
    <t>12/31/2019 14:26:34</t>
  </si>
  <si>
    <t>.~lock.isabelle.ods#</t>
  </si>
  <si>
    <t>\\acsfs\profiles$\ISABELLEGTDS\Nova pasta\.~lock.isabelle.ods#</t>
  </si>
  <si>
    <t>12/31/2019 14:28:47</t>
  </si>
  <si>
    <t>12/31/2019 14:30:36</t>
  </si>
  <si>
    <t>12/31/2019 14:26:05</t>
  </si>
  <si>
    <t>12/31/2019 14:31:36</t>
  </si>
  <si>
    <t>12/31/2019 14:26:25</t>
  </si>
  <si>
    <t>12/31/2019 14:31:10</t>
  </si>
  <si>
    <t>12/31/2019 14:32:36</t>
  </si>
  <si>
    <t>12/31/2019 14:29:18</t>
  </si>
  <si>
    <t>\\acsfs\profiles$\gabrielafs\My Documents\</t>
  </si>
  <si>
    <t>\\acsfs\profiles$\gabrielafs\My Documents\Download.pdf</t>
  </si>
  <si>
    <t>12/31/2019 14:27:30</t>
  </si>
  <si>
    <t>12/31/2019 14:27:29</t>
  </si>
  <si>
    <t>f95e5450-946d-4acd-9b06-e33f6db61aa8.tmp</t>
  </si>
  <si>
    <t>\\acsfs\profiles$\fabianobmf\Downloads\f95e5450-946d-4acd-9b06-e33f6db61aa8.tmp</t>
  </si>
  <si>
    <t>12/31/2019 14:28:46</t>
  </si>
  <si>
    <t>04f59360-7249-479b-b23f-51ac2000f2f8.tmp</t>
  </si>
  <si>
    <t>\\acsfs\profiles$\fabianobmf\Downloads\04f59360-7249-479b-b23f-51ac2000f2f8.tmp</t>
  </si>
  <si>
    <t>12/31/2019 14:31:56</t>
  </si>
  <si>
    <t>12/31/2019 14:31:24</t>
  </si>
  <si>
    <t>12/31/2019 14:33:36</t>
  </si>
  <si>
    <t>12/31/2019 14:32:13</t>
  </si>
  <si>
    <t>58f79536-f730-4703-b50d-1b805712f8ad.tmp</t>
  </si>
  <si>
    <t>\\acsfs\profiles$\henriqueco\Downloads\58f79536-f730-4703-b50d-1b805712f8ad.tmp</t>
  </si>
  <si>
    <t>12/31/2019 14:29:56</t>
  </si>
  <si>
    <t>12/31/2019 14:31:40</t>
  </si>
  <si>
    <t>22c5b32d-95a4-4304-876c-5e9aefe51112.tmp</t>
  </si>
  <si>
    <t>\\acsfs\profiles$\fabianafv\Downloads\22c5b32d-95a4-4304-876c-5e9aefe51112.tmp</t>
  </si>
  <si>
    <t>12/31/2019 14:33:23</t>
  </si>
  <si>
    <t>700f47b9-bd9b-42ea-94f5-df0bea6631ad.tmp</t>
  </si>
  <si>
    <t>\\acsfs\profiles$\fabianafv\Downloads\700f47b9-bd9b-42ea-94f5-df0bea6631ad.tmp</t>
  </si>
  <si>
    <t>12/31/2019 14:28:32</t>
  </si>
  <si>
    <t>12/31/2019 14:28:34</t>
  </si>
  <si>
    <t>lu1876019g2y1.tmp</t>
  </si>
  <si>
    <t>\\acsfs\profiles$\FLAVIOJMM\My Documents\lu1876019g2y1.tmp</t>
  </si>
  <si>
    <t>\\acsfs\profiles$\FLAVIOJMM\My Documents\lu1876019g2y1.tmp\</t>
  </si>
  <si>
    <t>\\acsfs\profiles$\FLAVIOJMM\My Documents\lu1876019g2y1.tmp\META-INF\</t>
  </si>
  <si>
    <t>\\acsfs\profiles$\FLAVIOJMM\My Documents\lu1876019g2y1.tmp\Thumbnails\</t>
  </si>
  <si>
    <t>12/31/2019 14:30:31</t>
  </si>
  <si>
    <t>12/31/2019 14:31:05</t>
  </si>
  <si>
    <t>12/31/2019 14:31:30</t>
  </si>
  <si>
    <t>\\acsfs\profiles$\FLAVIOJMM\My Documents\.~lock.Sem título 1.ods#</t>
  </si>
  <si>
    <t>12/31/2019 14:29:16</t>
  </si>
  <si>
    <t>12/31/2019 14:34:36</t>
  </si>
  <si>
    <t>12/31/2019 14:33:57</t>
  </si>
  <si>
    <t>43b37750-ca4d-493e-b751-57f6acaefaca.tmp</t>
  </si>
  <si>
    <t>\\acsfs\profiles$\vivianibfs\Downloads\43b37750-ca4d-493e-b751-57f6acaefaca.tmp</t>
  </si>
  <si>
    <t>12/31/2019 14:32:08</t>
  </si>
  <si>
    <t>.~lock.1.ods#</t>
  </si>
  <si>
    <t>\\acsfs\profiles$\ISABELLEGTDS\Nova pasta\.~lock.1.ods#</t>
  </si>
  <si>
    <t>lu9384174eqz.tmp</t>
  </si>
  <si>
    <t>\\acsfs\profiles$\ISABELLEGTDS\Nova pasta\lu9384174eqz.tmp</t>
  </si>
  <si>
    <t>\\acsfs\profiles$\ISABELLEGTDS\Nova pasta\lu9384174eqz.tmp\</t>
  </si>
  <si>
    <t>\\acsfs\profiles$\ISABELLEGTDS\Nova pasta\lu9384174eqz.tmp\META-INF\</t>
  </si>
  <si>
    <t>\\acsfs\profiles$\ISABELLEGTDS\Nova pasta\lu9384174eqz.tmp\Thumbnails\</t>
  </si>
  <si>
    <t>12/31/2019 14:31:03</t>
  </si>
  <si>
    <t>12/31/2019 14:34:16</t>
  </si>
  <si>
    <t>12/31/2019 14:36:36</t>
  </si>
  <si>
    <t>12/31/2019 14:35:01</t>
  </si>
  <si>
    <t>31f8babb-7e70-4a1f-be04-c535fe040214.tmp</t>
  </si>
  <si>
    <t>\\acsfs\profiles$\larissaad\Downloads\31f8babb-7e70-4a1f-be04-c535fe040214.tmp</t>
  </si>
  <si>
    <t>12/31/2019 14:31:39</t>
  </si>
  <si>
    <t>12/31/2019 14:32:03</t>
  </si>
  <si>
    <t>12/31/2019 14:34:49</t>
  </si>
  <si>
    <t>12/31/2019 14:32:33</t>
  </si>
  <si>
    <t>12/31/2019 14:37:37</t>
  </si>
  <si>
    <t>12/31/2019 14:33:15</t>
  </si>
  <si>
    <t>12/31/2019 14:33:16</t>
  </si>
  <si>
    <t>lu77602jihw.tmp</t>
  </si>
  <si>
    <t>\\acsfs\profiles$\jalilebds\Downloads\lu77602jihw.tmp</t>
  </si>
  <si>
    <t>12/31/2019 14:33:32</t>
  </si>
  <si>
    <t>12/31/2019 14:34:12</t>
  </si>
  <si>
    <t>12/31/2019 14:33:39</t>
  </si>
  <si>
    <t>12/31/2019 14:38:36</t>
  </si>
  <si>
    <t>ac201fe6-3573-479b-82da-0a568ae3efea.tmp</t>
  </si>
  <si>
    <t>\\acsfs\profiles$\henriqueco\Downloads\ac201fe6-3573-479b-82da-0a568ae3efea.tmp</t>
  </si>
  <si>
    <t>12/31/2019 14:35:56</t>
  </si>
  <si>
    <t>12/31/2019 14:34:33</t>
  </si>
  <si>
    <t>cda011b0-0866-4ba3-ac9f-3b6cf844ae97.tmp</t>
  </si>
  <si>
    <t>\\acsfs\profiles$\fabianafv\Downloads\cda011b0-0866-4ba3-ac9f-3b6cf844ae97.tmp</t>
  </si>
  <si>
    <t>12/31/2019 14:35:47</t>
  </si>
  <si>
    <t>ab928f2c-cd53-4bd8-852c-e39c9df3d619.tmp</t>
  </si>
  <si>
    <t>\\acsfs\profiles$\fabianafv\Downloads\ab928f2c-cd53-4bd8-852c-e39c9df3d619.tmp</t>
  </si>
  <si>
    <t>12/31/2019 14:33:42</t>
  </si>
  <si>
    <t>12/31/2019 14:37:23</t>
  </si>
  <si>
    <t>XLOG_vanessacgs_31122019_070936.log</t>
  </si>
  <si>
    <t>\\acsfs\profiles$\vanessacgs\My Documents\xworkcenter\logs\XLOG_vanessacgs_31122019_070936.log</t>
  </si>
  <si>
    <t>12/31/2019 14:34:15</t>
  </si>
  <si>
    <t>12/31/2019 14:39:36</t>
  </si>
  <si>
    <t>12/31/2019 14:35:15</t>
  </si>
  <si>
    <t>12/31/2019 14:35:12</t>
  </si>
  <si>
    <t>17ab0d0d-1a8d-4772-ba5e-58b3507e4720.tmp</t>
  </si>
  <si>
    <t>\\acsfs\profiles$\vivianibfs\Downloads\17ab0d0d-1a8d-4772-ba5e-58b3507e4720.tmp</t>
  </si>
  <si>
    <t>12/31/2019 14:35:35</t>
  </si>
  <si>
    <t>6853288c-ce6e-4900-a8d4-60a490696f30.tmp</t>
  </si>
  <si>
    <t>\\acsfs\profiles$\vivianibfs\Downloads\6853288c-ce6e-4900-a8d4-60a490696f30.tmp</t>
  </si>
  <si>
    <t>57718eac-eb17-4f02-bea2-cea29d8e40ba.tmp</t>
  </si>
  <si>
    <t>\\acsfs\profiles$\vivianibfs\Downloads\57718eac-eb17-4f02-bea2-cea29d8e40ba.tmp</t>
  </si>
  <si>
    <t>12/31/2019 14:35:53</t>
  </si>
  <si>
    <t>.~lock.isabelle 1.ods#</t>
  </si>
  <si>
    <t>\\acsfs\profiles$\ISABELLEGTDS\Nova pasta\.~lock.isabelle 1.ods#</t>
  </si>
  <si>
    <t>12/31/2019 14:37:16</t>
  </si>
  <si>
    <t>.~lock.isabelle 3.ods#</t>
  </si>
  <si>
    <t>\\acsfs\profiles$\ISABELLEGTDS\Nova pasta\.~lock.isabelle 3.ods#</t>
  </si>
  <si>
    <t>12/31/2019 14:37:17</t>
  </si>
  <si>
    <t>lu1667218yxhm.tmp</t>
  </si>
  <si>
    <t>\\acsfs\profiles$\ISABELLEGTDS\Nova pasta\lu1667218yxhm.tmp</t>
  </si>
  <si>
    <t>\\acsfs\profiles$\ISABELLEGTDS\Nova pasta\lu1667218yxhm.tmp\</t>
  </si>
  <si>
    <t>\\acsfs\profiles$\ISABELLEGTDS\Nova pasta\lu1667218yxhm.tmp\META-INF\</t>
  </si>
  <si>
    <t>\\acsfs\profiles$\ISABELLEGTDS\Nova pasta\lu1667218yxhm.tmp\Thumbnails\</t>
  </si>
  <si>
    <t>12/31/2019 14:37:28</t>
  </si>
  <si>
    <t>12/31/2019 14:36:52</t>
  </si>
  <si>
    <t>12/31/2019 14:40:36</t>
  </si>
  <si>
    <t>12/31/2019 14:38:12</t>
  </si>
  <si>
    <t>10.200.67.9</t>
  </si>
  <si>
    <t>f60c6cdd-8609-45ac-a870-b7f1e2dd2b55.tmp</t>
  </si>
  <si>
    <t>\\acsfs\profiles$\lucasqdss\Downloads\f60c6cdd-8609-45ac-a870-b7f1e2dd2b55.tmp</t>
  </si>
  <si>
    <t>12/31/2019 14:40:20</t>
  </si>
  <si>
    <t>12/31/2019 14:41:37</t>
  </si>
  <si>
    <t>\\acsfs\profiles$\joycemmdl\My Documents\My Pictures\</t>
  </si>
  <si>
    <t>\\acsfs\profiles$\joycemmdl\My Documents\My Videos\desktop.ini</t>
  </si>
  <si>
    <t>12/31/2019 14:40:22</t>
  </si>
  <si>
    <t>\\acsfs\profiles$\joycemmdl\My Documents\My Videos\</t>
  </si>
  <si>
    <t>12/31/2019 14:40:23</t>
  </si>
  <si>
    <t>12/31/2019 14:40:24</t>
  </si>
  <si>
    <t>12/31/2019 14:40:26</t>
  </si>
  <si>
    <t>\\acsfs\profiles$\joycemmdl\My Documents\My Music\</t>
  </si>
  <si>
    <t>\\acsfs\profiles$\joycemmdl\My Documents\My Pictures\desktop.ini</t>
  </si>
  <si>
    <t>12/31/2019 14:41:04</t>
  </si>
  <si>
    <t>12/31/2019 14:40:28</t>
  </si>
  <si>
    <t>12/31/2019 14:40:29</t>
  </si>
  <si>
    <t>12/31/2019 14:40:30</t>
  </si>
  <si>
    <t>12/31/2019 14:40:31</t>
  </si>
  <si>
    <t>12/31/2019 14:40:32</t>
  </si>
  <si>
    <t>\\acsfs\profiles$\joycemmdl\Contacts\</t>
  </si>
  <si>
    <t>\\acsfs\profiles$\joycemmdl\Contacts\desktop.ini</t>
  </si>
  <si>
    <t>12/31/2019 14:40:33</t>
  </si>
  <si>
    <t>12/31/2019 14:40:34</t>
  </si>
  <si>
    <t>12/31/2019 14:40:37</t>
  </si>
  <si>
    <t>12/31/2019 14:40:38</t>
  </si>
  <si>
    <t>12/31/2019 14:40:39</t>
  </si>
  <si>
    <t>\\acsfs\profiles$\joycemmdl\Favorites\desktop.ini</t>
  </si>
  <si>
    <t>12/31/2019 14:40:47</t>
  </si>
  <si>
    <t>12/31/2019 14:40:49</t>
  </si>
  <si>
    <t>12/31/2019 14:40:50</t>
  </si>
  <si>
    <t>12/31/2019 14:40:51</t>
  </si>
  <si>
    <t>12/31/2019 14:40:52</t>
  </si>
  <si>
    <t>12/31/2019 14:40:54</t>
  </si>
  <si>
    <t>12/31/2019 14:40:56</t>
  </si>
  <si>
    <t>\\acsfs\profiles$\joycemmdl\My Documents\My Music\desktop.ini</t>
  </si>
  <si>
    <t>12/31/2019 14:40:57</t>
  </si>
  <si>
    <t>12/31/2019 14:40:58</t>
  </si>
  <si>
    <t>12/31/2019 14:40:59</t>
  </si>
  <si>
    <t>12/31/2019 14:41:00</t>
  </si>
  <si>
    <t>12/31/2019 14:41:02</t>
  </si>
  <si>
    <t>\\acsfs\profiles$\joycemmdl\Searches\</t>
  </si>
  <si>
    <t>\\acsfs\profiles$\joycemmdl\Searches\desktop.ini</t>
  </si>
  <si>
    <t>12/31/2019 14:41:03</t>
  </si>
  <si>
    <t>12/31/2019 14:41:05</t>
  </si>
  <si>
    <t>12/31/2019 14:41:06</t>
  </si>
  <si>
    <t>12/31/2019 14:41:07</t>
  </si>
  <si>
    <t>12/31/2019 14:37:10</t>
  </si>
  <si>
    <t>12/31/2019 14:38:16</t>
  </si>
  <si>
    <t>12/31/2019 14:42:36</t>
  </si>
  <si>
    <t>lu77602jihz.tmp</t>
  </si>
  <si>
    <t>\\acsfs\profiles$\jalilebds\Downloads\lu77602jihz.tmp</t>
  </si>
  <si>
    <t>12/31/2019 14:40:41</t>
  </si>
  <si>
    <t>12/31/2019 14:43:37</t>
  </si>
  <si>
    <t>12/31/2019 14:41:14</t>
  </si>
  <si>
    <t>12/31/2019 14:38:04</t>
  </si>
  <si>
    <t>12/31/2019 14:39:33</t>
  </si>
  <si>
    <t>12/31/2019 14:39:44</t>
  </si>
  <si>
    <t>12/31/2019 14:39:57</t>
  </si>
  <si>
    <t>12/31/2019 14:40:11</t>
  </si>
  <si>
    <t>12/31/2019 14:41:56</t>
  </si>
  <si>
    <t>12/31/2019 14:40:15</t>
  </si>
  <si>
    <t>12/31/2019 14:44:36</t>
  </si>
  <si>
    <t>12/31/2019 14:41:15</t>
  </si>
  <si>
    <t>12/31/2019 14:40:17</t>
  </si>
  <si>
    <t>.~lock.isabelle 3 .3.ods#</t>
  </si>
  <si>
    <t>\\acsfs\profiles$\ISABELLEGTDS\Nova pasta\.~lock.isabelle 3 .3.ods#</t>
  </si>
  <si>
    <t>lu1667218yxhu.tmp</t>
  </si>
  <si>
    <t>\\acsfs\profiles$\ISABELLEGTDS\Nova pasta\lu1667218yxhu.tmp</t>
  </si>
  <si>
    <t>\\acsfs\profiles$\ISABELLEGTDS\Nova pasta\lu1667218yxhu.tmp\</t>
  </si>
  <si>
    <t>\\acsfs\profiles$\ISABELLEGTDS\Nova pasta\lu1667218yxhu.tmp\META-INF\</t>
  </si>
  <si>
    <t>\\acsfs\profiles$\ISABELLEGTDS\Nova pasta\lu1667218yxhu.tmp\Thumbnails\</t>
  </si>
  <si>
    <t>12/31/2019 14:41:29</t>
  </si>
  <si>
    <t>12/31/2019 14:45:36</t>
  </si>
  <si>
    <t>12/31/2019 14:42:30</t>
  </si>
  <si>
    <t>e1fa766d-9732-4406-901e-13468eb8c1a1.tmp</t>
  </si>
  <si>
    <t>\\acsfs\profiles$\lucasqdss\Downloads\e1fa766d-9732-4406-901e-13468eb8c1a1.tmp</t>
  </si>
  <si>
    <t>12/31/2019 14:41:09</t>
  </si>
  <si>
    <t>12/31/2019 14:46:37</t>
  </si>
  <si>
    <t>\\acsfs\profiles$\joycemmdl\Downloads\desktop.ini</t>
  </si>
  <si>
    <t>12/31/2019 14:41:10</t>
  </si>
  <si>
    <t>12/31/2019 14:41:12</t>
  </si>
  <si>
    <t>\\acsfs\profiles$\joycemmdl\Favorites\</t>
  </si>
  <si>
    <t>\\acsfs\profiles$\joycemmdl\My Documents\desktop.ini</t>
  </si>
  <si>
    <t>12/31/2019 14:41:16</t>
  </si>
  <si>
    <t>12/31/2019 14:41:17</t>
  </si>
  <si>
    <t>12/31/2019 14:41:18</t>
  </si>
  <si>
    <t>12/31/2019 14:41:20</t>
  </si>
  <si>
    <t>\\acsfs\profiles$\joycemmdl\Saved Games\desktop.ini</t>
  </si>
  <si>
    <t>12/31/2019 14:41:21</t>
  </si>
  <si>
    <t>12/31/2019 14:42:20</t>
  </si>
  <si>
    <t>12/31/2019 14:44:55</t>
  </si>
  <si>
    <t>cd421f32-03a4-41bd-8d69-f4a60b475391.tmp</t>
  </si>
  <si>
    <t>\\acsfs\profiles$\joycemmdl\Downloads\cd421f32-03a4-41bd-8d69-f4a60b475391.tmp</t>
  </si>
  <si>
    <t>12/31/2019 14:45:04</t>
  </si>
  <si>
    <t>Unconfirmed 642582.crdownload</t>
  </si>
  <si>
    <t>\\acsfs\profiles$\joycemmdl\Downloads\Unconfirmed 642582.crdownload</t>
  </si>
  <si>
    <t>12/31/2019 14:43:04</t>
  </si>
  <si>
    <t>12/31/2019 14:47:36</t>
  </si>
  <si>
    <t>12/31/2019 14:44:08</t>
  </si>
  <si>
    <t>9775e87b-6bc9-479b-9306-55f83eb48a2f.tmp</t>
  </si>
  <si>
    <t>\\acsfs\profiles$\rosileiam\Downloads\9775e87b-6bc9-479b-9306-55f83eb48a2f.tmp</t>
  </si>
  <si>
    <t>12/31/2019 14:45:19</t>
  </si>
  <si>
    <t>8cd04619-a1b4-4ac2-ac0a-a8d3cfdb77c3.tmp</t>
  </si>
  <si>
    <t>\\acsfs\profiles$\rosileiam\Downloads\8cd04619-a1b4-4ac2-ac0a-a8d3cfdb77c3.tmp</t>
  </si>
  <si>
    <t>12/31/2019 14:46:04</t>
  </si>
  <si>
    <t>12/31/2019 14:44:13</t>
  </si>
  <si>
    <t>12/31/2019 14:48:37</t>
  </si>
  <si>
    <t>12/31/2019 14:47:56</t>
  </si>
  <si>
    <t>12/31/2019 14:46:15</t>
  </si>
  <si>
    <t>12/31/2019 14:49:36</t>
  </si>
  <si>
    <t>12/31/2019 14:47:15</t>
  </si>
  <si>
    <t>12/31/2019 14:45:25</t>
  </si>
  <si>
    <t>12/31/2019 14:50:36</t>
  </si>
  <si>
    <t>12/31/2019 14:49:39</t>
  </si>
  <si>
    <t>12/31/2019 14:47:33</t>
  </si>
  <si>
    <t>12/31/2019 14:51:37</t>
  </si>
  <si>
    <t>8f002af5-5075-4ad3-aea9-b64d17adc227.tmp</t>
  </si>
  <si>
    <t>\\acsfs\profiles$\joycemmdl\Downloads\8f002af5-5075-4ad3-aea9-b64d17adc227.tmp</t>
  </si>
  <si>
    <t>12/31/2019 14:48:56</t>
  </si>
  <si>
    <t>136cc332-b475-4ed7-a7bf-839078ef71dd.tmp</t>
  </si>
  <si>
    <t>\\acsfs\profiles$\joycemmdl\Downloads\136cc332-b475-4ed7-a7bf-839078ef71dd.tmp</t>
  </si>
  <si>
    <t>12/31/2019 14:46:28</t>
  </si>
  <si>
    <t>12/31/2019 14:50:35</t>
  </si>
  <si>
    <t>12/31/2019 14:52:36</t>
  </si>
  <si>
    <t>12/31/2019 14:52:01</t>
  </si>
  <si>
    <t>47b6ad8f-cc6e-4c45-8893-cbee3549b5c7.tmp</t>
  </si>
  <si>
    <t>\\acsfs\profiles$\brunalas\Downloads\47b6ad8f-cc6e-4c45-8893-cbee3549b5c7.tmp</t>
  </si>
  <si>
    <t>12/31/2019 14:49:30</t>
  </si>
  <si>
    <t>12/31/2019 14:54:36</t>
  </si>
  <si>
    <t>12/31/2019 14:52:16</t>
  </si>
  <si>
    <t>12/31/2019 14:53:16</t>
  </si>
  <si>
    <t>12/31/2019 14:55:11</t>
  </si>
  <si>
    <t>12/31/2019 14:56:36</t>
  </si>
  <si>
    <t>12/31/2019 14:52:35</t>
  </si>
  <si>
    <t>966c5b51-509f-4ede-8ee1-cdf31b947ca8.tmp</t>
  </si>
  <si>
    <t>\\acsfs\profiles$\alinepp\Downloads\966c5b51-509f-4ede-8ee1-cdf31b947ca8.tmp</t>
  </si>
  <si>
    <t>12/31/2019 14:53:10</t>
  </si>
  <si>
    <t>12/31/2019 14:57:36</t>
  </si>
  <si>
    <t>12/31/2019 14:53:24</t>
  </si>
  <si>
    <t>20ee8cac-b40c-4604-abed-adb8cadebe6c.tmp</t>
  </si>
  <si>
    <t>\\acsfs\profiles$\brunalas\Downloads\20ee8cac-b40c-4604-abed-adb8cadebe6c.tmp</t>
  </si>
  <si>
    <t>12/31/2019 14:53:55</t>
  </si>
  <si>
    <t>12/31/2019 14:53:57</t>
  </si>
  <si>
    <t>12/31/2019 14:58:37</t>
  </si>
  <si>
    <t>12/31/2019 14:54:16</t>
  </si>
  <si>
    <t>12/31/2019 14:59:36</t>
  </si>
  <si>
    <t>10.200.67.32</t>
  </si>
  <si>
    <t>74-86-7A-FB-18-13</t>
  </si>
  <si>
    <t>VOTORANT-PB003</t>
  </si>
  <si>
    <t>12/31/2019 14:55:05</t>
  </si>
  <si>
    <t>acessos Mari.txt</t>
  </si>
  <si>
    <t>\\acsfs\Deptos\Operacao\Banco_Votorantim\Supervisao\Maristela\acessos Mari.txt</t>
  </si>
  <si>
    <t>12/31/2019 14:58:16</t>
  </si>
  <si>
    <t>12/31/2019 14:55:19</t>
  </si>
  <si>
    <t>76244f2c-3238-493d-ac2a-333914e7ebf7.tmp</t>
  </si>
  <si>
    <t>\\acsfs\profiles$\welidicdj\Downloads\76244f2c-3238-493d-ac2a-333914e7ebf7.tmp</t>
  </si>
  <si>
    <t>12/31/2019 14:57:15</t>
  </si>
  <si>
    <t>12/31/2019 14:57:01</t>
  </si>
  <si>
    <t>12/31/2019 15:01:36</t>
  </si>
  <si>
    <t>12/31/2019 14:58:49</t>
  </si>
  <si>
    <t>12/31/2019 15:02:36</t>
  </si>
  <si>
    <t>lu77602jii2.tmp</t>
  </si>
  <si>
    <t>\\acsfs\profiles$\jalilebds\Downloads\lu77602jii2.tmp</t>
  </si>
  <si>
    <t>12/31/2019 14:58:00</t>
  </si>
  <si>
    <t>12/31/2019 14:58:08</t>
  </si>
  <si>
    <t>12/31/2019 15:03:36</t>
  </si>
  <si>
    <t>ebffe6a7-76c9-4a19-b430-2d3a77eded91.tmp</t>
  </si>
  <si>
    <t>\\acsfs\profiles$\anafaes\Downloads\ebffe6a7-76c9-4a19-b430-2d3a77eded91.tmp</t>
  </si>
  <si>
    <t>12/31/2019 14:59:57</t>
  </si>
  <si>
    <t>12/31/2019 15:01:27</t>
  </si>
  <si>
    <t>12/31/2019 14:59:16</t>
  </si>
  <si>
    <t>12/31/2019 15:04:36</t>
  </si>
  <si>
    <t>12/31/2019 15:03:51</t>
  </si>
  <si>
    <t>12/31/2019 15:06:37</t>
  </si>
  <si>
    <t>12/31/2019 15:03:13</t>
  </si>
  <si>
    <t>12/31/2019 15:07:36</t>
  </si>
  <si>
    <t>12/31/2019 15:05:58</t>
  </si>
  <si>
    <t>12/31/2019 15:08:36</t>
  </si>
  <si>
    <t>12/31/2019 15:08:04</t>
  </si>
  <si>
    <t>faa54e33-39a0-4420-8419-9c7791522485.tmp</t>
  </si>
  <si>
    <t>\\acsfs\profiles$\jonatanls\Downloads\faa54e33-39a0-4420-8419-9c7791522485.tmp</t>
  </si>
  <si>
    <t>12/31/2019 15:06:01</t>
  </si>
  <si>
    <t>\\acsfs\profiles$\thaianaads\My Documents\Download.pdf</t>
  </si>
  <si>
    <t>12/31/2019 15:04:16</t>
  </si>
  <si>
    <t>12/31/2019 15:09:36</t>
  </si>
  <si>
    <t>12/31/2019 15:05:16</t>
  </si>
  <si>
    <t>12/31/2019 15:07:46</t>
  </si>
  <si>
    <t>12/31/2019 15:05:12</t>
  </si>
  <si>
    <t>12/31/2019 15:10:36</t>
  </si>
  <si>
    <t>12/31/2019 15:11:22</t>
  </si>
  <si>
    <t>12/31/2019 15:12:36</t>
  </si>
  <si>
    <t>lu77602jiia.tmp</t>
  </si>
  <si>
    <t>\\acsfs\profiles$\jalilebds\Downloads\lu77602jiia.tmp</t>
  </si>
  <si>
    <t>12/31/2019 15:11:57</t>
  </si>
  <si>
    <t>12/31/2019 15:13:36</t>
  </si>
  <si>
    <t>12/31/2019 15:11:09</t>
  </si>
  <si>
    <t>12/31/2019 15:10:16</t>
  </si>
  <si>
    <t>12/31/2019 15:14:37</t>
  </si>
  <si>
    <t>12/31/2019 15:11:16</t>
  </si>
  <si>
    <t>12/31/2019 15:11:31</t>
  </si>
  <si>
    <t>12/31/2019 15:15:36</t>
  </si>
  <si>
    <t>12/31/2019 15:12:12</t>
  </si>
  <si>
    <t>12/31/2019 15:17:36</t>
  </si>
  <si>
    <t>12/31/2019 15:17:12</t>
  </si>
  <si>
    <t>12/31/2019 15:18:37</t>
  </si>
  <si>
    <t>12/31/2019 15:17:57</t>
  </si>
  <si>
    <t>12/31/2019 15:16:16</t>
  </si>
  <si>
    <t>12/31/2019 15:19:37</t>
  </si>
  <si>
    <t>12/31/2019 15:17:16</t>
  </si>
  <si>
    <t>12/31/2019 15:17:32</t>
  </si>
  <si>
    <t>12/31/2019 15:17:15</t>
  </si>
  <si>
    <t>12/31/2019 15:21:36</t>
  </si>
  <si>
    <t>12/31/2019 15:20:18</t>
  </si>
  <si>
    <t>85873d23-2ccf-4e61-9837-1ac3ed4fdfa7.tmp</t>
  </si>
  <si>
    <t>\\acsfs\profiles$\andreapdsg\Downloads\85873d23-2ccf-4e61-9837-1ac3ed4fdfa7.tmp</t>
  </si>
  <si>
    <t>12/31/2019 15:18:31</t>
  </si>
  <si>
    <t>a51bb69c-8d61-4a6d-9d56-d7a0e3b0d39e.tmp</t>
  </si>
  <si>
    <t>\\acsfs\profiles$\larissaad\Downloads\a51bb69c-8d61-4a6d-9d56-d7a0e3b0d39e.tmp</t>
  </si>
  <si>
    <t>12/31/2019 15:21:28</t>
  </si>
  <si>
    <t>12/31/2019 15:22:37</t>
  </si>
  <si>
    <t>\\acsfs\profiles$\tiagosno\My Documents\</t>
  </si>
  <si>
    <t>\\acsfs\profiles$\tiagosno\My Documents\Download.pdf</t>
  </si>
  <si>
    <t>12/31/2019 15:22:16</t>
  </si>
  <si>
    <t>12/31/2019 15:24:37</t>
  </si>
  <si>
    <t>12/31/2019 15:23:16</t>
  </si>
  <si>
    <t>12/31/2019 15:24:17</t>
  </si>
  <si>
    <t>12/31/2019 15:26:37</t>
  </si>
  <si>
    <t>12/31/2019 15:22:06</t>
  </si>
  <si>
    <t>7d17d070-b8d6-4a68-831e-651adec9a130.tmp</t>
  </si>
  <si>
    <t>\\acsfs\profiles$\andreapdsg\Downloads\7d17d070-b8d6-4a68-831e-651adec9a130.tmp</t>
  </si>
  <si>
    <t>12/31/2019 15:24:22</t>
  </si>
  <si>
    <t>12/31/2019 15:27:36</t>
  </si>
  <si>
    <t>12/31/2019 15:27:08</t>
  </si>
  <si>
    <t>12/31/2019 15:23:57</t>
  </si>
  <si>
    <t>12/31/2019 15:28:37</t>
  </si>
  <si>
    <t>12/31/2019 15:27:02</t>
  </si>
  <si>
    <t>12/31/2019 15:28:16</t>
  </si>
  <si>
    <t>12/31/2019 15:29:36</t>
  </si>
  <si>
    <t>12/31/2019 15:27:49</t>
  </si>
  <si>
    <t>12/31/2019 15:30:37</t>
  </si>
  <si>
    <t>12/31/2019 15:25:51</t>
  </si>
  <si>
    <t>12/31/2019 15:25:54</t>
  </si>
  <si>
    <t>12/31/2019 15:31:37</t>
  </si>
  <si>
    <t>12/31/2019 15:25:58</t>
  </si>
  <si>
    <t>12/31/2019 15:26:18</t>
  </si>
  <si>
    <t>12/31/2019 15:26:23</t>
  </si>
  <si>
    <t>12/31/2019 15:26:27</t>
  </si>
  <si>
    <t>12/31/2019 15:26:39</t>
  </si>
  <si>
    <t>12/31/2019 15:26:49</t>
  </si>
  <si>
    <t>12/31/2019 15:26:51</t>
  </si>
  <si>
    <t>12/31/2019 14:58:21</t>
  </si>
  <si>
    <t>12/31/2019 14:58:22</t>
  </si>
  <si>
    <t>12/31/2019 14:58:23</t>
  </si>
  <si>
    <t>12/31/2019 14:58:24</t>
  </si>
  <si>
    <t>12/31/2019 14:58:26</t>
  </si>
  <si>
    <t>12/31/2019 14:58:28</t>
  </si>
  <si>
    <t>12/31/2019 14:58:29</t>
  </si>
  <si>
    <t>12/31/2019 14:58:30</t>
  </si>
  <si>
    <t>12/31/2019 14:58:32</t>
  </si>
  <si>
    <t>12/31/2019 14:58:33</t>
  </si>
  <si>
    <t>12/31/2019 14:58:34</t>
  </si>
  <si>
    <t>12/31/2019 14:58:35</t>
  </si>
  <si>
    <t>12/31/2019 14:58:36</t>
  </si>
  <si>
    <t>12/31/2019 14:58:45</t>
  </si>
  <si>
    <t>12/31/2019 14:58:46</t>
  </si>
  <si>
    <t>12/31/2019 14:58:47</t>
  </si>
  <si>
    <t>12/31/2019 14:58:48</t>
  </si>
  <si>
    <t>12/31/2019 15:27:56</t>
  </si>
  <si>
    <t>12/31/2019 15:28:38</t>
  </si>
  <si>
    <t>12/31/2019 15:32:37</t>
  </si>
  <si>
    <t>12/31/2019 15:28:59</t>
  </si>
  <si>
    <t>12/31/2019 15:33:37</t>
  </si>
  <si>
    <t>12/31/2019 15:32:27</t>
  </si>
  <si>
    <t>56ca31df-7cf3-477b-92fe-b66a0fb0939f.tmp</t>
  </si>
  <si>
    <t>\\acsfs\profiles$\erichds\Downloads\56ca31df-7cf3-477b-92fe-b66a0fb0939f.tmp</t>
  </si>
  <si>
    <t>12/31/2019 15:29:57</t>
  </si>
  <si>
    <t>12/31/2019 15:29:08</t>
  </si>
  <si>
    <t>12/31/2019 15:32:03</t>
  </si>
  <si>
    <t>12/31/2019 15:30:54</t>
  </si>
  <si>
    <t>8d887735-94ef-46ea-97da-494c04ad5dec.tmp</t>
  </si>
  <si>
    <t>\\acsfs\profiles$\jonatanls\Downloads\8d887735-94ef-46ea-97da-494c04ad5dec.tmp</t>
  </si>
  <si>
    <t>12/31/2019 15:31:17</t>
  </si>
  <si>
    <t>$I40W527.pdf</t>
  </si>
  <si>
    <t>\\acsfs\profiles$\jonatanls\Downloads\$RECYCLE.BIN\$I40W527.pdf</t>
  </si>
  <si>
    <t>12/31/2019 15:31:18</t>
  </si>
  <si>
    <t>$IVDCUI3.pdf</t>
  </si>
  <si>
    <t>\\acsfs\profiles$\jonatanls\Downloads\$RECYCLE.BIN\$IVDCUI3.pdf</t>
  </si>
  <si>
    <t>$I0WYXJS.pdf</t>
  </si>
  <si>
    <t>\\acsfs\profiles$\jonatanls\Downloads\$RECYCLE.BIN\$I0WYXJS.pdf</t>
  </si>
  <si>
    <t>12/31/2019 15:31:19</t>
  </si>
  <si>
    <t>$IRC7M3R.pdf</t>
  </si>
  <si>
    <t>\\acsfs\profiles$\jonatanls\Downloads\$RECYCLE.BIN\$IRC7M3R.pdf</t>
  </si>
  <si>
    <t>12/31/2019 15:30:39</t>
  </si>
  <si>
    <t>12/31/2019 15:34:36</t>
  </si>
  <si>
    <t>12/31/2019 15:29:16</t>
  </si>
  <si>
    <t>12/31/2019 15:29:55</t>
  </si>
  <si>
    <t>12/31/2019 15:35:36</t>
  </si>
  <si>
    <t>238a3760-a4a1-4de3-987e-28032523dbf1.tmp</t>
  </si>
  <si>
    <t>\\acsfs\profiles$\LAISLG\Downloads\238a3760-a4a1-4de3-987e-28032523dbf1.tmp</t>
  </si>
  <si>
    <t>12/31/2019 15:31:30</t>
  </si>
  <si>
    <t>12/31/2019 15:36:37</t>
  </si>
  <si>
    <t>465ee2d3-6148-4119-a7fc-62c22277ca25.tmp</t>
  </si>
  <si>
    <t>\\acsfs\profiles$\larissaad\Downloads\465ee2d3-6148-4119-a7fc-62c22277ca25.tmp</t>
  </si>
  <si>
    <t>12/31/2019 15:35:20</t>
  </si>
  <si>
    <t>12/31/2019 15:34:58</t>
  </si>
  <si>
    <t>12/31/2019 15:37:36</t>
  </si>
  <si>
    <t>https://links.services.disqus.com/api/domains</t>
  </si>
  <si>
    <t>12/31/2019 15:35:00</t>
  </si>
  <si>
    <t>12/31/2019 15:35:03</t>
  </si>
  <si>
    <t>12/31/2019 15:35:11</t>
  </si>
  <si>
    <t>12/31/2019 15:35:13</t>
  </si>
  <si>
    <t>12/31/2019 15:38:36</t>
  </si>
  <si>
    <t>d244f03b-2ab6-4caa-af18-715d35ee1c5f.tmp</t>
  </si>
  <si>
    <t>\\acsfs\profiles$\erichds\Downloads\d244f03b-2ab6-4caa-af18-715d35ee1c5f.tmp</t>
  </si>
  <si>
    <t>image2019-12-31-152053.pdf</t>
  </si>
  <si>
    <t>12/31/2019 15:35:57</t>
  </si>
  <si>
    <t>12/31/2019 15:34:16</t>
  </si>
  <si>
    <t>12/31/2019 15:39:36</t>
  </si>
  <si>
    <t>12/31/2019 15:35:16</t>
  </si>
  <si>
    <t>12/31/2019 15:38:59</t>
  </si>
  <si>
    <t>12/31/2019 15:40:36</t>
  </si>
  <si>
    <t>12/31/2019 15:39:06</t>
  </si>
  <si>
    <t>12/31/2019 15:39:07</t>
  </si>
  <si>
    <t>12/31/2019 15:39:08</t>
  </si>
  <si>
    <t>12/31/2019 15:39:09</t>
  </si>
  <si>
    <t>12/31/2019 15:39:10</t>
  </si>
  <si>
    <t>12/31/2019 15:39:11</t>
  </si>
  <si>
    <t>12/31/2019 15:39:12</t>
  </si>
  <si>
    <t>12/31/2019 15:39:17</t>
  </si>
  <si>
    <t>12/31/2019 15:39:21</t>
  </si>
  <si>
    <t>12/31/2019 15:39:22</t>
  </si>
  <si>
    <t>12/31/2019 15:39:23</t>
  </si>
  <si>
    <t>12/31/2019 15:39:24</t>
  </si>
  <si>
    <t>12/31/2019 15:39:29</t>
  </si>
  <si>
    <t>12/31/2019 15:39:30</t>
  </si>
  <si>
    <t>12/31/2019 15:39:49</t>
  </si>
  <si>
    <t>12/31/2019 15:39:50</t>
  </si>
  <si>
    <t>12/31/2019 15:39:51</t>
  </si>
  <si>
    <t>12/31/2019 15:39:53</t>
  </si>
  <si>
    <t>12/31/2019 15:39:54</t>
  </si>
  <si>
    <t>12/31/2019 15:39:55</t>
  </si>
  <si>
    <t>12/31/2019 15:40:00</t>
  </si>
  <si>
    <t>12/31/2019 15:40:02</t>
  </si>
  <si>
    <t>12/31/2019 15:40:03</t>
  </si>
  <si>
    <t>12/31/2019 15:40:04</t>
  </si>
  <si>
    <t>12/31/2019 15:40:11</t>
  </si>
  <si>
    <t>12/31/2019 15:40:15</t>
  </si>
  <si>
    <t>12/31/2019 15:37:20</t>
  </si>
  <si>
    <t>12/31/2019 15:41:37</t>
  </si>
  <si>
    <t>e28cb8be-e414-4a3a-bd96-2b66f56aa036.tmp</t>
  </si>
  <si>
    <t>\\acsfs\profiles$\gabriellalpr\Downloads\e28cb8be-e414-4a3a-bd96-2b66f56aa036.tmp</t>
  </si>
  <si>
    <t>12/31/2019 15:37:21</t>
  </si>
  <si>
    <t>b610eaf7-2428-4b84-8781-84458cee9cc0.tmp</t>
  </si>
  <si>
    <t>\\acsfs\profiles$\alinepp\Downloads\b610eaf7-2428-4b84-8781-84458cee9cc0.tmp</t>
  </si>
  <si>
    <t>12/31/2019 15:36:51</t>
  </si>
  <si>
    <t>b7411380-9148-45af-8dbc-164debc16ccd.tmp</t>
  </si>
  <si>
    <t>\\acsfs\profiles$\cintiadjl\Downloads\b7411380-9148-45af-8dbc-164debc16ccd.tmp</t>
  </si>
  <si>
    <t>12/31/2019 15:36:54</t>
  </si>
  <si>
    <t>434774dc-4ef3-449c-93a0-71ef106dbd44.tmp</t>
  </si>
  <si>
    <t>\\acsfs\profiles$\cintiadjl\Downloads\434774dc-4ef3-449c-93a0-71ef106dbd44.tmp</t>
  </si>
  <si>
    <t>12/31/2019 15:37:45</t>
  </si>
  <si>
    <t>9610596f-a97a-42c3-9b21-2cb0c53596fd.tmp</t>
  </si>
  <si>
    <t>\\acsfs\profiles$\myllenardl\Downloads\9610596f-a97a-42c3-9b21-2cb0c53596fd.tmp</t>
  </si>
  <si>
    <t>12/31/2019 15:38:05</t>
  </si>
  <si>
    <t>9d521cf4-9c22-4e66-ba31-bfe678be1d8d.tmp</t>
  </si>
  <si>
    <t>\\acsfs\profiles$\myllenardl\Downloads\9d521cf4-9c22-4e66-ba31-bfe678be1d8d.tmp</t>
  </si>
  <si>
    <t>12/31/2019 15:40:41</t>
  </si>
  <si>
    <t>12/31/2019 15:42:36</t>
  </si>
  <si>
    <t>lu77602jiid.tmp</t>
  </si>
  <si>
    <t>\\acsfs\profiles$\jalilebds\Downloads\lu77602jiid.tmp</t>
  </si>
  <si>
    <t>12/31/2019 15:41:18</t>
  </si>
  <si>
    <t>12/31/2019 15:44:36</t>
  </si>
  <si>
    <t>XLOG_ellencds_31122019_083838.log</t>
  </si>
  <si>
    <t>\\acsfs\profiles$\ellencds\My Documents\xworkcenter\logs\XLOG_ellencds_31122019_083838.log</t>
  </si>
  <si>
    <t>12/31/2019 15:40:16</t>
  </si>
  <si>
    <t>12/31/2019 15:41:16</t>
  </si>
  <si>
    <t>12/31/2019 15:41:23</t>
  </si>
  <si>
    <t>12/31/2019 15:44:33</t>
  </si>
  <si>
    <t>12/31/2019 15:45:36</t>
  </si>
  <si>
    <t>12/31/2019 15:40:30</t>
  </si>
  <si>
    <t>12/31/2019 15:40:33</t>
  </si>
  <si>
    <t>12/31/2019 15:40:34</t>
  </si>
  <si>
    <t>12/31/2019 15:40:35</t>
  </si>
  <si>
    <t>12/31/2019 15:40:39</t>
  </si>
  <si>
    <t>12/31/2019 15:40:42</t>
  </si>
  <si>
    <t>12/31/2019 15:40:43</t>
  </si>
  <si>
    <t>12/31/2019 15:40:44</t>
  </si>
  <si>
    <t>12/31/2019 15:40:46</t>
  </si>
  <si>
    <t>12/31/2019 15:40:47</t>
  </si>
  <si>
    <t>12/31/2019 15:40:51</t>
  </si>
  <si>
    <t>12/31/2019 15:40:53</t>
  </si>
  <si>
    <t>12/31/2019 15:40:54</t>
  </si>
  <si>
    <t>12/31/2019 15:45:18</t>
  </si>
  <si>
    <t>12/31/2019 15:43:33</t>
  </si>
  <si>
    <t>12/31/2019 15:47:36</t>
  </si>
  <si>
    <t>\\acsfs\profiles$\jalilebds\Downloads\$RECYCLE.BIN\</t>
  </si>
  <si>
    <t>$IUE3G7U.xlsx</t>
  </si>
  <si>
    <t>\\acsfs\profiles$\jalilebds\Downloads\$RECYCLE.BIN\$IUE3G7U.xlsx</t>
  </si>
  <si>
    <t>12/31/2019 15:43:34</t>
  </si>
  <si>
    <t>$IY3IC1S.ods</t>
  </si>
  <si>
    <t>\\acsfs\profiles$\jalilebds\Downloads\$RECYCLE.BIN\$IY3IC1S.ods</t>
  </si>
  <si>
    <t>$IEXLRBC.xlsx</t>
  </si>
  <si>
    <t>\\acsfs\profiles$\jalilebds\Downloads\$RECYCLE.BIN\$IEXLRBC.xlsx</t>
  </si>
  <si>
    <t>$IPX6DMF.xlsx</t>
  </si>
  <si>
    <t>\\acsfs\profiles$\jalilebds\Downloads\$RECYCLE.BIN\$IPX6DMF.xlsx</t>
  </si>
  <si>
    <t>12/31/2019 15:43:59</t>
  </si>
  <si>
    <t>12/31/2019 15:45:13</t>
  </si>
  <si>
    <t>68fcba01-f805-4a86-a9b3-e961a760e2a7.tmp</t>
  </si>
  <si>
    <t>\\acsfs\profiles$\gabrielamdp\Downloads\68fcba01-f805-4a86-a9b3-e961a760e2a7.tmp</t>
  </si>
  <si>
    <t>12/31/2019 15:45:26</t>
  </si>
  <si>
    <t>44af3f38-70fa-4b62-8eee-7a61af36e0c8.tmp</t>
  </si>
  <si>
    <t>\\acsfs\profiles$\gabrielamdp\Downloads\44af3f38-70fa-4b62-8eee-7a61af36e0c8.tmp</t>
  </si>
  <si>
    <t>12/31/2019 15:47:52</t>
  </si>
  <si>
    <t>12/31/2019 15:48:36</t>
  </si>
  <si>
    <t>12/31/2019 15:44:01</t>
  </si>
  <si>
    <t>12/31/2019 15:44:15</t>
  </si>
  <si>
    <t>lu674433k8x.tmp</t>
  </si>
  <si>
    <t>\\acsfs\profiles$\fabianafv\My Documents\lu674433k8x.tmp</t>
  </si>
  <si>
    <t>\\acsfs\profiles$\fabianafv\My Documents\lu674433k8x.tmp\</t>
  </si>
  <si>
    <t>\\acsfs\profiles$\fabianafv\My Documents\lu674433k8x.tmp\META-INF\</t>
  </si>
  <si>
    <t>\\acsfs\profiles$\fabianafv\My Documents\lu674433k8x.tmp\Thumbnails\</t>
  </si>
  <si>
    <t>12/31/2019 15:46:16</t>
  </si>
  <si>
    <t>12/31/2019 15:49:36</t>
  </si>
  <si>
    <t>12/31/2019 15:47:16</t>
  </si>
  <si>
    <t>12/31/2019 15:48:08</t>
  </si>
  <si>
    <t>12/31/2019 15:50:36</t>
  </si>
  <si>
    <t>12/31/2019 15:45:19</t>
  </si>
  <si>
    <t>12/31/2019 15:45:27</t>
  </si>
  <si>
    <t>12/31/2019 15:45:28</t>
  </si>
  <si>
    <t>12/31/2019 15:45:29</t>
  </si>
  <si>
    <t>12/31/2019 15:47:13</t>
  </si>
  <si>
    <t>12/31/2019 15:47:15</t>
  </si>
  <si>
    <t>12/31/2019 15:47:17</t>
  </si>
  <si>
    <t>12/31/2019 15:47:18</t>
  </si>
  <si>
    <t>12/31/2019 15:47:20</t>
  </si>
  <si>
    <t>12/31/2019 15:47:26</t>
  </si>
  <si>
    <t>12/31/2019 15:47:28</t>
  </si>
  <si>
    <t>12/31/2019 15:47:29</t>
  </si>
  <si>
    <t>12/31/2019 15:47:31</t>
  </si>
  <si>
    <t>12/31/2019 15:47:33</t>
  </si>
  <si>
    <t>12/31/2019 15:47:38</t>
  </si>
  <si>
    <t>12/31/2019 15:47:47</t>
  </si>
  <si>
    <t>12/31/2019 15:47:50</t>
  </si>
  <si>
    <t>12/31/2019 15:47:54</t>
  </si>
  <si>
    <t>12/31/2019 15:47:55</t>
  </si>
  <si>
    <t>12/31/2019 15:47:56</t>
  </si>
  <si>
    <t>12/31/2019 15:47:57</t>
  </si>
  <si>
    <t>12/31/2019 15:48:03</t>
  </si>
  <si>
    <t>12/31/2019 15:48:10</t>
  </si>
  <si>
    <t>12/31/2019 15:48:23</t>
  </si>
  <si>
    <t>12/31/2019 15:48:28</t>
  </si>
  <si>
    <t>12/31/2019 15:48:29</t>
  </si>
  <si>
    <t>12/31/2019 15:48:34</t>
  </si>
  <si>
    <t>12/31/2019 15:48:47</t>
  </si>
  <si>
    <t>12/31/2019 15:48:51</t>
  </si>
  <si>
    <t>12/31/2019 15:48:52</t>
  </si>
  <si>
    <t>12/31/2019 15:48:53</t>
  </si>
  <si>
    <t>12/31/2019 15:48:55</t>
  </si>
  <si>
    <t>12/31/2019 15:48:58</t>
  </si>
  <si>
    <t>12/31/2019 15:49:07</t>
  </si>
  <si>
    <t>12/31/2019 15:49:10</t>
  </si>
  <si>
    <t>12/31/2019 15:49:11</t>
  </si>
  <si>
    <t>12/31/2019 15:49:13</t>
  </si>
  <si>
    <t>12/31/2019 15:49:17</t>
  </si>
  <si>
    <t>12/31/2019 15:49:24</t>
  </si>
  <si>
    <t>12/31/2019 15:49:39</t>
  </si>
  <si>
    <t>12/31/2019 15:49:41</t>
  </si>
  <si>
    <t>12/31/2019 15:49:42</t>
  </si>
  <si>
    <t>12/31/2019 15:49:43</t>
  </si>
  <si>
    <t>12/31/2019 15:49:44</t>
  </si>
  <si>
    <t>12/31/2019 15:49:48</t>
  </si>
  <si>
    <t>12/31/2019 15:49:55</t>
  </si>
  <si>
    <t>12/31/2019 15:50:01</t>
  </si>
  <si>
    <t>12/31/2019 15:50:02</t>
  </si>
  <si>
    <t>12/31/2019 15:50:03</t>
  </si>
  <si>
    <t>12/31/2019 15:50:07</t>
  </si>
  <si>
    <t>12/31/2019 15:50:08</t>
  </si>
  <si>
    <t>12/31/2019 15:46:54</t>
  </si>
  <si>
    <t>12/31/2019 15:51:36</t>
  </si>
  <si>
    <t>12/31/2019 15:47:24</t>
  </si>
  <si>
    <t>12/31/2019 15:49:37</t>
  </si>
  <si>
    <t>12/31/2019 15:54:36</t>
  </si>
  <si>
    <t>XLOG_ellencds_31122019_083650.log</t>
  </si>
  <si>
    <t>\\acsfs\profiles$\ellencds\My Documents\xworkcenter\logs\XLOG_ellencds_31122019_083650.log</t>
  </si>
  <si>
    <t>12/31/2019 15:52:17</t>
  </si>
  <si>
    <t>12/31/2019 15:53:16</t>
  </si>
  <si>
    <t>12/31/2019 15:50:24</t>
  </si>
  <si>
    <t>12/31/2019 15:55:37</t>
  </si>
  <si>
    <t>12/31/2019 15:50:27</t>
  </si>
  <si>
    <t>12/31/2019 15:50:28</t>
  </si>
  <si>
    <t>12/31/2019 15:50:29</t>
  </si>
  <si>
    <t>12/31/2019 15:50:34</t>
  </si>
  <si>
    <t>12/31/2019 15:51:41</t>
  </si>
  <si>
    <t>12/31/2019 15:51:42</t>
  </si>
  <si>
    <t>12/31/2019 15:51:43</t>
  </si>
  <si>
    <t>12/31/2019 15:51:44</t>
  </si>
  <si>
    <t>12/31/2019 15:51:46</t>
  </si>
  <si>
    <t>12/31/2019 15:51:47</t>
  </si>
  <si>
    <t>12/31/2019 15:52:44</t>
  </si>
  <si>
    <t>12/31/2019 15:52:47</t>
  </si>
  <si>
    <t>12/31/2019 15:52:48</t>
  </si>
  <si>
    <t>12/31/2019 15:52:49</t>
  </si>
  <si>
    <t>12/31/2019 15:52:59</t>
  </si>
  <si>
    <t>12/31/2019 15:53:00</t>
  </si>
  <si>
    <t>12/31/2019 15:53:01</t>
  </si>
  <si>
    <t>12/31/2019 15:53:07</t>
  </si>
  <si>
    <t>12/31/2019 15:53:10</t>
  </si>
  <si>
    <t>12/31/2019 15:53:15</t>
  </si>
  <si>
    <t>12/31/2019 15:53:26</t>
  </si>
  <si>
    <t>12/31/2019 15:53:35</t>
  </si>
  <si>
    <t>12/31/2019 15:53:43</t>
  </si>
  <si>
    <t>12/31/2019 15:53:44</t>
  </si>
  <si>
    <t>12/31/2019 15:53:45</t>
  </si>
  <si>
    <t>12/31/2019 15:53:46</t>
  </si>
  <si>
    <t>12/31/2019 15:53:50</t>
  </si>
  <si>
    <t>12/31/2019 15:53:55</t>
  </si>
  <si>
    <t>12/31/2019 15:54:02</t>
  </si>
  <si>
    <t>12/31/2019 15:54:06</t>
  </si>
  <si>
    <t>12/31/2019 15:54:07</t>
  </si>
  <si>
    <t>12/31/2019 15:54:08</t>
  </si>
  <si>
    <t>12/31/2019 15:54:13</t>
  </si>
  <si>
    <t>12/31/2019 15:54:19</t>
  </si>
  <si>
    <t>12/31/2019 15:54:21</t>
  </si>
  <si>
    <t>12/31/2019 15:54:22</t>
  </si>
  <si>
    <t>12/31/2019 15:54:23</t>
  </si>
  <si>
    <t>12/31/2019 15:54:24</t>
  </si>
  <si>
    <t>12/31/2019 15:54:25</t>
  </si>
  <si>
    <t>12/31/2019 15:54:26</t>
  </si>
  <si>
    <t>12/31/2019 15:54:27</t>
  </si>
  <si>
    <t>12/31/2019 15:54:44</t>
  </si>
  <si>
    <t>12/31/2019 15:54:47</t>
  </si>
  <si>
    <t>12/31/2019 15:54:48</t>
  </si>
  <si>
    <t>12/31/2019 15:54:49</t>
  </si>
  <si>
    <t>12/31/2019 15:54:50</t>
  </si>
  <si>
    <t>12/31/2019 15:54:55</t>
  </si>
  <si>
    <t>12/31/2019 15:58:16</t>
  </si>
  <si>
    <t>12/31/2019 15:59:36</t>
  </si>
  <si>
    <t>12/31/2019 15:58:25</t>
  </si>
  <si>
    <t>Holerite_122019_2077881.pdf.k5kmxtp.partial</t>
  </si>
  <si>
    <t>\\acsfs\profiles$\vivianibfs\Downloads\Holerite_122019_2077881.pdf.k5kmxtp.partial</t>
  </si>
  <si>
    <t>12/31/2019 15:56:40</t>
  </si>
  <si>
    <t>21820d97-57d3-45d4-8dde-80c2510975cc.tmp</t>
  </si>
  <si>
    <t>\\acsfs\profiles$\adelvinsonle\Downloads\21820d97-57d3-45d4-8dde-80c2510975cc.tmp</t>
  </si>
  <si>
    <t>12/31/2019 15:55:52</t>
  </si>
  <si>
    <t>12/31/2019 16:00:36</t>
  </si>
  <si>
    <t>12/31/2019 15:55:54</t>
  </si>
  <si>
    <t>12/31/2019 15:55:55</t>
  </si>
  <si>
    <t>12/31/2019 15:55:56</t>
  </si>
  <si>
    <t>12/31/2019 15:56:03</t>
  </si>
  <si>
    <t>12/31/2019 15:56:05</t>
  </si>
  <si>
    <t>12/31/2019 15:56:06</t>
  </si>
  <si>
    <t>12/31/2019 15:56:07</t>
  </si>
  <si>
    <t>12/31/2019 15:56:08</t>
  </si>
  <si>
    <t>12/31/2019 15:56:10</t>
  </si>
  <si>
    <t>12/31/2019 15:56:13</t>
  </si>
  <si>
    <t>12/31/2019 15:57:02</t>
  </si>
  <si>
    <t>12/31/2019 15:57:05</t>
  </si>
  <si>
    <t>12/31/2019 15:57:06</t>
  </si>
  <si>
    <t>12/31/2019 15:57:07</t>
  </si>
  <si>
    <t>12/31/2019 15:57:08</t>
  </si>
  <si>
    <t>12/31/2019 15:57:12</t>
  </si>
  <si>
    <t>12/31/2019 15:57:22</t>
  </si>
  <si>
    <t>12/31/2019 15:57:30</t>
  </si>
  <si>
    <t>12/31/2019 15:57:31</t>
  </si>
  <si>
    <t>12/31/2019 15:57:32</t>
  </si>
  <si>
    <t>12/31/2019 15:57:33</t>
  </si>
  <si>
    <t>12/31/2019 15:57:35</t>
  </si>
  <si>
    <t>12/31/2019 15:57:38</t>
  </si>
  <si>
    <t>12/31/2019 15:57:57</t>
  </si>
  <si>
    <t>12/31/2019 15:58:00</t>
  </si>
  <si>
    <t>12/31/2019 15:58:01</t>
  </si>
  <si>
    <t>12/31/2019 15:58:02</t>
  </si>
  <si>
    <t>12/31/2019 15:58:08</t>
  </si>
  <si>
    <t>12/31/2019 15:59:59</t>
  </si>
  <si>
    <t>12/31/2019 16:01:36</t>
  </si>
  <si>
    <t>12/31/2019 15:59:28</t>
  </si>
  <si>
    <t>c8d14e3e-6eaf-48d8-bb9b-3f60eadcc052;</t>
  </si>
  <si>
    <t>12/31/2019 16:00:16</t>
  </si>
  <si>
    <t>12/31/2019 16:01:04</t>
  </si>
  <si>
    <t>12/31/2019 15:57:49</t>
  </si>
  <si>
    <t>12/31/2019 16:02:36</t>
  </si>
  <si>
    <t>12/31/2019 15:59:44</t>
  </si>
  <si>
    <t>12/31/2019 16:03:36</t>
  </si>
  <si>
    <t>12/31/2019 16:03:24</t>
  </si>
  <si>
    <t>\\acsfs\profiles$\flaviacdst\Favorites\Welcome - 1.url\</t>
  </si>
  <si>
    <t>\\acsfs\profiles$\flaviacdst\Favorites\Welcome - 1.url\:favicon:$DATA</t>
  </si>
  <si>
    <t>\\acsfs\profiles$\flaviacdst\Favorites\Welcome - 1.url</t>
  </si>
  <si>
    <t>12/31/2019 15:59:16</t>
  </si>
  <si>
    <t>12/31/2019 16:04:36</t>
  </si>
  <si>
    <t>12/31/2019 16:02:46</t>
  </si>
  <si>
    <t>12/31/2019 16:06:36</t>
  </si>
  <si>
    <t>eab89618-60a9-4be1-a1c9-9db01a2a403b.tmp</t>
  </si>
  <si>
    <t>\\acsfs\profiles$\alinepp\Downloads\eab89618-60a9-4be1-a1c9-9db01a2a403b.tmp</t>
  </si>
  <si>
    <t>12/31/2019 16:03:21</t>
  </si>
  <si>
    <t>b090c581-f08c-4a41-9e16-0c73c59162df.tmp</t>
  </si>
  <si>
    <t>\\acsfs\profiles$\larissaad\Downloads\b090c581-f08c-4a41-9e16-0c73c59162df.tmp</t>
  </si>
  <si>
    <t>12/31/2019 16:01:51</t>
  </si>
  <si>
    <t>12/31/2019 16:02:52</t>
  </si>
  <si>
    <t>12/31/2019 16:04:14</t>
  </si>
  <si>
    <t>12/31/2019 16:04:49</t>
  </si>
  <si>
    <t>12/31/2019 16:04:31</t>
  </si>
  <si>
    <t>12/31/2019 16:07:36</t>
  </si>
  <si>
    <t>XLOG_tiagosno_31122019_084011.log</t>
  </si>
  <si>
    <t>\\acsfs\profiles$\tiagosno\My Documents\xworkcenter\logs\XLOG_tiagosno_31122019_084011.log</t>
  </si>
  <si>
    <t>12/31/2019 16:04:25</t>
  </si>
  <si>
    <t>12/31/2019 16:08:35</t>
  </si>
  <si>
    <t>12/31/2019 16:04:16</t>
  </si>
  <si>
    <t>12/31/2019 16:09:36</t>
  </si>
  <si>
    <t>12/31/2019 16:05:16</t>
  </si>
  <si>
    <t>12/31/2019 16:06:44</t>
  </si>
  <si>
    <t>12/31/2019 16:12:36</t>
  </si>
  <si>
    <t>144828c8-e28c-4b96-8a5f-bdd3c8df596d.tmp</t>
  </si>
  <si>
    <t>\\acsfs\profiles$\higorss\Downloads\144828c8-e28c-4b96-8a5f-bdd3c8df596d.tmp</t>
  </si>
  <si>
    <t>12/31/2019 16:08:11</t>
  </si>
  <si>
    <t>12/31/2019 16:13:36</t>
  </si>
  <si>
    <t>89dfe8f0-1966-4703-9bf2-50e5a9a68ba5.tmp</t>
  </si>
  <si>
    <t>\\acsfs\profiles$\matheusmax\Downloads\89dfe8f0-1966-4703-9bf2-50e5a9a68ba5.tmp</t>
  </si>
  <si>
    <t>12/31/2019 16:13:13</t>
  </si>
  <si>
    <t>12/31/2019 16:10:16</t>
  </si>
  <si>
    <t>12/31/2019 16:14:36</t>
  </si>
  <si>
    <t>12/31/2019 16:11:16</t>
  </si>
  <si>
    <t>12/31/2019 16:11:00</t>
  </si>
  <si>
    <t>12/31/2019 16:16:36</t>
  </si>
  <si>
    <t>12/31/2019 16:13:20</t>
  </si>
  <si>
    <t>12/31/2019 16:11:18</t>
  </si>
  <si>
    <t>12/31/2019 16:13:22</t>
  </si>
  <si>
    <t>12/31/2019 16:15:23</t>
  </si>
  <si>
    <t>12/31/2019 16:15:20</t>
  </si>
  <si>
    <t>12/31/2019 16:17:37</t>
  </si>
  <si>
    <t>504dcecf-3056-49db-b94e-289ebc0fe36a.tmp</t>
  </si>
  <si>
    <t>\\acsfs\profiles$\taylaedoa\Downloads\504dcecf-3056-49db-b94e-289ebc0fe36a.tmp</t>
  </si>
  <si>
    <t>12/31/2019 16:16:12</t>
  </si>
  <si>
    <t>9edc9fa4-826b-44e9-9c7f-b6083a1702f9.tmp</t>
  </si>
  <si>
    <t>\\acsfs\profiles$\taylaedoa\Downloads\9edc9fa4-826b-44e9-9c7f-b6083a1702f9.tmp</t>
  </si>
  <si>
    <t>12/31/2019 16:16:16</t>
  </si>
  <si>
    <t>12/31/2019 16:19:37</t>
  </si>
  <si>
    <t>12/31/2019 16:17:16</t>
  </si>
  <si>
    <t>12/31/2019 16:14:27</t>
  </si>
  <si>
    <t>55aeba9e-0e63-4011-97da-3944374519ef.tmp</t>
  </si>
  <si>
    <t>\\acsfs\profiles$\larissapdr\Downloads\55aeba9e-0e63-4011-97da-3944374519ef.tmp</t>
  </si>
  <si>
    <t>12/31/2019 16:14:28</t>
  </si>
  <si>
    <t>20191226_141821.jpg.crdownload</t>
  </si>
  <si>
    <t>\\acsfs\profiles$\larissapdr\Downloads\20191226_141821.jpg.crdownload</t>
  </si>
  <si>
    <t>12/31/2019 16:17:27</t>
  </si>
  <si>
    <t>XLOG_anacdos_31122019_081212.log</t>
  </si>
  <si>
    <t>\\acsfs\profiles$\anacdos\My Documents\xworkcenter\logs\XLOG_anacdos_31122019_081212.log</t>
  </si>
  <si>
    <t>12/31/2019 16:21:12</t>
  </si>
  <si>
    <t>12/31/2019 16:21:36</t>
  </si>
  <si>
    <t>12/31/2019 16:20:29</t>
  </si>
  <si>
    <t>12/31/2019 16:22:36</t>
  </si>
  <si>
    <t>12/31/2019 16:20:50</t>
  </si>
  <si>
    <t>12/31/2019 16:20:23</t>
  </si>
  <si>
    <t>12/31/2019 16:20:24</t>
  </si>
  <si>
    <t>12/31/2019 16:20:27</t>
  </si>
  <si>
    <t>12/31/2019 16:20:30</t>
  </si>
  <si>
    <t>12/31/2019 16:20:38</t>
  </si>
  <si>
    <t>12/31/2019 16:20:43</t>
  </si>
  <si>
    <t>12/31/2019 16:20:45</t>
  </si>
  <si>
    <t>12/31/2019 16:21:30</t>
  </si>
  <si>
    <t>12/31/2019 16:21:52</t>
  </si>
  <si>
    <t>12/31/2019 16:21:58</t>
  </si>
  <si>
    <t>12/31/2019 16:21:59</t>
  </si>
  <si>
    <t>12/31/2019 16:20:21</t>
  </si>
  <si>
    <t>12/31/2019 16:23:36</t>
  </si>
  <si>
    <t>12/31/2019 16:22:52</t>
  </si>
  <si>
    <t>12/31/2019 16:20:34</t>
  </si>
  <si>
    <t>12/31/2019 16:24:36</t>
  </si>
  <si>
    <t>12/31/2019 16:23:03</t>
  </si>
  <si>
    <t>8f29b78b-bf7b-4e00-8fb8-b3110bf3f1c3.tmp</t>
  </si>
  <si>
    <t>\\acsfs\profiles$\laurandos\Downloads\8f29b78b-bf7b-4e00-8fb8-b3110bf3f1c3.tmp</t>
  </si>
  <si>
    <t>12/31/2019 16:22:17</t>
  </si>
  <si>
    <t>12/31/2019 16:23:17</t>
  </si>
  <si>
    <t>12/31/2019 16:22:12</t>
  </si>
  <si>
    <t>12/31/2019 16:26:36</t>
  </si>
  <si>
    <t>12/31/2019 16:23:19</t>
  </si>
  <si>
    <t>12/31/2019 16:26:52</t>
  </si>
  <si>
    <t>12/31/2019 16:27:36</t>
  </si>
  <si>
    <t>12/31/2019 16:22:43</t>
  </si>
  <si>
    <t>12/31/2019 16:22:44</t>
  </si>
  <si>
    <t>12/31/2019 16:22:48</t>
  </si>
  <si>
    <t>12/31/2019 16:22:50</t>
  </si>
  <si>
    <t>12/31/2019 16:23:09</t>
  </si>
  <si>
    <t>12/31/2019 16:23:10</t>
  </si>
  <si>
    <t>12/31/2019 16:24:21</t>
  </si>
  <si>
    <t>12/31/2019 16:29:36</t>
  </si>
  <si>
    <t>bb77a0f7-b4f7-44d6-91a8-5e5ccb8cc46e.tmp</t>
  </si>
  <si>
    <t>\\acsfs\profiles$\laurandos\Downloads\bb77a0f7-b4f7-44d6-91a8-5e5ccb8cc46e.tmp</t>
  </si>
  <si>
    <t>12/31/2019 16:28:18</t>
  </si>
  <si>
    <t>12/31/2019 16:29:18</t>
  </si>
  <si>
    <t>12/31/2019 16:34:36</t>
  </si>
  <si>
    <t>12/31/2019 16:36:36</t>
  </si>
  <si>
    <t>12/31/2019 16:34:47</t>
  </si>
  <si>
    <t>12/31/2019 16:37:36</t>
  </si>
  <si>
    <t>12/31/2019 16:34:18</t>
  </si>
  <si>
    <t>12/31/2019 16:39:36</t>
  </si>
  <si>
    <t>12/31/2019 16:35:18</t>
  </si>
  <si>
    <t>12/31/2019 16:35:42</t>
  </si>
  <si>
    <t>12/31/2019 16:39:09</t>
  </si>
  <si>
    <t>12/31/2019 16:40:37</t>
  </si>
  <si>
    <t>12/31/2019 16:41:23</t>
  </si>
  <si>
    <t>12/31/2019 16:42:36</t>
  </si>
  <si>
    <t>12/31/2019 16:40:18</t>
  </si>
  <si>
    <t>12/31/2019 16:44:36</t>
  </si>
  <si>
    <t>12/31/2019 16:41:18</t>
  </si>
  <si>
    <t>12/31/2019 16:44:04</t>
  </si>
  <si>
    <t>12/31/2019 16:45:37</t>
  </si>
  <si>
    <t>12/31/2019 16:43:49</t>
  </si>
  <si>
    <t>12/31/2019 16:46:36</t>
  </si>
  <si>
    <t>12/31/2019 16:45:39</t>
  </si>
  <si>
    <t>12/31/2019 16:47:36</t>
  </si>
  <si>
    <t>a09374ae-bba7-42d5-bb1f-dffc055d3ef1.tmp</t>
  </si>
  <si>
    <t>\\acsfs\profiles$\edicarlosdl\Downloads\a09374ae-bba7-42d5-bb1f-dffc055d3ef1.tmp</t>
  </si>
  <si>
    <t>12/31/2019 16:44:43</t>
  </si>
  <si>
    <t>12/31/2019 16:46:11</t>
  </si>
  <si>
    <t>12/31/2019 16:48:36</t>
  </si>
  <si>
    <t>12/31/2019 16:46:18</t>
  </si>
  <si>
    <t>12/31/2019 16:49:36</t>
  </si>
  <si>
    <t>12/31/2019 16:47:18</t>
  </si>
  <si>
    <t>12/31/2019 16:48:59</t>
  </si>
  <si>
    <t>12/31/2019 16:50:35</t>
  </si>
  <si>
    <t>12/31/2019 16:49:38</t>
  </si>
  <si>
    <t>12/31/2019 16:46:17</t>
  </si>
  <si>
    <t>12/31/2019 16:51:36</t>
  </si>
  <si>
    <t>9bed3621-ab63-49b1-ab6b-42c7cc342cc0.tmp</t>
  </si>
  <si>
    <t>\\acsfs\profiles$\layonmof\Downloads\9bed3621-ab63-49b1-ab6b-42c7cc342cc0.tmp</t>
  </si>
  <si>
    <t>12/31/2019 16:48:44</t>
  </si>
  <si>
    <t>a08d6bd7-4f52-4e89-a524-eddf44c209c8.tmp</t>
  </si>
  <si>
    <t>\\acsfs\profiles$\andreapdsg\Downloads\a08d6bd7-4f52-4e89-a524-eddf44c209c8.tmp</t>
  </si>
  <si>
    <t>12/31/2019 16:49:21</t>
  </si>
  <si>
    <t>8d765379-9777-4e4a-b9f4-3e44ceb824c2.tmp</t>
  </si>
  <si>
    <t>\\acsfs\profiles$\andreapdsg\Downloads\8d765379-9777-4e4a-b9f4-3e44ceb824c2.tmp</t>
  </si>
  <si>
    <t>12/31/2019 16:51:58</t>
  </si>
  <si>
    <t>12/31/2019 16:52:36</t>
  </si>
  <si>
    <t>12/31/2019 16:48:42</t>
  </si>
  <si>
    <t>12/31/2019 16:49:06</t>
  </si>
  <si>
    <t>12/31/2019 16:51:09</t>
  </si>
  <si>
    <t>12/31/2019 16:51:40</t>
  </si>
  <si>
    <t>12/31/2019 16:52:19</t>
  </si>
  <si>
    <t>12/31/2019 16:54:36</t>
  </si>
  <si>
    <t>12/31/2019 16:53:18</t>
  </si>
  <si>
    <t>12/31/2019 16:55:29</t>
  </si>
  <si>
    <t>12/31/2019 16:57:36</t>
  </si>
  <si>
    <t>12/31/2019 16:52:42</t>
  </si>
  <si>
    <t>12/31/2019 16:57:12</t>
  </si>
  <si>
    <t>12/31/2019 16:53:16</t>
  </si>
  <si>
    <t>12/31/2019 16:58:37</t>
  </si>
  <si>
    <t>b62459f2-11a6-49a0-92bc-f7ba4063e6bd.tmp</t>
  </si>
  <si>
    <t>\\acsfs\profiles$\henriqueco\Downloads\b62459f2-11a6-49a0-92bc-f7ba4063e6bd.tmp</t>
  </si>
  <si>
    <t>12/31/2019 16:58:18</t>
  </si>
  <si>
    <t>12/31/2019 16:59:36</t>
  </si>
  <si>
    <t>12/31/2019 16:57:38</t>
  </si>
  <si>
    <t>12/31/2019 17:00:36</t>
  </si>
  <si>
    <t>12/31/2019 16:57:08</t>
  </si>
  <si>
    <t>12/31/2019 17:01:36</t>
  </si>
  <si>
    <t>12/31/2019 17:00:28</t>
  </si>
  <si>
    <t>\\acsfs\profiles$\alinepp\My Documents\My Pictures\</t>
  </si>
  <si>
    <t>frutas.png</t>
  </si>
  <si>
    <t>\\acsfs\profiles$\alinepp\My Documents\My Pictures\frutas.png</t>
  </si>
  <si>
    <t>12/31/2019 16:57:21</t>
  </si>
  <si>
    <t>12/31/2019 16:59:42</t>
  </si>
  <si>
    <t>12/31/2019 17:02:36</t>
  </si>
  <si>
    <t>12/31/2019 16:59:47</t>
  </si>
  <si>
    <t>12/31/2019 17:03:37</t>
  </si>
  <si>
    <t>XLOG_anakcs_31122019_094347.log</t>
  </si>
  <si>
    <t>\\acsfs\profiles$\anakcs\My Documents\xworkcenter\logs\XLOG_anakcs_31122019_094347.log</t>
  </si>
  <si>
    <t>12/31/2019 16:59:18</t>
  </si>
  <si>
    <t>12/31/2019 17:04:36</t>
  </si>
  <si>
    <t>12/31/2019 17:04:10</t>
  </si>
  <si>
    <t>12/31/2019 17:06:36</t>
  </si>
  <si>
    <t>12/31/2019 17:03:41</t>
  </si>
  <si>
    <t>12/31/2019 17:03:40</t>
  </si>
  <si>
    <t>12/31/2019 17:07:36</t>
  </si>
  <si>
    <t>12/31/2019 17:05:47</t>
  </si>
  <si>
    <t>12/31/2019 17:08:36</t>
  </si>
  <si>
    <t>ab0edd4f-edcf-4d59-9d31-a6d8cada26a1.tmp</t>
  </si>
  <si>
    <t>\\acsfs\profiles$\henriqueco\Downloads\ab0edd4f-edcf-4d59-9d31-a6d8cada26a1.tmp</t>
  </si>
  <si>
    <t>12/31/2019 17:08:13</t>
  </si>
  <si>
    <t>12/31/2019 17:04:18</t>
  </si>
  <si>
    <t>12/31/2019 17:09:36</t>
  </si>
  <si>
    <t>12/31/2019 17:05:18</t>
  </si>
  <si>
    <t>12/31/2019 17:08:54</t>
  </si>
  <si>
    <t>12/31/2019 17:11:36</t>
  </si>
  <si>
    <t>12/31/2019 17:07:02</t>
  </si>
  <si>
    <t>12/31/2019 17:10:50</t>
  </si>
  <si>
    <t>12/31/2019 17:12:36</t>
  </si>
  <si>
    <t>12/31/2019 17:10:18</t>
  </si>
  <si>
    <t>12/31/2019 17:14:36</t>
  </si>
  <si>
    <t>12/31/2019 17:11:18</t>
  </si>
  <si>
    <t>12/31/2019 17:13:32</t>
  </si>
  <si>
    <t>12/31/2019 17:16:36</t>
  </si>
  <si>
    <t>12/31/2019 17:13:58</t>
  </si>
  <si>
    <t>\\acsfs\profiles$\cristianodab\My Documents\831e1540-cb4c-4ee0-94b2-360a5afab640.pdf</t>
  </si>
  <si>
    <t>12/31/2019 17:14:16</t>
  </si>
  <si>
    <t>\\acsfs\profiles$\cristianodab\My Documents\Download.pdf</t>
  </si>
  <si>
    <t>12/31/2019 17:12:30</t>
  </si>
  <si>
    <t>12/31/2019 17:17:36</t>
  </si>
  <si>
    <t>12/31/2019 17:14:09</t>
  </si>
  <si>
    <t>12/31/2019 17:17:48</t>
  </si>
  <si>
    <t>12/31/2019 17:18:36</t>
  </si>
  <si>
    <t>12/31/2019 17:16:18</t>
  </si>
  <si>
    <t>12/31/2019 17:19:37</t>
  </si>
  <si>
    <t>12/31/2019 17:17:18</t>
  </si>
  <si>
    <t>12/31/2019 17:15:47</t>
  </si>
  <si>
    <t>12/31/2019 17:20:37</t>
  </si>
  <si>
    <t>12/31/2019 17:22:08</t>
  </si>
  <si>
    <t>12/31/2019 17:22:37</t>
  </si>
  <si>
    <t>12/31/2019 17:22:33</t>
  </si>
  <si>
    <t>12/31/2019 17:23:37</t>
  </si>
  <si>
    <t>12/31/2019 17:19:34</t>
  </si>
  <si>
    <t>12/31/2019 17:22:18</t>
  </si>
  <si>
    <t>12/31/2019 17:24:37</t>
  </si>
  <si>
    <t>12/31/2019 17:23:18</t>
  </si>
  <si>
    <t>12/31/2019 17:21:36</t>
  </si>
  <si>
    <t>12/31/2019 17:21:30</t>
  </si>
  <si>
    <t>12/31/2019 17:26:38</t>
  </si>
  <si>
    <t>12/31/2019 17:23:07</t>
  </si>
  <si>
    <t>ca5480f4-a2b6-4394-ad60-d5b9e335f0f0.tmp</t>
  </si>
  <si>
    <t>\\acsfs\profiles$\andreapdsg\Downloads\ca5480f4-a2b6-4394-ad60-d5b9e335f0f0.tmp</t>
  </si>
  <si>
    <t>12/31/2019 17:22:57</t>
  </si>
  <si>
    <t>12/31/2019 17:27:37</t>
  </si>
  <si>
    <t>12/31/2019 17:24:10</t>
  </si>
  <si>
    <t>12/31/2019 17:25:12</t>
  </si>
  <si>
    <t>12/31/2019 17:25:28</t>
  </si>
  <si>
    <t>12/31/2019 17:28:18</t>
  </si>
  <si>
    <t>12/31/2019 17:29:37</t>
  </si>
  <si>
    <t>12/31/2019 17:29:20</t>
  </si>
  <si>
    <t>12/31/2019 17:28:04</t>
  </si>
  <si>
    <t>12/31/2019 17:31:38</t>
  </si>
  <si>
    <t>12/31/2019 17:28:11</t>
  </si>
  <si>
    <t>12/31/2019 17:29:08</t>
  </si>
  <si>
    <t>12/31/2019 17:29:23</t>
  </si>
  <si>
    <t>12/31/2019 17:29:25</t>
  </si>
  <si>
    <t>12/31/2019 17:29:31</t>
  </si>
  <si>
    <t>12/31/2019 17:29:34</t>
  </si>
  <si>
    <t>12/31/2019 17:29:42</t>
  </si>
  <si>
    <t>12/31/2019 17:29:52</t>
  </si>
  <si>
    <t>12/31/2019 17:30:40</t>
  </si>
  <si>
    <t>12/31/2019 17:32:12</t>
  </si>
  <si>
    <t>12/31/2019 17:32:37</t>
  </si>
  <si>
    <t>12/31/2019 17:30:52</t>
  </si>
  <si>
    <t>12/31/2019 17:32:48</t>
  </si>
  <si>
    <t>12/31/2019 17:33:38</t>
  </si>
  <si>
    <t>12/31/2019 17:32:17</t>
  </si>
  <si>
    <t>12/31/2019 17:33:23</t>
  </si>
  <si>
    <t>12/31/2019 17:34:37</t>
  </si>
  <si>
    <t>12/31/2019 17:29:18</t>
  </si>
  <si>
    <t>12/31/2019 17:32:39</t>
  </si>
  <si>
    <t>12/31/2019 17:36:37</t>
  </si>
  <si>
    <t>12/31/2019 17:33:09</t>
  </si>
  <si>
    <t>12/31/2019 17:35:53</t>
  </si>
  <si>
    <t>12/31/2019 17:34:48</t>
  </si>
  <si>
    <t>12/31/2019 17:37:38</t>
  </si>
  <si>
    <t>12/31/2019 17:37:05</t>
  </si>
  <si>
    <t>12/31/2019 17:34:18</t>
  </si>
  <si>
    <t>12/31/2019 17:39:37</t>
  </si>
  <si>
    <t>12/31/2019 17:35:18</t>
  </si>
  <si>
    <t>12/31/2019 17:38:56</t>
  </si>
  <si>
    <t>12/31/2019 17:41:37</t>
  </si>
  <si>
    <t>12/31/2019 17:40:18</t>
  </si>
  <si>
    <t>12/31/2019 17:44:37</t>
  </si>
  <si>
    <t>12/31/2019 17:41:18</t>
  </si>
  <si>
    <t>12/31/2019 17:45:38</t>
  </si>
  <si>
    <t>12/31/2019 17:46:38</t>
  </si>
  <si>
    <t>12/31/2019 17:45:51</t>
  </si>
  <si>
    <t>\\acsfs\DEPTOS\Operacao\PCP\5 - Comum\PLANEJAMENTO BV\14 - ACOMPANHAMENTO\1 - REPORT ACOMPANHAMENTO\2020\1 - JANEIRO\CARTÕES\ACOMPANHAMENTO NR 17 - CARTÕES.xlsx</t>
  </si>
  <si>
    <t>12/31/2019 17:45:36</t>
  </si>
  <si>
    <t>12/31/2019 17:47:37</t>
  </si>
  <si>
    <t>12/31/2019 17:46:19</t>
  </si>
  <si>
    <t>12/31/2019 17:49:37</t>
  </si>
  <si>
    <t>12/31/2019 17:47:19</t>
  </si>
  <si>
    <t>12/31/2019 17:48:57</t>
  </si>
  <si>
    <t>12/31/2019 17:51:38</t>
  </si>
  <si>
    <t>3497d200-86cf-45fe-95be-fa1044d61acd.tmp</t>
  </si>
  <si>
    <t>\\acsfs\profiles$\LUISPLS\Downloads\3497d200-86cf-45fe-95be-fa1044d61acd.tmp</t>
  </si>
  <si>
    <t>12/31/2019 17:48:24</t>
  </si>
  <si>
    <t>12/31/2019 17:52:37</t>
  </si>
  <si>
    <t>12/31/2019 17:48:25</t>
  </si>
  <si>
    <t>12/31/2019 17:48:26</t>
  </si>
  <si>
    <t>12/31/2019 17:48:27</t>
  </si>
  <si>
    <t>12/31/2019 17:48:29</t>
  </si>
  <si>
    <t>12/31/2019 17:48:33</t>
  </si>
  <si>
    <t>12/31/2019 17:48:34</t>
  </si>
  <si>
    <t>12/31/2019 17:48:35</t>
  </si>
  <si>
    <t>12/31/2019 17:48:36</t>
  </si>
  <si>
    <t>12/31/2019 17:48:37</t>
  </si>
  <si>
    <t>12/31/2019 17:48:39</t>
  </si>
  <si>
    <t>12/31/2019 17:48:40</t>
  </si>
  <si>
    <t>12/31/2019 17:48:41</t>
  </si>
  <si>
    <t>12/31/2019 17:48:47</t>
  </si>
  <si>
    <t>12/31/2019 17:48:48</t>
  </si>
  <si>
    <t>12/31/2019 17:48:49</t>
  </si>
  <si>
    <t>12/31/2019 17:48:50</t>
  </si>
  <si>
    <t>12/31/2019 17:48:53</t>
  </si>
  <si>
    <t>12/31/2019 17:48:55</t>
  </si>
  <si>
    <t>12/31/2019 17:48:59</t>
  </si>
  <si>
    <t>12/31/2019 17:49:02</t>
  </si>
  <si>
    <t>12/31/2019 17:49:03</t>
  </si>
  <si>
    <t>12/31/2019 17:49:04</t>
  </si>
  <si>
    <t>12/31/2019 17:49:06</t>
  </si>
  <si>
    <t>12/31/2019 17:49:07</t>
  </si>
  <si>
    <t>12/31/2019 17:49:08</t>
  </si>
  <si>
    <t>12/31/2019 17:49:09</t>
  </si>
  <si>
    <t>12/31/2019 17:49:10</t>
  </si>
  <si>
    <t>12/31/2019 17:49:11</t>
  </si>
  <si>
    <t>12/31/2019 17:49:12</t>
  </si>
  <si>
    <t>12/31/2019 17:49:13</t>
  </si>
  <si>
    <t>12/31/2019 17:49:15</t>
  </si>
  <si>
    <t>12/31/2019 17:49:16</t>
  </si>
  <si>
    <t>12/31/2019 17:49:17</t>
  </si>
  <si>
    <t>12/31/2019 17:49:18</t>
  </si>
  <si>
    <t>12/31/2019 17:49:19</t>
  </si>
  <si>
    <t>12/31/2019 17:49:21</t>
  </si>
  <si>
    <t>12/31/2019 17:49:23</t>
  </si>
  <si>
    <t>12/31/2019 17:49:39</t>
  </si>
  <si>
    <t>12/31/2019 17:50:03</t>
  </si>
  <si>
    <t>winrt--{S-1-5-21-602162358-764733703-839522115-352940}-.searchconnector-ms</t>
  </si>
  <si>
    <t>\\acsfs\profiles$\leonardocb\Searches\winrt--{S-1-5-21-602162358-764733703-839522115-352940}-.searchconnector-ms</t>
  </si>
  <si>
    <t>12/31/2019 17:47:30</t>
  </si>
  <si>
    <t>12/31/2019 17:52:20</t>
  </si>
  <si>
    <t>12/31/2019 17:54:37</t>
  </si>
  <si>
    <t>12/31/2019 17:53:19</t>
  </si>
  <si>
    <t>12/31/2019 17:53:32</t>
  </si>
  <si>
    <t>12/31/2019 17:55:37</t>
  </si>
  <si>
    <t>a3ce9c2a-5c83-4dfd-974c-040a82ecfa83.tmp</t>
  </si>
  <si>
    <t>\\acsfs\profiles$\lucasqdss\Downloads\a3ce9c2a-5c83-4dfd-974c-040a82ecfa83.tmp</t>
  </si>
  <si>
    <t>12/31/2019 17:53:03</t>
  </si>
  <si>
    <t>12/31/2019 17:56:37</t>
  </si>
  <si>
    <t>193b781b-aaad-491e-a3e3-b7f399242a45.tmp</t>
  </si>
  <si>
    <t>\\acsfs\profiles$\myllenardl\Downloads\193b781b-aaad-491e-a3e3-b7f399242a45.tmp</t>
  </si>
  <si>
    <t>12/31/2019 17:57:37</t>
  </si>
  <si>
    <t>faef3347-d0a2-4391-bf71-d7b9a0fce4c4.tmp</t>
  </si>
  <si>
    <t>\\acsfs\profiles$\leonardocb\Downloads\faef3347-d0a2-4391-bf71-d7b9a0fce4c4.tmp</t>
  </si>
  <si>
    <t>12/31/2019 17:58:19</t>
  </si>
  <si>
    <t>12/31/2019 17:59:36</t>
  </si>
  <si>
    <t>12/31/2019 17:59:19</t>
  </si>
  <si>
    <t>12/31/2019 18:04:37</t>
  </si>
  <si>
    <t>12/31/2019 18:06:44</t>
  </si>
  <si>
    <t>12/31/2019 18:07:37</t>
  </si>
  <si>
    <t>12/31/2019 18:05:34</t>
  </si>
  <si>
    <t>12/31/2019 18:08:37</t>
  </si>
  <si>
    <t>12/31/2019 18:06:42</t>
  </si>
  <si>
    <t>12/31/2019 18:09:37</t>
  </si>
  <si>
    <t>12/31/2019 18:04:19</t>
  </si>
  <si>
    <t>12/31/2019 18:05:19</t>
  </si>
  <si>
    <t>12/31/2019 18:11:21</t>
  </si>
  <si>
    <t>12/31/2019 18:12:37</t>
  </si>
  <si>
    <t>12/31/2019 18:12:06</t>
  </si>
  <si>
    <t>12/31/2019 18:13:37</t>
  </si>
  <si>
    <t>12/31/2019 18:13:38</t>
  </si>
  <si>
    <t>12/31/2019 18:14:38</t>
  </si>
  <si>
    <t>12/31/2019 18:10:19</t>
  </si>
  <si>
    <t>12/31/2019 18:11:19</t>
  </si>
  <si>
    <t>12/31/2019 18:11:45</t>
  </si>
  <si>
    <t>12/31/2019 18:13:06</t>
  </si>
  <si>
    <t>12/31/2019 18:13:45</t>
  </si>
  <si>
    <t>12/31/2019 18:16:38</t>
  </si>
  <si>
    <t>12/31/2019 18:13:07</t>
  </si>
  <si>
    <t>12/31/2019 18:13:57</t>
  </si>
  <si>
    <t>12/31/2019 18:17:37</t>
  </si>
  <si>
    <t>12/31/2019 18:14:10</t>
  </si>
  <si>
    <t>12/31/2019 18:19:37</t>
  </si>
  <si>
    <t>12/31/2019 18:17:06</t>
  </si>
  <si>
    <t>12/31/2019 18:16:19</t>
  </si>
  <si>
    <t>12/31/2019 18:17:19</t>
  </si>
  <si>
    <t>12/31/2019 18:23:32</t>
  </si>
  <si>
    <t>12/31/2019 18:24:37</t>
  </si>
  <si>
    <t>12/31/2019 18:23:05</t>
  </si>
  <si>
    <t>12/31/2019 18:19:51</t>
  </si>
  <si>
    <t>12/31/2019 18:22:19</t>
  </si>
  <si>
    <t>12/31/2019 18:23:19</t>
  </si>
  <si>
    <t>12/31/2019 18:20:36</t>
  </si>
  <si>
    <t>12/31/2019 18:25:37</t>
  </si>
  <si>
    <t>12/31/2019 18:25:14</t>
  </si>
  <si>
    <t>12/31/2019 18:26:37</t>
  </si>
  <si>
    <t>2b39fd2d-76f7-48b1-a159-d579c046bd42.tmp</t>
  </si>
  <si>
    <t>\\acsfs\profiles$\cintiadjl\Downloads\2b39fd2d-76f7-48b1-a159-d579c046bd42.tmp</t>
  </si>
  <si>
    <t>12/31/2019 18:27:34</t>
  </si>
  <si>
    <t>12/31/2019 18:28:37</t>
  </si>
  <si>
    <t>12/31/2019 18:24:01</t>
  </si>
  <si>
    <t>12/31/2019 18:29:37</t>
  </si>
  <si>
    <t>12/31/2019 18:28:19</t>
  </si>
  <si>
    <t>12/31/2019 18:27:58</t>
  </si>
  <si>
    <t>12/31/2019 18:30:36</t>
  </si>
  <si>
    <t>12/31/2019 18:29:20</t>
  </si>
  <si>
    <t>12/31/2019 18:31:37</t>
  </si>
  <si>
    <t>12/31/2019 18:29:23</t>
  </si>
  <si>
    <t>12/31/2019 18:29:34</t>
  </si>
  <si>
    <t>12/31/2019 18:29:42</t>
  </si>
  <si>
    <t>12/31/2019 18:29:46</t>
  </si>
  <si>
    <t>12/31/2019 18:29:55</t>
  </si>
  <si>
    <t>12/31/2019 18:30:12</t>
  </si>
  <si>
    <t>12/31/2019 18:30:13</t>
  </si>
  <si>
    <t>12/31/2019 18:28:57</t>
  </si>
  <si>
    <t>12/31/2019 18:32:37</t>
  </si>
  <si>
    <t>12/31/2019 18:32:11</t>
  </si>
  <si>
    <t>12/31/2019 18:32:18</t>
  </si>
  <si>
    <t>12/31/2019 18:33:37</t>
  </si>
  <si>
    <t>f135ebde-9549-4417-b2f5-24c6df9ff769.tmp</t>
  </si>
  <si>
    <t>\\acsfs\profiles$\henriqueco\Downloads\f135ebde-9549-4417-b2f5-24c6df9ff769.tmp</t>
  </si>
  <si>
    <t>12/31/2019 18:29:19</t>
  </si>
  <si>
    <t>12/31/2019 18:34:36</t>
  </si>
  <si>
    <t>12/31/2019 18:33:44</t>
  </si>
  <si>
    <t>12/31/2019 18:37:22</t>
  </si>
  <si>
    <t>12/31/2019 18:37:37</t>
  </si>
  <si>
    <t>12/31/2019 18:34:19</t>
  </si>
  <si>
    <t>12/31/2019 18:39:37</t>
  </si>
  <si>
    <t>12/31/2019 18:35:19</t>
  </si>
  <si>
    <t>12/31/2019 18:37:47</t>
  </si>
  <si>
    <t>12/31/2019 18:40:37</t>
  </si>
  <si>
    <t>12/31/2019 18:39:12</t>
  </si>
  <si>
    <t>12/31/2019 18:43:37</t>
  </si>
  <si>
    <t>12/31/2019 18:40:19</t>
  </si>
  <si>
    <t>12/31/2019 18:44:37</t>
  </si>
  <si>
    <t>12/31/2019 18:41:19</t>
  </si>
  <si>
    <t>12/31/2019 18:42:10</t>
  </si>
  <si>
    <t>12/31/2019 18:45:37</t>
  </si>
  <si>
    <t>12/31/2019 18:44:34</t>
  </si>
  <si>
    <t>12/31/2019 18:46:37</t>
  </si>
  <si>
    <t>12/31/2019 18:43:35</t>
  </si>
  <si>
    <t>a6b96773-9814-4cf5-ac25-e2a754c3821b.tmp</t>
  </si>
  <si>
    <t>\\acsfs\profiles$\joycemmdl\Downloads\a6b96773-9814-4cf5-ac25-e2a754c3821b.tmp</t>
  </si>
  <si>
    <t>12/31/2019 18:45:26</t>
  </si>
  <si>
    <t>12/31/2019 18:48:37</t>
  </si>
  <si>
    <t>12/31/2019 18:47:08</t>
  </si>
  <si>
    <t>12/31/2019 18:46:19</t>
  </si>
  <si>
    <t>12/31/2019 18:49:37</t>
  </si>
  <si>
    <t>12/31/2019 18:47:20</t>
  </si>
  <si>
    <t>12/31/2019 18:49:39</t>
  </si>
  <si>
    <t>12/31/2019 18:51:37</t>
  </si>
  <si>
    <t>12/31/2019 18:51:11</t>
  </si>
  <si>
    <t>b5060e8b-3049-4b54-a440-ca22ad36b53e.tmp</t>
  </si>
  <si>
    <t>\\acsfs\profiles$\joycemmdl\Downloads\b5060e8b-3049-4b54-a440-ca22ad36b53e.tmp</t>
  </si>
  <si>
    <t>12/31/2019 18:48:36</t>
  </si>
  <si>
    <t>12/31/2019 18:52:37</t>
  </si>
  <si>
    <t>12/31/2019 18:47:35</t>
  </si>
  <si>
    <t>12/31/2019 18:48:55</t>
  </si>
  <si>
    <t>35188781-a398-4abd-b876-970830ce4c43.tmp</t>
  </si>
  <si>
    <t>\\acsfs\profiles$\fabianobmf\Downloads\35188781-a398-4abd-b876-970830ce4c43.tmp</t>
  </si>
  <si>
    <t>12/31/2019 18:49:52</t>
  </si>
  <si>
    <t>3e1ecc5d-5317-46b5-9413-dc423a2f5590.tmp</t>
  </si>
  <si>
    <t>\\acsfs\profiles$\fabianobmf\Downloads\3e1ecc5d-5317-46b5-9413-dc423a2f5590.tmp</t>
  </si>
  <si>
    <t>12/31/2019 18:52:20</t>
  </si>
  <si>
    <t>12/31/2019 18:54:37</t>
  </si>
  <si>
    <t>12/31/2019 18:53:19</t>
  </si>
  <si>
    <t>12/31/2019 18:54:30</t>
  </si>
  <si>
    <t>12/31/2019 18:56:37</t>
  </si>
  <si>
    <t>12/31/2019 18:55:47</t>
  </si>
  <si>
    <t>12/31/2019 18:58:37</t>
  </si>
  <si>
    <t>0bd8f082-feed-47e8-8db3-28ccfa6e52e9.tmp</t>
  </si>
  <si>
    <t>\\acsfs\profiles$\henriqueco\Downloads\0bd8f082-feed-47e8-8db3-28ccfa6e52e9.tmp</t>
  </si>
  <si>
    <t>12/31/2019 18:58:19</t>
  </si>
  <si>
    <t>12/31/2019 18:59:37</t>
  </si>
  <si>
    <t>12/31/2019 18:58:42</t>
  </si>
  <si>
    <t>12/31/2019 18:57:59</t>
  </si>
  <si>
    <t>12/31/2019 19:01:37</t>
  </si>
  <si>
    <t>12/31/2019 19:00:48</t>
  </si>
  <si>
    <t>12/31/2019 19:00:39</t>
  </si>
  <si>
    <t>12/31/2019 19:01:06</t>
  </si>
  <si>
    <t>12/31/2019 19:02:38</t>
  </si>
  <si>
    <t>12/31/2019 19:01:42</t>
  </si>
  <si>
    <t>12/31/2019 18:59:09</t>
  </si>
  <si>
    <t>96a2f1c1-0445-4159-99cf-ef36d5936fbe.tmp</t>
  </si>
  <si>
    <t>\\acsfs\profiles$\rosileiam\Downloads\96a2f1c1-0445-4159-99cf-ef36d5936fbe.tmp</t>
  </si>
  <si>
    <t>12/31/2019 19:00:31</t>
  </si>
  <si>
    <t>12/31/2019 19:03:37</t>
  </si>
  <si>
    <t>12/31/2019 18:59:19</t>
  </si>
  <si>
    <t>12/31/2019 19:04:38</t>
  </si>
  <si>
    <t>12/31/2019 19:00:58</t>
  </si>
  <si>
    <t>12/31/2019 19:06:38</t>
  </si>
  <si>
    <t>12/31/2019 19:06:57</t>
  </si>
  <si>
    <t>12/31/2019 19:07:37</t>
  </si>
  <si>
    <t>12/31/2019 19:04:19</t>
  </si>
  <si>
    <t>12/31/2019 19:09:37</t>
  </si>
  <si>
    <t>12/31/2019 19:05:19</t>
  </si>
  <si>
    <t>12/31/2019 19:09:12</t>
  </si>
  <si>
    <t>12/31/2019 19:12:38</t>
  </si>
  <si>
    <t>12/31/2019 19:11:02</t>
  </si>
  <si>
    <t>12/31/2019 19:13:37</t>
  </si>
  <si>
    <t>12/31/2019 19:09:33</t>
  </si>
  <si>
    <t>0df05d75-fd9d-464d-acca-bd59efdc6391.tmp</t>
  </si>
  <si>
    <t>\\acsfs\profiles$\fabianafv\Downloads\0df05d75-fd9d-464d-acca-bd59efdc6391.tmp</t>
  </si>
  <si>
    <t>12/31/2019 19:10:19</t>
  </si>
  <si>
    <t>12/31/2019 19:14:37</t>
  </si>
  <si>
    <t>12/31/2019 19:11:19</t>
  </si>
  <si>
    <t>12/31/2019 19:12:08</t>
  </si>
  <si>
    <t>12/31/2019 19:16:37</t>
  </si>
  <si>
    <t>12/31/2019 19:16:09</t>
  </si>
  <si>
    <t>d36c1368-ec31-465f-a78d-cad44e16f163.tmp</t>
  </si>
  <si>
    <t>\\acsfs\profiles$\LUISPLS\Downloads\d36c1368-ec31-465f-a78d-cad44e16f163.tmp</t>
  </si>
  <si>
    <t>12/31/2019 19:11:39</t>
  </si>
  <si>
    <t>12/31/2019 19:13:03</t>
  </si>
  <si>
    <t>12/31/2019 19:17:38</t>
  </si>
  <si>
    <t>12/31/2019 19:15:16</t>
  </si>
  <si>
    <t>12/31/2019 19:19:37</t>
  </si>
  <si>
    <t>12/31/2019 19:17:20</t>
  </si>
  <si>
    <t>12/31/2019 19:19:21</t>
  </si>
  <si>
    <t>12/31/2019 19:20:37</t>
  </si>
  <si>
    <t>12/31/2019 19:20:52</t>
  </si>
  <si>
    <t>12/31/2019 19:21:38</t>
  </si>
  <si>
    <t>8ea782d6-53fb-4f0e-8b52-f4ca005afb5b.tmp</t>
  </si>
  <si>
    <t>\\acsfs\profiles$\LUISPLS\Downloads\8ea782d6-53fb-4f0e-8b52-f4ca005afb5b.tmp</t>
  </si>
  <si>
    <t>12/31/2019 19:20:39</t>
  </si>
  <si>
    <t>12/31/2019 19:22:37</t>
  </si>
  <si>
    <t>12/31/2019 19:21:40</t>
  </si>
  <si>
    <t>12/31/2019 19:20:20</t>
  </si>
  <si>
    <t>12/31/2019 19:24:37</t>
  </si>
  <si>
    <t>12/31/2019 19:23:20</t>
  </si>
  <si>
    <t>12/31/2019 19:20:53</t>
  </si>
  <si>
    <t>12/31/2019 19:25:37</t>
  </si>
  <si>
    <t>12/31/2019 19:22:47</t>
  </si>
  <si>
    <t>12/31/2019 19:26:37</t>
  </si>
  <si>
    <t>12/31/2019 19:24:44</t>
  </si>
  <si>
    <t>12/31/2019 19:27:37</t>
  </si>
  <si>
    <t>12/31/2019 19:26:20</t>
  </si>
  <si>
    <t>12/31/2019 19:29:38</t>
  </si>
  <si>
    <t>12/31/2019 19:28:33</t>
  </si>
  <si>
    <t>12/31/2019 19:31:37</t>
  </si>
  <si>
    <t>12/31/2019 19:30:23</t>
  </si>
  <si>
    <t>12/31/2019 19:32:37</t>
  </si>
  <si>
    <t>12/31/2019 19:29:20</t>
  </si>
  <si>
    <t>12/31/2019 19:34:37</t>
  </si>
  <si>
    <t>12/31/2019 19:32:27</t>
  </si>
  <si>
    <t>12/31/2019 19:33:48</t>
  </si>
  <si>
    <t>12/31/2019 19:36:37</t>
  </si>
  <si>
    <t>12/31/2019 19:32:02</t>
  </si>
  <si>
    <t>12/31/2019 19:37:37</t>
  </si>
  <si>
    <t>12/31/2019 19:33:47</t>
  </si>
  <si>
    <t>12/31/2019 19:34:03</t>
  </si>
  <si>
    <t>12/31/2019 19:35:56</t>
  </si>
  <si>
    <t>12/31/2019 19:37:49</t>
  </si>
  <si>
    <t>12/31/2019 19:39:37</t>
  </si>
  <si>
    <t>12/31/2019 19:35:20</t>
  </si>
  <si>
    <t>12/31/2019 19:38:20</t>
  </si>
  <si>
    <t>12/31/2019 19:43:37</t>
  </si>
  <si>
    <t>12/31/2019 19:41:20</t>
  </si>
  <si>
    <t>12/31/2019 19:44:37</t>
  </si>
  <si>
    <t>12/31/2019 19:41:45</t>
  </si>
  <si>
    <t>12/31/2019 19:47:37</t>
  </si>
  <si>
    <t>12/31/2019 19:42:05</t>
  </si>
  <si>
    <t>12/31/2019 19:44:20</t>
  </si>
  <si>
    <t>12/31/2019 19:42:29</t>
  </si>
  <si>
    <t>12/31/2019 19:49:37</t>
  </si>
  <si>
    <t>12/31/2019 19:47:20</t>
  </si>
  <si>
    <t>12/31/2019 19:48:40</t>
  </si>
  <si>
    <t>12/31/2019 19:51:38</t>
  </si>
  <si>
    <t>12/31/2019 19:50:20</t>
  </si>
  <si>
    <t>12/31/2019 19:54:37</t>
  </si>
  <si>
    <t>12/31/2019 19:53:21</t>
  </si>
  <si>
    <t>12/31/2019 19:54:05</t>
  </si>
  <si>
    <t>12/31/2019 19:57:37</t>
  </si>
  <si>
    <t>12/31/2019 19:56:39</t>
  </si>
  <si>
    <t>12/31/2019 19:54:04</t>
  </si>
  <si>
    <t>12/31/2019 19:58:37</t>
  </si>
  <si>
    <t>12/31/2019 19:56:20</t>
  </si>
  <si>
    <t>12/31/2019 19:59:37</t>
  </si>
  <si>
    <t>12/31/2019 19:59:55</t>
  </si>
  <si>
    <t>12/31/2019 20:02:37</t>
  </si>
  <si>
    <t>12/31/2019 20:00:35</t>
  </si>
  <si>
    <t>12/31/2019 19:57:57</t>
  </si>
  <si>
    <t>12/31/2019 20:01:27</t>
  </si>
  <si>
    <t>12/31/2019 20:03:37</t>
  </si>
  <si>
    <t>12/31/2019 19:59:20</t>
  </si>
  <si>
    <t>12/31/2019 20:04:37</t>
  </si>
  <si>
    <t>12/31/2019 20:02:20</t>
  </si>
  <si>
    <t>12/31/2019 20:02:30</t>
  </si>
  <si>
    <t>12/31/2019 20:06:37</t>
  </si>
  <si>
    <t>12/31/2019 20:06:19</t>
  </si>
  <si>
    <t>12/31/2019 20:07:37</t>
  </si>
  <si>
    <t>12/31/2019 20:05:20</t>
  </si>
  <si>
    <t>12/31/2019 20:09:38</t>
  </si>
  <si>
    <t>12/31/2019 20:08:20</t>
  </si>
  <si>
    <t>12/31/2019 20:08:08</t>
  </si>
  <si>
    <t>12/31/2019 20:05:57</t>
  </si>
  <si>
    <t>12/31/2019 20:11:38</t>
  </si>
  <si>
    <t>12/31/2019 20:06:05</t>
  </si>
  <si>
    <t>12/31/2019 20:06:11</t>
  </si>
  <si>
    <t>12/31/2019 20:09:46</t>
  </si>
  <si>
    <t>12/31/2019 20:09:50</t>
  </si>
  <si>
    <t>12/31/2019 20:10:40</t>
  </si>
  <si>
    <t>12/31/2019 20:10:44</t>
  </si>
  <si>
    <t>12/31/2019 20:10:53</t>
  </si>
  <si>
    <t>12/31/2019 20:09:05</t>
  </si>
  <si>
    <t>12/31/2019 20:11:20</t>
  </si>
  <si>
    <t>12/31/2019 20:14:38</t>
  </si>
  <si>
    <t>12/31/2019 20:11:00</t>
  </si>
  <si>
    <t>12/31/2019 20:16:38</t>
  </si>
  <si>
    <t>12/31/2019 20:11:03</t>
  </si>
  <si>
    <t>12/31/2019 20:11:13</t>
  </si>
  <si>
    <t>12/31/2019 20:11:25</t>
  </si>
  <si>
    <t>12/31/2019 20:11:26</t>
  </si>
  <si>
    <t>12/31/2019 20:15:21</t>
  </si>
  <si>
    <t>12/31/2019 20:17:38</t>
  </si>
  <si>
    <t>12/31/2019 20:14:20</t>
  </si>
  <si>
    <t>12/31/2019 20:19:38</t>
  </si>
  <si>
    <t>12/31/2019 20:17:20</t>
  </si>
  <si>
    <t>12/31/2019 20:20:20</t>
  </si>
  <si>
    <t>12/31/2019 20:24:38</t>
  </si>
  <si>
    <t>12/31/2019 20:23:20</t>
  </si>
  <si>
    <t>12/31/2019 20:27:44</t>
  </si>
  <si>
    <t>12/31/2019 20:28:38</t>
  </si>
  <si>
    <t>12/31/2019 20:26:43</t>
  </si>
  <si>
    <t>12/31/2019 20:26:20</t>
  </si>
  <si>
    <t>12/31/2019 20:29:38</t>
  </si>
  <si>
    <t>12/31/2019 20:29:24</t>
  </si>
  <si>
    <t>12/31/2019 20:33:38</t>
  </si>
  <si>
    <t>12/31/2019 20:29:20</t>
  </si>
  <si>
    <t>12/31/2019 20:34:38</t>
  </si>
  <si>
    <t>12/31/2019 20:32:20</t>
  </si>
  <si>
    <t>12/31/2019 20:32:05</t>
  </si>
  <si>
    <t>12/31/2019 20:35:38</t>
  </si>
  <si>
    <t>12/31/2019 20:35:49</t>
  </si>
  <si>
    <t>12/31/2019 20:37:38</t>
  </si>
  <si>
    <t>12/31/2019 20:35:20</t>
  </si>
  <si>
    <t>12/31/2019 20:39:38</t>
  </si>
  <si>
    <t>12/31/2019 20:38:20</t>
  </si>
  <si>
    <t>12/31/2019 20:39:20</t>
  </si>
  <si>
    <t>12/31/2019 20:41:38</t>
  </si>
  <si>
    <t>12/31/2019 20:41:20</t>
  </si>
  <si>
    <t>12/31/2019 20:44:38</t>
  </si>
  <si>
    <t>12/31/2019 20:44:20</t>
  </si>
  <si>
    <t>12/31/2019 20:49:39</t>
  </si>
  <si>
    <t>12/31/2019 20:47:20</t>
  </si>
  <si>
    <t>12/31/2019 20:48:53</t>
  </si>
  <si>
    <t>12/31/2019 20:50:20</t>
  </si>
  <si>
    <t>12/31/2019 20:54:38</t>
  </si>
  <si>
    <t>12/31/2019 20:53:21</t>
  </si>
  <si>
    <t>12/31/2019 20:49:57</t>
  </si>
  <si>
    <t>12/31/2019 20:55:38</t>
  </si>
  <si>
    <t>12/31/2019 20:50:51</t>
  </si>
  <si>
    <t>12/31/2019 20:56:09</t>
  </si>
  <si>
    <t>12/31/2019 20:57:38</t>
  </si>
  <si>
    <t>12/31/2019 20:53:20</t>
  </si>
  <si>
    <t>12/31/2019 20:58:38</t>
  </si>
  <si>
    <t>12/31/2019 20:56:20</t>
  </si>
  <si>
    <t>12/31/2019 20:59:38</t>
  </si>
  <si>
    <t>12/31/2019 20:57:29</t>
  </si>
  <si>
    <t>12/31/2019 21:01:39</t>
  </si>
  <si>
    <t>12/31/2019 20:59:21</t>
  </si>
  <si>
    <t>12/31/2019 21:04:38</t>
  </si>
  <si>
    <t>12/31/2019 21:02:21</t>
  </si>
  <si>
    <t>12/31/2019 21:04:48</t>
  </si>
  <si>
    <t>12/31/2019 21:08:38</t>
  </si>
  <si>
    <t>12/31/2019 21:08:20</t>
  </si>
  <si>
    <t>12/31/2019 21:09:39</t>
  </si>
  <si>
    <t>12/31/2019 21:05:21</t>
  </si>
  <si>
    <t>12/31/2019 21:08:21</t>
  </si>
  <si>
    <t>12/31/2019 21:06:23</t>
  </si>
  <si>
    <t>12/31/2019 21:11:39</t>
  </si>
  <si>
    <t>12/31/2019 21:07:02</t>
  </si>
  <si>
    <t>12/31/2019 21:07:39</t>
  </si>
  <si>
    <t>12/31/2019 21:11:21</t>
  </si>
  <si>
    <t>12/31/2019 21:14:39</t>
  </si>
  <si>
    <t>12/31/2019 21:11:45</t>
  </si>
  <si>
    <t>12/31/2019 21:16:39</t>
  </si>
  <si>
    <t>12/31/2019 21:14:16</t>
  </si>
  <si>
    <t>12/31/2019 21:14:25</t>
  </si>
  <si>
    <t>12/31/2019 21:14:32</t>
  </si>
  <si>
    <t>12/31/2019 21:14:45</t>
  </si>
  <si>
    <t>12/31/2019 21:18:39</t>
  </si>
  <si>
    <t>12/31/2019 21:14:21</t>
  </si>
  <si>
    <t>12/31/2019 21:19:38</t>
  </si>
  <si>
    <t>12/31/2019 21:17:21</t>
  </si>
  <si>
    <t>12/31/2019 21:18:17</t>
  </si>
  <si>
    <t>12/31/2019 21:21:39</t>
  </si>
  <si>
    <t>12/31/2019 21:22:27</t>
  </si>
  <si>
    <t>12/31/2019 21:23:39</t>
  </si>
  <si>
    <t>12/31/2019 21:20:21</t>
  </si>
  <si>
    <t>12/31/2019 21:24:38</t>
  </si>
  <si>
    <t>12/31/2019 21:23:21</t>
  </si>
  <si>
    <t>12/31/2019 21:21:49</t>
  </si>
  <si>
    <t>12/31/2019 21:24:46</t>
  </si>
  <si>
    <t>12/31/2019 21:26:39</t>
  </si>
  <si>
    <t>12/31/2019 21:26:22</t>
  </si>
  <si>
    <t>12/31/2019 21:28:39</t>
  </si>
  <si>
    <t>12/31/2019 21:26:21</t>
  </si>
  <si>
    <t>12/31/2019 21:29:39</t>
  </si>
  <si>
    <t>12/31/2019 21:28:51</t>
  </si>
  <si>
    <t>12/31/2019 21:31:38</t>
  </si>
  <si>
    <t>12/31/2019 21:28:52</t>
  </si>
  <si>
    <t>12/31/2019 21:31:21</t>
  </si>
  <si>
    <t>12/31/2019 21:32:39</t>
  </si>
  <si>
    <t>12/31/2019 21:29:13</t>
  </si>
  <si>
    <t>12/31/2019 21:33:38</t>
  </si>
  <si>
    <t>12/31/2019 21:29:21</t>
  </si>
  <si>
    <t>12/31/2019 21:34:39</t>
  </si>
  <si>
    <t>12/31/2019 21:32:21</t>
  </si>
  <si>
    <t>12/31/2019 21:35:21</t>
  </si>
  <si>
    <t>12/31/2019 21:39:39</t>
  </si>
  <si>
    <t>12/31/2019 21:38:21</t>
  </si>
  <si>
    <t>12/31/2019 21:39:21</t>
  </si>
  <si>
    <t>12/31/2019 21:40:39</t>
  </si>
  <si>
    <t>12/31/2019 21:40:17</t>
  </si>
  <si>
    <t>12/31/2019 21:41:38</t>
  </si>
  <si>
    <t>12/31/2019 21:40:22</t>
  </si>
  <si>
    <t>12/31/2019 21:40:26</t>
  </si>
  <si>
    <t>12/31/2019 21:40:29</t>
  </si>
  <si>
    <t>12/31/2019 21:41:46</t>
  </si>
  <si>
    <t>12/31/2019 21:42:38</t>
  </si>
  <si>
    <t>12/31/2019 21:40:55</t>
  </si>
  <si>
    <t>12/31/2019 21:42:39</t>
  </si>
  <si>
    <t>12/31/2019 21:43:38</t>
  </si>
  <si>
    <t>12/31/2019 21:41:21</t>
  </si>
  <si>
    <t>12/31/2019 21:44:38</t>
  </si>
  <si>
    <t>12/31/2019 21:45:26</t>
  </si>
  <si>
    <t>12/31/2019 21:48:38</t>
  </si>
  <si>
    <t>12/31/2019 21:44:21</t>
  </si>
  <si>
    <t>12/31/2019 21:49:38</t>
  </si>
  <si>
    <t>12/31/2019 21:47:21</t>
  </si>
  <si>
    <t>12/31/2019 21:48:11</t>
  </si>
  <si>
    <t>12/31/2019 21:51:38</t>
  </si>
  <si>
    <t>12/31/2019 21:50:21</t>
  </si>
  <si>
    <t>12/31/2019 21:54:38</t>
  </si>
  <si>
    <t>12/31/2019 21:53:22</t>
  </si>
  <si>
    <t>12/31/2019 21:56:22</t>
  </si>
  <si>
    <t>12/31/2019 21:59:39</t>
  </si>
  <si>
    <t>12/31/2019 21:58:18</t>
  </si>
  <si>
    <t>12/31/2019 22:01:39</t>
  </si>
  <si>
    <t>12/31/2019 21:59:03</t>
  </si>
  <si>
    <t>12/31/2019 21:59:23</t>
  </si>
  <si>
    <t>12/31/2019 22:00:17</t>
  </si>
  <si>
    <t>12/31/2019 21:59:28</t>
  </si>
  <si>
    <t>12/31/2019 22:02:38</t>
  </si>
  <si>
    <t>12/31/2019 22:01:57</t>
  </si>
  <si>
    <t>12/31/2019 22:03:38</t>
  </si>
  <si>
    <t>12/31/2019 22:03:17</t>
  </si>
  <si>
    <t>12/31/2019 21:59:45</t>
  </si>
  <si>
    <t>12/31/2019 21:59:22</t>
  </si>
  <si>
    <t>12/31/2019 22:04:38</t>
  </si>
  <si>
    <t>12/31/2019 22:02:22</t>
  </si>
  <si>
    <t>12/31/2019 22:00:27</t>
  </si>
  <si>
    <t>12/31/2019 22:05:38</t>
  </si>
  <si>
    <t>12/31/2019 22:05:22</t>
  </si>
  <si>
    <t>12/31/2019 22:09:38</t>
  </si>
  <si>
    <t>12/31/2019 22:08:22</t>
  </si>
  <si>
    <t>12/31/2019 22:12:53</t>
  </si>
  <si>
    <t>12/31/2019 22:14:38</t>
  </si>
  <si>
    <t>12/31/2019 22:11:22</t>
  </si>
  <si>
    <t>12/31/2019 22:12:46</t>
  </si>
  <si>
    <t>12/31/2019 22:16:38</t>
  </si>
  <si>
    <t>12/31/2019 22:12:05</t>
  </si>
  <si>
    <t>12/31/2019 22:14:44</t>
  </si>
  <si>
    <t>12/31/2019 22:17:38</t>
  </si>
  <si>
    <t>12/31/2019 22:17:37</t>
  </si>
  <si>
    <t>12/31/2019 22:18:38</t>
  </si>
  <si>
    <t>12/31/2019 22:14:22</t>
  </si>
  <si>
    <t>12/31/2019 22:19:38</t>
  </si>
  <si>
    <t>12/31/2019 22:17:22</t>
  </si>
  <si>
    <t>12/31/2019 22:20:46</t>
  </si>
  <si>
    <t>12/31/2019 22:23:38</t>
  </si>
  <si>
    <t>12/31/2019 22:20:22</t>
  </si>
  <si>
    <t>12/31/2019 22:24:38</t>
  </si>
  <si>
    <t>12/31/2019 22:23:22</t>
  </si>
  <si>
    <t>12/31/2019 22:26:22</t>
  </si>
  <si>
    <t>12/31/2019 22:29:39</t>
  </si>
  <si>
    <t>12/31/2019 22:29:22</t>
  </si>
  <si>
    <t>12/31/2019 22:34:38</t>
  </si>
  <si>
    <t>12/31/2019 22:32:22</t>
  </si>
  <si>
    <t>12/31/2019 22:34:45</t>
  </si>
  <si>
    <t>12/31/2019 22:36:39</t>
  </si>
  <si>
    <t>12/31/2019 22:36:28</t>
  </si>
  <si>
    <t>12/31/2019 22:36:12</t>
  </si>
  <si>
    <t>12/31/2019 22:38:38</t>
  </si>
  <si>
    <t>12/31/2019 22:35:22</t>
  </si>
  <si>
    <t>12/31/2019 22:39:39</t>
  </si>
  <si>
    <t>12/31/2019 22:38:22</t>
  </si>
  <si>
    <t>12/31/2019 22:39:29</t>
  </si>
  <si>
    <t>12/31/2019 22:42:38</t>
  </si>
  <si>
    <t>12/31/2019 22:40:42</t>
  </si>
  <si>
    <t>12/31/2019 22:43:38</t>
  </si>
  <si>
    <t>12/31/2019 22:39:59</t>
  </si>
  <si>
    <t>12/31/2019 22:41:22</t>
  </si>
  <si>
    <t>12/31/2019 22:44:39</t>
  </si>
  <si>
    <t>12/31/2019 22:40:08</t>
  </si>
  <si>
    <t>12/31/2019 22:45:38</t>
  </si>
  <si>
    <t>12/31/2019 22:44:22</t>
  </si>
  <si>
    <t>12/31/2019 22:49:38</t>
  </si>
  <si>
    <t>12/31/2019 22:47:22</t>
  </si>
  <si>
    <t>12/31/2019 22:50:22</t>
  </si>
  <si>
    <t>12/31/2019 22:54:39</t>
  </si>
  <si>
    <t>12/31/2019 22:53:22</t>
  </si>
  <si>
    <t>12/31/2019 22:56:22</t>
  </si>
  <si>
    <t>12/31/2019 22:59:38</t>
  </si>
  <si>
    <t>12/31/2019 22:59:22</t>
  </si>
  <si>
    <t>12/31/2019 23:04:38</t>
  </si>
  <si>
    <t>12/31/2019 23:02:22</t>
  </si>
  <si>
    <t>12/31/2019 23:05:22</t>
  </si>
  <si>
    <t>12/31/2019 23:09:39</t>
  </si>
  <si>
    <t>12/31/2019 23:08:22</t>
  </si>
  <si>
    <t>12/31/2019 23:11:22</t>
  </si>
  <si>
    <t>12/31/2019 23:14:38</t>
  </si>
  <si>
    <t>12/31/2019 23:14:15</t>
  </si>
  <si>
    <t>12/31/2019 23:15:39</t>
  </si>
  <si>
    <t>12/31/2019 23:12:54</t>
  </si>
  <si>
    <t>12/31/2019 23:16:39</t>
  </si>
  <si>
    <t>12/31/2019 23:12:34</t>
  </si>
  <si>
    <t>12/31/2019 23:15:18</t>
  </si>
  <si>
    <t>12/31/2019 23:18:38</t>
  </si>
  <si>
    <t>12/31/2019 23:16:12</t>
  </si>
  <si>
    <t>12/31/2019 23:14:22</t>
  </si>
  <si>
    <t>12/31/2019 23:19:38</t>
  </si>
  <si>
    <t>12/31/2019 23:17:22</t>
  </si>
  <si>
    <t>12/31/2019 23:20:22</t>
  </si>
  <si>
    <t>12/31/2019 23:24:38</t>
  </si>
  <si>
    <t>12/31/2019 23:23:22</t>
  </si>
  <si>
    <t>12/31/2019 23:24:22</t>
  </si>
  <si>
    <t>12/31/2019 23:26:38</t>
  </si>
  <si>
    <t>12/31/2019 23:25:33</t>
  </si>
  <si>
    <t>12/31/2019 23:28:38</t>
  </si>
  <si>
    <t>12/31/2019 23:26:22</t>
  </si>
  <si>
    <t>12/31/2019 23:29:39</t>
  </si>
  <si>
    <t>12/31/2019 23:28:09</t>
  </si>
  <si>
    <t>12/31/2019 23:33:38</t>
  </si>
  <si>
    <t>12/31/2019 23:29:22</t>
  </si>
  <si>
    <t>12/31/2019 23:34:38</t>
  </si>
  <si>
    <t>12/31/2019 23:32:22</t>
  </si>
  <si>
    <t>12/31/2019 23:32:36</t>
  </si>
  <si>
    <t>12/31/2019 23:35:39</t>
  </si>
  <si>
    <t>12/31/2019 23:34:04</t>
  </si>
  <si>
    <t>12/31/2019 23:34:12</t>
  </si>
  <si>
    <t>12/31/2019 23:36:38</t>
  </si>
  <si>
    <t>12/31/2019 23:35:22</t>
  </si>
  <si>
    <t>12/31/2019 23:39:38</t>
  </si>
  <si>
    <t>12/31/2019 23:38:22</t>
  </si>
  <si>
    <t>12/31/2019 23:38:51</t>
  </si>
  <si>
    <t>12/31/2019 23:41:38</t>
  </si>
  <si>
    <t>12/31/2019 23:36:55</t>
  </si>
  <si>
    <t>12/31/2019 23:42:38</t>
  </si>
  <si>
    <t>12/31/2019 23:41:12</t>
  </si>
  <si>
    <t>12/31/2019 23:43:39</t>
  </si>
  <si>
    <t>12/31/2019 23:41:22</t>
  </si>
  <si>
    <t>12/31/2019 23:44:38</t>
  </si>
  <si>
    <t>12/31/2019 23:44:22</t>
  </si>
  <si>
    <t>12/31/2019 23:49:38</t>
  </si>
  <si>
    <t>12/31/2019 23:47:23</t>
  </si>
  <si>
    <t>12/31/2019 23:49:41</t>
  </si>
  <si>
    <t>12/31/2019 23:52:38</t>
  </si>
  <si>
    <t>12/31/2019 23:50:23</t>
  </si>
  <si>
    <t>12/31/2019 23:54:38</t>
  </si>
  <si>
    <t>12/31/2019 23:53:23</t>
  </si>
  <si>
    <t>12/31/2019 23:51:14</t>
  </si>
  <si>
    <t>12/31/2019 23:54:28</t>
  </si>
  <si>
    <t>12/31/2019 23:57:39</t>
  </si>
  <si>
    <t>1ffb9511-cdf8-4875-941d-a8c9b8fe1e77.tmp</t>
  </si>
  <si>
    <t>\\acsfs\profiles$\rogeriofd\Downloads\1ffb9511-cdf8-4875-941d-a8c9b8fe1e77.tmp</t>
  </si>
  <si>
    <t>12/31/2019 23:55:18</t>
  </si>
  <si>
    <t>e75e3dd5-b878-40f6-b163-aaecf5bdc532.tmp</t>
  </si>
  <si>
    <t>\\acsfs\profiles$\rogeriofd\Downloads\e75e3dd5-b878-40f6-b163-aaecf5bdc532.tmp</t>
  </si>
  <si>
    <t>12/31/2019 23:55:31</t>
  </si>
  <si>
    <t>2f81ae89-13e2-4544-84ae-e10a65817aa1.tmp</t>
  </si>
  <si>
    <t>\\acsfs\profiles$\rogeriofd\Downloads\2f81ae89-13e2-4544-84ae-e10a65817aa1.tmp</t>
  </si>
  <si>
    <t>12/31/2019 23:56:23</t>
  </si>
  <si>
    <t>12/31/2019 23:59:38</t>
  </si>
  <si>
    <t>12/31/2019 23:56:58</t>
  </si>
  <si>
    <t>ad81b292-15c7-4b31-a040-29295712d8b7.tmp</t>
  </si>
  <si>
    <t>\\acsfs\profiles$\Adrieledgc\Downloads\ad81b292-15c7-4b31-a040-29295712d8b7.tmp</t>
  </si>
  <si>
    <t>12/31/2019 23:57:48</t>
  </si>
  <si>
    <t>6f977768-10a6-4126-8a2e-e98cdf8a9b21.tmp</t>
  </si>
  <si>
    <t>\\acsfs\profiles$\Adrieledgc\Downloads\6f977768-10a6-4126-8a2e-e98cdf8a9b21.tmp</t>
  </si>
  <si>
    <t>10.200.67.223</t>
  </si>
  <si>
    <t>D0-94-66-B5-48-53</t>
  </si>
  <si>
    <t>VOTORANT-PB020</t>
  </si>
  <si>
    <t>12/31/2019 23:59:23</t>
  </si>
  <si>
    <t>f64a3cbf-52f2-474b-aebb-5187300aaf7d.tmp</t>
  </si>
  <si>
    <t>\\acsfs\profiles$\claudiajca\Downloads\f64a3cbf-52f2-474b-aebb-5187300aaf7d.tmp</t>
  </si>
  <si>
    <t>564b8e51-a9ff-4009-a6b3-739b0d7d7d2d.tmp</t>
  </si>
  <si>
    <t>\\acsfs\profiles$\BRUNAAR\Downloads\564b8e51-a9ff-4009-a6b3-739b0d7d7d2d.tmp</t>
  </si>
  <si>
    <t>cba1be90-fa8e-46d6-b769-ebd3faee279c.tmp</t>
  </si>
  <si>
    <t>\\acsfs\profiles$\BRUNAAR\Downloads\cba1be90-fa8e-46d6-b769-ebd3faee279c.tmp</t>
  </si>
  <si>
    <t>bab60565-abe1-4ca5-a648-7660090cbd26.tmp</t>
  </si>
  <si>
    <t>\\acsfs\profiles$\lucasqdss\Downloads\bab60565-abe1-4ca5-a648-7660090cbd26.tmp</t>
  </si>
  <si>
    <t>79e5b406-82c0-434a-a486-961587265c4b.tmp</t>
  </si>
  <si>
    <t>\\acsfs\profiles$\lucasqdss\Downloads\79e5b406-82c0-434a-a486-961587265c4b.tmp</t>
  </si>
  <si>
    <t>84d61dd5-92e8-47a9-9960-c4795dbd9de0.tmp</t>
  </si>
  <si>
    <t>\\acsfs\profiles$\claudiajca\Downloads\84d61dd5-92e8-47a9-9960-c4795dbd9de0.tmp</t>
  </si>
  <si>
    <t>7caae8e7-bf56-4d54-846a-f22492e84d95.tmp</t>
  </si>
  <si>
    <t>\\acsfs\profiles$\rafaelamsv\Downloads\7caae8e7-bf56-4d54-846a-f22492e84d95.tmp</t>
  </si>
  <si>
    <t>a7bfb9fe-1948-4b99-99d2-ad5ffe0463cc.tmp</t>
  </si>
  <si>
    <t>\\acsfs\profiles$\rafaelamsv\Downloads\a7bfb9fe-1948-4b99-99d2-ad5ffe0463cc.tmp</t>
  </si>
  <si>
    <t>\\acsfs\profiles$\cintiadcf\My Documents\My Pictures\</t>
  </si>
  <si>
    <t>\\acsfs\profiles$\cintiadcf\My Documents\My Videos\desktop.ini</t>
  </si>
  <si>
    <t>\\acsfs\profiles$\cintiadcf\My Documents\My Videos\</t>
  </si>
  <si>
    <t>\\acsfs\profiles$\cintiadcf\My Documents\My Music\</t>
  </si>
  <si>
    <t>\\acsfs\profiles$\cintiadcf\My Documents\My Pictures\desktop.ini</t>
  </si>
  <si>
    <t>\\acsfs\profiles$\cintiadcf\Contacts\</t>
  </si>
  <si>
    <t>\\acsfs\profiles$\cintiadcf\Contacts\desktop.ini</t>
  </si>
  <si>
    <t>\\acsfs\profiles$\cintiadcf\My Documents\</t>
  </si>
  <si>
    <t>\\acsfs\profiles$\cintiadcf\Favorites\desktop.ini</t>
  </si>
  <si>
    <t>\\acsfs\profiles$\cintiadcf\My Documents\My Music\desktop.ini</t>
  </si>
  <si>
    <t>\\acsfs\profiles$\cintiadcf\Searches\</t>
  </si>
  <si>
    <t>\\acsfs\profiles$\cintiadcf\Searches\desktop.ini</t>
  </si>
  <si>
    <t>\\acsfs\profiles$\cintiadcf\Downloads\desktop.ini</t>
  </si>
  <si>
    <t>\\acsfs\profiles$\cintiadcf\Favorites\</t>
  </si>
  <si>
    <t>\\acsfs\profiles$\cintiadcf\My Documents\desktop.ini</t>
  </si>
  <si>
    <t>\\acsfs\profiles$\cintiadcf\Saved Games\desktop.ini</t>
  </si>
  <si>
    <t>winrt--{S-1-5-21-602162358-764733703-839522115-352721}-.searchconnector-ms</t>
  </si>
  <si>
    <t>\\acsfs\profiles$\cintiadcf\Searches\winrt--{S-1-5-21-602162358-764733703-839522115-352721}-.searchconnector-ms</t>
  </si>
  <si>
    <t>f362ff95-0b4d-4eac-8213-e802e22d527c.tmp</t>
  </si>
  <si>
    <t>\\acsfs\profiles$\cintiadcf\Downloads\f362ff95-0b4d-4eac-8213-e802e22d527c.tmp</t>
  </si>
  <si>
    <t>c3c6047d-bd45-421f-9bda-b892ea4d574d.tmp</t>
  </si>
  <si>
    <t>\\acsfs\profiles$\cintiadcf\Downloads\c3c6047d-bd45-421f-9bda-b892ea4d574d.tmp</t>
  </si>
  <si>
    <t>3a8b8b90-9fdb-4b06-a54f-f84f5815d0d3.tmp</t>
  </si>
  <si>
    <t>\\acsfs\profiles$\cintiadcf\Downloads\3a8b8b90-9fdb-4b06-a54f-f84f5815d0d3.tmp</t>
  </si>
  <si>
    <t>ba9cd88a-c1e6-47d4-968f-7f9cbad25012.tmp</t>
  </si>
  <si>
    <t>\\acsfs\profiles$\cintiadcf\Downloads\ba9cd88a-c1e6-47d4-968f-7f9cbad25012.tmp</t>
  </si>
  <si>
    <t>3352c9cb-1838-415c-9e49-a77f2114c3ae.tmp</t>
  </si>
  <si>
    <t>\\acsfs\profiles$\marcellewdl\Downloads\3352c9cb-1838-415c-9e49-a77f2114c3ae.tmp</t>
  </si>
  <si>
    <t>fd09dc59-6e48-4c21-bb40-2cee0780dfff.tmp</t>
  </si>
  <si>
    <t>\\acsfs\profiles$\marcellewdl\Downloads\fd09dc59-6e48-4c21-bb40-2cee0780dfff.tmp</t>
  </si>
  <si>
    <t>\\acsfs\DEPTOS\Operacao\PCP\5 - Comum\Mariana De Jesus\</t>
  </si>
  <si>
    <t>escala staff.xlsx</t>
  </si>
  <si>
    <t>\\acsfs\DEPTOS\Operacao\PCP\5 - Comum\Mariana De Jesus\escala staff.xlsx</t>
  </si>
  <si>
    <t>df33808d-e867-4e78-8558-a7b1cd666a0b.tmp</t>
  </si>
  <si>
    <t>\\acsfs\profiles$\rafaelamsv\Downloads\df33808d-e867-4e78-8558-a7b1cd666a0b.tmp</t>
  </si>
  <si>
    <t>03ecea55-c59d-454b-a3a0-a34b978e1e7e.tmp</t>
  </si>
  <si>
    <t>\\acsfs\profiles$\luanarda\Downloads\03ecea55-c59d-454b-a3a0-a34b978e1e7e.tmp</t>
  </si>
  <si>
    <t>d1cef49e-8710-45f9-b305-f96a144249b0.tmp</t>
  </si>
  <si>
    <t>\\acsfs\profiles$\luanarda\Downloads\d1cef49e-8710-45f9-b305-f96a144249b0.tmp</t>
  </si>
  <si>
    <t>b415a814-65e2-4bb6-b288-689e497e149e.tmp</t>
  </si>
  <si>
    <t>\\acsfs\profiles$\kellzylenneasr\Downloads\b415a814-65e2-4bb6-b288-689e497e149e.tmp</t>
  </si>
  <si>
    <t>8cdeb52c-b6f8-4242-8c23-da022859763c.tmp</t>
  </si>
  <si>
    <t>\\acsfs\profiles$\kellzylenneasr\Downloads\8cdeb52c-b6f8-4242-8c23-da022859763c.tmp</t>
  </si>
  <si>
    <t>ac211cdf-e59b-45fa-acde-774ad766225b.tmp</t>
  </si>
  <si>
    <t>\\acsfs\profiles$\dhiulliananads\Downloads\ac211cdf-e59b-45fa-acde-774ad766225b.tmp</t>
  </si>
  <si>
    <t>30a58d68-8516-4f87-80d9-b99cb433bec2.tmp</t>
  </si>
  <si>
    <t>\\acsfs\profiles$\dhiulliananads\Downloads\30a58d68-8516-4f87-80d9-b99cb433bec2.tmp</t>
  </si>
  <si>
    <t>70499af4-a0a4-45e6-896a-63560c7e5adb.tmp</t>
  </si>
  <si>
    <t>\\acsfs\profiles$\dhiulliananads\Downloads\70499af4-a0a4-45e6-896a-63560c7e5adb.tmp</t>
  </si>
  <si>
    <t>43dd5de7-67be-462d-8b27-f253720031fb.tmp</t>
  </si>
  <si>
    <t>\\acsfs\profiles$\dhiulliananads\Downloads\43dd5de7-67be-462d-8b27-f253720031fb.tmp</t>
  </si>
  <si>
    <t>\\acsfs\profiles$\lucasgpe\Contacts\</t>
  </si>
  <si>
    <t>LUCAS GUBERT PEREIRA (10).contact</t>
  </si>
  <si>
    <t>\\acsfs\profiles$\lucasgpe\Contacts\LUCAS GUBERT PEREIRA (10).contact</t>
  </si>
  <si>
    <t>\\acsfs\profiles$\lucasgpe\My Documents\My Videos\</t>
  </si>
  <si>
    <t>\\acsfs\profiles$\lucasgpe\My Documents\My Videos\desktop.ini</t>
  </si>
  <si>
    <t>\\acsfs\profiles$\lucasgpe\My Documents\My Pictures\</t>
  </si>
  <si>
    <t>\\acsfs\profiles$\lucasgpe\My Documents\My Pictures\desktop.ini</t>
  </si>
  <si>
    <t>\\acsfs\profiles$\lucasgpe\Contacts\desktop.ini</t>
  </si>
  <si>
    <t>\\acsfs\profiles$\lucasgpe\Favorites\</t>
  </si>
  <si>
    <t>\\acsfs\profiles$\lucasgpe\Favorites\desktop.ini</t>
  </si>
  <si>
    <t>\\acsfs\profiles$\lucasgpe\My Documents\My Music\</t>
  </si>
  <si>
    <t>\\acsfs\profiles$\lucasgpe\My Documents\My Music\desktop.ini</t>
  </si>
  <si>
    <t>\\acsfs\profiles$\alexandremm\My Documents\My Pictures\</t>
  </si>
  <si>
    <t>\\acsfs\profiles$\alexandremm\My Documents\My Videos\desktop.ini</t>
  </si>
  <si>
    <t>\\acsfs\profiles$\alexandremm\My Documents\My Videos\</t>
  </si>
  <si>
    <t>\\acsfs\profiles$\alexandremm\My Documents\My Music\</t>
  </si>
  <si>
    <t>\\acsfs\profiles$\alexandremm\My Documents\My Pictures\desktop.ini</t>
  </si>
  <si>
    <t>\\acsfs\profiles$\alexandremm\Contacts\</t>
  </si>
  <si>
    <t>\\acsfs\profiles$\alexandremm\Contacts\desktop.ini</t>
  </si>
  <si>
    <t>\\acsfs\profiles$\alexandremm\My Documents\</t>
  </si>
  <si>
    <t>\\acsfs\profiles$\alexandremm\Favorites\desktop.ini</t>
  </si>
  <si>
    <t>\\acsfs\profiles$\alexandremm\My Documents\My Music\desktop.ini</t>
  </si>
  <si>
    <t>\\acsfs\profiles$\alexandremm\Searches\</t>
  </si>
  <si>
    <t>\\acsfs\profiles$\alexandremm\Searches\desktop.ini</t>
  </si>
  <si>
    <t>\\acsfs\profiles$\alexandremm\Downloads\</t>
  </si>
  <si>
    <t>\\acsfs\profiles$\alexandremm\Downloads\desktop.ini</t>
  </si>
  <si>
    <t>\\acsfs\profiles$\alexandremm\Favorites\</t>
  </si>
  <si>
    <t>\\acsfs\profiles$\alexandremm\My Documents\desktop.ini</t>
  </si>
  <si>
    <t>\\acsfs\profiles$\alexandremm\Saved Games\desktop.ini</t>
  </si>
  <si>
    <t>winrt--{S-1-5-21-602162358-764733703-839522115-352958}-.searchconnector-ms</t>
  </si>
  <si>
    <t>\\acsfs\profiles$\alexandremm\Searches\winrt--{S-1-5-21-602162358-764733703-839522115-352958}-.searchconnector-ms</t>
  </si>
  <si>
    <t>\\acsfs\profiles$\lucasgpe\Searches\</t>
  </si>
  <si>
    <t>\\acsfs\profiles$\lucasgpe\Searches\desktop.ini</t>
  </si>
  <si>
    <t>\\acsfs\profiles$\lucasgpe\Downloads\desktop.ini</t>
  </si>
  <si>
    <t>\\acsfs\profiles$\lucasgpe\My Documents\</t>
  </si>
  <si>
    <t>\\acsfs\profiles$\lucasgpe\My Documents\desktop.ini</t>
  </si>
  <si>
    <t>\\acsfs\profiles$\lucasgpe\Saved Games\</t>
  </si>
  <si>
    <t>\\acsfs\profiles$\lucasgpe\Saved Games\desktop.ini</t>
  </si>
  <si>
    <t>\\acsfs\profiles$\lucasgpe\Favorites\Links for Brasil\</t>
  </si>
  <si>
    <t>\\acsfs\profiles$\lucasgpe\Favorites\Links for Brasil\desktop.ini</t>
  </si>
  <si>
    <t>\\acsfs\profiles$\lucasgpe\Favorites\Links for Brasil\Microsoft Brasil.url</t>
  </si>
  <si>
    <t>\\acsfs\profiles$\lucasgpe\Favorites\Links for Brasil\Windows Brasil.url</t>
  </si>
  <si>
    <t>\\acsfs\profiles$\lucasgpe\Favorites\Links for Brasil\MSN Brasil.url</t>
  </si>
  <si>
    <t>ea62295b-948a-415a-81c8-bc157b5210e3.tmp</t>
  </si>
  <si>
    <t>\\acsfs\profiles$\lucasgpe\Downloads\ea62295b-948a-415a-81c8-bc157b5210e3.tmp</t>
  </si>
  <si>
    <t>Não confirmado 887729.crdownload</t>
  </si>
  <si>
    <t>\\acsfs\profiles$\lucasgpe\Downloads\Não confirmado 887729.crdownload</t>
  </si>
  <si>
    <t>e23d03bd-974f-4cd1-9e01-8bbef59ed1ee.tmp</t>
  </si>
  <si>
    <t>\\acsfs\profiles$\lucasgpe\Downloads\e23d03bd-974f-4cd1-9e01-8bbef59ed1ee.tmp</t>
  </si>
  <si>
    <t>Não confirmado 632624.crdownload</t>
  </si>
  <si>
    <t>\\acsfs\profiles$\lucasgpe\Downloads\Não confirmado 632624.crdownload</t>
  </si>
  <si>
    <t>36e28554-fd80-4c70-9a4c-f6604e760abe.tmp</t>
  </si>
  <si>
    <t>\\acsfs\profiles$\lucasgpe\Downloads\36e28554-fd80-4c70-9a4c-f6604e760abe.tmp</t>
  </si>
  <si>
    <t>bcadbcbd-d360-4114-8f37-23fcdd043d16.tmp</t>
  </si>
  <si>
    <t>\\acsfs\profiles$\lucasgpe\Downloads\bcadbcbd-d360-4114-8f37-23fcdd043d16.tmp</t>
  </si>
  <si>
    <t>968c4cc3-573d-4a8e-8501-e5c227c3d85b.tmp</t>
  </si>
  <si>
    <t>\\acsfs\profiles$\lucasgpe\Downloads\968c4cc3-573d-4a8e-8501-e5c227c3d85b.tmp</t>
  </si>
  <si>
    <t>dcf22887-bf5c-4b41-b6cf-8647ae2040df.tmp</t>
  </si>
  <si>
    <t>\\acsfs\profiles$\YASMINSC\Downloads\dcf22887-bf5c-4b41-b6cf-8647ae2040df.tmp</t>
  </si>
  <si>
    <t>dfd3199e-d112-401c-809f-b7fa63253256.tmp</t>
  </si>
  <si>
    <t>\\acsfs\profiles$\YASMINSC\Downloads\dfd3199e-d112-401c-809f-b7fa63253256.tmp</t>
  </si>
  <si>
    <t>294fde0f-743a-4b15-aecf-c6cffa08cf47.tmp</t>
  </si>
  <si>
    <t>\\acsfs\profiles$\felipetds\Downloads\294fde0f-743a-4b15-aecf-c6cffa08cf47.tmp</t>
  </si>
  <si>
    <t>9baffa6f-242b-4b17-a130-0f0347bf8ebe.tmp</t>
  </si>
  <si>
    <t>\\acsfs\profiles$\felipetds\Downloads\9baffa6f-242b-4b17-a130-0f0347bf8ebe.tmp</t>
  </si>
  <si>
    <t>d9dc1e58-a057-4b24-ba88-19e00787f968.tmp</t>
  </si>
  <si>
    <t>\\acsfs\profiles$\kellzylenneasr\Downloads\d9dc1e58-a057-4b24-ba88-19e00787f968.tmp</t>
  </si>
  <si>
    <t>10.200.66.20</t>
  </si>
  <si>
    <t>74-86-7A-FD-D2-20</t>
  </si>
  <si>
    <t>VOTORANT-VB014</t>
  </si>
  <si>
    <t>jessicafc</t>
  </si>
  <si>
    <t>\\acsfs\profiles$\jessicafc\Downloads\</t>
  </si>
  <si>
    <t>e4c04da6-f887-4dd0-bf2f-8b7b6607265c.tmp</t>
  </si>
  <si>
    <t>\\acsfs\profiles$\jessicafc\Downloads\e4c04da6-f887-4dd0-bf2f-8b7b6607265c.tmp</t>
  </si>
  <si>
    <t>137b8e02-8cf4-4285-9121-bb5c2ac9bced.tmp</t>
  </si>
  <si>
    <t>\\acsfs\profiles$\felipetds\Downloads\137b8e02-8cf4-4285-9121-bb5c2ac9bced.tmp</t>
  </si>
  <si>
    <t>cb5a25c6-97f6-4ad8-8aaf-4d4464ffb481.tmp</t>
  </si>
  <si>
    <t>\\acsfs\profiles$\jessicafc\Downloads\cb5a25c6-97f6-4ad8-8aaf-4d4464ffb481.tmp</t>
  </si>
  <si>
    <t>97465db4-4743-41bf-8ce3-5e35fd9366ef.tmp</t>
  </si>
  <si>
    <t>\\acsfs\profiles$\jessicafc\Downloads\97465db4-4743-41bf-8ce3-5e35fd9366ef.tmp</t>
  </si>
  <si>
    <t>c7d0eb19-8abf-4699-a381-0944d28d0c42.tmp</t>
  </si>
  <si>
    <t>\\acsfs\profiles$\lucasgpe\Downloads\c7d0eb19-8abf-4699-a381-0944d28d0c42.tmp</t>
  </si>
  <si>
    <t>fa087923-2bae-496d-b3fe-d770a517ca9a.tmp</t>
  </si>
  <si>
    <t>\\acsfs\profiles$\marcellewdl\Downloads\fa087923-2bae-496d-b3fe-d770a517ca9a.tmp</t>
  </si>
  <si>
    <t>d7eb4dd4-6a5e-44ab-8c60-e321bbd21b56.tmp</t>
  </si>
  <si>
    <t>\\acsfs\profiles$\felipetds\Downloads\d7eb4dd4-6a5e-44ab-8c60-e321bbd21b56.tmp</t>
  </si>
  <si>
    <t>lu136966j86z.tmp</t>
  </si>
  <si>
    <t>\\acsfs\profiles$\dhiulliananads\My Documents\lu136966j86z.tmp</t>
  </si>
  <si>
    <t>\\acsfs\profiles$\dhiulliananads\My Documents\lu136966j86z.tmp\</t>
  </si>
  <si>
    <t>\\acsfs\profiles$\dhiulliananads\My Documents\lu136966j86z.tmp\META-INF\</t>
  </si>
  <si>
    <t>\\acsfs\profiles$\dhiulliananads\My Documents\lu136966j86z.tmp\Thumbnails\</t>
  </si>
  <si>
    <t>lu136966j873.tmp</t>
  </si>
  <si>
    <t>\\acsfs\profiles$\dhiulliananads\My Documents\lu136966j873.tmp</t>
  </si>
  <si>
    <t>\\acsfs\profiles$\dhiulliananads\My Documents\lu136966j873.tmp\</t>
  </si>
  <si>
    <t>\\acsfs\profiles$\dhiulliananads\My Documents\lu136966j873.tmp\META-INF\</t>
  </si>
  <si>
    <t>\\acsfs\profiles$\dhiulliananads\My Documents\lu136966j873.tmp\Thumbnails\</t>
  </si>
  <si>
    <t>4edc6e5a-b82b-4a0a-93f8-fe8a30a6ae44.tmp</t>
  </si>
  <si>
    <t>\\acsfs\profiles$\jessicafc\Downloads\4edc6e5a-b82b-4a0a-93f8-fe8a30a6ae44.tmp</t>
  </si>
  <si>
    <t>a8999205-031f-46d6-a155-9eea93885bc5.tmp</t>
  </si>
  <si>
    <t>\\acsfs\profiles$\dhiulliananads\Downloads\a8999205-031f-46d6-a155-9eea93885bc5.tmp</t>
  </si>
  <si>
    <t>f7557193-01f7-4a50-be01-e54999dbc0d0.tmp</t>
  </si>
  <si>
    <t>\\acsfs\profiles$\joycemmdl\Downloads\f7557193-01f7-4a50-be01-e54999dbc0d0.tmp</t>
  </si>
  <si>
    <t>a6a677a8-7c0c-449d-a587-06a572165e4c.tmp</t>
  </si>
  <si>
    <t>\\acsfs\profiles$\joycemmdl\Downloads\a6a677a8-7c0c-449d-a587-06a572165e4c.tmp</t>
  </si>
  <si>
    <t>33f966b6-d168-4541-8454-7d4e3d217d09.tmp</t>
  </si>
  <si>
    <t>\\acsfs\profiles$\LUCASNS\Downloads\33f966b6-d168-4541-8454-7d4e3d217d09.tmp</t>
  </si>
  <si>
    <t>c11fd632-895a-4808-a83a-d5811eb88439.tmp</t>
  </si>
  <si>
    <t>\\acsfs\profiles$\LUCASNS\Downloads\c11fd632-895a-4808-a83a-d5811eb88439.tmp</t>
  </si>
  <si>
    <t>b470daaa-e987-442f-917c-54fb781a2ad0.tmp</t>
  </si>
  <si>
    <t>\\acsfs\profiles$\LUCASNS\Downloads\b470daaa-e987-442f-917c-54fb781a2ad0.tmp</t>
  </si>
  <si>
    <t>CRISTIANO DE ANDRADE BARBOSA (4547).contact</t>
  </si>
  <si>
    <t>\\acsfs\profiles$\cristianodab\Contacts\CRISTIANO DE ANDRADE BARBOSA (4547).contact</t>
  </si>
  <si>
    <t>0966ddf6-ec4d-4420-a2a3-27c6ded7a325.tmp</t>
  </si>
  <si>
    <t>\\acsfs\profiles$\LUCASNS\Downloads\0966ddf6-ec4d-4420-a2a3-27c6ded7a325.tmp</t>
  </si>
  <si>
    <t>Unconfirmed 853928.crdownload</t>
  </si>
  <si>
    <t>\\acsfs\profiles$\LUCASNS\Downloads\Unconfirmed 853928.crdownload</t>
  </si>
  <si>
    <t>0eb0adeb-2a95-4532-b4c8-9117898571ae.tmp</t>
  </si>
  <si>
    <t>\\acsfs\profiles$\cintiadjl\Downloads\0eb0adeb-2a95-4532-b4c8-9117898571ae.tmp</t>
  </si>
  <si>
    <t>7726e626-ac12-42f7-9f20-a5029880aca7.tmp</t>
  </si>
  <si>
    <t>\\acsfs\profiles$\LUCASNS\Downloads\7726e626-ac12-42f7-9f20-a5029880aca7.tmp</t>
  </si>
  <si>
    <t>4a9db880-c801-4a0e-a4ef-a9defe8bf38b.tmp</t>
  </si>
  <si>
    <t>\\acsfs\profiles$\LUCASNS\Downloads\4a9db880-c801-4a0e-a4ef-a9defe8bf38b.tmp</t>
  </si>
  <si>
    <t>0ffdd406-af4b-4181-85ae-231c095d330d.tmp</t>
  </si>
  <si>
    <t>\\acsfs\profiles$\cintiadjl\Downloads\0ffdd406-af4b-4181-85ae-231c095d330d.tmp</t>
  </si>
  <si>
    <t>135f6981-e59b-44fe-bf95-d9a8a2c40be9.tmp</t>
  </si>
  <si>
    <t>\\acsfs\profiles$\joycemmdl\Downloads\135f6981-e59b-44fe-bf95-d9a8a2c40be9.tmp</t>
  </si>
  <si>
    <t>ed48f23b-ec72-40eb-88ab-0ed4801b56f3.tmp</t>
  </si>
  <si>
    <t>\\acsfs\profiles$\joycemmdl\Downloads\ed48f23b-ec72-40eb-88ab-0ed4801b56f3.tmp</t>
  </si>
  <si>
    <t>12/31/2019 15:35:39</t>
  </si>
  <si>
    <t>a7e23de7-26b6-4189-8d88-a5d6b1b2a3e7.tmp</t>
  </si>
  <si>
    <t>\\acsfs\profiles$\YASMINSC\Downloads\a7e23de7-26b6-4189-8d88-a5d6b1b2a3e7.tmp</t>
  </si>
  <si>
    <t>32b74c3d-19c8-416f-95d1-e72a873b4b67.tmp</t>
  </si>
  <si>
    <t>\\acsfs\profiles$\laylaams\Downloads\32b74c3d-19c8-416f-95d1-e72a873b4b67.tmp</t>
  </si>
  <si>
    <t>aeb3ff68-bf0a-4ca1-8109-1088d17bcce6.tmp</t>
  </si>
  <si>
    <t>\\acsfs\profiles$\laylaams\Downloads\aeb3ff68-bf0a-4ca1-8109-1088d17bcce6.tmp</t>
  </si>
  <si>
    <t>c9b9859d-9314-45b5-9136-1b2a4aaa5339.tmp</t>
  </si>
  <si>
    <t>\\acsfs\profiles$\YASMINSC\Downloads\c9b9859d-9314-45b5-9136-1b2a4aaa5339.tmp</t>
  </si>
  <si>
    <t>1fb2230a-5480-43bb-8836-70fdd63890b2.tmp</t>
  </si>
  <si>
    <t>\\acsfs\profiles$\laylaams\Downloads\1fb2230a-5480-43bb-8836-70fdd63890b2.tmp</t>
  </si>
  <si>
    <t>lu136966j877.tmp</t>
  </si>
  <si>
    <t>\\acsfs\profiles$\dhiulliananads\My Documents\lu136966j877.tmp</t>
  </si>
  <si>
    <t>\\acsfs\profiles$\dhiulliananads\My Documents\lu136966j877.tmp\</t>
  </si>
  <si>
    <t>\\acsfs\profiles$\dhiulliananads\My Documents\lu136966j877.tmp\META-INF\</t>
  </si>
  <si>
    <t>\\acsfs\profiles$\dhiulliananads\My Documents\lu136966j877.tmp\Thumbnails\</t>
  </si>
  <si>
    <t>lu13248ayjc4.tmp</t>
  </si>
  <si>
    <t>\\acsfs\profiles$\dhiulliananads\My Documents\lu13248ayjc4.tmp</t>
  </si>
  <si>
    <t>\\acsfs\profiles$\dhiulliananads\My Documents\lu13248ayjc4.tmp\</t>
  </si>
  <si>
    <t>\\acsfs\profiles$\dhiulliananads\My Documents\lu13248ayjc4.tmp\META-INF\</t>
  </si>
  <si>
    <t>\\acsfs\profiles$\dhiulliananads\My Documents\lu13248ayjc4.tmp\Thumbnails\</t>
  </si>
  <si>
    <t>e19542df-6132-4d4b-a590-4f822bdef105.tmp</t>
  </si>
  <si>
    <t>\\acsfs\profiles$\laylaams\Downloads\e19542df-6132-4d4b-a590-4f822bdef105.tmp</t>
  </si>
  <si>
    <t>603610d7-6276-4283-8c66-9600626e489a; tp_stylesheet=light_blue; tp_layout_mode=wide; footer_bg=dark; .aspxformsauth=e4238f6cc371bd70ee0abcdda2016d416a71094bea28bd5d6e1e1437237f2ad65e824539261c9e26380fa7783613ce130a48ff80b0a8f475d51b8bfa9af5f0a8f5ef5cf39626</t>
  </si>
  <si>
    <t>603610d7-6276-4283-8c66-9600626e489a; tp_stylesheet=light_blue; tp_layout_mode=wide; footer_bg=dark; .aspxformsauth=65a320663210b79ee5aa0b60e28f1ed209e5b509ad6c73e212cfeca33ab80c0ba796c02df9bb3c60954be76cb0b22740da13c1c903fec4ac6505b4003cb88373775b3fa16ac8</t>
  </si>
  <si>
    <t>b3f184e3-d567-4d94-8a29-4c30a5fe421f.tmp</t>
  </si>
  <si>
    <t>\\acsfs\profiles$\lucasgpe\Downloads\b3f184e3-d567-4d94-8a29-4c30a5fe421f.tmp</t>
  </si>
  <si>
    <t>.~lock.vendas de janeiro.ods#</t>
  </si>
  <si>
    <t>\\acsfs\profiles$\marcellewdl\My Documents\.~lock.vendas de janeiro.ods#</t>
  </si>
  <si>
    <t>lu285602ei8hd.tmp</t>
  </si>
  <si>
    <t>\\acsfs\profiles$\marcellewdl\My Documents\lu285602ei8hd.tmp</t>
  </si>
  <si>
    <t>\\acsfs\profiles$\marcellewdl\My Documents\lu285602ei8hd.tmp\</t>
  </si>
  <si>
    <t>\\acsfs\profiles$\marcellewdl\My Documents\lu285602ei8hd.tmp\META-INF\</t>
  </si>
  <si>
    <t>\\acsfs\profiles$\marcellewdl\My Documents\lu285602ei8hd.tmp\Thumbnails\</t>
  </si>
  <si>
    <t>8a465cfa-c36b-4692-83fa-c1cfcd0b3ab0.tmp</t>
  </si>
  <si>
    <t>\\acsfs\profiles$\matheushds\Downloads\8a465cfa-c36b-4692-83fa-c1cfcd0b3ab0.tmp</t>
  </si>
  <si>
    <t>25a403ef-3e1f-4a9b-92b5-a96888c56737.tmp</t>
  </si>
  <si>
    <t>\\acsfs\profiles$\matheushds\Downloads\25a403ef-3e1f-4a9b-92b5-a96888c56737.tmp</t>
  </si>
  <si>
    <t>2f6bdad8-5c55-4fcd-91aa-0740a6af6bd1.tmp</t>
  </si>
  <si>
    <t>\\acsfs\profiles$\matheushds\Downloads\2f6bdad8-5c55-4fcd-91aa-0740a6af6bd1.tmp</t>
  </si>
  <si>
    <t>244b3fe2-89f8-446b-b2f1-3bfc611ee271.tmp</t>
  </si>
  <si>
    <t>\\acsfs\profiles$\matheushds\Downloads\244b3fe2-89f8-446b-b2f1-3bfc611ee271.tmp</t>
  </si>
  <si>
    <t>42c5431e-cfab-490b-b5fc-e8fa5ce834a7.tmp</t>
  </si>
  <si>
    <t>\\acsfs\profiles$\matheushds\Downloads\42c5431e-cfab-490b-b5fc-e8fa5ce834a7.tmp</t>
  </si>
  <si>
    <t>50654779-0e47-4c02-9501-7726ee65141f.tmp</t>
  </si>
  <si>
    <t>\\acsfs\profiles$\matheusmax\Downloads\50654779-0e47-4c02-9501-7726ee65141f.tmp</t>
  </si>
  <si>
    <t>23218d36-2c9a-44d0-94af-861aeb3159ec.tmp</t>
  </si>
  <si>
    <t>\\acsfs\profiles$\matheusmax\Downloads\23218d36-2c9a-44d0-94af-861aeb3159ec.tmp</t>
  </si>
  <si>
    <t>5ae6de11-34f0-4d07-bfd7-9277e1283ab1.tmp</t>
  </si>
  <si>
    <t>\\acsfs\profiles$\matheusmax\Downloads\5ae6de11-34f0-4d07-bfd7-9277e1283ab1.tmp</t>
  </si>
  <si>
    <t>6889f8aa-79b8-4538-8a0c-f99fc97751b5.tmp</t>
  </si>
  <si>
    <t>\\acsfs\profiles$\matheusmax\Downloads\6889f8aa-79b8-4538-8a0c-f99fc97751b5.tmp</t>
  </si>
  <si>
    <t>f05c88ea-11f3-44b0-8b33-879e41982442.tmp</t>
  </si>
  <si>
    <t>\\acsfs\profiles$\joycemmdl\Downloads\f05c88ea-11f3-44b0-8b33-879e41982442.tmp</t>
  </si>
  <si>
    <t>214dd79b-d177-4eed-b51e-afaf89912108.tmp</t>
  </si>
  <si>
    <t>\\acsfs\profiles$\lucasgpe\Downloads\214dd79b-d177-4eed-b51e-afaf89912108.tmp</t>
  </si>
  <si>
    <t>4244a5d3-51e1-4b8d-bb1e-edc8e3cb3b9a.tmp</t>
  </si>
  <si>
    <t>\\acsfs\profiles$\brunalas\Downloads\4244a5d3-51e1-4b8d-bb1e-edc8e3cb3b9a.tmp</t>
  </si>
  <si>
    <t>9c2a2e61-445b-4376-8949-c1d59d8ea58b.tmp</t>
  </si>
  <si>
    <t>\\acsfs\profiles$\rosileiam\Downloads\9c2a2e61-445b-4376-8949-c1d59d8ea58b.tmp</t>
  </si>
  <si>
    <t>cdda5812-68f8-4596-bc44-1ada05b012c7.tmp</t>
  </si>
  <si>
    <t>\\acsfs\profiles$\rosileiam\Downloads\cdda5812-68f8-4596-bc44-1ada05b012c7.tmp</t>
  </si>
  <si>
    <t>acac73bf-a22d-4561-89b0-90a7714b3f71.tmp</t>
  </si>
  <si>
    <t>\\acsfs\profiles$\brunalas\Downloads\acac73bf-a22d-4561-89b0-90a7714b3f71.tmp</t>
  </si>
  <si>
    <t>.~lock.Novo Documento RTF.rtf#</t>
  </si>
  <si>
    <t>\\acsfs\profiles$\laylaams\My Documents\.~lock.Novo Documento RTF.rtf#</t>
  </si>
  <si>
    <t>1cef38ca-006e-4454-bb7d-44038da1af5a.tmp</t>
  </si>
  <si>
    <t>\\acsfs\profiles$\erichds\Downloads\1cef38ca-006e-4454-bb7d-44038da1af5a.tmp</t>
  </si>
  <si>
    <t>770b9346-c129-425e-b6e7-20f2cb90f1af.tmp</t>
  </si>
  <si>
    <t>\\acsfs\profiles$\erichds\Downloads\770b9346-c129-425e-b6e7-20f2cb90f1af.tmp</t>
  </si>
  <si>
    <t>10.200.66.148</t>
  </si>
  <si>
    <t>\\acsfs\DEPTOS\Operacao\PCP\5 - Comum\PLANEJAMENTO BV\14 - ACOMPANHAMENTO\1 - REPORT ACOMPANHAMENTO\2020\1 - JANEIRO\CARTÕES\</t>
  </si>
  <si>
    <t>d71c4015-05da-47da-a9fe-f5b41f39763c.tmp</t>
  </si>
  <si>
    <t>\\acsfs\profiles$\matheusmax\Downloads\d71c4015-05da-47da-a9fe-f5b41f39763c.tmp</t>
  </si>
  <si>
    <t>ee202f80-a152-43d7-a1fe-171a8b02a9e6.tmp</t>
  </si>
  <si>
    <t>\\acsfs\profiles$\nathaliaos\Downloads\ee202f80-a152-43d7-a1fe-171a8b02a9e6.tmp</t>
  </si>
  <si>
    <t>2f121b86-acea-49a7-bfff-e193752fed62.tmp</t>
  </si>
  <si>
    <t>\\acsfs\profiles$\nathaliaos\Downloads\2f121b86-acea-49a7-bfff-e193752fed62.tmp</t>
  </si>
  <si>
    <t>32f5b6f1-e7b9-4680-82f9-afc3dff32af4.tmp</t>
  </si>
  <si>
    <t>\\acsfs\profiles$\matheusmax\Downloads\32f5b6f1-e7b9-4680-82f9-afc3dff32af4.tmp</t>
  </si>
  <si>
    <t>de03c8e3-c0ce-4c65-9f2d-0855c0be113b.tmp</t>
  </si>
  <si>
    <t>\\acsfs\profiles$\brunalas\Downloads\de03c8e3-c0ce-4c65-9f2d-0855c0be113b.tmp</t>
  </si>
  <si>
    <t>8a192501-8ec3-4fb7-a824-02931425e901.tmp</t>
  </si>
  <si>
    <t>\\acsfs\profiles$\brunalas\Downloads\8a192501-8ec3-4fb7-a824-02931425e901.tmp</t>
  </si>
  <si>
    <t>b707eee1-0b7e-40b4-8e91-9fe19976eace.tmp</t>
  </si>
  <si>
    <t>\\acsfs\profiles$\Adrieledgc\Downloads\b707eee1-0b7e-40b4-8e91-9fe19976eace.tmp</t>
  </si>
  <si>
    <t>85eecf76-c861-4000-bd0c-6fb52d7384fd.tmp</t>
  </si>
  <si>
    <t>\\acsfs\profiles$\Adrieledgc\Downloads\85eecf76-c861-4000-bd0c-6fb52d7384fd.tmp</t>
  </si>
  <si>
    <t>d8d797f9-cce7-472a-aa93-323281fdc6e6.tmp</t>
  </si>
  <si>
    <t>\\acsfs\profiles$\rogeriofd\Downloads\d8d797f9-cce7-472a-aa93-323281fdc6e6.tmp</t>
  </si>
  <si>
    <t>a32c9274-aec6-4463-b9ba-9dee46b6bd27.tmp</t>
  </si>
  <si>
    <t>\\acsfs\profiles$\marlyannegdls\Downloads\a32c9274-aec6-4463-b9ba-9dee46b6bd27.tmp</t>
  </si>
  <si>
    <t>af365091-3bf4-4f32-8b98-c75870d0202b.tmp</t>
  </si>
  <si>
    <t>\\acsfs\profiles$\marlyannegdls\Downloads\af365091-3bf4-4f32-8b98-c75870d0202b.tmp</t>
  </si>
  <si>
    <t>8ed76c52-1ab3-4d47-a0e2-8c752fdc03d9.tmp</t>
  </si>
  <si>
    <t>\\acsfs\profiles$\rogeriofd\Downloads\8ed76c52-1ab3-4d47-a0e2-8c752fdc03d9.tmp</t>
  </si>
  <si>
    <t>d2b595de-1725-4cd0-8f9d-166dca4cae07.tmp</t>
  </si>
  <si>
    <t>\\acsfs\profiles$\rogeriofd\Downloads\d2b595de-1725-4cd0-8f9d-166dca4cae07.tmp</t>
  </si>
  <si>
    <t>f6347ed4-9263-4fdc-ba0f-05db6aae8905.tmp</t>
  </si>
  <si>
    <t>\\acsfs\profiles$\Adrieledgc\Downloads\f6347ed4-9263-4fdc-ba0f-05db6aae8905.tmp</t>
  </si>
  <si>
    <t>d7e83a76-1918-4d38-8d80-3d25bf243448.tmp</t>
  </si>
  <si>
    <t>\\acsfs\profiles$\Adrieledgc\Downloads\d7e83a76-1918-4d38-8d80-3d25bf243448.tmp</t>
  </si>
  <si>
    <t>aea88d5b-8e56-483a-93e2-38b03566e7df.tmp</t>
  </si>
  <si>
    <t>\\acsfs\profiles$\Adrieledgc\Downloads\aea88d5b-8e56-483a-93e2-38b03566e7df.tmp</t>
  </si>
  <si>
    <t>e1682baa-cfa9-49ba-ba35-a6cc0f5136a2.tmp</t>
  </si>
  <si>
    <t>\\acsfs\profiles$\Adrieledgc\Downloads\e1682baa-cfa9-49ba-ba35-a6cc0f5136a2.tmp</t>
  </si>
  <si>
    <t>7d72f55d-96a2-4319-9753-bd319e274f3f.tmp</t>
  </si>
  <si>
    <t>\\acsfs\profiles$\marlyannegdls\Downloads\7d72f55d-96a2-4319-9753-bd319e274f3f.tmp</t>
  </si>
  <si>
    <t>c7beabd2-6dfd-47a7-a097-f1f17a673dd6.tmp</t>
  </si>
  <si>
    <t>\\acsfs\profiles$\marlyannegdls\Downloads\c7beabd2-6dfd-47a7-a097-f1f17a673dd6.tmp</t>
  </si>
  <si>
    <t>cb25277f-2a89-44b4-acf3-658fb7ede48f.tmp</t>
  </si>
  <si>
    <t>\\acsfs\profiles$\lucasqdss\Downloads\cb25277f-2a89-44b4-acf3-658fb7ede48f.tmp</t>
  </si>
  <si>
    <t>10.200.66.157</t>
  </si>
  <si>
    <t>cf32dbf4-59db-4575-ae8d-6e1d8a10ef6d.tmp</t>
  </si>
  <si>
    <t>\\acsfs\profiles$\andressagr\Downloads\cf32dbf4-59db-4575-ae8d-6e1d8a10ef6d.tmp</t>
  </si>
  <si>
    <t>585963aa-ead5-43ca-82b2-d17f040186a0.tmp</t>
  </si>
  <si>
    <t>\\acsfs\profiles$\andressagr\Downloads\585963aa-ead5-43ca-82b2-d17f040186a0.tmp</t>
  </si>
  <si>
    <t>10.200.66.158</t>
  </si>
  <si>
    <t>6dd871f0-de09-4c1f-9696-d7833af75d08.tmp</t>
  </si>
  <si>
    <t>\\acsfs\profiles$\ROZENCAM\Downloads\6dd871f0-de09-4c1f-9696-d7833af75d08.tmp</t>
  </si>
  <si>
    <t>cac66503-d6b6-400c-9c93-884ccfcb88cf.tmp</t>
  </si>
  <si>
    <t>\\acsfs\profiles$\lucasqdss\Downloads\cac66503-d6b6-400c-9c93-884ccfcb88cf.tmp</t>
  </si>
  <si>
    <t>6d3cfabe-9fa6-41db-aa0c-230a414ce7e9.tmp</t>
  </si>
  <si>
    <t>\\acsfs\profiles$\andressagr\Downloads\6d3cfabe-9fa6-41db-aa0c-230a414ce7e9.tmp</t>
  </si>
  <si>
    <t>576f016f-a149-4d29-bf2e-0c1c27e5b74e.tmp</t>
  </si>
  <si>
    <t>\\acsfs\profiles$\ROZENCAM\Downloads\576f016f-a149-4d29-bf2e-0c1c27e5b74e.tmp</t>
  </si>
  <si>
    <t>7b57ce04-8b10-43e5-b5a6-83563a5095fe.tmp</t>
  </si>
  <si>
    <t>\\acsfs\profiles$\mariellecs\Downloads\7b57ce04-8b10-43e5-b5a6-83563a5095fe.tmp</t>
  </si>
  <si>
    <t>1fa0f8e8-e78c-4440-8e42-a0eb926b5b66.tmp</t>
  </si>
  <si>
    <t>\\acsfs\profiles$\mariellecs\Downloads\1fa0f8e8-e78c-4440-8e42-a0eb926b5b66.tmp</t>
  </si>
  <si>
    <t>42d6f410-0c6f-4510-a9ab-d6434ad6e5ab.tmp</t>
  </si>
  <si>
    <t>\\acsfs\profiles$\claudiajca\Downloads\42d6f410-0c6f-4510-a9ab-d6434ad6e5ab.tmp</t>
  </si>
  <si>
    <t>b95c28f3-c2f9-4413-a602-8bad6995cab3.tmp</t>
  </si>
  <si>
    <t>\\acsfs\profiles$\deboraaa\Downloads\b95c28f3-c2f9-4413-a602-8bad6995cab3.tmp</t>
  </si>
  <si>
    <t>9bff1ecc-de20-4aff-9652-e235be1d4b0f.tmp</t>
  </si>
  <si>
    <t>\\acsfs\profiles$\deboraaa\Downloads\9bff1ecc-de20-4aff-9652-e235be1d4b0f.tmp</t>
  </si>
  <si>
    <t>a63efb4a-718f-42f3-a05a-a236b5365278.tmp</t>
  </si>
  <si>
    <t>\\acsfs\profiles$\vivianealda\Downloads\a63efb4a-718f-42f3-a05a-a236b5365278.tmp</t>
  </si>
  <si>
    <t>7f289e9e-1bc6-46a4-9f77-aa014eee2afb.tmp</t>
  </si>
  <si>
    <t>\\acsfs\profiles$\vivianealda\Downloads\7f289e9e-1bc6-46a4-9f77-aa014eee2afb.tmp</t>
  </si>
  <si>
    <t>dd6c687f-af40-4c18-a33d-181bc770db51.tmp</t>
  </si>
  <si>
    <t>\\acsfs\profiles$\vivianealda\Downloads\dd6c687f-af40-4c18-a33d-181bc770db51.tmp</t>
  </si>
  <si>
    <t>f371620e-03af-4935-bb16-636759f1f321.tmp</t>
  </si>
  <si>
    <t>\\acsfs\profiles$\vivianealda\Downloads\f371620e-03af-4935-bb16-636759f1f321.tmp</t>
  </si>
  <si>
    <t>4df42d34-a1e0-494d-8f0c-8f6ec4531f24.tmp</t>
  </si>
  <si>
    <t>\\acsfs\profiles$\vivianealda\Downloads\4df42d34-a1e0-494d-8f0c-8f6ec4531f24.tmp</t>
  </si>
  <si>
    <t>b7b38fb8-46f9-4685-a865-d198dd652eb5.tmp</t>
  </si>
  <si>
    <t>\\acsfs\profiles$\mariellecs\Downloads\b7b38fb8-46f9-4685-a865-d198dd652eb5.tmp</t>
  </si>
  <si>
    <t>1e021814-36eb-4e6c-a209-abd20dc4c37f.tmp</t>
  </si>
  <si>
    <t>\\acsfs\profiles$\mariellecs\Downloads\1e021814-36eb-4e6c-a209-abd20dc4c37f.tmp</t>
  </si>
  <si>
    <t>8638c446-fc3e-443c-9020-2b41f9ab1b01.tmp</t>
  </si>
  <si>
    <t>\\acsfs\profiles$\mariellecs\Downloads\8638c446-fc3e-443c-9020-2b41f9ab1b01.tmp</t>
  </si>
  <si>
    <t>8db1cce1-55cc-4290-a37f-b2e20a58de8f.tmp</t>
  </si>
  <si>
    <t>\\acsfs\profiles$\claudiajca\Downloads\8db1cce1-55cc-4290-a37f-b2e20a58de8f.tmp</t>
  </si>
  <si>
    <t>483e28c9-d8a1-4be3-968a-b9418525f6c5.tmp</t>
  </si>
  <si>
    <t>\\acsfs\profiles$\BRUNAAR\Downloads\483e28c9-d8a1-4be3-968a-b9418525f6c5.tmp</t>
  </si>
  <si>
    <t>4a72095b-97d3-4bf5-8c67-22a73f762915.tmp</t>
  </si>
  <si>
    <t>\\acsfs\profiles$\BRUNAAR\Downloads\4a72095b-97d3-4bf5-8c67-22a73f762915.tmp</t>
  </si>
  <si>
    <t>03de8aa5-a79a-4b11-9079-2bf468f29449.tmp</t>
  </si>
  <si>
    <t>\\acsfs\profiles$\deboraaa\Downloads\03de8aa5-a79a-4b11-9079-2bf468f29449.tmp</t>
  </si>
  <si>
    <t>8d583dd7-2e4c-4ce9-a11c-6a1c2e89f265.tmp</t>
  </si>
  <si>
    <t>\\acsfs\profiles$\deboraaa\Downloads\8d583dd7-2e4c-4ce9-a11c-6a1c2e89f265.tmp</t>
  </si>
  <si>
    <t>https://udpwfmniceap02/pt_br/web/guest/home?p_auth=hsynh6bu&amp;p_p_id=58&amp;p_p_lifecycle=1&amp;p_p_state=maximized&amp;p_p_mode=view&amp;savelastpath=0&amp;_58_struts_action=/login/forgot_password</t>
  </si>
  <si>
    <t>82ed46f5-9d27-48d3-8ddc-6e34d1aca721.tmp</t>
  </si>
  <si>
    <t>\\acsfs\profiles$\vivianealda\Downloads\82ed46f5-9d27-48d3-8ddc-6e34d1aca721.tmp</t>
  </si>
  <si>
    <t>937a6963-674b-4aae-ac7e-f3d1c53b9cff.tmp</t>
  </si>
  <si>
    <t>\\acsfs\profiles$\sarahbal\Downloads\937a6963-674b-4aae-ac7e-f3d1c53b9cff.tmp</t>
  </si>
  <si>
    <t>6c8cb456-0fe8-40b7-97b0-5739282a21e6.tmp</t>
  </si>
  <si>
    <t>\\acsfs\profiles$\cintiadcf\Downloads\6c8cb456-0fe8-40b7-97b0-5739282a21e6.tmp</t>
  </si>
  <si>
    <t>f49326fa-0b9d-41a8-a489-966531db5805.tmp</t>
  </si>
  <si>
    <t>\\acsfs\profiles$\cintiadcf\Downloads\f49326fa-0b9d-41a8-a489-966531db5805.tmp</t>
  </si>
  <si>
    <t>fe087c46-241f-4d25-93ff-44d5645be153.tmp</t>
  </si>
  <si>
    <t>\\acsfs\profiles$\cintiadcf\Downloads\fe087c46-241f-4d25-93ff-44d5645be153.tmp</t>
  </si>
  <si>
    <t>79483c49-f0c4-4a8b-9c87-a4797f87bfc7.tmp</t>
  </si>
  <si>
    <t>\\acsfs\profiles$\inarajst\Downloads\79483c49-f0c4-4a8b-9c87-a4797f87bfc7.tmp</t>
  </si>
  <si>
    <t>a39a949d-cbcb-46db-811d-defc17c9f002.tmp</t>
  </si>
  <si>
    <t>\\acsfs\profiles$\inarajst\Downloads\a39a949d-cbcb-46db-811d-defc17c9f002.tmp</t>
  </si>
  <si>
    <t>3733df0e-86e7-44e8-86f0-d1db67cd8a8f.tmp</t>
  </si>
  <si>
    <t>\\acsfs\profiles$\inarajst\Downloads\3733df0e-86e7-44e8-86f0-d1db67cd8a8f.tmp</t>
  </si>
  <si>
    <t>67a1755a-2003-4d7a-8451-68765b12bca1.tmp</t>
  </si>
  <si>
    <t>\\acsfs\profiles$\andressagr\Downloads\67a1755a-2003-4d7a-8451-68765b12bca1.tmp</t>
  </si>
  <si>
    <t>joaogvc@algartech.com;marianadjc@algartech.com;paulacn@algartech.com;rafaelggs@algartech.com;taysdss@algartech.com;viniciussg@algartech.com;</t>
  </si>
  <si>
    <t>joaogvc@algartech.com,marianadjc@algartech.com,paulacn@algartech.com,rafaelggs@algartech.com,taysdss@algartech.com,viniciussg@algartech.com</t>
  </si>
  <si>
    <t>f32529d1-9ffb-4bb2-96a6-8b8ec1928691.tmp</t>
  </si>
  <si>
    <t>\\acsfs\profiles$\ALYNYA\Downloads\f32529d1-9ffb-4bb2-96a6-8b8ec1928691.tmp</t>
  </si>
  <si>
    <t>515db2d4-0068-443a-9ce9-d8ef3df96a3d.tmp</t>
  </si>
  <si>
    <t>\\acsfs\profiles$\danielac\Downloads\515db2d4-0068-443a-9ce9-d8ef3df96a3d.tmp</t>
  </si>
  <si>
    <t>97d7475f-3a45-436b-bd49-7d6852c8b348.tmp</t>
  </si>
  <si>
    <t>\\acsfs\profiles$\danielac\Downloads\97d7475f-3a45-436b-bd49-7d6852c8b348.tmp</t>
  </si>
  <si>
    <t>1ee08225-e2fc-4a07-b077-9d1c8a754154.tmp</t>
  </si>
  <si>
    <t>\\acsfs\profiles$\sarahbal\Downloads\1ee08225-e2fc-4a07-b077-9d1c8a754154.tmp</t>
  </si>
  <si>
    <t>2f582ad7-e4af-4ff8-9991-660af3be77ca.tmp</t>
  </si>
  <si>
    <t>\\acsfs\profiles$\sarahbal\Downloads\2f582ad7-e4af-4ff8-9991-660af3be77ca.tmp</t>
  </si>
  <si>
    <t>4cad026b-62db-4fb2-af29-8487e81188eb.tmp</t>
  </si>
  <si>
    <t>\\acsfs\profiles$\sarahbal\Downloads\4cad026b-62db-4fb2-af29-8487e81188eb.tmp</t>
  </si>
  <si>
    <t>35f0e14d-d476-4548-9abc-e4095c264758.tmp</t>
  </si>
  <si>
    <t>\\acsfs\profiles$\sarahbal\Downloads\35f0e14d-d476-4548-9abc-e4095c264758.tmp</t>
  </si>
  <si>
    <t>f992ef08-ff24-4a7b-9aa9-e5bb9ca0c627.tmp</t>
  </si>
  <si>
    <t>\\acsfs\profiles$\websondsa\Downloads\f992ef08-ff24-4a7b-9aa9-e5bb9ca0c627.tmp</t>
  </si>
  <si>
    <t>3333b193-5824-42fa-ba3d-4f4dcaf37a14.tmp</t>
  </si>
  <si>
    <t>\\acsfs\profiles$\websondsa\Downloads\3333b193-5824-42fa-ba3d-4f4dcaf37a14.tmp</t>
  </si>
  <si>
    <t>6be26c18-7101-4764-bd96-c2b4b705bce3.tmp</t>
  </si>
  <si>
    <t>\\acsfs\profiles$\websondsa\Downloads\6be26c18-7101-4764-bd96-c2b4b705bce3.tmp</t>
  </si>
  <si>
    <t>3509f535-139a-451f-aa0d-e0eeb12dbeec.tmp</t>
  </si>
  <si>
    <t>\\acsfs\profiles$\dhiulliananads\Downloads\3509f535-139a-451f-aa0d-e0eeb12dbeec.tmp</t>
  </si>
  <si>
    <t>495adbec-efed-43df-940d-319927eb4c71.tmp</t>
  </si>
  <si>
    <t>\\acsfs\profiles$\dhiulliananads\Downloads\495adbec-efed-43df-940d-319927eb4c71.tmp</t>
  </si>
  <si>
    <t>f58e5aa1-08c6-465a-92a4-7db1bd0f4c32.tmp</t>
  </si>
  <si>
    <t>\\acsfs\profiles$\dhiulliananads\Downloads\f58e5aa1-08c6-465a-92a4-7db1bd0f4c32.tmp</t>
  </si>
  <si>
    <t>7a8e80df-7014-4f87-9903-d51f1695f86e.tmp</t>
  </si>
  <si>
    <t>\\acsfs\profiles$\inarajst\Downloads\7a8e80df-7014-4f87-9903-d51f1695f86e.tmp</t>
  </si>
  <si>
    <t>f8a7cd08-19d1-46b9-b963-be3e58eed2b6.tmp</t>
  </si>
  <si>
    <t>\\acsfs\profiles$\inarajst\Downloads\f8a7cd08-19d1-46b9-b963-be3e58eed2b6.tmp</t>
  </si>
  <si>
    <t>93398b20-cbec-4410-9dd2-1b824f99148b.tmp</t>
  </si>
  <si>
    <t>\\acsfs\profiles$\inarajst\Downloads\93398b20-cbec-4410-9dd2-1b824f99148b.tmp</t>
  </si>
  <si>
    <t>1ee20d60-0dc1-4ab6-916e-6b35152b9f63.tmp</t>
  </si>
  <si>
    <t>\\acsfs\profiles$\ALYNYA\Downloads\1ee20d60-0dc1-4ab6-916e-6b35152b9f63.tmp</t>
  </si>
  <si>
    <t>00bd578c-236b-410d-9533-1f9045f58185.tmp</t>
  </si>
  <si>
    <t>\\acsfs\profiles$\ALYNYA\Downloads\00bd578c-236b-410d-9533-1f9045f58185.tmp</t>
  </si>
  <si>
    <t>f422e39c-878b-4efb-984d-13f79d6bf164.tmp</t>
  </si>
  <si>
    <t>\\acsfs\profiles$\vivianalds\Downloads\f422e39c-878b-4efb-984d-13f79d6bf164.tmp</t>
  </si>
  <si>
    <t>c10a82d0-9a7c-4987-80e1-46877e6f47e3.tmp</t>
  </si>
  <si>
    <t>\\acsfs\profiles$\websondsa\Downloads\c10a82d0-9a7c-4987-80e1-46877e6f47e3.tmp</t>
  </si>
  <si>
    <t>2455bd11-8709-4dcd-ac1c-1144c86a0e7e.tmp</t>
  </si>
  <si>
    <t>\\acsfs\profiles$\vivianalds\Downloads\2455bd11-8709-4dcd-ac1c-1144c86a0e7e.tmp</t>
  </si>
  <si>
    <t>d374a96a-ba46-42b3-b8ee-d9f4fb29eef4.tmp</t>
  </si>
  <si>
    <t>\\acsfs\profiles$\BRUNAAR\Downloads\d374a96a-ba46-42b3-b8ee-d9f4fb29eef4.tmp</t>
  </si>
  <si>
    <t>\\acsfs\DEPTOS\Operacao\PCP\5 - Comum\PLANEJAMENTO BV\14 - ACOMPANHAMENTO\1 - REPORT ACOMPANHAMENTO\2020\1 - JANEIRO\CARTÕES\Login Logout Cartões\Consolidado Login Cartões.xlsx</t>
  </si>
  <si>
    <t>\\acsfs\DEPTOS\Operacao\PCP\5 - Comum\PLANEJAMENTO BV\14 - ACOMPANHAMENTO\1 - REPORT ACOMPANHAMENTO\2020\1 - JANEIRO\CARTÕES\Login Logout Cartões\RELATORIO DE LOGIN - BV CARTÕES 12-12.xlsm</t>
  </si>
  <si>
    <t>\\acsfs\DEPTOS\Operacao\PCP\5 - Comum\PLANEJAMENTO BV\14 - ACOMPANHAMENTO\1 - REPORT ACOMPANHAMENTO\2020\1 - JANEIRO\CARTÕES\Login Logout Cartões\RELATORIO DE LOGIN - BV CARTÕES 12-12.xlsm\</t>
  </si>
  <si>
    <t>\\acsfs\DEPTOS\Operacao\PCP\5 - Comum\PLANEJAMENTO BV\14 - ACOMPANHAMENTO\1 - REPORT ACOMPANHAMENTO\2020\1 - JANEIRO\CARTÕES\Login Logout Cartões\RELATORIO DE LOGIN - BV CARTÕES 12-12.xlsm\:Zone.Identifier:$DATA</t>
  </si>
  <si>
    <t>\\acsfs\DEPTOS\Operacao\PCP\5 - Comum\PLANEJAMENTO BV\14 - ACOMPANHAMENTO\1 - REPORT ACOMPANHAMENTO\2020\1 - JANEIRO\CARTÕES\Login Logout Cartões\RELATORIO DE LOGIN - BV CARTÕES 16-12.xlsm</t>
  </si>
  <si>
    <t>\\acsfs\DEPTOS\Operacao\PCP\5 - Comum\PLANEJAMENTO BV\14 - ACOMPANHAMENTO\1 - REPORT ACOMPANHAMENTO\2020\1 - JANEIRO\CARTÕES\Login Logout Cartões\RELATORIO DE LOGIN - BV CARTÕES 18-12.xlsm</t>
  </si>
  <si>
    <t>\\acsfs\DEPTOS\Operacao\PCP\5 - Comum\PLANEJAMENTO BV\14 - ACOMPANHAMENTO\1 - REPORT ACOMPANHAMENTO\2020\1 - JANEIRO\CARTÕES\Login Logout Cartões\RELATORIO DE LOGIN - BV CARTÕES 22-12.xlsm</t>
  </si>
  <si>
    <t>\\acsfs\DEPTOS\Operacao\PCP\5 - Comum\PLANEJAMENTO BV\14 - ACOMPANHAMENTO\1 - REPORT ACOMPANHAMENTO\2020\1 - JANEIRO\CARTÕES\Login Logout Cartões\RELATORIO DE LOGIN - BV CARTÕES 25-12.xlsm</t>
  </si>
  <si>
    <t>\\acsfs\DEPTOS\Operacao\PCP\5 - Comum\PLANEJAMENTO BV\14 - ACOMPANHAMENTO\1 - REPORT ACOMPANHAMENTO\2020\1 - JANEIRO\CARTÕES\Login Logout Cartões\RELATORIO DE LOGIN - BV CARTÕES 26-12.xlsm</t>
  </si>
  <si>
    <t>\\acsfs\DEPTOS\Operacao\PCP\5 - Comum\PLANEJAMENTO BV\14 - ACOMPANHAMENTO\1 - REPORT ACOMPANHAMENTO\2020\1 - JANEIRO\CARTÕES\Login Logout Cartões\RELATORIO DE LOGIN - BV CARTÕES 29-12.xlsm</t>
  </si>
  <si>
    <t>\\acsfs\DEPTOS\Operacao\PCP\5 - Comum\PLANEJAMENTO BV\14 - ACOMPANHAMENTO\1 - REPORT ACOMPANHAMENTO\2020\1 - JANEIRO\CARTÕES\Login Logout Cartões\RELATORIO DE LOGIN - BV CARTÕES 30-12.xlsm</t>
  </si>
  <si>
    <t>\\acsfs\DEPTOS\Operacao\PCP\5 - Comum\PLANEJAMENTO BV\14 - ACOMPANHAMENTO\1 - REPORT ACOMPANHAMENTO\2020\1 - JANEIRO\CARTÕES\Login Logout Cartões\RELATORIO DE LOGIN - BV CARTÕES - 02 - 12.xlsm</t>
  </si>
  <si>
    <t>\\acsfs\DEPTOS\Operacao\PCP\5 - Comum\PLANEJAMENTO BV\14 - ACOMPANHAMENTO\1 - REPORT ACOMPANHAMENTO\2020\1 - JANEIRO\CARTÕES\Login Logout Cartões\RELATORIO DE LOGIN - BV CARTÕES - 02 - 12.xlsm\</t>
  </si>
  <si>
    <t>\\acsfs\DEPTOS\Operacao\PCP\5 - Comum\PLANEJAMENTO BV\14 - ACOMPANHAMENTO\1 - REPORT ACOMPANHAMENTO\2020\1 - JANEIRO\CARTÕES\Login Logout Cartões\RELATORIO DE LOGIN - BV CARTÕES - 02 - 12.xlsm\:Zone.Identifier:$DATA</t>
  </si>
  <si>
    <t>\\acsfs\DEPTOS\Operacao\PCP\5 - Comum\PLANEJAMENTO BV\14 - ACOMPANHAMENTO\1 - REPORT ACOMPANHAMENTO\2020\1 - JANEIRO\CARTÕES\Login Logout Cartões\RELATORIO DE LOGIN - BV CARTÕES - 03 - 12.xlsm</t>
  </si>
  <si>
    <t>\\acsfs\DEPTOS\Operacao\PCP\5 - Comum\PLANEJAMENTO BV\14 - ACOMPANHAMENTO\1 - REPORT ACOMPANHAMENTO\2020\1 - JANEIRO\CARTÕES\Login Logout Cartões\RELATORIO DE LOGIN - BV CARTÕES - 03 - 12.xlsm\</t>
  </si>
  <si>
    <t>\\acsfs\DEPTOS\Operacao\PCP\5 - Comum\PLANEJAMENTO BV\14 - ACOMPANHAMENTO\1 - REPORT ACOMPANHAMENTO\2020\1 - JANEIRO\CARTÕES\Login Logout Cartões\RELATORIO DE LOGIN - BV CARTÕES - 03 - 12.xlsm\:Zone.Identifier:$DATA</t>
  </si>
  <si>
    <t>\\acsfs\DEPTOS\Operacao\PCP\5 - Comum\PLANEJAMENTO BV\14 - ACOMPANHAMENTO\1 - REPORT ACOMPANHAMENTO\2020\1 - JANEIRO\CARTÕES\Login Logout Cartões\RELATORIO DE LOGIN - BV CARTÕES - 04 - 12.xlsm</t>
  </si>
  <si>
    <t>\\acsfs\DEPTOS\Operacao\PCP\5 - Comum\PLANEJAMENTO BV\14 - ACOMPANHAMENTO\1 - REPORT ACOMPANHAMENTO\2020\1 - JANEIRO\CARTÕES\Login Logout Cartões\RELATORIO DE LOGIN - BV CARTÕES - 04 - 12.xlsm\</t>
  </si>
  <si>
    <t>\\acsfs\DEPTOS\Operacao\PCP\5 - Comum\PLANEJAMENTO BV\14 - ACOMPANHAMENTO\1 - REPORT ACOMPANHAMENTO\2020\1 - JANEIRO\CARTÕES\Login Logout Cartões\RELATORIO DE LOGIN - BV CARTÕES - 04 - 12.xlsm\:Zone.Identifier:$DATA</t>
  </si>
  <si>
    <t>\\acsfs\DEPTOS\Operacao\PCP\5 - Comum\PLANEJAMENTO BV\14 - ACOMPANHAMENTO\1 - REPORT ACOMPANHAMENTO\2020\1 - JANEIRO\CARTÕES\Login Logout Cartões\RELATORIO DE LOGIN - BV CARTÕES - 05 - 12.xlsm</t>
  </si>
  <si>
    <t>\\acsfs\DEPTOS\Operacao\PCP\5 - Comum\PLANEJAMENTO BV\14 - ACOMPANHAMENTO\1 - REPORT ACOMPANHAMENTO\2020\1 - JANEIRO\CARTÕES\Login Logout Cartões\RELATORIO DE LOGIN - BV CARTÕES - 05 - 12.xlsm\</t>
  </si>
  <si>
    <t>\\acsfs\DEPTOS\Operacao\PCP\5 - Comum\PLANEJAMENTO BV\14 - ACOMPANHAMENTO\1 - REPORT ACOMPANHAMENTO\2020\1 - JANEIRO\CARTÕES\Login Logout Cartões\RELATORIO DE LOGIN - BV CARTÕES - 05 - 12.xlsm\:Zone.Identifier:$DATA</t>
  </si>
  <si>
    <t>\\acsfs\DEPTOS\Operacao\PCP\5 - Comum\PLANEJAMENTO BV\14 - ACOMPANHAMENTO\1 - REPORT ACOMPANHAMENTO\2020\1 - JANEIRO\CARTÕES\Login Logout Cartões\RELATORIO DE LOGIN - BV CARTÕES - 06 - 12.xlsm</t>
  </si>
  <si>
    <t>\\acsfs\DEPTOS\Operacao\PCP\5 - Comum\PLANEJAMENTO BV\14 - ACOMPANHAMENTO\1 - REPORT ACOMPANHAMENTO\2020\1 - JANEIRO\CARTÕES\Login Logout Cartões\RELATORIO DE LOGIN - BV CARTÕES - 06 - 12.xlsm\</t>
  </si>
  <si>
    <t>\\acsfs\DEPTOS\Operacao\PCP\5 - Comum\PLANEJAMENTO BV\14 - ACOMPANHAMENTO\1 - REPORT ACOMPANHAMENTO\2020\1 - JANEIRO\CARTÕES\Login Logout Cartões\RELATORIO DE LOGIN - BV CARTÕES - 06 - 12.xlsm\:Zone.Identifier:$DATA</t>
  </si>
  <si>
    <t>\\acsfs\DEPTOS\Operacao\PCP\5 - Comum\PLANEJAMENTO BV\14 - ACOMPANHAMENTO\1 - REPORT ACOMPANHAMENTO\2020\1 - JANEIRO\CARTÕES\Login Logout Cartões\RELATORIO DE LOGIN - BV CARTÕES - 09- 12.xlsm</t>
  </si>
  <si>
    <t>\\acsfs\DEPTOS\Operacao\PCP\5 - Comum\PLANEJAMENTO BV\14 - ACOMPANHAMENTO\1 - REPORT ACOMPANHAMENTO\2020\1 - JANEIRO\CARTÕES\Login Logout Cartões\RELATORIO DE LOGIN - BV CARTÕES - 09- 12.xlsm\</t>
  </si>
  <si>
    <t>\\acsfs\DEPTOS\Operacao\PCP\5 - Comum\PLANEJAMENTO BV\14 - ACOMPANHAMENTO\1 - REPORT ACOMPANHAMENTO\2020\1 - JANEIRO\CARTÕES\Login Logout Cartões\RELATORIO DE LOGIN - BV CARTÕES - 09- 12.xlsm\:Zone.Identifier:$DATA</t>
  </si>
  <si>
    <t>\\acsfs\DEPTOS\Operacao\PCP\5 - Comum\PLANEJAMENTO BV\14 - ACOMPANHAMENTO\1 - REPORT ACOMPANHAMENTO\2020\1 - JANEIRO\CARTÕES\Login Logout Cartões\RELATORIO DE LOGIN - BV CARTÕES - 10 - 12.xlsm</t>
  </si>
  <si>
    <t>\\acsfs\DEPTOS\Operacao\PCP\5 - Comum\PLANEJAMENTO BV\14 - ACOMPANHAMENTO\1 - REPORT ACOMPANHAMENTO\2020\1 - JANEIRO\CARTÕES\Login Logout Cartões\RELATORIO DE LOGIN - BV CARTÕES - 10 - 12.xlsm\</t>
  </si>
  <si>
    <t>\\acsfs\DEPTOS\Operacao\PCP\5 - Comum\PLANEJAMENTO BV\14 - ACOMPANHAMENTO\1 - REPORT ACOMPANHAMENTO\2020\1 - JANEIRO\CARTÕES\Login Logout Cartões\RELATORIO DE LOGIN - BV CARTÕES - 10 - 12.xlsm\:Zone.Identifier:$DATA</t>
  </si>
  <si>
    <t>\\acsfs\DEPTOS\Operacao\PCP\5 - Comum\PLANEJAMENTO BV\14 - ACOMPANHAMENTO\1 - REPORT ACOMPANHAMENTO\2020\1 - JANEIRO\CARTÕES\Login Logout Cartões\RELATORIO DE LOGIN - BV CARTÕES - 11 - 12.xlsm</t>
  </si>
  <si>
    <t>\\acsfs\DEPTOS\Operacao\PCP\5 - Comum\PLANEJAMENTO BV\14 - ACOMPANHAMENTO\1 - REPORT ACOMPANHAMENTO\2020\1 - JANEIRO\CARTÕES\Login Logout Cartões\RELATORIO DE LOGIN - BV CARTÕES - 11 - 12.xlsm\</t>
  </si>
  <si>
    <t>\\acsfs\DEPTOS\Operacao\PCP\5 - Comum\PLANEJAMENTO BV\14 - ACOMPANHAMENTO\1 - REPORT ACOMPANHAMENTO\2020\1 - JANEIRO\CARTÕES\Login Logout Cartões\RELATORIO DE LOGIN - BV CARTÕES - 11 - 12.xlsm\:Zone.Identifier:$DATA</t>
  </si>
  <si>
    <t>\\acsfs\DEPTOS\Operacao\PCP\5 - Comum\PLANEJAMENTO BV\14 - ACOMPANHAMENTO\1 - REPORT ACOMPANHAMENTO\2020\1 - JANEIRO\CARTÕES\Pausas CARTÕES\Pausas.xlsx</t>
  </si>
  <si>
    <t>\\acsfs\DEPTOS\Operacao\PCP\5 - Comum\PLANEJAMENTO BV\14 - ACOMPANHAMENTO\1 - REPORT ACOMPANHAMENTO\2020\1 - JANEIRO\CARTÕES\SHORTCALLS\Shortcalls.xlsx</t>
  </si>
  <si>
    <t>\\acsfs\DEPTOS\Operacao\PCP\5 - Comum\PLANEJAMENTO BV\14 - ACOMPANHAMENTO\1 - REPORT ACOMPANHAMENTO\2020\1 - JANEIRO\CARTÕES\Acompanhamento improdutividade BV Cartões.xlsx</t>
  </si>
  <si>
    <t>INTRA BV CARTÕES.xlsm</t>
  </si>
  <si>
    <t>\\acsfs\DEPTOS\Operacao\PCP\5 - Comum\PLANEJAMENTO BV\14 - ACOMPANHAMENTO\1 - REPORT ACOMPANHAMENTO\2020\1 - JANEIRO\CARTÕES\INTRA BV CARTÕES.xlsm</t>
  </si>
  <si>
    <t>\\acsfs\DEPTOS\Operacao\PCP\5 - Comum\PLANEJAMENTO BV\14 - ACOMPANHAMENTO\1 - REPORT ACOMPANHAMENTO\2020\1 - JANEIRO\CARTÕES\NR 17.xlsx</t>
  </si>
  <si>
    <t>\\acsfs\DEPTOS\Operacao\PCP\5 - Comum\PLANEJAMENTO BV\14 - ACOMPANHAMENTO\1 - REPORT ACOMPANHAMENTO\2020\1 - JANEIRO\CARTÕES\Range.xlsx</t>
  </si>
  <si>
    <t>RELATORIO DE LOGIN - BV CARTÕES.xlsm</t>
  </si>
  <si>
    <t>\\acsfs\DEPTOS\Operacao\PCP\5 - Comum\PLANEJAMENTO BV\14 - ACOMPANHAMENTO\1 - REPORT ACOMPANHAMENTO\2020\1 - JANEIRO\CARTÕES\RELATORIO DE LOGIN - BV CARTÕES.xlsm</t>
  </si>
  <si>
    <t>\\acsfs\DEPTOS\Operacao\PCP\5 - Comum\PLANEJAMENTO BV\14 - ACOMPANHAMENTO\1 - REPORT ACOMPANHAMENTO\2020\1 - JANEIRO\CARTÕES\RELATORIO DE LOGIN - BV CARTÕES.xlsm\</t>
  </si>
  <si>
    <t>\\acsfs\DEPTOS\Operacao\PCP\5 - Comum\PLANEJAMENTO BV\14 - ACOMPANHAMENTO\1 - REPORT ACOMPANHAMENTO\2020\1 - JANEIRO\CARTÕES\RELATORIO DE LOGIN - BV CARTÕES.xlsm\:Zone.Identifier:$DATA</t>
  </si>
  <si>
    <t>a2994b57-35e7-4d0f-827a-1beb3ff9e7d2.tmp</t>
  </si>
  <si>
    <t>\\acsfs\profiles$\claudiajca\Downloads\a2994b57-35e7-4d0f-827a-1beb3ff9e7d2.tmp</t>
  </si>
  <si>
    <t>e626dab2-ef87-411a-8f50-565b2378887b.tmp</t>
  </si>
  <si>
    <t>\\acsfs\profiles$\anafsb\Downloads\e626dab2-ef87-411a-8f50-565b2378887b.tmp</t>
  </si>
  <si>
    <t>ca7e3a1e-914b-4135-a7b3-5e28d640b3d3.tmp</t>
  </si>
  <si>
    <t>\\acsfs\profiles$\anafsb\Downloads\ca7e3a1e-914b-4135-a7b3-5e28d640b3d3.tmp</t>
  </si>
  <si>
    <t>5694a935-d38e-4337-bab8-75b666d3d6c1.tmp</t>
  </si>
  <si>
    <t>\\acsfs\profiles$\anafsb\Downloads\5694a935-d38e-4337-bab8-75b666d3d6c1.tmp</t>
  </si>
  <si>
    <t>54cff82f-62ba-4d4b-aa93-2e23275ad637.tmp</t>
  </si>
  <si>
    <t>\\acsfs\profiles$\luanarda\Downloads\54cff82f-62ba-4d4b-aa93-2e23275ad637.tmp</t>
  </si>
  <si>
    <t>f50de7b1-e43f-40de-84e5-d18325ead9af.tmp</t>
  </si>
  <si>
    <t>\\acsfs\profiles$\claudiajca\Downloads\f50de7b1-e43f-40de-84e5-d18325ead9af.tmp</t>
  </si>
  <si>
    <t>068cb1cc-1dde-496a-a6fb-3b9da70db19b.tmp</t>
  </si>
  <si>
    <t>\\acsfs\profiles$\mariajra\Downloads\068cb1cc-1dde-496a-a6fb-3b9da70db19b.tmp</t>
  </si>
  <si>
    <t>d836b590-ecbb-433f-9e21-40ca0ee21a0b.tmp</t>
  </si>
  <si>
    <t>\\acsfs\profiles$\ROZENCAM\Downloads\d836b590-ecbb-433f-9e21-40ca0ee21a0b.tmp</t>
  </si>
  <si>
    <t>e52dea51-3b62-48dc-8d2e-5f6730695bf9.tmp</t>
  </si>
  <si>
    <t>\\acsfs\profiles$\felipetds\Downloads\e52dea51-3b62-48dc-8d2e-5f6730695bf9.tmp</t>
  </si>
  <si>
    <t>7aa74d2e-a010-4534-85c7-e6fc48ac3957.tmp</t>
  </si>
  <si>
    <t>\\acsfs\profiles$\felipetds\Downloads\7aa74d2e-a010-4534-85c7-e6fc48ac3957.tmp</t>
  </si>
  <si>
    <t>4861a628-6382-488d-a44d-b3bc877e7e9e.tmp</t>
  </si>
  <si>
    <t>\\acsfs\profiles$\marcellewdl\Downloads\4861a628-6382-488d-a44d-b3bc877e7e9e.tmp</t>
  </si>
  <si>
    <t>3f160569-8614-4c08-8963-334a102bd80a.tmp</t>
  </si>
  <si>
    <t>\\acsfs\profiles$\YASMINSC\Downloads\3f160569-8614-4c08-8963-334a102bd80a.tmp</t>
  </si>
  <si>
    <t>c711d3fa-f61e-4f64-b2ee-d1dba6bff7d7.tmp</t>
  </si>
  <si>
    <t>\\acsfs\profiles$\anafsb\Downloads\c711d3fa-f61e-4f64-b2ee-d1dba6bff7d7.tmp</t>
  </si>
  <si>
    <t>4a7c2cb4-ca0b-438f-b217-72b402390d4a.tmp</t>
  </si>
  <si>
    <t>\\acsfs\profiles$\anafsb\Downloads\4a7c2cb4-ca0b-438f-b217-72b402390d4a.tmp</t>
  </si>
  <si>
    <t>4612d0c2-1968-4371-8182-dafaffd666bc.tmp</t>
  </si>
  <si>
    <t>\\acsfs\profiles$\anafsb\Downloads\4612d0c2-1968-4371-8182-dafaffd666bc.tmp</t>
  </si>
  <si>
    <t>10.200.66.43</t>
  </si>
  <si>
    <t>808e1669-4d0f-4743-a5c5-58a19a225e3e.tmp</t>
  </si>
  <si>
    <t>\\acsfs\profiles$\luanaagl\Downloads\808e1669-4d0f-4743-a5c5-58a19a225e3e.tmp</t>
  </si>
  <si>
    <t>1fdae35c-919f-4525-9f1d-73c0782c5bd5.tmp</t>
  </si>
  <si>
    <t>\\acsfs\profiles$\luanaagl\Downloads\1fdae35c-919f-4525-9f1d-73c0782c5bd5.tmp</t>
  </si>
  <si>
    <t>25b7fc7b-f7f9-4f07-a599-786b932c8371.tmp</t>
  </si>
  <si>
    <t>\\acsfs\profiles$\luanaagl\Downloads\25b7fc7b-f7f9-4f07-a599-786b932c8371.tmp</t>
  </si>
  <si>
    <t>fe537e45-1db2-41ef-adf7-16de2481081f.tmp</t>
  </si>
  <si>
    <t>\\acsfs\profiles$\luanaagl\Downloads\fe537e45-1db2-41ef-adf7-16de2481081f.tmp</t>
  </si>
  <si>
    <t>176312e2-062b-4088-9361-488a16ecd43a.tmp</t>
  </si>
  <si>
    <t>\\acsfs\profiles$\luanaagl\Downloads\176312e2-062b-4088-9361-488a16ecd43a.tmp</t>
  </si>
  <si>
    <t>172da73c-9d72-4419-954f-7997c75dc9a7.tmp</t>
  </si>
  <si>
    <t>\\acsfs\profiles$\luanarda\Downloads\172da73c-9d72-4419-954f-7997c75dc9a7.tmp</t>
  </si>
  <si>
    <t>Q29udHJvbGxlci5TQUNBLVNBQw-- (1).ica.crdownload</t>
  </si>
  <si>
    <t>\\acsfs\ACS\Q29udHJvbGxlci5TQUNBLVNBQw-- (1).ica.crdownload</t>
  </si>
  <si>
    <t>Q29udHJvbGxlci5TQUNBLVNBQw-- (1).ica:Zone.Identifier</t>
  </si>
  <si>
    <t>\\acsfs\ACS\Q29udHJvbGxlci5TQUNBLVNBQw-- (1).ica:Zone.Identifier</t>
  </si>
  <si>
    <t>b3321280-eb7c-4d48-80b5-e42a8ab8a320.tmp</t>
  </si>
  <si>
    <t>\\acsfs\profiles$\henriquehmdo\Downloads\b3321280-eb7c-4d48-80b5-e42a8ab8a320.tmp</t>
  </si>
  <si>
    <t>d8e6ac89-88ea-4d25-9367-ce1aee9a7088.tmp</t>
  </si>
  <si>
    <t>\\acsfs\profiles$\henriquehmdo\Downloads\d8e6ac89-88ea-4d25-9367-ce1aee9a7088.tmp</t>
  </si>
  <si>
    <t>62f0d8b8-6a59-4ffc-a091-7149a996aaad.tmp</t>
  </si>
  <si>
    <t>\\acsfs\profiles$\mariajra\Downloads\62f0d8b8-6a59-4ffc-a091-7149a996aaad.tmp</t>
  </si>
  <si>
    <t>192b00c8-926f-4b0a-b897-5fc92526426b.tmp</t>
  </si>
  <si>
    <t>\\acsfs\profiles$\mariajra\Downloads\192b00c8-926f-4b0a-b897-5fc92526426b.tmp</t>
  </si>
  <si>
    <t>a75c4fcc-66bf-4486-83c9-e6be5100cbb0.tmp</t>
  </si>
  <si>
    <t>\\acsfs\profiles$\mariajra\Downloads\a75c4fcc-66bf-4486-83c9-e6be5100cbb0.tmp</t>
  </si>
  <si>
    <t>eeac13b4-8e9b-4dd4-ae8d-1188c0aad9e6.tmp</t>
  </si>
  <si>
    <t>\\acsfs\profiles$\ERICALSR\Downloads\eeac13b4-8e9b-4dd4-ae8d-1188c0aad9e6.tmp</t>
  </si>
  <si>
    <t>117f2781-909c-4371-a52b-bf7e350a02b4.tmp</t>
  </si>
  <si>
    <t>\\acsfs\profiles$\ERICALSR\Downloads\117f2781-909c-4371-a52b-bf7e350a02b4.tmp</t>
  </si>
  <si>
    <t>b34c21a1-de26-42b9-96c1-f10b8d294b36.tmp</t>
  </si>
  <si>
    <t>\\acsfs\profiles$\gabrielarb\Downloads\b34c21a1-de26-42b9-96c1-f10b8d294b36.tmp</t>
  </si>
  <si>
    <t>b0348214-8770-49c3-896f-3c3a8480f2ec.tmp</t>
  </si>
  <si>
    <t>\\acsfs\profiles$\gabrielarb\Downloads\b0348214-8770-49c3-896f-3c3a8480f2ec.tmp</t>
  </si>
  <si>
    <t>9e672c02-5020-41ba-9870-07a32c2e8a91.tmp</t>
  </si>
  <si>
    <t>\\acsfs\profiles$\gabrielarb\Downloads\9e672c02-5020-41ba-9870-07a32c2e8a91.tmp</t>
  </si>
  <si>
    <t>1430c092-6f43-4cd3-822d-2c25723abf7f.tmp</t>
  </si>
  <si>
    <t>\\acsfs\profiles$\gabrielarb\Downloads\1430c092-6f43-4cd3-822d-2c25723abf7f.tmp</t>
  </si>
  <si>
    <t>a6c95e19-363e-4dcc-b704-473439b09c94.tmp</t>
  </si>
  <si>
    <t>\\acsfs\profiles$\marcellewdl\Downloads\a6c95e19-363e-4dcc-b704-473439b09c94.tmp</t>
  </si>
  <si>
    <t>f158eedf-b719-477f-a91d-7eb1d8b7cfbb.tmp</t>
  </si>
  <si>
    <t>\\acsfs\profiles$\YASMINSC\Downloads\f158eedf-b719-477f-a91d-7eb1d8b7cfbb.tmp</t>
  </si>
  <si>
    <t>76ff62d7-d58d-4a06-9385-be8c7fb58fb2.tmp</t>
  </si>
  <si>
    <t>\\acsfs\profiles$\paulovadc\Downloads\76ff62d7-d58d-4a06-9385-be8c7fb58fb2.tmp</t>
  </si>
  <si>
    <t>10.200.66.17</t>
  </si>
  <si>
    <t>ulog_AcroARM2_Reader_22bb18ef-a0cc-4985-b2f1-d8449a05e1d0_0ff4403e-1377-4472-9575-02e96c857399_0.log</t>
  </si>
  <si>
    <t>C:\Users\Jordanarb\AppData\Roaming\Adobe\LogTransport2\Logs\ulog_AcroARM2_Reader_22bb18ef-a0cc-4985-b2f1-d8449a05e1d0_0ff4403e-1377-4472-9575-02e96c857399_0.log\</t>
  </si>
  <si>
    <t>9f8d3353-b927-4fac-9fa3-748d8de2e098.tmp</t>
  </si>
  <si>
    <t>\\acsfs\profiles$\wenderbnm\Downloads\9f8d3353-b927-4fac-9fa3-748d8de2e098.tmp</t>
  </si>
  <si>
    <t>589e650b-89a1-4278-9177-8fbbb51b531d.tmp</t>
  </si>
  <si>
    <t>\\acsfs\profiles$\wenderbnm\Downloads\589e650b-89a1-4278-9177-8fbbb51b531d.tmp</t>
  </si>
  <si>
    <t>Vendas - Copia.ods</t>
  </si>
  <si>
    <t>\\acsfs\profiles$\VIVIANALDS\My Documents\Vendas - Copia.ods</t>
  </si>
  <si>
    <t>\\acsfs\profiles$\VIVIANALDS\My Documents\Vendas - Copia.ods\</t>
  </si>
  <si>
    <t>\\acsfs\profiles$\VIVIANALDS\My Documents\Vendas - Copia.ods\META-INF\</t>
  </si>
  <si>
    <t>\\acsfs\profiles$\VIVIANALDS\My Documents\Vendas - Copia.ods\Thumbnails\</t>
  </si>
  <si>
    <t>.~lock.Vendas - Janeiro.ods#</t>
  </si>
  <si>
    <t>\\acsfs\profiles$\VIVIANALDS\My Documents\.~lock.Vendas - Janeiro.ods#</t>
  </si>
  <si>
    <t>31fd69f4-a8cb-425c-8b7c-890a20bb8446.tmp</t>
  </si>
  <si>
    <t>\\acsfs\profiles$\milenaas\Downloads\31fd69f4-a8cb-425c-8b7c-890a20bb8446.tmp</t>
  </si>
  <si>
    <t>649e8c00-d133-477d-84bf-0660970e3ee2.tmp</t>
  </si>
  <si>
    <t>\\acsfs\profiles$\jonatanls\Downloads\649e8c00-d133-477d-84bf-0660970e3ee2.tmp</t>
  </si>
  <si>
    <t>421a50e1-ded5-4d4f-a873-68b635ef5d4f.tmp</t>
  </si>
  <si>
    <t>\\acsfs\profiles$\paulovadc\Downloads\421a50e1-ded5-4d4f-a873-68b635ef5d4f.tmp</t>
  </si>
  <si>
    <t>30752cff-7e02-4e45-af6e-fe823f5dac78.tmp</t>
  </si>
  <si>
    <t>\\acsfs\profiles$\LUCASNS\Downloads\30752cff-7e02-4e45-af6e-fe823f5dac78.tmp</t>
  </si>
  <si>
    <t>cb42e15f-432a-4813-90f8-9422feb3c1d8.tmp</t>
  </si>
  <si>
    <t>\\acsfs\profiles$\LUCASNS\Downloads\cb42e15f-432a-4813-90f8-9422feb3c1d8.tmp</t>
  </si>
  <si>
    <t>4349fd32-2477-4710-848c-6978c67eda51.tmp</t>
  </si>
  <si>
    <t>\\acsfs\profiles$\lorraynevam\Downloads\4349fd32-2477-4710-848c-6978c67eda51.tmp</t>
  </si>
  <si>
    <t>10.200.67.137</t>
  </si>
  <si>
    <t>ulog_HeadlightsOptinProductFamily_HeadlightsOptinProduct_00000000-0000-0000-0000-000000000000_8c1369c6-fdee-404d-850a-e10366dc7492.log</t>
  </si>
  <si>
    <t>C:\Users\adrielecds\AppData\Roaming\Adobe\LogTransport2\Logs\ulog_HeadlightsOptinProductFamily_HeadlightsOptinProduct_00000000-0000-0000-0000-000000000000_8c1369c6-fdee-404d-850a-e10366dc7492.log\</t>
  </si>
  <si>
    <t>e6df6818-3b7a-4735-a149-58fa7aa3a059.tmp</t>
  </si>
  <si>
    <t>\\acsfs\profiles$\ERICALSR\Downloads\e6df6818-3b7a-4735-a149-58fa7aa3a059.tmp</t>
  </si>
  <si>
    <t>lu1408419812.tmp</t>
  </si>
  <si>
    <t>\\acsfs\profiles$\VIVIANALDS\My Documents\lu1408419812.tmp</t>
  </si>
  <si>
    <t>\\acsfs\profiles$\VIVIANALDS\My Documents\lu1408419812.tmp\</t>
  </si>
  <si>
    <t>\\acsfs\profiles$\VIVIANALDS\My Documents\lu1408419812.tmp\META-INF\</t>
  </si>
  <si>
    <t>\\acsfs\profiles$\VIVIANALDS\My Documents\lu1408419812.tmp\Thumbnails\</t>
  </si>
  <si>
    <t>08de6f56-83a1-4fb1-a6ad-5deb7e9b42c6.tmp</t>
  </si>
  <si>
    <t>\\acsfs\profiles$\milenaas\Downloads\08de6f56-83a1-4fb1-a6ad-5deb7e9b42c6.tmp</t>
  </si>
  <si>
    <t>413f537f-b214-4163-8eca-6ad1685b4f7a.tmp</t>
  </si>
  <si>
    <t>\\acsfs\profiles$\milenaas\Downloads\413f537f-b214-4163-8eca-6ad1685b4f7a.tmp</t>
  </si>
  <si>
    <t>7e32048f-4552-4460-99d9-12ca186fc337.tmp</t>
  </si>
  <si>
    <t>\\acsfs\profiles$\milenaas\Downloads\7e32048f-4552-4460-99d9-12ca186fc337.tmp</t>
  </si>
  <si>
    <t>80fa9ed0-1adb-4168-8511-16c48e82d4df.tmp</t>
  </si>
  <si>
    <t>\\acsfs\profiles$\cintiadcf\Downloads\80fa9ed0-1adb-4168-8511-16c48e82d4df.tmp</t>
  </si>
  <si>
    <t>8ec155e4-8569-4672-b613-8e08573400df.tmp</t>
  </si>
  <si>
    <t>\\acsfs\profiles$\deborahsi\Downloads\8ec155e4-8569-4672-b613-8e08573400df.tmp</t>
  </si>
  <si>
    <t>a77f28c7-9011-401a-9498-427622dd1b21.tmp</t>
  </si>
  <si>
    <t>\\acsfs\profiles$\lorraynevam\Downloads\a77f28c7-9011-401a-9498-427622dd1b21.tmp</t>
  </si>
  <si>
    <t>930aafff-771d-43a8-8643-6fc0e7cf1efc.tmp</t>
  </si>
  <si>
    <t>\\acsfs\profiles$\THYAGOSP\Downloads\930aafff-771d-43a8-8643-6fc0e7cf1efc.tmp</t>
  </si>
  <si>
    <t>f01df79f-a2ac-4f96-b692-9cfb25928484.tmp</t>
  </si>
  <si>
    <t>\\acsfs\profiles$\THYAGOSP\Downloads\f01df79f-a2ac-4f96-b692-9cfb25928484.tmp</t>
  </si>
  <si>
    <t>\\acsfs\profiles$\CINTIADCF\</t>
  </si>
  <si>
    <t>.~lock.RETENCAO SEGUROS CINTIA.ods#</t>
  </si>
  <si>
    <t>\\acsfs\profiles$\CINTIADCF\.~lock.RETENCAO SEGUROS CINTIA.ods#</t>
  </si>
  <si>
    <t>ec32de9e-0f3d-41d0-b809-63821101ea91.tmp</t>
  </si>
  <si>
    <t>\\acsfs\profiles$\deborahsi\Downloads\ec32de9e-0f3d-41d0-b809-63821101ea91.tmp</t>
  </si>
  <si>
    <t>f531c873-fa1d-4dc3-bdae-6d8ff89fcd80.tmp</t>
  </si>
  <si>
    <t>\\acsfs\profiles$\nayarasds\Downloads\f531c873-fa1d-4dc3-bdae-6d8ff89fcd80.tmp</t>
  </si>
  <si>
    <t>3df62921-d00b-4a81-9c82-d2ef755dd50f.tmp</t>
  </si>
  <si>
    <t>\\acsfs\profiles$\nayarasds\Downloads\3df62921-d00b-4a81-9c82-d2ef755dd50f.tmp</t>
  </si>
  <si>
    <t>0920dfb5-ad98-4a43-9246-e4cb5dfbc603.tmp</t>
  </si>
  <si>
    <t>\\acsfs\profiles$\nayarasds\Downloads\0920dfb5-ad98-4a43-9246-e4cb5dfbc603.tmp</t>
  </si>
  <si>
    <t>0c214b58-a38e-4c37-9aae-d3c5225afda5.tmp</t>
  </si>
  <si>
    <t>\\acsfs\profiles$\nayarasds\Downloads\0c214b58-a38e-4c37-9aae-d3c5225afda5.tmp</t>
  </si>
  <si>
    <t>66ef9878-5af4-45e4-8521-56aba1173732.tmp</t>
  </si>
  <si>
    <t>\\acsfs\profiles$\geovannasm\Downloads\66ef9878-5af4-45e4-8521-56aba1173732.tmp</t>
  </si>
  <si>
    <t>e71250e5-aa81-4299-b9da-3835cf09ec33.tmp</t>
  </si>
  <si>
    <t>\\acsfs\profiles$\geovannasm\Downloads\e71250e5-aa81-4299-b9da-3835cf09ec33.tmp</t>
  </si>
  <si>
    <t>3d978582-d9db-41a0-b083-06b122377b11.tmp</t>
  </si>
  <si>
    <t>\\acsfs\profiles$\geovannasm\Downloads\3d978582-d9db-41a0-b083-06b122377b11.tmp</t>
  </si>
  <si>
    <t>e63b8046-1887-408b-9728-ab18cb915069.tmp</t>
  </si>
  <si>
    <t>\\acsfs\profiles$\deborahsi\Downloads\e63b8046-1887-408b-9728-ab18cb915069.tmp</t>
  </si>
  <si>
    <t>3e3c7141-9331-4a1f-9e30-c01399cb1bf8.tmp</t>
  </si>
  <si>
    <t>\\acsfs\profiles$\quindaizaagds\Downloads\3e3c7141-9331-4a1f-9e30-c01399cb1bf8.tmp</t>
  </si>
  <si>
    <t>99bc4b59-6993-4884-97fd-d7eaa7a931cd.tmp</t>
  </si>
  <si>
    <t>\\acsfs\profiles$\quindaizaagds\Downloads\99bc4b59-6993-4884-97fd-d7eaa7a931cd.tmp</t>
  </si>
  <si>
    <t>68ca499e-4f06-4b9b-a8e9-e946454b98ca.tmp</t>
  </si>
  <si>
    <t>\\acsfs\profiles$\quindaizaagds\Downloads\68ca499e-4f06-4b9b-a8e9-e946454b98ca.tmp</t>
  </si>
  <si>
    <t>592553ac-bc40-4438-a758-bd0b04f7e794.tmp</t>
  </si>
  <si>
    <t>\\acsfs\profiles$\dhiulliananads\Downloads\592553ac-bc40-4438-a758-bd0b04f7e794.tmp</t>
  </si>
  <si>
    <t>0ae11637-84c2-4563-9356-eabaa08c8591.tmp</t>
  </si>
  <si>
    <t>\\acsfs\profiles$\nayarasds\Downloads\0ae11637-84c2-4563-9356-eabaa08c8591.tmp</t>
  </si>
  <si>
    <t>71a2b96c-5042-466d-a5f6-1ac1e09fb767.tmp</t>
  </si>
  <si>
    <t>\\acsfs\profiles$\nayarasds\Downloads\71a2b96c-5042-466d-a5f6-1ac1e09fb767.tmp</t>
  </si>
  <si>
    <t>8c901fe9-8f0c-42a0-b3bc-4a9f30d06a23.tmp</t>
  </si>
  <si>
    <t>\\acsfs\profiles$\danielmlds\Downloads\8c901fe9-8f0c-42a0-b3bc-4a9f30d06a23.tmp</t>
  </si>
  <si>
    <t>12538260-6f0d-4817-8cc8-5b36b784857e.tmp</t>
  </si>
  <si>
    <t>\\acsfs\profiles$\danielmlds\Downloads\12538260-6f0d-4817-8cc8-5b36b784857e.tmp</t>
  </si>
  <si>
    <t>67943101-d299-49eb-b392-ac93d0781911.tmp</t>
  </si>
  <si>
    <t>\\acsfs\profiles$\eduardofss\Downloads\67943101-d299-49eb-b392-ac93d0781911.tmp</t>
  </si>
  <si>
    <t>ca53086e-3478-4054-97d8-76b2ca3af3fc.tmp</t>
  </si>
  <si>
    <t>\\acsfs\profiles$\eduardofss\Downloads\ca53086e-3478-4054-97d8-76b2ca3af3fc.tmp</t>
  </si>
  <si>
    <t>377bc08c-e975-48b9-bc46-e8c481fd1cec.tmp</t>
  </si>
  <si>
    <t>\\acsfs\profiles$\claudiajca\Downloads\377bc08c-e975-48b9-bc46-e8c481fd1cec.tmp</t>
  </si>
  <si>
    <t>\\acsfs\profiles$\THYAGOSP\My Documents\Planilha 2019 CR.ods\Object 1\</t>
  </si>
  <si>
    <t>\\acsfs\profiles$\THYAGOSP\My Documents\Planilha 2019 CR.ods\Object 4\</t>
  </si>
  <si>
    <t>26aef850-2ea1-4138-aa90-420d052373e1.tmp</t>
  </si>
  <si>
    <t>\\acsfs\profiles$\ayalabfi\Downloads\26aef850-2ea1-4138-aa90-420d052373e1.tmp</t>
  </si>
  <si>
    <t>61289c33-9b1a-4511-b3a3-2d300091f013.tmp</t>
  </si>
  <si>
    <t>\\acsfs\profiles$\ERICALSR\Downloads\61289c33-9b1a-4511-b3a3-2d300091f013.tmp</t>
  </si>
  <si>
    <t>ALEXANDRE MILHOMEM MARACAIPE (14).contact</t>
  </si>
  <si>
    <t>\\acsfs\profiles$\alexandremm\Contacts\ALEXANDRE MILHOMEM MARACAIPE (14).contact</t>
  </si>
  <si>
    <t>\\acsfs\profiles$\alexandremm\Saved Games\</t>
  </si>
  <si>
    <t>\\acsfs\profiles$\ALEXANDREMM\Favorites\Links for Brasil\</t>
  </si>
  <si>
    <t>\\acsfs\profiles$\ALEXANDREMM\Favorites\Links for Brasil\desktop.ini</t>
  </si>
  <si>
    <t>\\acsfs\profiles$\ALEXANDREMM\Favorites\Links for Brasil\Microsoft Brasil.url</t>
  </si>
  <si>
    <t>\\acsfs\profiles$\ALEXANDREMM\Favorites\Links for Brasil\Windows Brasil.url</t>
  </si>
  <si>
    <t>\\acsfs\profiles$\ALEXANDREMM\Favorites\Links for Brasil\MSN Brasil.url</t>
  </si>
  <si>
    <t>e382f168-6652-48e9-a18a-ccf1396ff076.tmp</t>
  </si>
  <si>
    <t>\\acsfs\profiles$\nayarasds\Downloads\e382f168-6652-48e9-a18a-ccf1396ff076.tmp</t>
  </si>
  <si>
    <t>lu381803uvy8m.tmp</t>
  </si>
  <si>
    <t>\\acsfs\profiles$\marcellewdl\My Documents\lu381803uvy8m.tmp</t>
  </si>
  <si>
    <t>\\acsfs\profiles$\marcellewdl\My Documents\lu381803uvy8m.tmp\</t>
  </si>
  <si>
    <t>\\acsfs\profiles$\marcellewdl\My Documents\lu381803uvy8m.tmp\META-INF\</t>
  </si>
  <si>
    <t>\\acsfs\profiles$\marcellewdl\My Documents\lu381803uvy8m.tmp\Thumbnails\</t>
  </si>
  <si>
    <t>9c4f6aa2-0974-455e-af1a-38001ce0ddba.tmp</t>
  </si>
  <si>
    <t>\\acsfs\profiles$\nataliacsl\Downloads\9c4f6aa2-0974-455e-af1a-38001ce0ddba.tmp</t>
  </si>
  <si>
    <t>10.200.67.56</t>
  </si>
  <si>
    <t>74-86-7A-FC-CF-D9</t>
  </si>
  <si>
    <t>VOTORANT-OB017</t>
  </si>
  <si>
    <t>lorrainerdl</t>
  </si>
  <si>
    <t>\\acsfs\profiles$\lorrainerdl\Contacts\</t>
  </si>
  <si>
    <t>LORRAINE RODRIGUES DE LIMA (15475).contact</t>
  </si>
  <si>
    <t>\\acsfs\profiles$\lorrainerdl\Contacts\LORRAINE RODRIGUES DE LIMA (15475).contact</t>
  </si>
  <si>
    <t>\\acsfs\profiles$\lorrainerdl\My Documents\My Videos\</t>
  </si>
  <si>
    <t>\\acsfs\profiles$\lorrainerdl\My Documents\My Videos\desktop.ini</t>
  </si>
  <si>
    <t>\\acsfs\profiles$\lorrainerdl\My Documents\My Pictures\</t>
  </si>
  <si>
    <t>\\acsfs\profiles$\lorrainerdl\My Documents\My Pictures\desktop.ini</t>
  </si>
  <si>
    <t>\\acsfs\profiles$\lorrainerdl\Contacts\desktop.ini</t>
  </si>
  <si>
    <t>\\acsfs\profiles$\lorrainerdl\Favorites\</t>
  </si>
  <si>
    <t>\\acsfs\profiles$\lorrainerdl\Favorites\desktop.ini</t>
  </si>
  <si>
    <t>\\acsfs\profiles$\lorrainerdl\My Documents\My Music\</t>
  </si>
  <si>
    <t>\\acsfs\profiles$\lorrainerdl\My Documents\My Music\desktop.ini</t>
  </si>
  <si>
    <t>\\acsfs\profiles$\lorrainerdl\Searches\</t>
  </si>
  <si>
    <t>\\acsfs\profiles$\lorrainerdl\Searches\desktop.ini</t>
  </si>
  <si>
    <t>\\acsfs\profiles$\lorrainerdl\Downloads\</t>
  </si>
  <si>
    <t>\\acsfs\profiles$\lorrainerdl\Downloads\desktop.ini</t>
  </si>
  <si>
    <t>\\acsfs\profiles$\lorrainerdl\My Documents\</t>
  </si>
  <si>
    <t>\\acsfs\profiles$\lorrainerdl\My Documents\desktop.ini</t>
  </si>
  <si>
    <t>\\acsfs\profiles$\lorrainerdl\Saved Games\</t>
  </si>
  <si>
    <t>\\acsfs\profiles$\lorrainerdl\Saved Games\desktop.ini</t>
  </si>
  <si>
    <t>\\acsfs\profiles$\lorrainerdl\Favorites\Links for Brasil\</t>
  </si>
  <si>
    <t>\\acsfs\profiles$\lorrainerdl\Favorites\Links for Brasil\desktop.ini</t>
  </si>
  <si>
    <t>\\acsfs\profiles$\lorrainerdl\Favorites\Links for Brasil\Microsoft Brasil.url</t>
  </si>
  <si>
    <t>\\acsfs\profiles$\lorrainerdl\Favorites\Links for Brasil\Windows Brasil.url</t>
  </si>
  <si>
    <t>\\acsfs\profiles$\lorrainerdl\Favorites\Links for Brasil\MSN Brasil.url</t>
  </si>
  <si>
    <t>866164d8-4cda-46b3-a1c9-162516d11437.tmp</t>
  </si>
  <si>
    <t>\\acsfs\profiles$\talitafdc\Downloads\866164d8-4cda-46b3-a1c9-162516d11437.tmp</t>
  </si>
  <si>
    <t>10.200.67.218</t>
  </si>
  <si>
    <t>D0-94-66-B5-52-D0</t>
  </si>
  <si>
    <t>VOTORANT-SB019</t>
  </si>
  <si>
    <t>b92a8574-c0c9-49c5-ae0f-4cfc10d3b528.tmp</t>
  </si>
  <si>
    <t>\\acsfs\profiles$\lucasgpe\Downloads\b92a8574-c0c9-49c5-ae0f-4cfc10d3b528.tmp</t>
  </si>
  <si>
    <t>8d7e1906-8bb0-438d-85e0-ca113c0dc1e3.tmp</t>
  </si>
  <si>
    <t>\\acsfs\profiles$\andressagr\Downloads\8d7e1906-8bb0-438d-85e0-ca113c0dc1e3.tmp</t>
  </si>
  <si>
    <t>0a03df3e-f606-4509-b0c1-8aa0514f023a.tmp</t>
  </si>
  <si>
    <t>\\acsfs\profiles$\ayalabfi\Downloads\0a03df3e-f606-4509-b0c1-8aa0514f023a.tmp</t>
  </si>
  <si>
    <t>3f4c1cb2-72b8-4648-b5d3-50bdafb55111.tmp</t>
  </si>
  <si>
    <t>\\acsfs\profiles$\ayalabfi\Downloads\3f4c1cb2-72b8-4648-b5d3-50bdafb55111.tmp</t>
  </si>
  <si>
    <t>86c64c0d-dbeb-4914-8d34-d74e6bf38eb2.tmp</t>
  </si>
  <si>
    <t>\\acsfs\profiles$\rafaelamsv\Downloads\86c64c0d-dbeb-4914-8d34-d74e6bf38eb2.tmp</t>
  </si>
  <si>
    <t>35f51342-8485-47e9-98ee-5a918df477fd.tmp</t>
  </si>
  <si>
    <t>\\acsfs\profiles$\rafaelamsv\Downloads\35f51342-8485-47e9-98ee-5a918df477fd.tmp</t>
  </si>
  <si>
    <t>9aaf940d-4a26-44af-bea2-4fccdb049750.tmp</t>
  </si>
  <si>
    <t>\\acsfs\profiles$\victoriaksr\Downloads\9aaf940d-4a26-44af-bea2-4fccdb049750.tmp</t>
  </si>
  <si>
    <t>4ed2b1b7-32ba-4da9-a1f2-cf63250344c7.tmp</t>
  </si>
  <si>
    <t>\\acsfs\profiles$\nataliacsl\Downloads\4ed2b1b7-32ba-4da9-a1f2-cf63250344c7.tmp</t>
  </si>
  <si>
    <t>Unconfirmed 799055.crdownload</t>
  </si>
  <si>
    <t>\\acsfs\profiles$\talitafdc\Downloads\Unconfirmed 799055.crdownload</t>
  </si>
  <si>
    <t>1b88f208-6ba3-4cd6-946c-911f63825efd.tmp</t>
  </si>
  <si>
    <t>\\acsfs\profiles$\jonatanls\Downloads\1b88f208-6ba3-4cd6-946c-911f63825efd.tmp</t>
  </si>
  <si>
    <t>5bf359e0-50b3-47f5-9e78-32f21ced99dd.tmp</t>
  </si>
  <si>
    <t>\\acsfs\profiles$\lucasgpe\Downloads\5bf359e0-50b3-47f5-9e78-32f21ced99dd.tmp</t>
  </si>
  <si>
    <t>cc7f536a-f36b-4e0c-b636-4f639fcf8d18.tmp</t>
  </si>
  <si>
    <t>\\acsfs\profiles$\ayalabfi\Downloads\cc7f536a-f36b-4e0c-b636-4f639fcf8d18.tmp</t>
  </si>
  <si>
    <t>64f3200e-1664-4c02-906d-02194dce74d9.tmp</t>
  </si>
  <si>
    <t>\\acsfs\profiles$\larissaad\Downloads\64f3200e-1664-4c02-906d-02194dce74d9.tmp</t>
  </si>
  <si>
    <t>16a0577b-eaa2-4c56-96f6-3dacf9353e68.tmp</t>
  </si>
  <si>
    <t>\\acsfs\profiles$\larissaad\Downloads\16a0577b-eaa2-4c56-96f6-3dacf9353e68.tmp</t>
  </si>
  <si>
    <t>.~lock.TABELA VENDAS.ods#</t>
  </si>
  <si>
    <t>\\acsfs\profiles$\lucasgpe\Desktop\.~lock.TABELA VENDAS.ods#</t>
  </si>
  <si>
    <t>3f95e0aa-902b-423f-aefa-778e4877ec6c.tmp</t>
  </si>
  <si>
    <t>\\acsfs\profiles$\adelvinsonle\Downloads\3f95e0aa-902b-423f-aefa-778e4877ec6c.tmp</t>
  </si>
  <si>
    <t>ee07b4ce-5b15-4118-9200-a41cbd64a8de.tmp</t>
  </si>
  <si>
    <t>\\acsfs\profiles$\adelvinsonle\Downloads\ee07b4ce-5b15-4118-9200-a41cbd64a8de.tmp</t>
  </si>
  <si>
    <t>lu139322oim0.tmp</t>
  </si>
  <si>
    <t>\\acsfs\profiles$\dhiulliananads\My Documents\lu139322oim0.tmp</t>
  </si>
  <si>
    <t>\\acsfs\profiles$\dhiulliananads\My Documents\lu139322oim0.tmp\</t>
  </si>
  <si>
    <t>\\acsfs\profiles$\dhiulliananads\My Documents\lu139322oim0.tmp\META-INF\</t>
  </si>
  <si>
    <t>\\acsfs\profiles$\dhiulliananads\My Documents\lu139322oim0.tmp\Thumbnails\</t>
  </si>
  <si>
    <t>lu139322oim5.tmp</t>
  </si>
  <si>
    <t>\\acsfs\profiles$\dhiulliananads\My Documents\lu139322oim5.tmp</t>
  </si>
  <si>
    <t>\\acsfs\profiles$\dhiulliananads\My Documents\lu139322oim5.tmp\</t>
  </si>
  <si>
    <t>\\acsfs\profiles$\dhiulliananads\My Documents\lu139322oim5.tmp\META-INF\</t>
  </si>
  <si>
    <t>\\acsfs\profiles$\dhiulliananads\My Documents\lu139322oim5.tmp\Thumbnails\</t>
  </si>
  <si>
    <t>4d2f3937-7c0e-483c-8af1-028e86913f08.tmp</t>
  </si>
  <si>
    <t>\\acsfs\profiles$\lucasqdss\Downloads\4d2f3937-7c0e-483c-8af1-028e86913f08.tmp</t>
  </si>
  <si>
    <t>10.200.66.53</t>
  </si>
  <si>
    <t>74-86-7A-FD-D8-6F</t>
  </si>
  <si>
    <t>VOTORANTO-AA024</t>
  </si>
  <si>
    <t>joaogvc</t>
  </si>
  <si>
    <t>https://outlook.office365.com/mapi/emsmdb/?mailboxid=086f92b3-1e92-49c8-a661-f590b6fe19d1@algartech.com</t>
  </si>
  <si>
    <t>03163762-492f-4c80-8842-bc7ca4f6221c.tmp</t>
  </si>
  <si>
    <t>\\acsfs\profiles$\larissaad\Downloads\03163762-492f-4c80-8842-bc7ca4f6221c.tmp</t>
  </si>
  <si>
    <t>d5ed8d17-90f8-4a2b-a93a-bec646d8d5f0.tmp</t>
  </si>
  <si>
    <t>\\acsfs\profiles$\larissaad\Downloads\d5ed8d17-90f8-4a2b-a93a-bec646d8d5f0.tmp</t>
  </si>
  <si>
    <t>64d9c1fd-21a0-412e-ad63-4fdc79e270cc.tmp</t>
  </si>
  <si>
    <t>\\acsfs\profiles$\geovanaasa\Downloads\64d9c1fd-21a0-412e-ad63-4fdc79e270cc.tmp</t>
  </si>
  <si>
    <t>LAIANEAR</t>
  </si>
  <si>
    <t>12743b56-8f78-480e-94dd-04c8d0a27014.tmp</t>
  </si>
  <si>
    <t>\\acsfs\profiles$\laianear\Downloads\12743b56-8f78-480e-94dd-04c8d0a27014.tmp</t>
  </si>
  <si>
    <t>acee85da-ed32-42f4-8c24-6d5f4e3e8fe7.tmp</t>
  </si>
  <si>
    <t>\\acsfs\profiles$\laianear\Downloads\acee85da-ed32-42f4-8c24-6d5f4e3e8fe7.tmp</t>
  </si>
  <si>
    <t>6f1703e2-e747-46d3-a106-e0e027f548fc.tmp</t>
  </si>
  <si>
    <t>\\acsfs\profiles$\laianear\Downloads\6f1703e2-e747-46d3-a106-e0e027f548fc.tmp</t>
  </si>
  <si>
    <t>0f4eab27-ca54-4b37-8140-ad0d90f79aa3.tmp</t>
  </si>
  <si>
    <t>\\acsfs\profiles$\felipetds\Downloads\0f4eab27-ca54-4b37-8140-ad0d90f79aa3.tmp</t>
  </si>
  <si>
    <t>912cc6d8-d7f5-4ff2-924c-6bb1ca058d4c.tmp</t>
  </si>
  <si>
    <t>\\acsfs\profiles$\lorrainerdl\Downloads\912cc6d8-d7f5-4ff2-924c-6bb1ca058d4c.tmp</t>
  </si>
  <si>
    <t>Não confirmado 528515.crdownload</t>
  </si>
  <si>
    <t>\\acsfs\profiles$\lorrainerdl\Downloads\Não confirmado 528515.crdownload</t>
  </si>
  <si>
    <t>e47d1ad1-a46b-415a-a7f7-bb23ec2c839f.tmp</t>
  </si>
  <si>
    <t>\\acsfs\profiles$\lorrainerdl\Downloads\e47d1ad1-a46b-415a-a7f7-bb23ec2c839f.tmp</t>
  </si>
  <si>
    <t>2c314ada-e0a8-4949-8aa6-783870bb7099.tmp</t>
  </si>
  <si>
    <t>\\acsfs\profiles$\PEDROHAB\Downloads\2c314ada-e0a8-4949-8aa6-783870bb7099.tmp</t>
  </si>
  <si>
    <t>5d1fa108-6b33-4adb-b035-6b920eba78ed.tmp</t>
  </si>
  <si>
    <t>\\acsfs\profiles$\PEDROHAB\Downloads\5d1fa108-6b33-4adb-b035-6b920eba78ed.tmp</t>
  </si>
  <si>
    <t>51687b96-8f1a-4015-9e38-4cf34263f101.tmp</t>
  </si>
  <si>
    <t>\\acsfs\profiles$\PEDROHAB\Downloads\51687b96-8f1a-4015-9e38-4cf34263f101.tmp</t>
  </si>
  <si>
    <t>f580f3a4-ea1d-4efd-a960-c2b279487a5d.tmp</t>
  </si>
  <si>
    <t>\\acsfs\profiles$\larissaad\Downloads\f580f3a4-ea1d-4efd-a960-c2b279487a5d.tmp</t>
  </si>
  <si>
    <t>258e733d-6de2-4125-8d67-b59e7210c448.tmp</t>
  </si>
  <si>
    <t>\\acsfs\profiles$\geovanaasa\Downloads\258e733d-6de2-4125-8d67-b59e7210c448.tmp</t>
  </si>
  <si>
    <t>1b3916a2-0c6d-47c5-b1f8-0274dfea50db.tmp</t>
  </si>
  <si>
    <t>\\acsfs\profiles$\lorrainerdl\Downloads\1b3916a2-0c6d-47c5-b1f8-0274dfea50db.tmp</t>
  </si>
  <si>
    <t>67da9ae4-4739-489f-9ca8-19f16e3252a1.tmp</t>
  </si>
  <si>
    <t>\\acsfs\profiles$\lorrainerdl\Downloads\67da9ae4-4739-489f-9ca8-19f16e3252a1.tmp</t>
  </si>
  <si>
    <t>32afa189-9acd-4d09-9953-d739fe7a2012.tmp</t>
  </si>
  <si>
    <t>\\acsfs\profiles$\KARENDSR\Downloads\32afa189-9acd-4d09-9953-d739fe7a2012.tmp</t>
  </si>
  <si>
    <t>c8ea268e-a9f8-4ef5-82d4-05e984f3e6c4.tmp</t>
  </si>
  <si>
    <t>\\acsfs\profiles$\KARENDSR\Downloads\c8ea268e-a9f8-4ef5-82d4-05e984f3e6c4.tmp</t>
  </si>
  <si>
    <t>f9831c16-5fc3-4206-a0d3-6861978f06bd.tmp</t>
  </si>
  <si>
    <t>\\acsfs\profiles$\KARENDSR\Downloads\f9831c16-5fc3-4206-a0d3-6861978f06bd.tmp</t>
  </si>
  <si>
    <t>07348ada-1d85-4104-bcec-496193431f0f.tmp</t>
  </si>
  <si>
    <t>\\acsfs\profiles$\gabrielhca\Downloads\07348ada-1d85-4104-bcec-496193431f0f.tmp</t>
  </si>
  <si>
    <t>ac9be3d5-946c-4100-8d83-ef86e07675eb.tmp</t>
  </si>
  <si>
    <t>\\acsfs\profiles$\paulovadc\Downloads\ac9be3d5-946c-4100-8d83-ef86e07675eb.tmp</t>
  </si>
  <si>
    <t>.~lock.Chamado cadeiras.ods#</t>
  </si>
  <si>
    <t>\\acsfs\profiles$\wedersonbadr\Downloads\.~lock.Chamado cadeiras.ods#</t>
  </si>
  <si>
    <t>Chamado cadeiras.ods</t>
  </si>
  <si>
    <t>\\acsfs\profiles$\wedersonbadr\Downloads\Chamado cadeiras.ods</t>
  </si>
  <si>
    <t>\\acsfs\profiles$\wedersonbadr\Downloads\Chamado cadeiras.ods\</t>
  </si>
  <si>
    <t>\\acsfs\profiles$\wedersonbadr\Downloads\Chamado cadeiras.ods\META-INF\</t>
  </si>
  <si>
    <t>\\acsfs\profiles$\wedersonbadr\Downloads\Chamado cadeiras.ods\Thumbnails\</t>
  </si>
  <si>
    <t>a7355a81-b273-4cdc-a5f0-218645bbdd5b.tmp</t>
  </si>
  <si>
    <t>\\acsfs\profiles$\wedersonbadr\My Documents\My Music\a7355a81-b273-4cdc-a5f0-218645bbdd5b.tmp</t>
  </si>
  <si>
    <t>025d85dd-64b9-4478-b457-2a3d930fa16d.tmp</t>
  </si>
  <si>
    <t>\\acsfs\profiles$\wedersonbadr\My Documents\My Music\025d85dd-64b9-4478-b457-2a3d930fa16d.tmp</t>
  </si>
  <si>
    <t>e9c8a228-02ae-4617-8fbd-7d127edade36.tmp</t>
  </si>
  <si>
    <t>\\acsfs\profiles$\geovanaasa\Downloads\e9c8a228-02ae-4617-8fbd-7d127edade36.tmp</t>
  </si>
  <si>
    <t>michelerds</t>
  </si>
  <si>
    <t>\\acsfs\profiles$\michelerds\Downloads\</t>
  </si>
  <si>
    <t>b4fca589-cb71-4797-a640-615c7d4b5644.tmp</t>
  </si>
  <si>
    <t>\\acsfs\profiles$\michelerds\Downloads\b4fca589-cb71-4797-a640-615c7d4b5644.tmp</t>
  </si>
  <si>
    <t>66fb79af-3b95-4b38-81f4-e1a17684aea0.tmp</t>
  </si>
  <si>
    <t>\\acsfs\profiles$\michelerds\Downloads\66fb79af-3b95-4b38-81f4-e1a17684aea0.tmp</t>
  </si>
  <si>
    <t>90b29fb5-8b42-4ebf-a32f-8a869144f0b4.tmp</t>
  </si>
  <si>
    <t>\\acsfs\profiles$\michelerds\Downloads\90b29fb5-8b42-4ebf-a32f-8a869144f0b4.tmp</t>
  </si>
  <si>
    <t>e092b287-1051-4c96-b18b-8422c04bc75b.tmp</t>
  </si>
  <si>
    <t>\\acsfs\profiles$\michelerds\Downloads\e092b287-1051-4c96-b18b-8422c04bc75b.tmp</t>
  </si>
  <si>
    <t>3de36650-4773-4060-b404-bd01b848b416.tmp</t>
  </si>
  <si>
    <t>\\acsfs\profiles$\michelerds\Downloads\3de36650-4773-4060-b404-bd01b848b416.tmp</t>
  </si>
  <si>
    <t>bfbe53b2-089e-47db-a8c7-8af2b4ab4c94.tmp</t>
  </si>
  <si>
    <t>\\acsfs\profiles$\gabrielhca\Downloads\bfbe53b2-089e-47db-a8c7-8af2b4ab4c94.tmp</t>
  </si>
  <si>
    <t>1fd3d240-8c01-450b-8321-4e41a3edf5c3.tmp</t>
  </si>
  <si>
    <t>\\acsfs\profiles$\gabrielhca\Downloads\1fd3d240-8c01-450b-8321-4e41a3edf5c3.tmp</t>
  </si>
  <si>
    <t>50eb60c1-56c4-4c53-92c2-efbfd5f4b113.tmp</t>
  </si>
  <si>
    <t>\\acsfs\profiles$\gabrielhca\Downloads\50eb60c1-56c4-4c53-92c2-efbfd5f4b113.tmp</t>
  </si>
  <si>
    <t>0656d012-cb34-4715-bfa2-6bcf7ff2e91e.tmp</t>
  </si>
  <si>
    <t>\\acsfs\profiles$\gabrielhca\Downloads\0656d012-cb34-4715-bfa2-6bcf7ff2e91e.tmp</t>
  </si>
  <si>
    <t>756aa7e0-39fc-4f8f-a68a-fc2a0d909bed.tmp</t>
  </si>
  <si>
    <t>\\acsfs\profiles$\gabrielhca\Downloads\756aa7e0-39fc-4f8f-a68a-fc2a0d909bed.tmp</t>
  </si>
  <si>
    <t>409e00a9-d10f-43d3-b022-cc2a067a4e9d.tmp</t>
  </si>
  <si>
    <t>\\acsfs\profiles$\isabellegtds\Downloads\409e00a9-d10f-43d3-b022-cc2a067a4e9d.tmp</t>
  </si>
  <si>
    <t>c54274bf-2691-49db-a0aa-aa8f1fc942fd.tmp</t>
  </si>
  <si>
    <t>\\acsfs\profiles$\isabellegtds\Downloads\c54274bf-2691-49db-a0aa-aa8f1fc942fd.tmp</t>
  </si>
  <si>
    <t>e8afff26-c8e3-4f4d-ac70-6148c19cba6a.tmp</t>
  </si>
  <si>
    <t>\\acsfs\profiles$\lucasqdss\Downloads\e8afff26-c8e3-4f4d-ac70-6148c19cba6a.tmp</t>
  </si>
  <si>
    <t>fa0f2e6e-a13e-468b-8a41-ac6cd67332f7.tmp</t>
  </si>
  <si>
    <t>\\acsfs\profiles$\ayalabfi\Downloads\fa0f2e6e-a13e-468b-8a41-ac6cd67332f7.tmp</t>
  </si>
  <si>
    <t>f216b34b-e0af-4c11-b9bc-0525111450f8.tmp</t>
  </si>
  <si>
    <t>\\acsfs\profiles$\ERICALSR\Downloads\f216b34b-e0af-4c11-b9bc-0525111450f8.tmp</t>
  </si>
  <si>
    <t>rafaelahpn</t>
  </si>
  <si>
    <t>\\acsfs\profiles$\rafaelahpn\Downloads\</t>
  </si>
  <si>
    <t>1e836458-d9fa-4a1c-9476-561a5d3c1ed9.tmp</t>
  </si>
  <si>
    <t>\\acsfs\profiles$\rafaelahpn\Downloads\1e836458-d9fa-4a1c-9476-561a5d3c1ed9.tmp</t>
  </si>
  <si>
    <t>a2a3a89c-0e24-4d35-b80f-37069fcf04b8.tmp</t>
  </si>
  <si>
    <t>\\acsfs\profiles$\michelerds\Downloads\a2a3a89c-0e24-4d35-b80f-37069fcf04b8.tmp</t>
  </si>
  <si>
    <t>BLOCO DE ANOTAÇÃO (1) (1).txt</t>
  </si>
  <si>
    <t>\\acsfs\profiles$\michelerds\Downloads\BLOCO DE ANOTAÇÃO (1) (1).txt</t>
  </si>
  <si>
    <t>9eb07e16-7deb-4996-aa2b-12d65b4886ca.tmp</t>
  </si>
  <si>
    <t>\\acsfs\profiles$\LUCASBS\Downloads\9eb07e16-7deb-4996-aa2b-12d65b4886ca.tmp</t>
  </si>
  <si>
    <t>e078a8f4-8813-4823-af5b-8e8d6c3379ff.tmp</t>
  </si>
  <si>
    <t>\\acsfs\profiles$\LUCASBS\Downloads\e078a8f4-8813-4823-af5b-8e8d6c3379ff.tmp</t>
  </si>
  <si>
    <t>d419c2f1-da68-4013-a636-b83d5f2d85cc.tmp</t>
  </si>
  <si>
    <t>\\acsfs\profiles$\mariellecs\Downloads\d419c2f1-da68-4013-a636-b83d5f2d85cc.tmp</t>
  </si>
  <si>
    <t>383fdc57-4b10-42e0-bab5-33f94975ac10.tmp</t>
  </si>
  <si>
    <t>\\acsfs\profiles$\quindaizaagds\Downloads\383fdc57-4b10-42e0-bab5-33f94975ac10.tmp</t>
  </si>
  <si>
    <t>e40ffe84-0d16-4070-a203-2b6c6666eaed.tmp</t>
  </si>
  <si>
    <t>\\acsfs\profiles$\isabellegtds\Downloads\e40ffe84-0d16-4070-a203-2b6c6666eaed.tmp</t>
  </si>
  <si>
    <t>ef7e39b8-5d9b-4ad6-ba10-9c750170fd2e.tmp</t>
  </si>
  <si>
    <t>\\acsfs\profiles$\isabellegtds\Downloads\ef7e39b8-5d9b-4ad6-ba10-9c750170fd2e.tmp</t>
  </si>
  <si>
    <t>lu139322oimg.tmp</t>
  </si>
  <si>
    <t>\\acsfs\profiles$\dhiulliananads\My Documents\lu139322oimg.tmp</t>
  </si>
  <si>
    <t>\\acsfs\profiles$\dhiulliananads\My Documents\lu139322oimg.tmp\</t>
  </si>
  <si>
    <t>\\acsfs\profiles$\dhiulliananads\My Documents\lu139322oimg.tmp\META-INF\</t>
  </si>
  <si>
    <t>\\acsfs\profiles$\dhiulliananads\My Documents\lu139322oimg.tmp\Thumbnails\</t>
  </si>
  <si>
    <t>lu139322oimm.tmp</t>
  </si>
  <si>
    <t>\\acsfs\profiles$\dhiulliananads\My Documents\lu139322oimm.tmp</t>
  </si>
  <si>
    <t>\\acsfs\profiles$\dhiulliananads\My Documents\lu139322oimm.tmp\</t>
  </si>
  <si>
    <t>\\acsfs\profiles$\dhiulliananads\My Documents\lu139322oimm.tmp\META-INF\</t>
  </si>
  <si>
    <t>\\acsfs\profiles$\dhiulliananads\My Documents\lu139322oimm.tmp\Thumbnails\</t>
  </si>
  <si>
    <t>22136a44-04c2-448f-85a2-8e75236b279f.tmp</t>
  </si>
  <si>
    <t>\\acsfs\profiles$\ayalabfi\Downloads\22136a44-04c2-448f-85a2-8e75236b279f.tmp</t>
  </si>
  <si>
    <t>d4edfaa7-b965-4d6e-a399-c9d52ba124a9.tmp</t>
  </si>
  <si>
    <t>\\acsfs\profiles$\victoriaksr\Downloads\d4edfaa7-b965-4d6e-a399-c9d52ba124a9.tmp</t>
  </si>
  <si>
    <t>deboractr</t>
  </si>
  <si>
    <t>\\acsfs\profiles$\deboractr\My Documents\My Music\</t>
  </si>
  <si>
    <t>\\acsfs\profiles$\deboractr\My Documents\My Pictures\desktop.ini</t>
  </si>
  <si>
    <t>\\acsfs\profiles$\deboractr\My Documents\My Pictures\</t>
  </si>
  <si>
    <t>\\acsfs\profiles$\deboractr\Contacts\</t>
  </si>
  <si>
    <t>\\acsfs\profiles$\deboractr\Contacts\desktop.ini</t>
  </si>
  <si>
    <t>\\acsfs\profiles$\deboractr\My Documents\</t>
  </si>
  <si>
    <t>\\acsfs\profiles$\deboractr\Favorites\desktop.ini</t>
  </si>
  <si>
    <t>\\acsfs\profiles$\deboractr\My Documents\My Music\desktop.ini</t>
  </si>
  <si>
    <t>\\acsfs\profiles$\deboractr\Searches\</t>
  </si>
  <si>
    <t>\\acsfs\profiles$\deboractr\Searches\desktop.ini</t>
  </si>
  <si>
    <t>\\acsfs\profiles$\deboractr\Downloads\</t>
  </si>
  <si>
    <t>\\acsfs\profiles$\deboractr\Downloads\desktop.ini</t>
  </si>
  <si>
    <t>\\acsfs\profiles$\deboractr\Favorites\</t>
  </si>
  <si>
    <t>\\acsfs\profiles$\deboractr\My Documents\desktop.ini</t>
  </si>
  <si>
    <t>\\acsfs\profiles$\deboractr\Saved Games\desktop.ini</t>
  </si>
  <si>
    <t>winrt--{S-1-5-21-602162358-764733703-839522115-354166}-.searchconnector-ms</t>
  </si>
  <si>
    <t>\\acsfs\profiles$\deboractr\Searches\winrt--{S-1-5-21-602162358-764733703-839522115-354166}-.searchconnector-ms</t>
  </si>
  <si>
    <t>\\acsfs\profiles$\deboractr\Downloads\WavesAudio.MaxxAudioProforDell2019_fh4rh281wavaa!App\</t>
  </si>
  <si>
    <t>\\acsfs\profiles$\deboractr\Downloads\WavesAudio.MaxxAudioProforDell2019_fh4rh281wavaa!App\desktop.ini</t>
  </si>
  <si>
    <t>ad4bd788-30f5-4e5c-b73a-6b60c7cca305.tmp</t>
  </si>
  <si>
    <t>\\acsfs\profiles$\LAISLG\Downloads\ad4bd788-30f5-4e5c-b73a-6b60c7cca305.tmp</t>
  </si>
  <si>
    <t>0be4b8f8-fe22-4400-9fa8-69db64d4b52d.tmp</t>
  </si>
  <si>
    <t>\\acsfs\profiles$\larissaad\Downloads\0be4b8f8-fe22-4400-9fa8-69db64d4b52d.tmp</t>
  </si>
  <si>
    <t>026b44b5-af2c-40e5-a917-84e48979f626.tmp</t>
  </si>
  <si>
    <t>\\acsfs\profiles$\laianear\Downloads\026b44b5-af2c-40e5-a917-84e48979f626.tmp</t>
  </si>
  <si>
    <t>25fe82fc-7105-4a33-92dc-e75ba3fd1171.tmp</t>
  </si>
  <si>
    <t>\\acsfs\profiles$\Flaviojmm\Downloads\25fe82fc-7105-4a33-92dc-e75ba3fd1171.tmp</t>
  </si>
  <si>
    <t>aaca0f56-861c-4ad4-a379-efa928748f27.tmp</t>
  </si>
  <si>
    <t>\\acsfs\profiles$\Flaviojmm\Downloads\aaca0f56-861c-4ad4-a379-efa928748f27.tmp</t>
  </si>
  <si>
    <t>jaquelinecp</t>
  </si>
  <si>
    <t>\\acsfs\profiles$\jaquelinecp\Contacts\</t>
  </si>
  <si>
    <t>JAQUELINE COIMBRA PERES (3).contact</t>
  </si>
  <si>
    <t>\\acsfs\profiles$\jaquelinecp\Contacts\JAQUELINE COIMBRA PERES (3).contact</t>
  </si>
  <si>
    <t>\\acsfs\profiles$\jaquelinecp\My Documents\My Videos\</t>
  </si>
  <si>
    <t>\\acsfs\profiles$\jaquelinecp\My Documents\My Videos\desktop.ini</t>
  </si>
  <si>
    <t>\\acsfs\profiles$\jaquelinecp\My Documents\My Pictures\</t>
  </si>
  <si>
    <t>\\acsfs\profiles$\jaquelinecp\My Documents\My Pictures\desktop.ini</t>
  </si>
  <si>
    <t>\\acsfs\profiles$\jaquelinecp\Contacts\desktop.ini</t>
  </si>
  <si>
    <t>\\acsfs\profiles$\jaquelinecp\Favorites\</t>
  </si>
  <si>
    <t>\\acsfs\profiles$\jaquelinecp\Favorites\desktop.ini</t>
  </si>
  <si>
    <t>\\acsfs\profiles$\jaquelinecp\My Documents\My Music\</t>
  </si>
  <si>
    <t>\\acsfs\profiles$\jaquelinecp\My Documents\My Music\desktop.ini</t>
  </si>
  <si>
    <t>\\acsfs\profiles$\jaquelinecp\Searches\</t>
  </si>
  <si>
    <t>\\acsfs\profiles$\jaquelinecp\Searches\desktop.ini</t>
  </si>
  <si>
    <t>\\acsfs\profiles$\jaquelinecp\Downloads\</t>
  </si>
  <si>
    <t>\\acsfs\profiles$\jaquelinecp\Downloads\desktop.ini</t>
  </si>
  <si>
    <t>\\acsfs\profiles$\jaquelinecp\My Documents\</t>
  </si>
  <si>
    <t>\\acsfs\profiles$\jaquelinecp\My Documents\desktop.ini</t>
  </si>
  <si>
    <t>\\acsfs\profiles$\jaquelinecp\Saved Games\</t>
  </si>
  <si>
    <t>\\acsfs\profiles$\jaquelinecp\Saved Games\desktop.ini</t>
  </si>
  <si>
    <t>\\acsfs\profiles$\JAQUELINECP\Favorites\Links for Brasil\</t>
  </si>
  <si>
    <t>\\acsfs\profiles$\JAQUELINECP\Favorites\Links for Brasil\desktop.ini</t>
  </si>
  <si>
    <t>\\acsfs\profiles$\JAQUELINECP\Favorites\Links for Brasil\Microsoft Brasil.url</t>
  </si>
  <si>
    <t>\\acsfs\profiles$\JAQUELINECP\Favorites\Links for Brasil\Windows Brasil.url</t>
  </si>
  <si>
    <t>\\acsfs\profiles$\JAQUELINECP\Favorites\Links for Brasil\MSN Brasil.url</t>
  </si>
  <si>
    <t>85e4cd54-cbad-4693-90e6-2bf25def01e0.tmp</t>
  </si>
  <si>
    <t>\\acsfs\profiles$\LAISLG\Downloads\85e4cd54-cbad-4693-90e6-2bf25def01e0.tmp</t>
  </si>
  <si>
    <t>joaogvc@algartech.com</t>
  </si>
  <si>
    <t>josiascdsj@algartech.com;marianadjc@algartech.com;paulacn@algartech.com;rafaelggs@algartech.com;viniciussg@algartech.com;</t>
  </si>
  <si>
    <t>josiascdsj@algartech.com,marianadjc@algartech.com,paulacn@algartech.com,rafaelggs@algartech.com,viniciussg@algartech.com</t>
  </si>
  <si>
    <t>leonardoao@algartech.com;rafaelggs@algartech.com;</t>
  </si>
  <si>
    <t>leonardoao@algartech.com,rafaelggs@algartech.com</t>
  </si>
  <si>
    <t>lu18844xsdgy.tmp</t>
  </si>
  <si>
    <t>\\acsfs\profiles$\CINTIADCF\lu18844xsdgy.tmp</t>
  </si>
  <si>
    <t>\\acsfs\profiles$\CINTIADCF\lu18844xsdgy.tmp\</t>
  </si>
  <si>
    <t>\\acsfs\profiles$\CINTIADCF\lu18844xsdgy.tmp\META-INF\</t>
  </si>
  <si>
    <t>\\acsfs\profiles$\CINTIADCF\lu18844xsdgy.tmp\Thumbnails\</t>
  </si>
  <si>
    <t>ac7d0def-9c91-45d6-8110-4038ebff6555.tmp</t>
  </si>
  <si>
    <t>\\acsfs\profiles$\luanarda\Downloads\ac7d0def-9c91-45d6-8110-4038ebff6555.tmp</t>
  </si>
  <si>
    <t>0500b7c0-88a0-41a3-8a0d-7efaba31e466.tmp</t>
  </si>
  <si>
    <t>\\acsfs\profiles$\deboractr\Downloads\0500b7c0-88a0-41a3-8a0d-7efaba31e466.tmp</t>
  </si>
  <si>
    <t>9183b1ca-aa80-4ca7-be76-f8c9bef29a51.tmp</t>
  </si>
  <si>
    <t>\\acsfs\profiles$\deboractr\Downloads\9183b1ca-aa80-4ca7-be76-f8c9bef29a51.tmp</t>
  </si>
  <si>
    <t>10.200.67.197</t>
  </si>
  <si>
    <t>D0-94-66-B5-5D-C0</t>
  </si>
  <si>
    <t>VOTORANT-RB014</t>
  </si>
  <si>
    <t>winrt--{S-1-5-21-602162358-764733703-839522115-352981}-.searchconnector-ms</t>
  </si>
  <si>
    <t>\\acsfs\profiles$\jaquelinecp\Searches\winrt--{S-1-5-21-602162358-764733703-839522115-352981}-.searchconnector-ms</t>
  </si>
  <si>
    <t>c26f77ea-4656-4c8c-9497-b437fef54435.tmp</t>
  </si>
  <si>
    <t>\\acsfs\profiles$\felipetds\Downloads\c26f77ea-4656-4c8c-9497-b437fef54435.tmp</t>
  </si>
  <si>
    <t>bc2ad6a5-8e91-4ead-81b5-890d5c5c86b3.tmp</t>
  </si>
  <si>
    <t>\\acsfs\profiles$\luanaagl\Downloads\bc2ad6a5-8e91-4ead-81b5-890d5c5c86b3.tmp</t>
  </si>
  <si>
    <t>42b39574-33da-40e9-b0d7-3f22cd0fd6ba.tmp</t>
  </si>
  <si>
    <t>\\acsfs\profiles$\luanaagl\Downloads\42b39574-33da-40e9-b0d7-3f22cd0fd6ba.tmp</t>
  </si>
  <si>
    <t>https://udpmailboxap01.acs.com.br:8443/h/search?si=0&amp;so=0&amp;sc=58525&amp;sfi=6&amp;st=conversation&amp;action=compose</t>
  </si>
  <si>
    <t>LETICIA LIMA ALVES (2403).contact</t>
  </si>
  <si>
    <t>\\acsfs\profiles$\leticiala\Contacts\LETICIA LIMA ALVES (2403).contact</t>
  </si>
  <si>
    <t>.~lock.Layout TV Vendas 1.1.ppt#</t>
  </si>
  <si>
    <t>\\acsfs\DEPTOS\Operacao\Banco_Votorantim\Supervisao\SUPERS BV CARTÕES\.~lock.Layout TV Vendas 1.1.ppt#</t>
  </si>
  <si>
    <t>9cff43d3-ed7a-434a-9283-12dd5c83bfea.tmp</t>
  </si>
  <si>
    <t>\\acsfs\profiles$\Flaviojmm\Downloads\9cff43d3-ed7a-434a-9283-12dd5c83bfea.tmp</t>
  </si>
  <si>
    <t>b6ac1ce2-cc09-4747-a9ef-9e93693674b7.tmp</t>
  </si>
  <si>
    <t>\\acsfs\profiles$\LUCASNS\Downloads\b6ac1ce2-cc09-4747-a9ef-9e93693674b7.tmp</t>
  </si>
  <si>
    <t>bdf21071-8658-4f57-9f98-b4b43a433bf7.tmp</t>
  </si>
  <si>
    <t>\\acsfs\profiles$\ayalabfi\Downloads\bdf21071-8658-4f57-9f98-b4b43a433bf7.tmp</t>
  </si>
  <si>
    <t>13700549-5986-475f-9938-2fb0d39692d7.tmp</t>
  </si>
  <si>
    <t>\\acsfs\profiles$\nathaliarmr\Downloads\13700549-5986-475f-9938-2fb0d39692d7.tmp</t>
  </si>
  <si>
    <t>\\acsfs\deptos\Operacao\PCP\5 - Comum\ALESSANDRA GOMES DOS SANTOS BARROS\AVON\Relatórios\1 - NCOB\2019\12 - Dezembro\</t>
  </si>
  <si>
    <t>ACOMPANHAMENTO NCOB - Dez.2019.xlsx</t>
  </si>
  <si>
    <t>\\acsfs\deptos\Operacao\PCP\5 - Comum\ALESSANDRA GOMES DOS SANTOS BARROS\AVON\Relatórios\1 - NCOB\2019\12 - Dezembro\ACOMPANHAMENTO NCOB - Dez.2019.xlsx</t>
  </si>
  <si>
    <t>\\acsfs\deptos\Operacao\PCP\5 - Comum\ALESSANDRA GOMES DOS SANTOS BARROS\AVON\Relatórios\1 - NCOB\</t>
  </si>
  <si>
    <t>AVON_Extrator Diário (por Skill) - NCOB.xls</t>
  </si>
  <si>
    <t>\\acsfs\deptos\Operacao\PCP\5 - Comum\ALESSANDRA GOMES DOS SANTOS BARROS\AVON\Relatórios\1 - NCOB\AVON_Extrator Diário (por Skill) - NCOB.xls</t>
  </si>
  <si>
    <t>2adc9a3c-e771-4f79-9adc-55cd7134c17d.tmp</t>
  </si>
  <si>
    <t>\\acsfs\profiles$\leticiala\Downloads\2adc9a3c-e771-4f79-9adc-55cd7134c17d.tmp</t>
  </si>
  <si>
    <t>Não confirmado 218595.crdownload</t>
  </si>
  <si>
    <t>\\acsfs\profiles$\leticiala\Downloads\Não confirmado 218595.crdownload</t>
  </si>
  <si>
    <t>748f8b4c-c1eb-4dbc-9684-8ecab8b9398a.tmp</t>
  </si>
  <si>
    <t>\\acsfs\profiles$\leticiala\Downloads\748f8b4c-c1eb-4dbc-9684-8ecab8b9398a.tmp</t>
  </si>
  <si>
    <t>0253554b-82bd-47a2-9edb-b6bd0433338c.tmp</t>
  </si>
  <si>
    <t>\\acsfs\profiles$\rafaelahpn\Downloads\0253554b-82bd-47a2-9edb-b6bd0433338c.tmp</t>
  </si>
  <si>
    <t>46135860-59c4-42a4-a330-2d95e16fdc45.tmp</t>
  </si>
  <si>
    <t>\\acsfs\profiles$\rafaelahpn\Downloads\46135860-59c4-42a4-a330-2d95e16fdc45.tmp</t>
  </si>
  <si>
    <t>7ccb420c-8ae0-40bd-97a9-afe0bd57bb5d.tmp</t>
  </si>
  <si>
    <t>\\acsfs\profiles$\rafaelahpn\Downloads\7ccb420c-8ae0-40bd-97a9-afe0bd57bb5d.tmp</t>
  </si>
  <si>
    <t>4ded1a00-41d1-4cd0-9a7c-42b389f33f46.tmp</t>
  </si>
  <si>
    <t>\\acsfs\profiles$\rafaelahpn\Downloads\4ded1a00-41d1-4cd0-9a7c-42b389f33f46.tmp</t>
  </si>
  <si>
    <t>bb4b5c3b-5bd0-4b3f-ae8b-f50cf1001eb7.tmp</t>
  </si>
  <si>
    <t>\\acsfs\profiles$\rafaelahpn\Downloads\bb4b5c3b-5bd0-4b3f-ae8b-f50cf1001eb7.tmp</t>
  </si>
  <si>
    <t>773e76df-29ef-4138-90d2-a8f92bdbf987.tmp</t>
  </si>
  <si>
    <t>\\acsfs\profiles$\geovannasm\Downloads\773e76df-29ef-4138-90d2-a8f92bdbf987.tmp</t>
  </si>
  <si>
    <t>61f25069-47a5-4606-8503-1297e65ffcce.tmp</t>
  </si>
  <si>
    <t>\\acsfs\profiles$\anafsb\Downloads\61f25069-47a5-4606-8503-1297e65ffcce.tmp</t>
  </si>
  <si>
    <t>a9a35f0f-e2a5-4c65-a2de-2b2039cbb777.tmp</t>
  </si>
  <si>
    <t>\\acsfs\profiles$\mariajra\Downloads\a9a35f0f-e2a5-4c65-a2de-2b2039cbb777.tmp</t>
  </si>
  <si>
    <t>419887c1-b10b-4f5d-a0d6-a15b712a6163.tmp</t>
  </si>
  <si>
    <t>\\acsfs\profiles$\nathaliarmr\Downloads\419887c1-b10b-4f5d-a0d6-a15b712a6163.tmp</t>
  </si>
  <si>
    <t>1e2569e5-2622-4220-b810-b8e5fb431e5d.tmp</t>
  </si>
  <si>
    <t>\\acsfs\profiles$\nathaliarmr\Downloads\1e2569e5-2622-4220-b810-b8e5fb431e5d.tmp</t>
  </si>
  <si>
    <t>cpc-controldeskavon@algartech.com;joseasn@algartech.com;luiz.henriquesantos@avon.com;marianadjc@algartech.com;</t>
  </si>
  <si>
    <t>cpc-controldeskavon@algartech.com,joseasn@algartech.com,luiz.henriquesantos@avon.com,marianadjc@algartech.com</t>
  </si>
  <si>
    <t>\\acsfs\DEPTOS\Operacao\PCP\5 - Comum\PLANEJAMENTO BV\14 - ACOMPANHAMENTO\1 - REPORT ACOMPANHAMENTO\2020\1 - JANEIRO\FINANCEIRA\Pausas.xlsx</t>
  </si>
  <si>
    <t>\\acsfs\DEPTOS\Operacao\PCP\5 - Comum\PLANEJAMENTO BV\14 - ACOMPANHAMENTO\1 - REPORT ACOMPANHAMENTO\2020\1 - JANEIRO\FINANCEIRA\Login Logout Financeira\bd atualizado.xlsx</t>
  </si>
  <si>
    <t>\\acsfs\DEPTOS\Operacao\PCP\5 - Comum\PLANEJAMENTO BV\14 - ACOMPANHAMENTO\1 - REPORT ACOMPANHAMENTO\2020\1 - JANEIRO\FINANCEIRA\Login Logout Financeira\LOGIN LOGOUT FINANCEIRA - EXTRAÇÂO.xlsx</t>
  </si>
  <si>
    <t>\\acsfs\DEPTOS\Operacao\PCP\5 - Comum\PLANEJAMENTO BV\14 - ACOMPANHAMENTO\1 - REPORT ACOMPANHAMENTO\2020\1 - JANEIRO\FINANCEIRA\Login Logout Financeira\RELATORIO DE LOGIN - FINANCEIRA - 05 - 12.xlsm</t>
  </si>
  <si>
    <t>\\acsfs\DEPTOS\Operacao\PCP\5 - Comum\PLANEJAMENTO BV\14 - ACOMPANHAMENTO\1 - REPORT ACOMPANHAMENTO\2020\1 - JANEIRO\FINANCEIRA\Login Logout Financeira\RELATORIO DE LOGIN - FINANCEIRA - 05 - 12.xlsm\</t>
  </si>
  <si>
    <t>\\acsfs\DEPTOS\Operacao\PCP\5 - Comum\PLANEJAMENTO BV\14 - ACOMPANHAMENTO\1 - REPORT ACOMPANHAMENTO\2020\1 - JANEIRO\FINANCEIRA\Login Logout Financeira\RELATORIO DE LOGIN - FINANCEIRA - 05 - 12.xlsm\:Zone.Identifier:$DATA</t>
  </si>
  <si>
    <t>\\acsfs\DEPTOS\Operacao\PCP\5 - Comum\PLANEJAMENTO BV\14 - ACOMPANHAMENTO\1 - REPORT ACOMPANHAMENTO\2020\1 - JANEIRO\FINANCEIRA\Login Logout Financeira\RELATORIO DE LOGIN - FINANCEIRA - 06 - 12.xlsm</t>
  </si>
  <si>
    <t>\\acsfs\DEPTOS\Operacao\PCP\5 - Comum\PLANEJAMENTO BV\14 - ACOMPANHAMENTO\1 - REPORT ACOMPANHAMENTO\2020\1 - JANEIRO\FINANCEIRA\Login Logout Financeira\RELATORIO DE LOGIN - FINANCEIRA - 06 - 12.xlsm\</t>
  </si>
  <si>
    <t>\\acsfs\DEPTOS\Operacao\PCP\5 - Comum\PLANEJAMENTO BV\14 - ACOMPANHAMENTO\1 - REPORT ACOMPANHAMENTO\2020\1 - JANEIRO\FINANCEIRA\Login Logout Financeira\RELATORIO DE LOGIN - FINANCEIRA - 06 - 12.xlsm\:Zone.Identifier:$DATA</t>
  </si>
  <si>
    <t>\\acsfs\DEPTOS\Operacao\PCP\5 - Comum\PLANEJAMENTO BV\14 - ACOMPANHAMENTO\1 - REPORT ACOMPANHAMENTO\2020\1 - JANEIRO\FINANCEIRA\Login Logout Financeira\RELATORIO DE LOGIN - FINANCEIRA - 09 - 12.xlsm</t>
  </si>
  <si>
    <t>\\acsfs\DEPTOS\Operacao\PCP\5 - Comum\PLANEJAMENTO BV\14 - ACOMPANHAMENTO\1 - REPORT ACOMPANHAMENTO\2020\1 - JANEIRO\FINANCEIRA\Login Logout Financeira\RELATORIO DE LOGIN - FINANCEIRA - 09 - 12.xlsm\</t>
  </si>
  <si>
    <t>\\acsfs\DEPTOS\Operacao\PCP\5 - Comum\PLANEJAMENTO BV\14 - ACOMPANHAMENTO\1 - REPORT ACOMPANHAMENTO\2020\1 - JANEIRO\FINANCEIRA\Login Logout Financeira\RELATORIO DE LOGIN - FINANCEIRA - 09 - 12.xlsm\:Zone.Identifier:$DATA</t>
  </si>
  <si>
    <t>\\acsfs\DEPTOS\Operacao\PCP\5 - Comum\PLANEJAMENTO BV\14 - ACOMPANHAMENTO\1 - REPORT ACOMPANHAMENTO\2020\1 - JANEIRO\FINANCEIRA\Login Logout Financeira\RELATORIO DE LOGIN - FINANCEIRA - 10 - 12.xlsm</t>
  </si>
  <si>
    <t>\\acsfs\DEPTOS\Operacao\PCP\5 - Comum\PLANEJAMENTO BV\14 - ACOMPANHAMENTO\1 - REPORT ACOMPANHAMENTO\2020\1 - JANEIRO\FINANCEIRA\Login Logout Financeira\RELATORIO DE LOGIN - FINANCEIRA - 10 - 12.xlsm\</t>
  </si>
  <si>
    <t>\\acsfs\DEPTOS\Operacao\PCP\5 - Comum\PLANEJAMENTO BV\14 - ACOMPANHAMENTO\1 - REPORT ACOMPANHAMENTO\2020\1 - JANEIRO\FINANCEIRA\Login Logout Financeira\RELATORIO DE LOGIN - FINANCEIRA - 10 - 12.xlsm\:Zone.Identifier:$DATA</t>
  </si>
  <si>
    <t>\\acsfs\DEPTOS\Operacao\PCP\5 - Comum\PLANEJAMENTO BV\14 - ACOMPANHAMENTO\1 - REPORT ACOMPANHAMENTO\2020\1 - JANEIRO\FINANCEIRA\Login Logout Financeira\RELATORIO DE LOGIN - FINANCEIRA - 11 - 12.xlsm</t>
  </si>
  <si>
    <t>\\acsfs\DEPTOS\Operacao\PCP\5 - Comum\PLANEJAMENTO BV\14 - ACOMPANHAMENTO\1 - REPORT ACOMPANHAMENTO\2020\1 - JANEIRO\FINANCEIRA\Login Logout Financeira\RELATORIO DE LOGIN - FINANCEIRA - 11 - 12.xlsm\</t>
  </si>
  <si>
    <t>\\acsfs\DEPTOS\Operacao\PCP\5 - Comum\PLANEJAMENTO BV\14 - ACOMPANHAMENTO\1 - REPORT ACOMPANHAMENTO\2020\1 - JANEIRO\FINANCEIRA\Login Logout Financeira\RELATORIO DE LOGIN - FINANCEIRA - 11 - 12.xlsm\:Zone.Identifier:$DATA</t>
  </si>
  <si>
    <t>\\acsfs\DEPTOS\Operacao\PCP\5 - Comum\PLANEJAMENTO BV\14 - ACOMPANHAMENTO\1 - REPORT ACOMPANHAMENTO\2020\1 - JANEIRO\FINANCEIRA\Login Logout Financeira\RELATORIO DE LOGIN - FINANCEIRA - 12 - 12 -.xlsm</t>
  </si>
  <si>
    <t>\\acsfs\DEPTOS\Operacao\PCP\5 - Comum\PLANEJAMENTO BV\14 - ACOMPANHAMENTO\1 - REPORT ACOMPANHAMENTO\2020\1 - JANEIRO\FINANCEIRA\Login Logout Financeira\RELATORIO DE LOGIN - FINANCEIRA - 12 - 12 -.xlsm\</t>
  </si>
  <si>
    <t>\\acsfs\DEPTOS\Operacao\PCP\5 - Comum\PLANEJAMENTO BV\14 - ACOMPANHAMENTO\1 - REPORT ACOMPANHAMENTO\2020\1 - JANEIRO\FINANCEIRA\Login Logout Financeira\RELATORIO DE LOGIN - FINANCEIRA - 12 - 12 -.xlsm\:Zone.Identifier:$DATA</t>
  </si>
  <si>
    <t>\\acsfs\DEPTOS\Operacao\PCP\5 - Comum\PLANEJAMENTO BV\14 - ACOMPANHAMENTO\1 - REPORT ACOMPANHAMENTO\2020\1 - JANEIRO\FINANCEIRA\Login Logout Financeira\RELATORIO DE LOGIN - FINANCEIRA - 19-12.xlsm</t>
  </si>
  <si>
    <t>\\acsfs\DEPTOS\Operacao\PCP\5 - Comum\PLANEJAMENTO BV\14 - ACOMPANHAMENTO\1 - REPORT ACOMPANHAMENTO\2020\1 - JANEIRO\FINANCEIRA\Login Logout Financeira\RELATORIO DE LOGIN - FINANCEIRA - 20-12.xlsm</t>
  </si>
  <si>
    <t>\\acsfs\DEPTOS\Operacao\PCP\5 - Comum\PLANEJAMENTO BV\14 - ACOMPANHAMENTO\1 - REPORT ACOMPANHAMENTO\2020\1 - JANEIRO\FINANCEIRA\Login Logout Financeira\RELATORIO DE LOGIN - FINANCEIRA - 23-12.xlsm</t>
  </si>
  <si>
    <t>\\acsfs\DEPTOS\Operacao\PCP\5 - Comum\PLANEJAMENTO BV\14 - ACOMPANHAMENTO\1 - REPORT ACOMPANHAMENTO\2020\1 - JANEIRO\FINANCEIRA\Login Logout Financeira\RELATORIO DE LOGIN - FINANCEIRA - 24-12.xlsm</t>
  </si>
  <si>
    <t>\\acsfs\DEPTOS\Operacao\PCP\5 - Comum\PLANEJAMENTO BV\14 - ACOMPANHAMENTO\1 - REPORT ACOMPANHAMENTO\2020\1 - JANEIRO\FINANCEIRA\Login Logout Financeira\RELATORIO DE LOGIN - FINANCEIRA - 26-12.xlsm</t>
  </si>
  <si>
    <t>\\acsfs\DEPTOS\Operacao\PCP\5 - Comum\PLANEJAMENTO BV\14 - ACOMPANHAMENTO\1 - REPORT ACOMPANHAMENTO\2020\1 - JANEIRO\FINANCEIRA\Login Logout Financeira\RELATORIO DE LOGIN - FINANCEIRA - 27-12.xlsm</t>
  </si>
  <si>
    <t>\\acsfs\DEPTOS\Operacao\PCP\5 - Comum\PLANEJAMENTO BV\14 - ACOMPANHAMENTO\1 - REPORT ACOMPANHAMENTO\2020\1 - JANEIRO\FINANCEIRA\Login Logout Financeira\RELATORIO DE LOGIN - FINANCEIRA - 28-12 - SAC.xlsm</t>
  </si>
  <si>
    <t>\\acsfs\DEPTOS\Operacao\PCP\5 - Comum\PLANEJAMENTO BV\14 - ACOMPANHAMENTO\1 - REPORT ACOMPANHAMENTO\2020\1 - JANEIRO\FINANCEIRA\Login Logout Financeira\RELATORIO DE LOGIN - FINANCEIRA - 29-12 - SAC.xlsm</t>
  </si>
  <si>
    <t>\\acsfs\DEPTOS\Operacao\PCP\5 - Comum\PLANEJAMENTO BV\14 - ACOMPANHAMENTO\1 - REPORT ACOMPANHAMENTO\2020\1 - JANEIRO\FINANCEIRA\Login Logout Financeira\RELATORIO DE LOGIN - FINANCEIRA - 30-12.xlsm</t>
  </si>
  <si>
    <t>c2342fb3-5cb8-4d8c-8d29-22c7cb619fe6.tmp</t>
  </si>
  <si>
    <t>\\acsfs\profiles$\leticiala\Downloads\c2342fb3-5cb8-4d8c-8d29-22c7cb619fe6.tmp</t>
  </si>
  <si>
    <t>f26729c6-ec92-4d90-bb78-d6f00d57f068.tmp</t>
  </si>
  <si>
    <t>\\acsfs\profiles$\leticiala\Downloads\f26729c6-ec92-4d90-bb78-d6f00d57f068.tmp</t>
  </si>
  <si>
    <t>519ea754-7e11-40f5-b253-879a6f9d09d4.tmp</t>
  </si>
  <si>
    <t>\\acsfs\profiles$\rafaelahpn\Downloads\519ea754-7e11-40f5-b253-879a6f9d09d4.tmp</t>
  </si>
  <si>
    <t>6df9842a-6652-4c58-ae8e-8429ddfef8b2.tmp</t>
  </si>
  <si>
    <t>\\acsfs\profiles$\Flaviojmm\Downloads\6df9842a-6652-4c58-ae8e-8429ddfef8b2.tmp</t>
  </si>
  <si>
    <t>lu381803uvy8w.tmp</t>
  </si>
  <si>
    <t>\\acsfs\profiles$\marcellewdl\My Documents\lu381803uvy8w.tmp</t>
  </si>
  <si>
    <t>\\acsfs\profiles$\marcellewdl\My Documents\lu381803uvy8w.tmp\</t>
  </si>
  <si>
    <t>\\acsfs\profiles$\marcellewdl\My Documents\lu381803uvy8w.tmp\META-INF\</t>
  </si>
  <si>
    <t>\\acsfs\profiles$\marcellewdl\My Documents\lu381803uvy8w.tmp\Thumbnails\</t>
  </si>
  <si>
    <t>lu381803uvy90.tmp</t>
  </si>
  <si>
    <t>\\acsfs\profiles$\marcellewdl\My Documents\lu381803uvy90.tmp</t>
  </si>
  <si>
    <t>\\acsfs\profiles$\marcellewdl\My Documents\lu381803uvy90.tmp\</t>
  </si>
  <si>
    <t>\\acsfs\profiles$\marcellewdl\My Documents\lu381803uvy90.tmp\META-INF\</t>
  </si>
  <si>
    <t>\\acsfs\profiles$\marcellewdl\My Documents\lu381803uvy90.tmp\Thumbnails\</t>
  </si>
  <si>
    <t>\\acsfs\profiles$\nathaliarmr\Desktop\.~lock.Vendas.ods#</t>
  </si>
  <si>
    <t>5633c9d7-8bb5-4941-833b-7779d2121894.tmp</t>
  </si>
  <si>
    <t>\\acsfs\profiles$\rafaelahpn\Downloads\5633c9d7-8bb5-4941-833b-7779d2121894.tmp</t>
  </si>
  <si>
    <t>63857da6-49aa-410b-842b-0ef62e4f1fe7.tmp</t>
  </si>
  <si>
    <t>\\acsfs\profiles$\maxmillianosv\Downloads\63857da6-49aa-410b-842b-0ef62e4f1fe7.tmp</t>
  </si>
  <si>
    <t>d35681d2-81c5-418f-a4de-f371e06c1ee0.tmp</t>
  </si>
  <si>
    <t>\\acsfs\profiles$\michelerds\Downloads\d35681d2-81c5-418f-a4de-f371e06c1ee0.tmp</t>
  </si>
  <si>
    <t>GUBERT1.png</t>
  </si>
  <si>
    <t>\\acsfs\DEPTOS\Operacao\Banco_Votorantim\Qualidade\Anderson\Jose\Atualizado\GUBERT1.png</t>
  </si>
  <si>
    <t>GUBERT2.png</t>
  </si>
  <si>
    <t>\\acsfs\DEPTOS\Operacao\Banco_Votorantim\Qualidade\Anderson\Jose\Atualizado\GUBERT2.png</t>
  </si>
  <si>
    <t>GUBERT3.png</t>
  </si>
  <si>
    <t>\\acsfs\DEPTOS\Operacao\Banco_Votorantim\Qualidade\Anderson\Jose\Atualizado\GUBERT3.png</t>
  </si>
  <si>
    <t>5b9547d7-1b1f-465b-b2c5-54a89e393774.tmp</t>
  </si>
  <si>
    <t>\\acsfs\profiles$\luanarda\Downloads\5b9547d7-1b1f-465b-b2c5-54a89e393774.tmp</t>
  </si>
  <si>
    <t>d5ea588d-5c2e-4832-9654-7be5048fa0e6.tmp</t>
  </si>
  <si>
    <t>\\acsfs\profiles$\ayalabfi\Downloads\d5ea588d-5c2e-4832-9654-7be5048fa0e6.tmp</t>
  </si>
  <si>
    <t>137b05d6-5ca0-444a-bd08-3183395557dc.tmp</t>
  </si>
  <si>
    <t>\\acsfs\profiles$\maxmillianosv\Downloads\137b05d6-5ca0-444a-bd08-3183395557dc.tmp</t>
  </si>
  <si>
    <t>396e0101-a7ae-46c1-a6d4-2f28c5a11f96.tmp</t>
  </si>
  <si>
    <t>\\acsfs\profiles$\maxmillianosv\Downloads\396e0101-a7ae-46c1-a6d4-2f28c5a11f96.tmp</t>
  </si>
  <si>
    <t>94a7c607-2598-4c7b-a0f6-b4fe8de8c380.tmp</t>
  </si>
  <si>
    <t>\\acsfs\profiles$\maxmillianosv\Downloads\94a7c607-2598-4c7b-a0f6-b4fe8de8c380.tmp</t>
  </si>
  <si>
    <t>89acf06b-ebc3-4a11-8f63-4bb623405a61.tmp</t>
  </si>
  <si>
    <t>\\acsfs\profiles$\maxmillianosv\Downloads\89acf06b-ebc3-4a11-8f63-4bb623405a61.tmp</t>
  </si>
  <si>
    <t>0f6b3d13-a2ea-4f94-83fd-01b930f7f93a.tmp</t>
  </si>
  <si>
    <t>\\acsfs\profiles$\maxmillianosv\Downloads\0f6b3d13-a2ea-4f94-83fd-01b930f7f93a.tmp</t>
  </si>
  <si>
    <t>f4a68d18-623d-4e2c-af70-27e2208caa38.tmp</t>
  </si>
  <si>
    <t>\\acsfs\profiles$\maxmillianosv\Downloads\f4a68d18-623d-4e2c-af70-27e2208caa38.tmp</t>
  </si>
  <si>
    <t>96cbbbf3-7980-4641-acc9-7ac4af7ec589.tmp</t>
  </si>
  <si>
    <t>\\acsfs\profiles$\maxmillianosv\Downloads\96cbbbf3-7980-4641-acc9-7ac4af7ec589.tmp</t>
  </si>
  <si>
    <t>\\acsfs\profiles$\mariliafplb\My Documents\My Pictures\</t>
  </si>
  <si>
    <t>\\acsfs\profiles$\mariliafplb\My Documents\My Videos\desktop.ini</t>
  </si>
  <si>
    <t>\\acsfs\profiles$\mariliafplb\My Documents\My Videos\</t>
  </si>
  <si>
    <t>\\acsfs\profiles$\mariliafplb\My Documents\My Music\</t>
  </si>
  <si>
    <t>\\acsfs\profiles$\mariliafplb\My Documents\My Pictures\desktop.ini</t>
  </si>
  <si>
    <t>\\acsfs\profiles$\mariliafplb\Contacts\</t>
  </si>
  <si>
    <t>\\acsfs\profiles$\mariliafplb\Contacts\desktop.ini</t>
  </si>
  <si>
    <t>\\acsfs\profiles$\mariliafplb\My Documents\</t>
  </si>
  <si>
    <t>\\acsfs\profiles$\mariliafplb\Favorites\desktop.ini</t>
  </si>
  <si>
    <t>\\acsfs\profiles$\mariliafplb\My Documents\My Music\desktop.ini</t>
  </si>
  <si>
    <t>\\acsfs\profiles$\mariliafplb\Searches\</t>
  </si>
  <si>
    <t>\\acsfs\profiles$\mariliafplb\Searches\desktop.ini</t>
  </si>
  <si>
    <t>\\acsfs\profiles$\mariliafplb\Downloads\desktop.ini</t>
  </si>
  <si>
    <t>\\acsfs\profiles$\mariliafplb\Favorites\</t>
  </si>
  <si>
    <t>\\acsfs\profiles$\mariliafplb\My Documents\desktop.ini</t>
  </si>
  <si>
    <t>\\acsfs\profiles$\mariliafplb\Saved Games\desktop.ini</t>
  </si>
  <si>
    <t>winrt--{S-1-5-21-602162358-764733703-839522115-321471}-.searchconnector-ms</t>
  </si>
  <si>
    <t>\\acsfs\profiles$\mariliafplb\Searches\winrt--{S-1-5-21-602162358-764733703-839522115-321471}-.searchconnector-ms</t>
  </si>
  <si>
    <t>XLOG_cinthiacsda_02012020_094240.log</t>
  </si>
  <si>
    <t>\\acsfs\profiles$\cinthiacsda\My Documents\xworkcenter\logs\XLOG_cinthiacsda_02012020_094240.log</t>
  </si>
  <si>
    <t>XLOG_cinthiacsda_02012020_094420.log</t>
  </si>
  <si>
    <t>\\acsfs\profiles$\cinthiacsda\My Documents\xworkcenter\logs\XLOG_cinthiacsda_02012020_094420.log</t>
  </si>
  <si>
    <t>GUBERT4.png</t>
  </si>
  <si>
    <t>\\acsfs\DEPTOS\Operacao\Banco_Votorantim\Qualidade\Anderson\Jose\Atualizado\GUBERT4.png</t>
  </si>
  <si>
    <t>d100c458-cea9-4b12-aea0-6561825ef2e8.tmp</t>
  </si>
  <si>
    <t>\\acsfs\profiles$\luanarda\Downloads\d100c458-cea9-4b12-aea0-6561825ef2e8.tmp</t>
  </si>
  <si>
    <t>eaf759fe-5d4f-4b4e-8104-03d2fddd02c7.tmp</t>
  </si>
  <si>
    <t>\\acsfs\profiles$\wedersonbadr\My Documents\My Music\eaf759fe-5d4f-4b4e-8104-03d2fddd02c7.tmp</t>
  </si>
  <si>
    <t>\\acsfs\DEPTOS\Operacao\PCP\5 - Comum\PLANEJAMENTO BV\14 - ACOMPANHAMENTO\Report whatsapp\</t>
  </si>
  <si>
    <t>Report WhatsApp - DEZEMBRO.xlsx</t>
  </si>
  <si>
    <t>\\acsfs\DEPTOS\Operacao\PCP\5 - Comum\PLANEJAMENTO BV\14 - ACOMPANHAMENTO\Report whatsapp\Report WhatsApp - DEZEMBRO.xlsx</t>
  </si>
  <si>
    <t>b41937b4-061a-4eb8-ac8f-ec85006dd385.tmp</t>
  </si>
  <si>
    <t>\\acsfs\profiles$\larissaad\Downloads\b41937b4-061a-4eb8-ac8f-ec85006dd385.tmp</t>
  </si>
  <si>
    <t>43b231e0-6d2e-43e8-9c42-820d45e737b7.tmp</t>
  </si>
  <si>
    <t>\\acsfs\profiles$\laianear\Downloads\43b231e0-6d2e-43e8-9c42-820d45e737b7.tmp</t>
  </si>
  <si>
    <t>352f8911-dbfd-4cfc-9692-bcac976af5b4.tmp</t>
  </si>
  <si>
    <t>\\acsfs\profiles$\laianear\Downloads\352f8911-dbfd-4cfc-9692-bcac976af5b4.tmp</t>
  </si>
  <si>
    <t>fdebc955-3cc9-4be3-8338-acfccda85332.tmp</t>
  </si>
  <si>
    <t>\\acsfs\profiles$\laianear\Downloads\fdebc955-3cc9-4be3-8338-acfccda85332.tmp</t>
  </si>
  <si>
    <t>afb004ea-8de5-4adc-8e24-44bc78c4460a.tmp</t>
  </si>
  <si>
    <t>\\acsfs\profiles$\laianear\Downloads\afb004ea-8de5-4adc-8e24-44bc78c4460a.tmp</t>
  </si>
  <si>
    <t>ed8f8145-ee2f-4379-921a-9ce5a2b03c94.tmp</t>
  </si>
  <si>
    <t>\\acsfs\profiles$\alessandraan\Downloads\ed8f8145-ee2f-4379-921a-9ce5a2b03c94.tmp</t>
  </si>
  <si>
    <t>5c519a63-bffc-4cbd-91bc-8b0245ba1633.tmp</t>
  </si>
  <si>
    <t>\\acsfs\profiles$\alessandraan\Downloads\5c519a63-bffc-4cbd-91bc-8b0245ba1633.tmp</t>
  </si>
  <si>
    <t>c517f1eb-0296-4a8c-9d86-5e15f3e57811.tmp</t>
  </si>
  <si>
    <t>\\acsfs\profiles$\alessandraan\Downloads\c517f1eb-0296-4a8c-9d86-5e15f3e57811.tmp</t>
  </si>
  <si>
    <t>0607e2c1-ad93-4b71-8bff-6eb5ead047a1.tmp</t>
  </si>
  <si>
    <t>\\acsfs\profiles$\alessandraan\Downloads\0607e2c1-ad93-4b71-8bff-6eb5ead047a1.tmp</t>
  </si>
  <si>
    <t>062bbabe-99ba-4a2e-81bf-c625311cdfa7.tmp</t>
  </si>
  <si>
    <t>\\acsfs\profiles$\alessandraan\Downloads\062bbabe-99ba-4a2e-81bf-c625311cdfa7.tmp</t>
  </si>
  <si>
    <t>Laudo 02.docx</t>
  </si>
  <si>
    <t>\\acsfs\DEPTOS\Operacao\Banco_Votorantim\Qualidade\Anderson\Jose\Atualizado\Laudo 02.docx</t>
  </si>
  <si>
    <t>info laudo dia 02.txt</t>
  </si>
  <si>
    <t>\\acsfs\DEPTOS\Operacao\Banco_Votorantim\Qualidade\Anderson\Jose\Atualizado\info laudo dia 02.txt</t>
  </si>
  <si>
    <t>39fa88cb-1390-4b4e-be64-b3a13543aa67.tmp</t>
  </si>
  <si>
    <t>\\acsfs\profiles$\quindaizaagds\Downloads\39fa88cb-1390-4b4e-be64-b3a13543aa67.tmp</t>
  </si>
  <si>
    <t>101b1b3a-8936-421c-8dee-132a9f56e58a.tmp</t>
  </si>
  <si>
    <t>\\acsfs\profiles$\andressagr\Downloads\101b1b3a-8936-421c-8dee-132a9f56e58a.tmp</t>
  </si>
  <si>
    <t>e00d8199-8a30-4f0f-b2dd-3f0fd27e1dce.tmp</t>
  </si>
  <si>
    <t>\\acsfs\profiles$\nathaliarmr\Downloads\e00d8199-8a30-4f0f-b2dd-3f0fd27e1dce.tmp</t>
  </si>
  <si>
    <t>\\acsfs\DEPTOS\Operacao\PCP\5 - Comum\PLANEJAMENTO BV\14 - ACOMPANHAMENTO\Report whatsapp\Vendas\2019\</t>
  </si>
  <si>
    <t>Atualiza VENDAS_DEZEMBRO.xlsm</t>
  </si>
  <si>
    <t>\\acsfs\DEPTOS\Operacao\PCP\5 - Comum\PLANEJAMENTO BV\14 - ACOMPANHAMENTO\Report whatsapp\Vendas\2019\Atualiza VENDAS_DEZEMBRO.xlsm</t>
  </si>
  <si>
    <t>RELATORIO DE LOGIN - FINANCEIRA - 31-12.xlsm</t>
  </si>
  <si>
    <t>\\acsfs\DEPTOS\Operacao\PCP\5 - Comum\PLANEJAMENTO BV\14 - ACOMPANHAMENTO\1 - REPORT ACOMPANHAMENTO\2019\12 - Dezembro\FINANCEIRA\Login Logout Financeira\RELATORIO DE LOGIN - FINANCEIRA - 31-12.xlsm</t>
  </si>
  <si>
    <t>2ce977b3-453d-440a-a120-6e130961fa41.tmp</t>
  </si>
  <si>
    <t>\\acsfs\profiles$\mariliafplb\Downloads\2ce977b3-453d-440a-a120-6e130961fa41.tmp</t>
  </si>
  <si>
    <t>16c851d5-a5f8-47c4-8f3f-258420e92f7f.tmp</t>
  </si>
  <si>
    <t>\\acsfs\profiles$\mariliafplb\Downloads\16c851d5-a5f8-47c4-8f3f-258420e92f7f.tmp</t>
  </si>
  <si>
    <t>5d8c28f5-636d-4d78-85e7-31211d3fea84.tmp</t>
  </si>
  <si>
    <t>\\acsfs\profiles$\mariliafplb\Downloads\5d8c28f5-636d-4d78-85e7-31211d3fea84.tmp</t>
  </si>
  <si>
    <t>451029a1-82c9-4716-9cd9-0ac240f397dc.tmp</t>
  </si>
  <si>
    <t>\\acsfs\profiles$\mariliafplb\Downloads\451029a1-82c9-4716-9cd9-0ac240f397dc.tmp</t>
  </si>
  <si>
    <t>9f417b1b-c192-489c-bf7e-5c4298a8ee49.tmp</t>
  </si>
  <si>
    <t>\\acsfs\profiles$\jonatanls\Downloads\9f417b1b-c192-489c-bf7e-5c4298a8ee49.tmp</t>
  </si>
  <si>
    <t>7d5cfe7b-e47b-4643-a6a6-367e39755775.tmp</t>
  </si>
  <si>
    <t>\\acsfs\profiles$\mariellecs\Downloads\7d5cfe7b-e47b-4643-a6a6-367e39755775.tmp</t>
  </si>
  <si>
    <t>8a9adbd2-a50a-4ec6-b50c-eec8a7fbbc00.tmp</t>
  </si>
  <si>
    <t>\\acsfs\profiles$\mariellecs\Downloads\8a9adbd2-a50a-4ec6-b50c-eec8a7fbbc00.tmp</t>
  </si>
  <si>
    <t>TALITA SANTOS SILVA CASTRO (23906).contact</t>
  </si>
  <si>
    <t>\\acsfs\profiles$\talitassc\Contacts\TALITA SANTOS SILVA CASTRO (23906).contact</t>
  </si>
  <si>
    <t>8fb936cc-c2d3-4723-9220-b5c01a0919b4.tmp</t>
  </si>
  <si>
    <t>\\acsfs\profiles$\quindaizaagds\Downloads\8fb936cc-c2d3-4723-9220-b5c01a0919b4.tmp</t>
  </si>
  <si>
    <t>98511a03-9e22-43c0-bfe3-08db9e8537e3.tmp</t>
  </si>
  <si>
    <t>\\acsfs\profiles$\adelvinsonle\Downloads\98511a03-9e22-43c0-bfe3-08db9e8537e3.tmp</t>
  </si>
  <si>
    <t>322c14c6-a43b-45f3-a372-d31954cb2c7f.tmp</t>
  </si>
  <si>
    <t>\\acsfs\profiles$\lucasqdss\Downloads\322c14c6-a43b-45f3-a372-d31954cb2c7f.tmp</t>
  </si>
  <si>
    <t>8dd010fc-baa3-4a19-af4e-265899db53b9.tmp</t>
  </si>
  <si>
    <t>\\acsfs\profiles$\ayalabfi\Downloads\8dd010fc-baa3-4a19-af4e-265899db53b9.tmp</t>
  </si>
  <si>
    <t>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edd8518d-1565-40d4-aaf6-bc82bafd3453.tmp</t>
  </si>
  <si>
    <t>\\acsfs\profiles$\rafaelahpn\Downloads\edd8518d-1565-40d4-aaf6-bc82bafd3453.tmp</t>
  </si>
  <si>
    <t>fcc09139-195a-484c-a335-e5dfe9ca9f47.tmp</t>
  </si>
  <si>
    <t>\\acsfs\profiles$\mariliafplb\Downloads\fcc09139-195a-484c-a335-e5dfe9ca9f47.tmp</t>
  </si>
  <si>
    <t>3bfbbfc8-c32e-473f-94e9-350ea972ef31.tmp</t>
  </si>
  <si>
    <t>\\acsfs\profiles$\geovannasm\Downloads\3bfbbfc8-c32e-473f-94e9-350ea972ef31.tmp</t>
  </si>
  <si>
    <t>5dbcbde2-42ae-4cdd-a9ae-5712193f2f10.tmp</t>
  </si>
  <si>
    <t>\\acsfs\profiles$\deborahsi\Downloads\5dbcbde2-42ae-4cdd-a9ae-5712193f2f10.tmp</t>
  </si>
  <si>
    <t>10.200.67.124</t>
  </si>
  <si>
    <t>$IIF8BA6.png</t>
  </si>
  <si>
    <t>\\acsfs\profiles$\thaianaads\My Documents\$RECYCLE.BIN\$IIF8BA6.png</t>
  </si>
  <si>
    <t>$IENP0KR.png</t>
  </si>
  <si>
    <t>\\acsfs\profiles$\thaianaads\My Documents\$RECYCLE.BIN\$IENP0KR.png</t>
  </si>
  <si>
    <t>$I3FT65P.pdf</t>
  </si>
  <si>
    <t>\\acsfs\profiles$\thaianaads\My Documents\$RECYCLE.BIN\$I3FT65P.pdf</t>
  </si>
  <si>
    <t>$IA57L6C.pdf</t>
  </si>
  <si>
    <t>\\acsfs\profiles$\thaianaads\My Documents\$RECYCLE.BIN\$IA57L6C.pdf</t>
  </si>
  <si>
    <t>$IAM0TQL.pdf</t>
  </si>
  <si>
    <t>\\acsfs\profiles$\thaianaads\My Documents\$RECYCLE.BIN\$IAM0TQL.pdf</t>
  </si>
  <si>
    <t>lu139322oimx.tmp</t>
  </si>
  <si>
    <t>\\acsfs\profiles$\dhiulliananads\My Documents\lu139322oimx.tmp</t>
  </si>
  <si>
    <t>\\acsfs\profiles$\dhiulliananads\My Documents\lu139322oimx.tmp\</t>
  </si>
  <si>
    <t>\\acsfs\profiles$\dhiulliananads\My Documents\lu139322oimx.tmp\META-INF\</t>
  </si>
  <si>
    <t>\\acsfs\profiles$\dhiulliananads\My Documents\lu139322oimx.tmp\Thumbnails\</t>
  </si>
  <si>
    <t>a120a472-03e1-4acf-a6a0-a041ec47762c.tmp</t>
  </si>
  <si>
    <t>\\acsfs\profiles$\nayarasds\Downloads\a120a472-03e1-4acf-a6a0-a041ec47762c.tmp</t>
  </si>
  <si>
    <t>Report WhatsApp - JANEIRO.xlsx</t>
  </si>
  <si>
    <t>\\acsfs\DEPTOS\Operacao\PCP\5 - Comum\PLANEJAMENTO BV\14 - ACOMPANHAMENTO\Report whatsapp\Report WhatsApp - JANEIRO.xlsx</t>
  </si>
  <si>
    <t>mail.google.com/sync/u/0/i/s?hl=pt-BR&amp;c=283</t>
  </si>
  <si>
    <t>joaogvc@algartech.com;leonardoao@algartech.com;m1nxnxefxetrukrzvgozdhyqef1vh0jvuushxg==;paulacn@algartech.com;rafaelggs@algartech.com;taysdss@algartech.com;viniciussg@algartech.com;</t>
  </si>
  <si>
    <t>joaogvc@algartech.com,leonardoao@algartech.com,m1nxnxefxetrukrzvgozdhyqef1vh0jvuushxg==,paulacn@algartech.com,rafaelggs@algartech.com,taysdss@algartech.com,viniciussg@algartech.com</t>
  </si>
  <si>
    <t>64935bbf-7159-44f4-9184-9fe8e0e325c9.tmp</t>
  </si>
  <si>
    <t>\\acsfs\profiles$\lorrainerdl\Downloads\64935bbf-7159-44f4-9184-9fe8e0e325c9.tmp</t>
  </si>
  <si>
    <t>3b20cebd-c4c9-4f66-b55d-39e677be51e6.tmp</t>
  </si>
  <si>
    <t>\\acsfs\profiles$\geovannasm\Downloads\3b20cebd-c4c9-4f66-b55d-39e677be51e6.tmp</t>
  </si>
  <si>
    <t>147073f2-b559-42f9-86f2-98c7ea3d1a83.tmp</t>
  </si>
  <si>
    <t>\\acsfs\profiles$\luanaagl\Downloads\147073f2-b559-42f9-86f2-98c7ea3d1a83.tmp</t>
  </si>
  <si>
    <t>34bb8ab3-d4fd-47a8-9937-bb8a0b3a39e7.tmp</t>
  </si>
  <si>
    <t>\\acsfs\profiles$\isabellegtds\Downloads\34bb8ab3-d4fd-47a8-9937-bb8a0b3a39e7.tmp</t>
  </si>
  <si>
    <t>b844dd06-7866-461e-89e3-bd01b229cd44.tmp</t>
  </si>
  <si>
    <t>\\acsfs\profiles$\mariajra\Downloads\b844dd06-7866-461e-89e3-bd01b229cd44.tmp</t>
  </si>
  <si>
    <t>3551640a-a0a2-4c38-a783-989ed698034a.tmp</t>
  </si>
  <si>
    <t>\\acsfs\profiles$\inarajst\Downloads\3551640a-a0a2-4c38-a783-989ed698034a.tmp</t>
  </si>
  <si>
    <t>e4b7b4c7-d9f7-421a-bc18-7940cbd8cc67.tmp</t>
  </si>
  <si>
    <t>\\acsfs\profiles$\nayarasds\Downloads\e4b7b4c7-d9f7-421a-bc18-7940cbd8cc67.tmp</t>
  </si>
  <si>
    <t>10.200.66.165</t>
  </si>
  <si>
    <t>64-1C-67-9D-1E-D9</t>
  </si>
  <si>
    <t>VOTORANT-LB018</t>
  </si>
  <si>
    <t>jhonatadss</t>
  </si>
  <si>
    <t>\\acsfs\profiles$\jhonatadss\Downloads\</t>
  </si>
  <si>
    <t>5f16b609-a166-4693-9803-b4c61ff0cefe.tmp</t>
  </si>
  <si>
    <t>\\acsfs\profiles$\jhonatadss\Downloads\5f16b609-a166-4693-9803-b4c61ff0cefe.tmp</t>
  </si>
  <si>
    <t>b49b5a4d-7a1b-4d09-92c0-80b2b492838b.tmp</t>
  </si>
  <si>
    <t>\\acsfs\profiles$\jhonatadss\Downloads\b49b5a4d-7a1b-4d09-92c0-80b2b492838b.tmp</t>
  </si>
  <si>
    <t>918e1f9e-ff3f-4eb6-8d8f-39b71b4cb562.tmp</t>
  </si>
  <si>
    <t>\\acsfs\profiles$\jhonatadss\Downloads\918e1f9e-ff3f-4eb6-8d8f-39b71b4cb562.tmp</t>
  </si>
  <si>
    <t>\\acsfs\DEPTOS\Operacao\PCP\5 - Comum\PLANEJAMENTO BV\14 - ACOMPANHAMENTO\1 - REPORT ACOMPANHAMENTO\2020\1 - JANEIRO\FINANCEIRA\</t>
  </si>
  <si>
    <t>REPORT ACOMPANHAMENTO - BV - JANEIRO.xlsb</t>
  </si>
  <si>
    <t>\\acsfs\DEPTOS\Operacao\PCP\5 - Comum\PLANEJAMENTO BV\14 - ACOMPANHAMENTO\1 - REPORT ACOMPANHAMENTO\2020\1 - JANEIRO\FINANCEIRA\REPORT ACOMPANHAMENTO - BV - JANEIRO.xlsb</t>
  </si>
  <si>
    <t>mail.google.com/sync/u/0/i/s?hl=pt-BR&amp;c=301</t>
  </si>
  <si>
    <t>8ac7b358-978a-4b37-9fb9-1576c9524cb8.tmp</t>
  </si>
  <si>
    <t>\\acsfs\profiles$\mariliafplb\Downloads\8ac7b358-978a-4b37-9fb9-1576c9524cb8.tmp</t>
  </si>
  <si>
    <t>3e4aa4dd-92a9-4a7e-ad6a-d30a8cf1097a.tmp</t>
  </si>
  <si>
    <t>\\acsfs\profiles$\maxmillianosv\Downloads\3e4aa4dd-92a9-4a7e-ad6a-d30a8cf1097a.tmp</t>
  </si>
  <si>
    <t>lu228362gucy1.tmp</t>
  </si>
  <si>
    <t>\\acsfs\profiles$\victoriaksr\My Documents\lu228362gucy1.tmp</t>
  </si>
  <si>
    <t>f7e0c90d-e6b1-4ead-8958-d6f08cf88aee.tmp</t>
  </si>
  <si>
    <t>\\acsfs\profiles$\jonatanls\Downloads\f7e0c90d-e6b1-4ead-8958-d6f08cf88aee.tmp</t>
  </si>
  <si>
    <t>c4e29aee-e0b8-4664-829e-fef191fdc3bb.tmp</t>
  </si>
  <si>
    <t>\\acsfs\profiles$\jonatanls\Downloads\c4e29aee-e0b8-4664-829e-fef191fdc3bb.tmp</t>
  </si>
  <si>
    <t>lu139322oin8.tmp</t>
  </si>
  <si>
    <t>\\acsfs\profiles$\dhiulliananads\My Documents\lu139322oin8.tmp</t>
  </si>
  <si>
    <t>\\acsfs\profiles$\dhiulliananads\My Documents\lu139322oin8.tmp\</t>
  </si>
  <si>
    <t>\\acsfs\profiles$\dhiulliananads\My Documents\lu139322oin8.tmp\META-INF\</t>
  </si>
  <si>
    <t>34b93daf-82d6-4303-983c-f8e0dbdff3d4.tmp</t>
  </si>
  <si>
    <t>\\acsfs\profiles$\andressagr\Downloads\34b93daf-82d6-4303-983c-f8e0dbdff3d4.tmp</t>
  </si>
  <si>
    <t>a5571506-5f37-4221-a6cd-c5c680accd20.tmp</t>
  </si>
  <si>
    <t>\\acsfs\profiles$\jhonatadss\Downloads\a5571506-5f37-4221-a6cd-c5c680accd20.tmp</t>
  </si>
  <si>
    <t>m1nxnxefxetrukrzvgozdhyqef1vh0jvuushxg==;</t>
  </si>
  <si>
    <t>https://m1nxnxefxetrukrzvgozdhyqef1vh0jvuushxg==</t>
  </si>
  <si>
    <t>63158786-144a-42e2-830a-b9f2ac886c17.tmp</t>
  </si>
  <si>
    <t>\\acsfs\profiles$\rafaelamsv\Downloads\63158786-144a-42e2-830a-b9f2ac886c17.tmp</t>
  </si>
  <si>
    <t>lu228362gucy7.tmp</t>
  </si>
  <si>
    <t>\\acsfs\profiles$\victoriaksr\My Documents\lu228362gucy7.tmp</t>
  </si>
  <si>
    <t>lu1408419816.tmp</t>
  </si>
  <si>
    <t>\\acsfs\profiles$\VIVIANALDS\My Documents\lu1408419816.tmp</t>
  </si>
  <si>
    <t>\\acsfs\profiles$\VIVIANALDS\My Documents\lu1408419816.tmp\</t>
  </si>
  <si>
    <t>\\acsfs\profiles$\VIVIANALDS\My Documents\lu1408419816.tmp\META-INF\</t>
  </si>
  <si>
    <t>\\acsfs\profiles$\VIVIANALDS\My Documents\lu1408419816.tmp\Thumbnails\</t>
  </si>
  <si>
    <t>93d2d477-c5a1-49f0-9ed5-b218deefb667.tmp</t>
  </si>
  <si>
    <t>\\acsfs\profiles$\eduardofss\Downloads\93d2d477-c5a1-49f0-9ed5-b218deefb667.tmp</t>
  </si>
  <si>
    <t>b3e1ab55-685c-431b-b102-308b880d85f5.tmp</t>
  </si>
  <si>
    <t>\\acsfs\profiles$\mariajra\Downloads\b3e1ab55-685c-431b-b102-308b880d85f5.tmp</t>
  </si>
  <si>
    <t>\\acsfs\profiles$\dhiulliananads\My Documents\lu139322oin8.tmp\Thumbnails\</t>
  </si>
  <si>
    <t>da943c6d-ef57-4e03-9497-4c004ddb3ee9.tmp</t>
  </si>
  <si>
    <t>\\acsfs\profiles$\andressagr\Downloads\da943c6d-ef57-4e03-9497-4c004ddb3ee9.tmp</t>
  </si>
  <si>
    <t>5450b2a3-7de0-4c34-b3d4-6e91133b49c5.tmp</t>
  </si>
  <si>
    <t>\\acsfs\profiles$\kamilamrc\Downloads\5450b2a3-7de0-4c34-b3d4-6e91133b49c5.tmp</t>
  </si>
  <si>
    <t>bd62ab21-db5a-48b7-905f-1c65b146c2de.tmp</t>
  </si>
  <si>
    <t>\\acsfs\profiles$\kamilamrc\Downloads\bd62ab21-db5a-48b7-905f-1c65b146c2de.tmp</t>
  </si>
  <si>
    <t>198ff37b-7898-49db-8009-c22a658acbca.tmp</t>
  </si>
  <si>
    <t>\\acsfs\profiles$\kamilamrc\Downloads\198ff37b-7898-49db-8009-c22a658acbca.tmp</t>
  </si>
  <si>
    <t>72c1eee0-f4b9-41f0-8206-4b06d5a4a159.tmp</t>
  </si>
  <si>
    <t>\\acsfs\profiles$\kamilamrc\Downloads\72c1eee0-f4b9-41f0-8206-4b06d5a4a159.tmp</t>
  </si>
  <si>
    <t>ac821c43-f437-4a89-b76d-a10a2c6d547b.tmp</t>
  </si>
  <si>
    <t>\\acsfs\profiles$\kamilamrc\Downloads\ac821c43-f437-4a89-b76d-a10a2c6d547b.tmp</t>
  </si>
  <si>
    <t>cfc2cb26-60a8-439d-9e2b-5a3abcbccb7b.tmp</t>
  </si>
  <si>
    <t>\\acsfs\profiles$\kamilamrc\Downloads\cfc2cb26-60a8-439d-9e2b-5a3abcbccb7b.tmp</t>
  </si>
  <si>
    <t>8d4f18f2-5906-457f-a8ea-894b9b986c3f.tmp</t>
  </si>
  <si>
    <t>\\acsfs\profiles$\kamilamrc\Downloads\8d4f18f2-5906-457f-a8ea-894b9b986c3f.tmp</t>
  </si>
  <si>
    <t>10a1daa1-6af4-4733-bb43-7de6db9adefc.tmp</t>
  </si>
  <si>
    <t>\\acsfs\profiles$\kamilamrc\Downloads\10a1daa1-6af4-4733-bb43-7de6db9adefc.tmp</t>
  </si>
  <si>
    <t>a3902b8a-456c-4aa2-9829-e8e9d9d90c95.tmp</t>
  </si>
  <si>
    <t>\\acsfs\profiles$\gabrielafs\Downloads\a3902b8a-456c-4aa2-9829-e8e9d9d90c95.tmp</t>
  </si>
  <si>
    <t>b80515c5-1343-4fff-828b-ef97160bc621.tmp</t>
  </si>
  <si>
    <t>\\acsfs\profiles$\gabrielafs\Downloads\b80515c5-1343-4fff-828b-ef97160bc621.tmp</t>
  </si>
  <si>
    <t>da3b2fc8-ae72-4aaf-80af-01fef995a42c.tmp</t>
  </si>
  <si>
    <t>\\acsfs\profiles$\gabrielafs\Downloads\da3b2fc8-ae72-4aaf-80af-01fef995a42c.tmp</t>
  </si>
  <si>
    <t>801ddd64-6c7a-43a3-94da-dd084100ec21.tmp</t>
  </si>
  <si>
    <t>\\acsfs\profiles$\gabrielafs\Downloads\801ddd64-6c7a-43a3-94da-dd084100ec21.tmp</t>
  </si>
  <si>
    <t>d97ef642-f396-4519-9d8a-6ebf83db2d27.tmp</t>
  </si>
  <si>
    <t>\\acsfs\profiles$\MATEUSJM\Downloads\d97ef642-f396-4519-9d8a-6ebf83db2d27.tmp</t>
  </si>
  <si>
    <t>85b5251b-02bc-4329-8eaa-68cb1cac43e9.tmp</t>
  </si>
  <si>
    <t>\\acsfs\profiles$\MATEUSJM\Downloads\85b5251b-02bc-4329-8eaa-68cb1cac43e9.tmp</t>
  </si>
  <si>
    <t>2d676ca3-aa72-4080-929a-33f2f12a24f6.tmp</t>
  </si>
  <si>
    <t>\\acsfs\profiles$\jonatanls\Downloads\2d676ca3-aa72-4080-929a-33f2f12a24f6.tmp</t>
  </si>
  <si>
    <t>lu154242yupeg.tmp</t>
  </si>
  <si>
    <t>\\acsfs\profiles$\jonatanls\My Documents\lu154242yupeg.tmp</t>
  </si>
  <si>
    <t>5af43269-bd02-4338-b997-705c9e200cf5.tmp</t>
  </si>
  <si>
    <t>\\acsfs\profiles$\luanarda\Downloads\5af43269-bd02-4338-b997-705c9e200cf5.tmp</t>
  </si>
  <si>
    <t>6ce6e860-cdfe-4fb3-a330-951064a37f4d.tmp</t>
  </si>
  <si>
    <t>\\acsfs\profiles$\eduardofss\Downloads\6ce6e860-cdfe-4fb3-a330-951064a37f4d.tmp</t>
  </si>
  <si>
    <t>francislayneads</t>
  </si>
  <si>
    <t>\\acsfs\profiles$\francislayneads\Contacts\</t>
  </si>
  <si>
    <t>FRANCISLAYNE ASSUMPCAO DE SOUSA (6).contact</t>
  </si>
  <si>
    <t>\\acsfs\profiles$\francislayneads\Contacts\FRANCISLAYNE ASSUMPCAO DE SOUSA (6).contact</t>
  </si>
  <si>
    <t>\\acsfs\profiles$\francislayneads\My Documents\My Videos\</t>
  </si>
  <si>
    <t>\\acsfs\profiles$\francislayneads\My Documents\My Videos\desktop.ini</t>
  </si>
  <si>
    <t>\\acsfs\profiles$\francislayneads\My Documents\My Pictures\</t>
  </si>
  <si>
    <t>\\acsfs\profiles$\francislayneads\My Documents\My Pictures\desktop.ini</t>
  </si>
  <si>
    <t>427a3022-afc5-4093-8fd6-b8a84354e604.tmp</t>
  </si>
  <si>
    <t>\\acsfs\profiles$\inarajst\Downloads\427a3022-afc5-4093-8fd6-b8a84354e604.tmp</t>
  </si>
  <si>
    <t>\\acsfs\profiles$\francislayneads\Contacts\desktop.ini</t>
  </si>
  <si>
    <t>\\acsfs\profiles$\francislayneads\Favorites\</t>
  </si>
  <si>
    <t>\\acsfs\profiles$\francislayneads\Favorites\desktop.ini</t>
  </si>
  <si>
    <t>\\acsfs\profiles$\francislayneads\My Documents\My Music\</t>
  </si>
  <si>
    <t>\\acsfs\profiles$\francislayneads\My Documents\My Music\desktop.ini</t>
  </si>
  <si>
    <t>\\acsfs\profiles$\francislayneads\Searches\</t>
  </si>
  <si>
    <t>\\acsfs\profiles$\francislayneads\Searches\desktop.ini</t>
  </si>
  <si>
    <t>\\acsfs\profiles$\francislayneads\Downloads\</t>
  </si>
  <si>
    <t>\\acsfs\profiles$\francislayneads\Downloads\desktop.ini</t>
  </si>
  <si>
    <t>\\acsfs\profiles$\francislayneads\My Documents\</t>
  </si>
  <si>
    <t>\\acsfs\profiles$\francislayneads\My Documents\desktop.ini</t>
  </si>
  <si>
    <t>\\acsfs\profiles$\francislayneads\Saved Games\</t>
  </si>
  <si>
    <t>\\acsfs\profiles$\francislayneads\Saved Games\desktop.ini</t>
  </si>
  <si>
    <t>\\acsfs\profiles$\FRANCISLAYNEADS\Favorites\Links for Brasil\</t>
  </si>
  <si>
    <t>\\acsfs\profiles$\FRANCISLAYNEADS\Favorites\Links for Brasil\desktop.ini</t>
  </si>
  <si>
    <t>\\acsfs\profiles$\FRANCISLAYNEADS\Favorites\Links for Brasil\Microsoft Brasil.url</t>
  </si>
  <si>
    <t>\\acsfs\profiles$\FRANCISLAYNEADS\Favorites\Links for Brasil\Windows Brasil.url</t>
  </si>
  <si>
    <t>\\acsfs\profiles$\FRANCISLAYNEADS\Favorites\Links for Brasil\MSN Brasil.url</t>
  </si>
  <si>
    <t>https://joaogvc@algartech.com,leonardoao@algartech.com,m1nxnxefxetrukrzvgozdhyqef1vh0jvuushxg==,paulacn@algartech.com,rafaelggs@algartech.com,taysdss@algartech.com,viniciussg@algartech.com</t>
  </si>
  <si>
    <t>d2b0539c-ed4e-45cf-8711-37eb94b32b64.tmp</t>
  </si>
  <si>
    <t>\\acsfs\profiles$\leticiala\Downloads\d2b0539c-ed4e-45cf-8711-37eb94b32b64.tmp</t>
  </si>
  <si>
    <t>CPF 06330712697 - OPERADORA GEOVANA ALINE SANTOS E SILVA_1_6763971929573505812_1_32.wav</t>
  </si>
  <si>
    <t>\\acsfs\Deptos\EDUCACAO EMPRESARIAL\KÉSIA\OUVIDORIA, PROCON, BACEN E RECLAME AQUI\CPF 06330712697 - OPERADORA GEOVANA ALINE SANTOS E SILVA_1_6763971929573505812_1_32.wav</t>
  </si>
  <si>
    <t>39114287-46cf-4f8f-8d90-331507db8f58.tmp</t>
  </si>
  <si>
    <t>\\acsfs\profiles$\michelerds\Downloads\39114287-46cf-4f8f-8d90-331507db8f58.tmp</t>
  </si>
  <si>
    <t>16e1b776-f7fa-44f1-b5fb-6362abde779c.tmp</t>
  </si>
  <si>
    <t>\\acsfs\profiles$\eduardofss\Downloads\16e1b776-f7fa-44f1-b5fb-6362abde779c.tmp</t>
  </si>
  <si>
    <t>9c4da73d-14f4-4668-81a3-1a48915d1778.tmp</t>
  </si>
  <si>
    <t>\\acsfs\profiles$\francislayneads\Downloads\9c4da73d-14f4-4668-81a3-1a48915d1778.tmp</t>
  </si>
  <si>
    <t>550304f6-f821-4cf7-88d3-9f199815c730.tmp</t>
  </si>
  <si>
    <t>\\acsfs\profiles$\francislayneads\Downloads\550304f6-f821-4cf7-88d3-9f199815c730.tmp</t>
  </si>
  <si>
    <t>0f97bd6d-9d0d-46ad-9e05-0173203b6ef3.tmp</t>
  </si>
  <si>
    <t>\\acsfs\profiles$\Flaviojmm\Downloads\0f97bd6d-9d0d-46ad-9e05-0173203b6ef3.tmp</t>
  </si>
  <si>
    <t>756d00e8-98ff-4c4c-bb88-b48e1bedc8f1.tmp</t>
  </si>
  <si>
    <t>\\acsfs\profiles$\ANAPDSB\Downloads\756d00e8-98ff-4c4c-bb88-b48e1bedc8f1.tmp</t>
  </si>
  <si>
    <t>f8167c6d-6213-441e-a161-9c21ccab89c1.tmp</t>
  </si>
  <si>
    <t>\\acsfs\profiles$\ANAPDSB\Downloads\f8167c6d-6213-441e-a161-9c21ccab89c1.tmp</t>
  </si>
  <si>
    <t>b2490bba-a0a2-419b-8794-8c7e16d1d377.tmp</t>
  </si>
  <si>
    <t>\\acsfs\profiles$\KARENDSR\Downloads\b2490bba-a0a2-419b-8794-8c7e16d1d377.tmp</t>
  </si>
  <si>
    <t>bd9f8f55-fcdd-4cdb-aeab-7949c0933d8a.tmp</t>
  </si>
  <si>
    <t>\\acsfs\profiles$\luanaagl\Downloads\bd9f8f55-fcdd-4cdb-aeab-7949c0933d8a.tmp</t>
  </si>
  <si>
    <t>6cfb7170-e7e4-4b41-b87b-a55e9c34857a.tmp</t>
  </si>
  <si>
    <t>\\acsfs\profiles$\quindaizaagds\Downloads\6cfb7170-e7e4-4b41-b87b-a55e9c34857a.tmp</t>
  </si>
  <si>
    <t>0418f64f-8703-40bb-abdd-beab94c6324f.tmp</t>
  </si>
  <si>
    <t>\\acsfs\profiles$\mariajra\Downloads\0418f64f-8703-40bb-abdd-beab94c6324f.tmp</t>
  </si>
  <si>
    <t>lu139322oinh.tmp</t>
  </si>
  <si>
    <t>\\acsfs\profiles$\dhiulliananads\My Documents\lu139322oinh.tmp</t>
  </si>
  <si>
    <t>\\acsfs\profiles$\dhiulliananads\My Documents\lu139322oinh.tmp\</t>
  </si>
  <si>
    <t>\\acsfs\profiles$\dhiulliananads\My Documents\lu139322oinh.tmp\META-INF\</t>
  </si>
  <si>
    <t>\\acsfs\profiles$\dhiulliananads\My Documents\lu139322oinh.tmp\Thumbnails\</t>
  </si>
  <si>
    <t>https://joaogvc@algartech.com,leonardoao@algartech.com,paulacn@algartech.com,rafaelggs@algartech.com,taysdss@algartech.com,viniciussg@algartech.com</t>
  </si>
  <si>
    <t>00ce5b5c-064c-4254-a11d-267b130ae2dc.tmp</t>
  </si>
  <si>
    <t>\\acsfs\profiles$\leticiala\Downloads\00ce5b5c-064c-4254-a11d-267b130ae2dc.tmp</t>
  </si>
  <si>
    <t>b1665f25-e7a7-4a50-a2c7-6dd83dc70e63.tmp</t>
  </si>
  <si>
    <t>\\acsfs\profiles$\gabrielarb\Downloads\b1665f25-e7a7-4a50-a2c7-6dd83dc70e63.tmp</t>
  </si>
  <si>
    <t>30d24008-1989-4656-b551-bdbc4125ca79.tmp</t>
  </si>
  <si>
    <t>\\acsfs\profiles$\mariliafplb\Downloads\30d24008-1989-4656-b551-bdbc4125ca79.tmp</t>
  </si>
  <si>
    <t>76eacf28-b6d7-47c3-b9ad-94fc9e68e3ac.tmp</t>
  </si>
  <si>
    <t>\\acsfs\profiles$\mariliafplb\Downloads\76eacf28-b6d7-47c3-b9ad-94fc9e68e3ac.tmp</t>
  </si>
  <si>
    <t>1e6d6ac6-78ca-4d12-bf3e-6d5aee3ee621.tmp</t>
  </si>
  <si>
    <t>\\acsfs\profiles$\mariliafplb\Downloads\1e6d6ac6-78ca-4d12-bf3e-6d5aee3ee621.tmp</t>
  </si>
  <si>
    <t>3368c6e8-bb4e-421b-8ebe-6aacf1792202.tmp</t>
  </si>
  <si>
    <t>\\acsfs\profiles$\JOAOVAL\Downloads\3368c6e8-bb4e-421b-8ebe-6aacf1792202.tmp</t>
  </si>
  <si>
    <t>0c2887c4-8cfa-43da-9552-a2a4d90c509f.tmp</t>
  </si>
  <si>
    <t>\\acsfs\profiles$\JOAOVAL\Downloads\0c2887c4-8cfa-43da-9552-a2a4d90c509f.tmp</t>
  </si>
  <si>
    <t>d2d4b0d3-f631-4958-a7c1-01a0365cb4ff.tmp</t>
  </si>
  <si>
    <t>\\acsfs\profiles$\JOAOVAL\Downloads\d2d4b0d3-f631-4958-a7c1-01a0365cb4ff.tmp</t>
  </si>
  <si>
    <t>2bf39c17-5ed2-41f6-a9ad-3dfa5fe32c78.tmp</t>
  </si>
  <si>
    <t>\\acsfs\profiles$\JOAOVAL\Downloads\2bf39c17-5ed2-41f6-a9ad-3dfa5fe32c78.tmp</t>
  </si>
  <si>
    <t>0c88fe92-09a2-476d-8c35-c01171cd5c77.tmp</t>
  </si>
  <si>
    <t>\\acsfs\profiles$\MATEUSJM\Downloads\0c88fe92-09a2-476d-8c35-c01171cd5c77.tmp</t>
  </si>
  <si>
    <t>18bc7e74-dc39-42d0-9ca4-180efe878f6e.tmp</t>
  </si>
  <si>
    <t>\\acsfs\profiles$\MATEUSJM\Downloads\18bc7e74-dc39-42d0-9ca4-180efe878f6e.tmp</t>
  </si>
  <si>
    <t>c:\users\camillarl\desktop\</t>
  </si>
  <si>
    <t>formulario passe.pdf</t>
  </si>
  <si>
    <t>1c122dcf-3c8d-4247-8a1a-37688d51f761.tmp</t>
  </si>
  <si>
    <t>\\acsfs\profiles$\quindaizaagds\Downloads\1c122dcf-3c8d-4247-8a1a-37688d51f761.tmp</t>
  </si>
  <si>
    <t>4a552367-3cee-4f4e-aeee-8967bad79ac0.tmp</t>
  </si>
  <si>
    <t>\\acsfs\profiles$\quindaizaagds\Downloads\4a552367-3cee-4f4e-aeee-8967bad79ac0.tmp</t>
  </si>
  <si>
    <t>2b41d58b-579a-4513-b527-35e7ee3ad1c3.tmp</t>
  </si>
  <si>
    <t>\\acsfs\profiles$\quindaizaagds\Downloads\2b41d58b-579a-4513-b527-35e7ee3ad1c3.tmp</t>
  </si>
  <si>
    <t>f9c3317f-0652-4632-a432-8e2223a11374.tmp</t>
  </si>
  <si>
    <t>\\acsfs\profiles$\matheushds\Downloads\f9c3317f-0652-4632-a432-8e2223a11374.tmp</t>
  </si>
  <si>
    <t>5909c661-2b2e-4bbf-9d7f-8c8778578ad7.tmp</t>
  </si>
  <si>
    <t>\\acsfs\profiles$\matheushds\Downloads\5909c661-2b2e-4bbf-9d7f-8c8778578ad7.tmp</t>
  </si>
  <si>
    <t>9173c9ce-fefd-4ec1-bb42-8c84493248d3.tmp</t>
  </si>
  <si>
    <t>\\acsfs\profiles$\mariajra\Downloads\9173c9ce-fefd-4ec1-bb42-8c84493248d3.tmp</t>
  </si>
  <si>
    <t>61a12361-67c2-488b-aa0d-c27f521736ff.tmp</t>
  </si>
  <si>
    <t>\\acsfs\profiles$\wedersonbadr\My Documents\My Music\61a12361-67c2-488b-aa0d-c27f521736ff.tmp</t>
  </si>
  <si>
    <t>b4f06e22-0cf1-4253-81c4-067ea84f64d7.tmp</t>
  </si>
  <si>
    <t>\\acsfs\profiles$\milenaas\Downloads\b4f06e22-0cf1-4253-81c4-067ea84f64d7.tmp</t>
  </si>
  <si>
    <t>e44a23aa-a9d6-4199-ac27-b84e7e12b5f3.tmp</t>
  </si>
  <si>
    <t>\\acsfs\profiles$\sarahbal\Downloads\e44a23aa-a9d6-4199-ac27-b84e7e12b5f3.tmp</t>
  </si>
  <si>
    <t>3238f832-800a-4c4f-ae8b-fba8bc2e9a18.tmp</t>
  </si>
  <si>
    <t>\\acsfs\profiles$\sarahbal\Downloads\3238f832-800a-4c4f-ae8b-fba8bc2e9a18.tmp</t>
  </si>
  <si>
    <t>f1a90a88-8aff-43ac-a2fa-802f0cb4e62b.tmp</t>
  </si>
  <si>
    <t>\\acsfs\profiles$\anafsb\Downloads\f1a90a88-8aff-43ac-a2fa-802f0cb4e62b.tmp</t>
  </si>
  <si>
    <t>10b95df3-100b-4fe9-b1c8-3bb5691e0828.tmp</t>
  </si>
  <si>
    <t>\\acsfs\profiles$\anafsb\Downloads\10b95df3-100b-4fe9-b1c8-3bb5691e0828.tmp</t>
  </si>
  <si>
    <t>d33c4f33-14c5-42d4-bc71-862a3772fa8a.tmp</t>
  </si>
  <si>
    <t>\\acsfs\profiles$\luanaagl\Downloads\d33c4f33-14c5-42d4-bc71-862a3772fa8a.tmp</t>
  </si>
  <si>
    <t>dd0e2e48-2422-4dfa-964e-704e065d0793.tmp</t>
  </si>
  <si>
    <t>\\acsfs\profiles$\deborahsi\Downloads\dd0e2e48-2422-4dfa-964e-704e065d0793.tmp</t>
  </si>
  <si>
    <t>https://udpmailboxap01.acs.com.br:8443/h/search?si=0&amp;so=0&amp;sc=58902&amp;st=conversation&amp;action=compose&amp;paction=paneview</t>
  </si>
  <si>
    <t>fbab4dd2-25a0-4d11-ad5d-cf82bf0070ef.tmp</t>
  </si>
  <si>
    <t>\\acsfs\profiles$\matheushds\Downloads\fbab4dd2-25a0-4d11-ad5d-cf82bf0070ef.tmp</t>
  </si>
  <si>
    <t>201f0811-5f1f-4614-ab7e-77c443237fd7.tmp</t>
  </si>
  <si>
    <t>\\acsfs\profiles$\lorraynevam\Downloads\201f0811-5f1f-4614-ab7e-77c443237fd7.tmp</t>
  </si>
  <si>
    <t>86bc34f9-9ea4-4e3a-b9b0-9bf6de8a0dac.tmp</t>
  </si>
  <si>
    <t>\\acsfs\profiles$\nathaliarmr\Downloads\86bc34f9-9ea4-4e3a-b9b0-9bf6de8a0dac.tmp</t>
  </si>
  <si>
    <t>9fd90686-cd35-4dcd-a16d-b510d2974570.tmp</t>
  </si>
  <si>
    <t>\\acsfs\profiles$\wedersonbadr\My Documents\My Music\9fd90686-cd35-4dcd-a16d-b510d2974570.tmp</t>
  </si>
  <si>
    <t>217cd3c9-7957-47c6-bedb-e031ded4807c.tmp</t>
  </si>
  <si>
    <t>\\acsfs\profiles$\larissaad\Downloads\217cd3c9-7957-47c6-bedb-e031ded4807c.tmp</t>
  </si>
  <si>
    <t>1a23ca72-4ad1-42be-af49-61b9617fae31.tmp</t>
  </si>
  <si>
    <t>\\acsfs\profiles$\gabrielafs\Downloads\1a23ca72-4ad1-42be-af49-61b9617fae31.tmp</t>
  </si>
  <si>
    <t>6e57d1da-ddae-421d-ad0d-36699628a411.tmp</t>
  </si>
  <si>
    <t>\\acsfs\profiles$\felipetds\Downloads\6e57d1da-ddae-421d-ad0d-36699628a411.tmp</t>
  </si>
  <si>
    <t>eddc7c6b-79b1-4312-ada5-2b5c0fa9ee72.tmp</t>
  </si>
  <si>
    <t>\\acsfs\profiles$\michelerds\Downloads\eddc7c6b-79b1-4312-ada5-2b5c0fa9ee72.tmp</t>
  </si>
  <si>
    <t>efb693ec-8cf7-4865-a136-26e6abfeab06.tmp</t>
  </si>
  <si>
    <t>\\acsfs\profiles$\vivianalds\Downloads\efb693ec-8cf7-4865-a136-26e6abfeab06.tmp</t>
  </si>
  <si>
    <t>be389374-11ad-41b0-b209-4973fc1620d1.tmp</t>
  </si>
  <si>
    <t>\\acsfs\profiles$\matheushds\Downloads\be389374-11ad-41b0-b209-4973fc1620d1.tmp</t>
  </si>
  <si>
    <t>Dimensionamento_Dezembro 2 (4).xlsx</t>
  </si>
  <si>
    <t>\\acsfs\DEPTOS\Operacao\Banco_Votorantim\Qualidade\Anderson\Dimensionamento Elii kk\Dimensionamento_Dezembro 2 (4).xlsx</t>
  </si>
  <si>
    <t>\\acsfs\DEPTOS\Operacao\Banco_Votorantim\Qualidade\Anderson\Dimensionamento Elii kk\Dimensionamento_Dezembro 2 (4).xlsx\</t>
  </si>
  <si>
    <t>\\acsfs\DEPTOS\Operacao\Banco_Votorantim\Qualidade\Anderson\Dimensionamento Elii kk\Dimensionamento_Dezembro 2 (4).xlsx\:Zone.Identifier:$DATA</t>
  </si>
  <si>
    <t>6d486780-a487-4f8d-af74-a23c72dde4ee.tmp</t>
  </si>
  <si>
    <t>\\acsfs\profiles$\wedersonbadr\My Documents\My Music\6d486780-a487-4f8d-af74-a23c72dde4ee.tmp</t>
  </si>
  <si>
    <t>\\acsfs\profiles$\wedersonbadr\My Documents\My Music\6d486780-a487-4f8d-af74-a23c72dde4ee.tmp\</t>
  </si>
  <si>
    <t>\\acsfs\profiles$\wedersonbadr\My Documents\My Music\6d486780-a487-4f8d-af74-a23c72dde4ee.tmp\META-INF\</t>
  </si>
  <si>
    <t>\\acsfs\profiles$\wedersonbadr\My Documents\My Music\6d486780-a487-4f8d-af74-a23c72dde4ee.tmp\Thumbnails\</t>
  </si>
  <si>
    <t>.~lock.Erro Operacional Marta. (dezembro) (1).ods#</t>
  </si>
  <si>
    <t>\\acsfs\profiles$\wedersonbadr\Downloads\.~lock.Erro Operacional Marta. (dezembro) (1).ods#</t>
  </si>
  <si>
    <t>75b51577-56c3-4a35-a612-9046883d9594.tmp</t>
  </si>
  <si>
    <t>\\acsfs\profiles$\ROZENCAM\Downloads\75b51577-56c3-4a35-a612-9046883d9594.tmp</t>
  </si>
  <si>
    <t>C:\Users\camillarl\Desktop\</t>
  </si>
  <si>
    <t>formulario vanessa.jpg</t>
  </si>
  <si>
    <t>https://7</t>
  </si>
  <si>
    <t>vale Vanessa cc.jpg</t>
  </si>
  <si>
    <t>verso cc vanessa.jpg</t>
  </si>
  <si>
    <t>a959bd2a-7513-436c-bbef-d77039d81c66.tmp</t>
  </si>
  <si>
    <t>\\acsfs\profiles$\adelvinsonle\Downloads\a959bd2a-7513-436c-bbef-d77039d81c66.tmp</t>
  </si>
  <si>
    <t>kesiadof@algartech.com;mirianppb@algartech.com;</t>
  </si>
  <si>
    <t>kesiadof@algartech.com,mirianppb@algartech.com</t>
  </si>
  <si>
    <t>https://udpwfmniceap02/web/guest/home?p_auth=9lxufvoj&amp;p_p_id=58&amp;p_p_lifecycle=1&amp;p_p_state=maximized&amp;p_p_mode=view&amp;savelastpath=0&amp;_58_struts_action=/login/forgot_password</t>
  </si>
  <si>
    <t>e085fb16-162c-48b9-b3b0-39114da22917.tmp</t>
  </si>
  <si>
    <t>\\acsfs\profiles$\inarajst\Downloads\e085fb16-162c-48b9-b3b0-39114da22917.tmp</t>
  </si>
  <si>
    <t>mail.google.com/sync/u/0/i/s?hl=pt-BR&amp;c=366</t>
  </si>
  <si>
    <t>m1nxnxefxetrukrzvgozdhyqef1vh0jvuushxg==</t>
  </si>
  <si>
    <t>mail.google.com/sync/u/0/i/s?hl=pt-BR&amp;c=375</t>
  </si>
  <si>
    <t>mail.google.com/_/upload?authuser=0&amp;dcp=asu-n&amp;upload_id=AEnB2UpORwhkQZTLYfgvhEl1EK_95Q-HxQm3xFEnBKvvVWXrhxNg8WHDUW4UAEAXBh0uoDElLA7DTH2e-5KCe9UOhlhbkmEK5E3Ff55nBEZXW2p7rmfKXcs&amp;upload_protocol=resumable</t>
  </si>
  <si>
    <t>mail.google.com/_/upload?authuser=0&amp;dcp=asu-n&amp;upload_id=AEnB2UrC0GCLBU6FIed5o7EDkuMocwsGJDwJg3Jar4xtRA_P7gKVuPvogh5ljQVMOTntJNl7_EFkkBBZauk5PA9pZ1-4bY8giA&amp;upload_protocol=resumable</t>
  </si>
  <si>
    <t>CPF 06330712697 ERNANDES FERREIRA DA SILVA.pdf</t>
  </si>
  <si>
    <t>\\acsfs\Deptos\EDUCACAO EMPRESARIAL\KÉSIA\OUVIDORIA, PROCON, BACEN E RECLAME AQUI\CPF 06330712697 ERNANDES FERREIRA DA SILVA.pdf</t>
  </si>
  <si>
    <t>\\acsfs\Deptos\EDUCACAO EMPRESARIAL\KÉSIA\OUVIDORIA, PROCON, BACEN E RECLAME AQUI\CPF 06330712697 ERNANDES FERREIRA DA SILVA.pdf\</t>
  </si>
  <si>
    <t>\\acsfs\Deptos\EDUCACAO EMPRESARIAL\KÉSIA\OUVIDORIA, PROCON, BACEN E RECLAME AQUI\CPF 06330712697 ERNANDES FERREIRA DA SILVA.pdf\:Zone.Identifier:$DATA</t>
  </si>
  <si>
    <t>81abbd2e-6df0-4467-b4d3-2a6e43de3177.tmp</t>
  </si>
  <si>
    <t>\\acsfs\profiles$\marcellewdl\Downloads\81abbd2e-6df0-4467-b4d3-2a6e43de3177.tmp</t>
  </si>
  <si>
    <t>6bb73537-1170-430d-b990-ed15f6a0737f.tmp</t>
  </si>
  <si>
    <t>\\acsfs\profiles$\lorrainerdl\Downloads\6bb73537-1170-430d-b990-ed15f6a0737f.tmp</t>
  </si>
  <si>
    <t>20ff6d70-178a-42d2-9671-d4943600830c.tmp</t>
  </si>
  <si>
    <t>\\acsfs\profiles$\JOAOVAL\Downloads\20ff6d70-178a-42d2-9671-d4943600830c.tmp</t>
  </si>
  <si>
    <t>35a8a1e1-6400-4020-939d-01205a47b3eb.tmp</t>
  </si>
  <si>
    <t>\\acsfs\profiles$\BRUNAAR\Downloads\35a8a1e1-6400-4020-939d-01205a47b3eb.tmp</t>
  </si>
  <si>
    <t>lu139322oinx.tmp</t>
  </si>
  <si>
    <t>\\acsfs\profiles$\dhiulliananads\My Documents\lu139322oinx.tmp</t>
  </si>
  <si>
    <t>\\acsfs\profiles$\dhiulliananads\My Documents\lu139322oinx.tmp\</t>
  </si>
  <si>
    <t>\\acsfs\profiles$\dhiulliananads\My Documents\lu139322oinx.tmp\META-INF\</t>
  </si>
  <si>
    <t>\\acsfs\profiles$\dhiulliananads\My Documents\lu139322oinx.tmp\Thumbnails\</t>
  </si>
  <si>
    <t>lu139322oio3.tmp</t>
  </si>
  <si>
    <t>\\acsfs\profiles$\dhiulliananads\My Documents\lu139322oio3.tmp</t>
  </si>
  <si>
    <t>\\acsfs\profiles$\dhiulliananads\My Documents\lu139322oio3.tmp\</t>
  </si>
  <si>
    <t>\\acsfs\profiles$\dhiulliananads\My Documents\lu139322oio3.tmp\META-INF\</t>
  </si>
  <si>
    <t>\\acsfs\profiles$\dhiulliananads\My Documents\lu139322oio3.tmp\Thumbnails\</t>
  </si>
  <si>
    <t>lu139322oio8.tmp</t>
  </si>
  <si>
    <t>\\acsfs\profiles$\dhiulliananads\My Documents\lu139322oio8.tmp</t>
  </si>
  <si>
    <t>\\acsfs\profiles$\dhiulliananads\My Documents\lu139322oio8.tmp\</t>
  </si>
  <si>
    <t>\\acsfs\profiles$\dhiulliananads\My Documents\lu139322oio8.tmp\META-INF\</t>
  </si>
  <si>
    <t>\\acsfs\profiles$\dhiulliananads\My Documents\lu139322oio8.tmp\Thumbnails\</t>
  </si>
  <si>
    <t>71d7c213-d49c-4c56-a70c-759b2055f685.tmp</t>
  </si>
  <si>
    <t>\\acsfs\profiles$\inarajst\Downloads\71d7c213-d49c-4c56-a70c-759b2055f685.tmp</t>
  </si>
  <si>
    <t>VENDA 01 2020.txt</t>
  </si>
  <si>
    <t>\\acsfs\profiles$\ERICALSR\My Documents\VENDA 01 2020.txt</t>
  </si>
  <si>
    <t>62b47613-b90a-42a8-87cb-2c6b278a6616.tmp</t>
  </si>
  <si>
    <t>\\acsfs\profiles$\rafaelamsv\Downloads\62b47613-b90a-42a8-87cb-2c6b278a6616.tmp</t>
  </si>
  <si>
    <t>996d056a-a979-48c8-bba2-f430a4a5e337.tmp</t>
  </si>
  <si>
    <t>\\acsfs\profiles$\JOAOVAL\Downloads\996d056a-a979-48c8-bba2-f430a4a5e337.tmp</t>
  </si>
  <si>
    <t>13164e12-fdf1-42e2-b6e5-d09c374ccb6f.tmp</t>
  </si>
  <si>
    <t>\\acsfs\profiles$\lucasgpe\Downloads\13164e12-fdf1-42e2-b6e5-d09c374ccb6f.tmp</t>
  </si>
  <si>
    <t>andrelpsa@algartech.com;gabrielsma@algartech.com;supervisaobancovotorantim@algartech.com;</t>
  </si>
  <si>
    <t>andrelpsa@algartech.com,gabrielsma@algartech.com,supervisaobancovotorantim@algartech.com</t>
  </si>
  <si>
    <t>23475;andrelpsa@algartech.com;gabrielsma@algartech.com;supervisaobancovotorantim@algartech.com;</t>
  </si>
  <si>
    <t>23475,andrelpsa@algartech.com,gabrielsma@algartech.com,supervisaobancovotorantim@algartech.com</t>
  </si>
  <si>
    <t>lu79556a0ulz5.tmp</t>
  </si>
  <si>
    <t>\\acsfs\profiles$\BRUNAAR\Numero\lu79556a0ulz5.tmp</t>
  </si>
  <si>
    <t>lu79556a0ulz8.tmp</t>
  </si>
  <si>
    <t>\\acsfs\profiles$\BRUNAAR\Numero\lu79556a0ulz8.tmp</t>
  </si>
  <si>
    <t>lu139322oiod.tmp</t>
  </si>
  <si>
    <t>\\acsfs\profiles$\dhiulliananads\My Documents\lu139322oiod.tmp</t>
  </si>
  <si>
    <t>\\acsfs\profiles$\dhiulliananads\My Documents\lu139322oiod.tmp\</t>
  </si>
  <si>
    <t>\\acsfs\profiles$\dhiulliananads\My Documents\lu139322oiod.tmp\META-INF\</t>
  </si>
  <si>
    <t>\\acsfs\profiles$\dhiulliananads\My Documents\lu139322oiod.tmp\Thumbnails\</t>
  </si>
  <si>
    <t>c1d13274-128d-4f04-8834-1328fe09dd1c.tmp</t>
  </si>
  <si>
    <t>\\acsfs\profiles$\larissaad\Downloads\c1d13274-128d-4f04-8834-1328fe09dd1c.tmp</t>
  </si>
  <si>
    <t>69fa1272-ab8f-485b-90ce-0792eb8ab9d7.tmp</t>
  </si>
  <si>
    <t>\\acsfs\profiles$\gabrielarb\Downloads\69fa1272-ab8f-485b-90ce-0792eb8ab9d7.tmp</t>
  </si>
  <si>
    <t>c78ba2aa-12b5-427f-894e-83c232758930.tmp</t>
  </si>
  <si>
    <t>\\acsfs\profiles$\mariliafplb\Downloads\c78ba2aa-12b5-427f-894e-83c232758930.tmp</t>
  </si>
  <si>
    <t>e5e72a53-b21d-461a-ad9e-f0f031a27054.tmp</t>
  </si>
  <si>
    <t>\\acsfs\profiles$\JOAOVAL\Downloads\e5e72a53-b21d-461a-ad9e-f0f031a27054.tmp</t>
  </si>
  <si>
    <t>scripts.txt</t>
  </si>
  <si>
    <t>\\acsfs\profiles$\maxmillianosv\My Documents\scripts.txt</t>
  </si>
  <si>
    <t>48b34b9d-dedd-4200-a985-3f3bc3612827.tmp</t>
  </si>
  <si>
    <t>\\acsfs\profiles$\wenderbnm\Downloads\48b34b9d-dedd-4200-a985-3f3bc3612827.tmp</t>
  </si>
  <si>
    <t>7075b287-066b-4448-b168-c30945cb480c.tmp</t>
  </si>
  <si>
    <t>\\acsfs\profiles$\ALYNYA\Downloads\7075b287-066b-4448-b168-c30945cb480c.tmp</t>
  </si>
  <si>
    <t>63bf3017-3f72-4f21-aa37-2c185fd156ab.tmp</t>
  </si>
  <si>
    <t>\\acsfs\profiles$\matheushds\Downloads\63bf3017-3f72-4f21-aa37-2c185fd156ab.tmp</t>
  </si>
  <si>
    <t>\\acsfs\DEPTOS\Operacao\PCP\5 - Comum\João Gabriel\</t>
  </si>
  <si>
    <t>Passo a Passo relatórios.xlsx</t>
  </si>
  <si>
    <t>\\acsfs\DEPTOS\Operacao\PCP\5 - Comum\João Gabriel\Passo a Passo relatórios.xlsx</t>
  </si>
  <si>
    <t>6b063adc-179f-4144-bad4-ddd7104e10b8.tmp</t>
  </si>
  <si>
    <t>\\acsfs\profiles$\larissaad\Downloads\6b063adc-179f-4144-bad4-ddd7104e10b8.tmp</t>
  </si>
  <si>
    <t>a4353e2b-8146-4168-9b40-dddcdb52ad43.tmp</t>
  </si>
  <si>
    <t>\\acsfs\profiles$\leticiala\Downloads\a4353e2b-8146-4168-9b40-dddcdb52ad43.tmp</t>
  </si>
  <si>
    <t>CPF 10790276534 - OPERADORA PATRICIA OLIVEIRA CARVALHO_1_6750697547166188426_1_32.wav</t>
  </si>
  <si>
    <t>\\acsfs\Deptos\EDUCACAO EMPRESARIAL\KÉSIA\OUVIDORIA, PROCON, BACEN E RECLAME AQUI\CPF 10790276534 - OPERADORA PATRICIA OLIVEIRA CARVALHO_1_6750697547166188426_1_32.wav</t>
  </si>
  <si>
    <t>11e0b351-44ab-4562-82c9-6b91b99cc9da.tmp</t>
  </si>
  <si>
    <t>\\acsfs\profiles$\gabrielafs\Downloads\11e0b351-44ab-4562-82c9-6b91b99cc9da.tmp</t>
  </si>
  <si>
    <t>ff0d6cc3-815d-4e77-b13a-0c624354ac66.tmp</t>
  </si>
  <si>
    <t>\\acsfs\profiles$\wenderbnm\Downloads\ff0d6cc3-815d-4e77-b13a-0c624354ac66.tmp</t>
  </si>
  <si>
    <t>b5fcbbe9-6f81-4a69-a209-aa0c21027c49.tmp</t>
  </si>
  <si>
    <t>\\acsfs\profiles$\lorrainerdl\Downloads\b5fcbbe9-6f81-4a69-a209-aa0c21027c49.tmp</t>
  </si>
  <si>
    <t>dcc75648-f0db-4303-8eaf-50e4fda1f721.tmp</t>
  </si>
  <si>
    <t>\\acsfs\profiles$\cintiadcf\Downloads\dcc75648-f0db-4303-8eaf-50e4fda1f721.tmp</t>
  </si>
  <si>
    <t>1667c2f2-6b3f-4a72-8369-aa57039da4ec.tmp</t>
  </si>
  <si>
    <t>\\acsfs\profiles$\isabellegtds\Downloads\1667c2f2-6b3f-4a72-8369-aa57039da4ec.tmp</t>
  </si>
  <si>
    <t>lu139322oioj.tmp</t>
  </si>
  <si>
    <t>\\acsfs\profiles$\dhiulliananads\My Documents\lu139322oioj.tmp</t>
  </si>
  <si>
    <t>\\acsfs\profiles$\dhiulliananads\My Documents\lu139322oioj.tmp\</t>
  </si>
  <si>
    <t>\\acsfs\profiles$\dhiulliananads\My Documents\lu139322oioj.tmp\META-INF\</t>
  </si>
  <si>
    <t>\\acsfs\profiles$\dhiulliananads\My Documents\lu139322oioj.tmp\Thumbnails\</t>
  </si>
  <si>
    <t>lu139322oios.tmp</t>
  </si>
  <si>
    <t>\\acsfs\profiles$\dhiulliananads\My Documents\lu139322oios.tmp</t>
  </si>
  <si>
    <t>\\acsfs\profiles$\dhiulliananads\My Documents\lu139322oios.tmp\</t>
  </si>
  <si>
    <t>\\acsfs\profiles$\dhiulliananads\My Documents\lu139322oios.tmp\META-INF\</t>
  </si>
  <si>
    <t>\\acsfs\profiles$\dhiulliananads\My Documents\lu139322oios.tmp\Thumbnails\</t>
  </si>
  <si>
    <t>lu139322oioy.tmp</t>
  </si>
  <si>
    <t>\\acsfs\profiles$\dhiulliananads\My Documents\lu139322oioy.tmp</t>
  </si>
  <si>
    <t>\\acsfs\profiles$\dhiulliananads\My Documents\lu139322oioy.tmp\</t>
  </si>
  <si>
    <t>\\acsfs\profiles$\dhiulliananads\My Documents\lu139322oioy.tmp\META-INF\</t>
  </si>
  <si>
    <t>\\acsfs\profiles$\dhiulliananads\My Documents\lu139322oioy.tmp\Thumbnails\</t>
  </si>
  <si>
    <t>\\acsfs\profiles$\MATEUSJM\Downloads\$RECYCLE.BIN\</t>
  </si>
  <si>
    <t>$IWRUT95.pdf</t>
  </si>
  <si>
    <t>\\acsfs\profiles$\MATEUSJM\Downloads\$RECYCLE.BIN\$IWRUT95.pdf</t>
  </si>
  <si>
    <t>$I6LI35B.pdf</t>
  </si>
  <si>
    <t>\\acsfs\profiles$\MATEUSJM\Downloads\$RECYCLE.BIN\$I6LI35B.pdf</t>
  </si>
  <si>
    <t>$I2RX19Z.ica</t>
  </si>
  <si>
    <t>\\acsfs\profiles$\MATEUSJM\Downloads\$RECYCLE.BIN\$I2RX19Z.ica</t>
  </si>
  <si>
    <t>$IGX18PN.ica</t>
  </si>
  <si>
    <t>\\acsfs\profiles$\MATEUSJM\Downloads\$RECYCLE.BIN\$IGX18PN.ica</t>
  </si>
  <si>
    <t>$I51UEPN.ica</t>
  </si>
  <si>
    <t>\\acsfs\profiles$\MATEUSJM\Downloads\$RECYCLE.BIN\$I51UEPN.ica</t>
  </si>
  <si>
    <t>$I72AJ3B.ica</t>
  </si>
  <si>
    <t>\\acsfs\profiles$\MATEUSJM\Downloads\$RECYCLE.BIN\$I72AJ3B.ica</t>
  </si>
  <si>
    <t>$I0A01RJ.pdf</t>
  </si>
  <si>
    <t>\\acsfs\profiles$\MATEUSJM\Downloads\$RECYCLE.BIN\$I0A01RJ.pdf</t>
  </si>
  <si>
    <t>$IWY2DC2.pdf</t>
  </si>
  <si>
    <t>\\acsfs\profiles$\MATEUSJM\Downloads\$RECYCLE.BIN\$IWY2DC2.pdf</t>
  </si>
  <si>
    <t>$IH0IAY9.pdf</t>
  </si>
  <si>
    <t>\\acsfs\profiles$\MATEUSJM\Downloads\$RECYCLE.BIN\$IH0IAY9.pdf</t>
  </si>
  <si>
    <t>$I558AMC.pdf</t>
  </si>
  <si>
    <t>\\acsfs\profiles$\MATEUSJM\Downloads\$RECYCLE.BIN\$I558AMC.pdf</t>
  </si>
  <si>
    <t>$I586ZXY.pdf</t>
  </si>
  <si>
    <t>\\acsfs\profiles$\MATEUSJM\Downloads\$RECYCLE.BIN\$I586ZXY.pdf</t>
  </si>
  <si>
    <t>$ITMC9B7.pdf</t>
  </si>
  <si>
    <t>\\acsfs\profiles$\MATEUSJM\Downloads\$RECYCLE.BIN\$ITMC9B7.pdf</t>
  </si>
  <si>
    <t>05f9349f-7dc5-4448-9582-6fb1c2024eae.tmp</t>
  </si>
  <si>
    <t>\\acsfs\profiles$\isabellegtds\Downloads\05f9349f-7dc5-4448-9582-6fb1c2024eae.tmp</t>
  </si>
  <si>
    <t>\\acsfs\Deptos\EDUCACAO EMPRESARIAL\</t>
  </si>
  <si>
    <t>\\acsfs\Deptos\EDUCACAO EMPRESARIAL\Thumbs.db</t>
  </si>
  <si>
    <t>06540fb4-11b4-448b-9560-82cdd6abc1aa.tmp</t>
  </si>
  <si>
    <t>\\acsfs\profiles$\wedersonbadr\My Documents\My Music\06540fb4-11b4-448b-9560-82cdd6abc1aa.tmp</t>
  </si>
  <si>
    <t>andrelps@algartech.com;gabrielsma@algartech.com;supervisaobancovotorantim@algartech.com;</t>
  </si>
  <si>
    <t>andrelps@algartech.com,gabrielsma@algartech.com,supervisaobancovotorantim@algartech.com</t>
  </si>
  <si>
    <t>61565344-6d87-4c7c-9cba-c7c420fbdfb1.tmp</t>
  </si>
  <si>
    <t>\\acsfs\profiles$\lorrainerdl\Downloads\61565344-6d87-4c7c-9cba-c7c420fbdfb1.tmp</t>
  </si>
  <si>
    <t>2e007043-0eac-47d6-96da-86f953e02aab.tmp</t>
  </si>
  <si>
    <t>\\acsfs\profiles$\lucasgpe\Downloads\2e007043-0eac-47d6-96da-86f953e02aab.tmp</t>
  </si>
  <si>
    <t>Unconfirmed 342297.crdownload</t>
  </si>
  <si>
    <t>\\acsfs\profiles$\lucasgpe\Downloads\Unconfirmed 342297.crdownload</t>
  </si>
  <si>
    <t>94aef951-670b-4acf-89a0-0779ff460f4c.tmp</t>
  </si>
  <si>
    <t>\\acsfs\profiles$\leticiala\Downloads\94aef951-670b-4acf-89a0-0779ff460f4c.tmp</t>
  </si>
  <si>
    <t>9d6f053e-03c0-45cb-b4f0-514798a4015a.tmp</t>
  </si>
  <si>
    <t>\\acsfs\profiles$\mariliafplb\Downloads\9d6f053e-03c0-45cb-b4f0-514798a4015a.tmp</t>
  </si>
  <si>
    <t>32fbfee4-0976-492a-a421-2bda60ad90c7.tmp</t>
  </si>
  <si>
    <t>\\acsfs\profiles$\mariliafplb\Downloads\32fbfee4-0976-492a-a421-2bda60ad90c7.tmp</t>
  </si>
  <si>
    <t>7d06e9d1-f4c0-4bb2-8bbd-0e8be6cd9579.tmp</t>
  </si>
  <si>
    <t>\\acsfs\profiles$\nayarasds\Downloads\7d06e9d1-f4c0-4bb2-8bbd-0e8be6cd9579.tmp</t>
  </si>
  <si>
    <t>db0427a0-4882-40bc-99e0-b5d130a065db.tmp</t>
  </si>
  <si>
    <t>\\acsfs\profiles$\mariajra\Downloads\db0427a0-4882-40bc-99e0-b5d130a065db.tmp</t>
  </si>
  <si>
    <t>64837f26-609d-4e23-9429-37c16f228495.tmp</t>
  </si>
  <si>
    <t>\\acsfs\profiles$\nataliacsl\Downloads\64837f26-609d-4e23-9429-37c16f228495.tmp</t>
  </si>
  <si>
    <t>edd23cfb-298b-4abe-819a-515d9c5bfc20.tmp</t>
  </si>
  <si>
    <t>\\acsfs\profiles$\lorrainerdl\Downloads\edd23cfb-298b-4abe-819a-515d9c5bfc20.tmp</t>
  </si>
  <si>
    <t>0c5a3f6d-412f-43f7-bf6f-e73112a6fd55.tmp</t>
  </si>
  <si>
    <t>\\acsfs\profiles$\nayarasds\Downloads\0c5a3f6d-412f-43f7-bf6f-e73112a6fd55.tmp</t>
  </si>
  <si>
    <t>07380b55-5c13-4726-8d0d-d7bd614c81a7.tmp</t>
  </si>
  <si>
    <t>\\acsfs\profiles$\lucasgpe\Downloads\07380b55-5c13-4726-8d0d-d7bd614c81a7.tmp</t>
  </si>
  <si>
    <t>c6ee1d13-ff2e-4792-9cab-5290d4e7a56e.tmp</t>
  </si>
  <si>
    <t>\\acsfs\profiles$\jhonatadss\Downloads\c6ee1d13-ff2e-4792-9cab-5290d4e7a56e.tmp</t>
  </si>
  <si>
    <t>9c385497-28dc-4fac-b1a8-1b337e9e8229.tmp</t>
  </si>
  <si>
    <t>\\acsfs\profiles$\jaquelinecp\Downloads\9c385497-28dc-4fac-b1a8-1b337e9e8229.tmp</t>
  </si>
  <si>
    <t>5912b8cb-1eaf-4db4-9d1d-e91f2bc48cdc.tmp</t>
  </si>
  <si>
    <t>\\acsfs\profiles$\jaquelinecp\Downloads\5912b8cb-1eaf-4db4-9d1d-e91f2bc48cdc.tmp</t>
  </si>
  <si>
    <t>814ddcd1-25b3-458a-a449-59c49b88bc83.tmp</t>
  </si>
  <si>
    <t>\\acsfs\profiles$\jaquelinecp\Downloads\814ddcd1-25b3-458a-a449-59c49b88bc83.tmp</t>
  </si>
  <si>
    <t>\\acsfs\profiles$\ANAPDSB\</t>
  </si>
  <si>
    <t>Novo(a) Planilha OpenDocument.ods</t>
  </si>
  <si>
    <t>\\acsfs\profiles$\ANAPDSB\Novo(a) Planilha OpenDocument.ods</t>
  </si>
  <si>
    <t>\\acsfs\profiles$\ANAPDSB\Novo(a) Planilha OpenDocument.ods\Configurations2\accelerator\</t>
  </si>
  <si>
    <t>current.xml</t>
  </si>
  <si>
    <t>\\acsfs\profiles$\ANAPDSB\Novo(a) Planilha OpenDocument.ods\</t>
  </si>
  <si>
    <t>\\acsfs\profiles$\ANAPDSB\Novo(a) Planilha OpenDocument.ods\META-INF\</t>
  </si>
  <si>
    <t>\\acsfs\profiles$\ANAPDSB\Novo(a) Planilha OpenDocument.ods\Thumbnails\</t>
  </si>
  <si>
    <t>.~lock.vendas janeiro.ods#</t>
  </si>
  <si>
    <t>\\acsfs\profiles$\ANAPDSB\.~lock.vendas janeiro.ods#</t>
  </si>
  <si>
    <t>\\acsfs\profiles$\ANAPDSB\Thumbs.db</t>
  </si>
  <si>
    <t>vendas janeiro.ods</t>
  </si>
  <si>
    <t>\\acsfs\profiles$\ANAPDSB\vendas janeiro.ods</t>
  </si>
  <si>
    <t>\\acsfs\profiles$\ANAPDSB\vendas janeiro.ods\Configurations2\accelerator\</t>
  </si>
  <si>
    <t>\\acsfs\profiles$\ANAPDSB\vendas janeiro.ods\</t>
  </si>
  <si>
    <t>\\acsfs\profiles$\ANAPDSB\vendas janeiro.ods\META-INF\</t>
  </si>
  <si>
    <t>\\acsfs\profiles$\ANAPDSB\vendas janeiro.ods\Thumbnails\</t>
  </si>
  <si>
    <t>31e77800-58b4-44bf-ade6-c24617a0363b.tmp</t>
  </si>
  <si>
    <t>\\acsfs\profiles$\lucasgpe\Downloads\31e77800-58b4-44bf-ade6-c24617a0363b.tmp</t>
  </si>
  <si>
    <t>ae262b0a-b775-422b-b162-b7d7223160be.tmp</t>
  </si>
  <si>
    <t>\\acsfs\profiles$\luanarda\Downloads\ae262b0a-b775-422b-b162-b7d7223160be.tmp</t>
  </si>
  <si>
    <t>236f2f9d-dfb6-4580-a55e-e90bbb89d647.tmp</t>
  </si>
  <si>
    <t>\\acsfs\profiles$\luanarda\Downloads\236f2f9d-dfb6-4580-a55e-e90bbb89d647.tmp</t>
  </si>
  <si>
    <t>0a1f8350-9be5-4bba-88dc-a1cfd33774d6.tmp</t>
  </si>
  <si>
    <t>\\acsfs\profiles$\eduardofss\Downloads\0a1f8350-9be5-4bba-88dc-a1cfd33774d6.tmp</t>
  </si>
  <si>
    <t>ab29efdb-16ed-482e-a729-9a4ab0dc43f3.tmp</t>
  </si>
  <si>
    <t>\\acsfs\profiles$\alessandraan\Downloads\ab29efdb-16ed-482e-a729-9a4ab0dc43f3.tmp</t>
  </si>
  <si>
    <t>6da59c09-1e00-457a-886a-3a1ade23873c.tmp</t>
  </si>
  <si>
    <t>\\acsfs\profiles$\alessandraan\Downloads\6da59c09-1e00-457a-886a-3a1ade23873c.tmp</t>
  </si>
  <si>
    <t>7fb748d9-71b8-454c-aceb-9cbf42fe29d2.tmp</t>
  </si>
  <si>
    <t>\\acsfs\profiles$\alessandraan\Downloads\7fb748d9-71b8-454c-aceb-9cbf42fe29d2.tmp</t>
  </si>
  <si>
    <t>5f882d2b-19bf-47f8-93c0-d4a17d2e069f.tmp</t>
  </si>
  <si>
    <t>\\acsfs\profiles$\alessandraan\Downloads\5f882d2b-19bf-47f8-93c0-d4a17d2e069f.tmp</t>
  </si>
  <si>
    <t>6e11d0c6-8afb-4f61-a1f2-44caa596863a.tmp</t>
  </si>
  <si>
    <t>\\acsfs\profiles$\isabellegtds\Downloads\6e11d0c6-8afb-4f61-a1f2-44caa596863a.tmp</t>
  </si>
  <si>
    <t>3f877be7-6e03-40f8-b704-3f4b95394979.tmp</t>
  </si>
  <si>
    <t>\\acsfs\profiles$\lorraynevam\Downloads\3f877be7-6e03-40f8-b704-3f4b95394979.tmp</t>
  </si>
  <si>
    <t>10.200.67.145</t>
  </si>
  <si>
    <t>74-86-7A-FD-D5-C3</t>
  </si>
  <si>
    <t>VOTORANT-MB020</t>
  </si>
  <si>
    <t>\\acsfs\profiles$\nayarasds\Contacts\</t>
  </si>
  <si>
    <t>NAYARA SILVA DE SOUZA (34).contact</t>
  </si>
  <si>
    <t>\\acsfs\profiles$\nayarasds\Contacts\NAYARA SILVA DE SOUZA (34).contact</t>
  </si>
  <si>
    <t>\\acsfs\profiles$\nayarasds\My Documents\My Videos\</t>
  </si>
  <si>
    <t>\\acsfs\profiles$\nayarasds\My Documents\My Videos\desktop.ini</t>
  </si>
  <si>
    <t>\\acsfs\profiles$\nayarasds\My Documents\My Pictures\</t>
  </si>
  <si>
    <t>\\acsfs\profiles$\nayarasds\My Documents\My Pictures\desktop.ini</t>
  </si>
  <si>
    <t>\\acsfs\profiles$\nayarasds\Contacts\desktop.ini</t>
  </si>
  <si>
    <t>\\acsfs\profiles$\nayarasds\Favorites\</t>
  </si>
  <si>
    <t>\\acsfs\profiles$\nayarasds\Favorites\desktop.ini</t>
  </si>
  <si>
    <t>\\acsfs\profiles$\nayarasds\My Documents\My Music\</t>
  </si>
  <si>
    <t>\\acsfs\profiles$\nayarasds\My Documents\My Music\desktop.ini</t>
  </si>
  <si>
    <t>\\acsfs\profiles$\nayarasds\Searches\</t>
  </si>
  <si>
    <t>\\acsfs\profiles$\nayarasds\Searches\desktop.ini</t>
  </si>
  <si>
    <t>\\acsfs\profiles$\nayarasds\Downloads\desktop.ini</t>
  </si>
  <si>
    <t>\\acsfs\profiles$\nayarasds\My Documents\</t>
  </si>
  <si>
    <t>\\acsfs\profiles$\nayarasds\My Documents\desktop.ini</t>
  </si>
  <si>
    <t>\\acsfs\profiles$\nayarasds\Saved Games\</t>
  </si>
  <si>
    <t>\\acsfs\profiles$\nayarasds\Saved Games\desktop.ini</t>
  </si>
  <si>
    <t>\\acsfs\profiles$\nayarasds\Favorites\Links for Brasil\</t>
  </si>
  <si>
    <t>\\acsfs\profiles$\nayarasds\Favorites\Links for Brasil\desktop.ini</t>
  </si>
  <si>
    <t>\\acsfs\profiles$\nayarasds\Favorites\Links for Brasil\Microsoft Brasil.url</t>
  </si>
  <si>
    <t>\\acsfs\profiles$\nayarasds\Favorites\Links for Brasil\Windows Brasil.url</t>
  </si>
  <si>
    <t>\\acsfs\profiles$\nayarasds\Favorites\Links for Brasil\MSN Brasil.url</t>
  </si>
  <si>
    <t>mail.google.com/sync/u/0/i/s?hl=pt-BR&amp;c=426</t>
  </si>
  <si>
    <t>48538ab9-335c-49a1-ab0d-201d10223d5a.tmp</t>
  </si>
  <si>
    <t>\\acsfs\profiles$\geovanaasa\Downloads\48538ab9-335c-49a1-ab0d-201d10223d5a.tmp</t>
  </si>
  <si>
    <t>20a09100-ed04-41cf-855b-ae6c7500d6fe.tmp</t>
  </si>
  <si>
    <t>\\acsfs\profiles$\wenderbnm\Downloads\20a09100-ed04-41cf-855b-ae6c7500d6fe.tmp</t>
  </si>
  <si>
    <t>34cfc170-37d5-4936-962f-0f4af3194a58.tmp</t>
  </si>
  <si>
    <t>\\acsfs\profiles$\KARENDSR\Downloads\34cfc170-37d5-4936-962f-0f4af3194a58.tmp</t>
  </si>
  <si>
    <t>https://algar.folhasinergyrh.com.br/rescisao/upload?id=0&amp;idsolicitacao=0&amp;idprerescisao=0&amp;temp=true</t>
  </si>
  <si>
    <t>22/01/2020;</t>
  </si>
  <si>
    <t>doc desligamento Cinthia.zip</t>
  </si>
  <si>
    <t>https://22/01/2020</t>
  </si>
  <si>
    <t>C:\Users\camillarl\Desktop\doc desligamento Cinthia.zip\</t>
  </si>
  <si>
    <t>doc desligamento Cinthia.pdf</t>
  </si>
  <si>
    <t>edcf7a5d-e22e-4b51-8ddc-339fd0d2a298.tmp</t>
  </si>
  <si>
    <t>\\acsfs\profiles$\andressagr\Downloads\edcf7a5d-e22e-4b51-8ddc-339fd0d2a298.tmp</t>
  </si>
  <si>
    <t>mail.google.com/sync/u/0/i/s?hl=pt-BR&amp;c=436</t>
  </si>
  <si>
    <t>mail.google.com/sync/u/0/i/s?hl=pt-BR&amp;c=453</t>
  </si>
  <si>
    <t>48ca1c02-1b0f-44e9-9e52-c7c2be3d9265.tmp</t>
  </si>
  <si>
    <t>\\acsfs\profiles$\nayarasds\Downloads\48ca1c02-1b0f-44e9-9e52-c7c2be3d9265.tmp</t>
  </si>
  <si>
    <t>747e7fc1-796b-4e70-a6e5-e40b95644214.tmp</t>
  </si>
  <si>
    <t>\\acsfs\profiles$\Flaviojmm\Downloads\747e7fc1-796b-4e70-a6e5-e40b95644214.tmp</t>
  </si>
  <si>
    <t>94cb6c50-0fc9-47e7-ae55-e9c08a821afd.tmp</t>
  </si>
  <si>
    <t>\\acsfs\profiles$\marcellewdl\Downloads\94cb6c50-0fc9-47e7-ae55-e9c08a821afd.tmp</t>
  </si>
  <si>
    <t>https://algar.folhasinergyrh.com.br/rescisao/upload?id=0&amp;idsolicitacao=17038&amp;idprerescisao=0</t>
  </si>
  <si>
    <t>f3763af9-b038-4025-9475-b97a94caccc4.tmp</t>
  </si>
  <si>
    <t>\\acsfs\profiles$\isabellegtds\Downloads\f3763af9-b038-4025-9475-b97a94caccc4.tmp</t>
  </si>
  <si>
    <t>03f95248-b205-49b4-a60d-039da071fa16.tmp</t>
  </si>
  <si>
    <t>\\acsfs\profiles$\gabrielafs\Downloads\03f95248-b205-49b4-a60d-039da071fa16.tmp</t>
  </si>
  <si>
    <t>faa47a09-089b-4b77-9aa6-2995af266af1.tmp</t>
  </si>
  <si>
    <t>\\acsfs\profiles$\ALYNYA\Downloads\faa47a09-089b-4b77-9aa6-2995af266af1.tmp</t>
  </si>
  <si>
    <t>c110ac9a-eba3-453d-8fee-e92085eda168.tmp</t>
  </si>
  <si>
    <t>\\acsfs\profiles$\ALYNYA\Downloads\c110ac9a-eba3-453d-8fee-e92085eda168.tmp</t>
  </si>
  <si>
    <t>89be2430-b1a9-47b6-93e9-1ee99fd7d577.tmp</t>
  </si>
  <si>
    <t>\\acsfs\profiles$\lorrainerdl\Downloads\89be2430-b1a9-47b6-93e9-1ee99fd7d577.tmp</t>
  </si>
  <si>
    <t>fb7c2e83-4747-4ca1-81c7-222d862ba4a8.tmp</t>
  </si>
  <si>
    <t>\\acsfs\profiles$\lucasgpe\Downloads\fb7c2e83-4747-4ca1-81c7-222d862ba4a8.tmp</t>
  </si>
  <si>
    <t>23bc3b6a-0a7a-4d8f-88e1-badea70e5212.tmp</t>
  </si>
  <si>
    <t>\\acsfs\profiles$\isabellegtds\Downloads\23bc3b6a-0a7a-4d8f-88e1-badea70e5212.tmp</t>
  </si>
  <si>
    <t>27003185-d510-4fe4-9b0f-b7ed3b1d81cf.tmp</t>
  </si>
  <si>
    <t>\\acsfs\profiles$\jhonatadss\Downloads\27003185-d510-4fe4-9b0f-b7ed3b1d81cf.tmp</t>
  </si>
  <si>
    <t>b575bc60-5a81-404b-998d-f6920cd3de07.tmp</t>
  </si>
  <si>
    <t>\\acsfs\profiles$\jhonatadss\Downloads\b575bc60-5a81-404b-998d-f6920cd3de07.tmp</t>
  </si>
  <si>
    <t>\\udpavonfs01\avon\00 - ACOMPANHAMENTO AVON\04 - BACKOFFICE CORNERSTONE\2019\12.2019\MÁSCARA\</t>
  </si>
  <si>
    <t>Acompanhamento Backoffice Cornerstone DEZ.19.xlsx</t>
  </si>
  <si>
    <t>\\udpavonfs01\avon\00 - ACOMPANHAMENTO AVON\04 - BACKOFFICE CORNERSTONE\2019\12.2019\MÁSCARA\Acompanhamento Backoffice Cornerstone DEZ.19.xlsx</t>
  </si>
  <si>
    <t>\\acsfs\DEPTOS\Operacao\PCP\5 - Comum\PLANEJAMENTO BV\14 - ACOMPANHAMENTO\Report whatsapp\Vendas\2020\Atualiza VENDAS_DEZEMBRO.xlsm</t>
  </si>
  <si>
    <t>99571e3c-066f-4899-9626-1e0351c311e5.tmp</t>
  </si>
  <si>
    <t>\\acsfs\profiles$\leticiala\Downloads\99571e3c-066f-4899-9626-1e0351c311e5.tmp</t>
  </si>
  <si>
    <t>da4a2fb5-6619-403f-952d-fea9f578ab9d.tmp</t>
  </si>
  <si>
    <t>\\acsfs\profiles$\leticiala\Downloads\da4a2fb5-6619-403f-952d-fea9f578ab9d.tmp</t>
  </si>
  <si>
    <t>https://isd2.algar.tech/chat/asc/trata-flow</t>
  </si>
  <si>
    <t>5582;</t>
  </si>
  <si>
    <t>https://5582</t>
  </si>
  <si>
    <t>002661c3-2808-43bc-9a82-14d426c1ac92.tmp</t>
  </si>
  <si>
    <t>\\acsfs\profiles$\paulovadc\Downloads\002661c3-2808-43bc-9a82-14d426c1ac92.tmp</t>
  </si>
  <si>
    <t>fa197248-d969-4188-aec3-9c21768fe32d.tmp</t>
  </si>
  <si>
    <t>\\acsfs\profiles$\lucasgpe\Downloads\fa197248-d969-4188-aec3-9c21768fe32d.tmp</t>
  </si>
  <si>
    <t>lu79556a0ulzc.tmp</t>
  </si>
  <si>
    <t>\\acsfs\profiles$\BRUNAAR\Numero\lu79556a0ulzc.tmp</t>
  </si>
  <si>
    <t>9231e10e-d273-4057-8cfc-6f564d6d4162.tmp</t>
  </si>
  <si>
    <t>\\acsfs\profiles$\lorraynevam\Downloads\9231e10e-d273-4057-8cfc-6f564d6d4162.tmp</t>
  </si>
  <si>
    <t>CPF 10790276534 OSMAR SIMOES CAVALCANTE.pdf</t>
  </si>
  <si>
    <t>\\acsfs\Deptos\EDUCACAO EMPRESARIAL\KÉSIA\OUVIDORIA, PROCON, BACEN E RECLAME AQUI\CPF 10790276534 OSMAR SIMOES CAVALCANTE.pdf</t>
  </si>
  <si>
    <t>\\acsfs\Deptos\EDUCACAO EMPRESARIAL\KÉSIA\OUVIDORIA, PROCON, BACEN E RECLAME AQUI\CPF 10790276534 OSMAR SIMOES CAVALCANTE.pdf\</t>
  </si>
  <si>
    <t>\\acsfs\Deptos\EDUCACAO EMPRESARIAL\KÉSIA\OUVIDORIA, PROCON, BACEN E RECLAME AQUI\CPF 10790276534 OSMAR SIMOES CAVALCANTE.pdf\:Zone.Identifier:$DATA</t>
  </si>
  <si>
    <t>9183f1ef-42e7-4554-b709-1d5460aae68b.tmp</t>
  </si>
  <si>
    <t>\\acsfs\profiles$\leticiala\Downloads\9183f1ef-42e7-4554-b709-1d5460aae68b.tmp</t>
  </si>
  <si>
    <t>a2e05592-a332-47eb-8680-e2c84abdb453.tmp</t>
  </si>
  <si>
    <t>\\acsfs\profiles$\mariliafplb\Downloads\a2e05592-a332-47eb-8680-e2c84abdb453.tmp</t>
  </si>
  <si>
    <t>2aba7392-0fe8-4938-a1ad-8d7fdc23cc43.tmp</t>
  </si>
  <si>
    <t>\\acsfs\profiles$\mariliafplb\Downloads\2aba7392-0fe8-4938-a1ad-8d7fdc23cc43.tmp</t>
  </si>
  <si>
    <t>Ids Genesys - Chat.xlsx</t>
  </si>
  <si>
    <t>\\acsfs\DEPTOS\Operacao\PCP\5 - Comum\Mariana De Jesus\Ids Genesys - Chat.xlsx</t>
  </si>
  <si>
    <t>c6aae049-00d9-4af1-a34a-af115e3ec81c.tmp</t>
  </si>
  <si>
    <t>\\acsfs\profiles$\felipetds\Downloads\c6aae049-00d9-4af1-a34a-af115e3ec81c.tmp</t>
  </si>
  <si>
    <t>23475;</t>
  </si>
  <si>
    <t>117e09c8-cc32-4732-b308-3ad7206c421b.tmp</t>
  </si>
  <si>
    <t>\\acsfs\profiles$\adelvinsonle\Downloads\117e09c8-cc32-4732-b308-3ad7206c421b.tmp</t>
  </si>
  <si>
    <t>thamiresbds</t>
  </si>
  <si>
    <t>\\acsfs\profiles$\thamiresbds\My Documents\</t>
  </si>
  <si>
    <t>thamires.txt</t>
  </si>
  <si>
    <t>\\acsfs\profiles$\thamiresbds\My Documents\thamires.txt</t>
  </si>
  <si>
    <t>\\acsfs\DEPTOS\Operacao\PCP\5 - Comum\PLANEJAMENTO BV\14 - ACOMPANHAMENTO\Report whatsapp\Vendas\2020\</t>
  </si>
  <si>
    <t>Atualiza VENDAS_JANEIRO.xlsm</t>
  </si>
  <si>
    <t>\\acsfs\DEPTOS\Operacao\PCP\5 - Comum\PLANEJAMENTO BV\14 - ACOMPANHAMENTO\Report whatsapp\Vendas\2020\Atualiza VENDAS_JANEIRO.xlsm</t>
  </si>
  <si>
    <t>4d71b49a-f6ff-4649-ba17-daca5f36564a.tmp</t>
  </si>
  <si>
    <t>\\acsfs\profiles$\gabrielafs\Downloads\4d71b49a-f6ff-4649-ba17-daca5f36564a.tmp</t>
  </si>
  <si>
    <t>339a93cc-308a-409b-a46a-a27c4b8a097d.tmp</t>
  </si>
  <si>
    <t>\\acsfs\profiles$\ROZENCAM\Downloads\339a93cc-308a-409b-a46a-a27c4b8a097d.tmp</t>
  </si>
  <si>
    <t>cc860888-4d16-4c46-bcee-b707146eeecd.tmp</t>
  </si>
  <si>
    <t>\\acsfs\profiles$\jonatanls\Downloads\cc860888-4d16-4c46-bcee-b707146eeecd.tmp</t>
  </si>
  <si>
    <t>mail.google.com/sync/u/0/i/s?hl=pt-BR&amp;c=482</t>
  </si>
  <si>
    <t>algartechcpcbv@algartech.com;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451</t>
  </si>
  <si>
    <t>joaogvc@algartech.com;m1nxnxefxetrukrzvgozdhyqef1vh0jvuushxg==;marianadjc@algartech.com;planejamentodeoperacoesetrafego@bv.com.br;rafaelggs@algartech.com;taysdss@algartech.com;viniciussg@algartech.com;</t>
  </si>
  <si>
    <t>joaogvc@algartech.com,m1nxnxefxetrukrzvgozdhyqef1vh0jvuushxg==,marianadjc@algartech.com,planejamentodeoperacoesetrafego@bv.com.br,rafaelggs@algartech.com,taysdss@algartech.com,viniciussg@algartech.com</t>
  </si>
  <si>
    <t>9de75442-2a0d-4946-af56-206633de51f9.tmp</t>
  </si>
  <si>
    <t>\\acsfs\profiles$\larissaad\Downloads\9de75442-2a0d-4946-af56-206633de51f9.tmp</t>
  </si>
  <si>
    <t>6af2724e-cc99-4f17-8d8f-d91281f187ae.tmp</t>
  </si>
  <si>
    <t>\\acsfs\profiles$\ROZENCAM\Downloads\6af2724e-cc99-4f17-8d8f-d91281f187ae.tmp</t>
  </si>
  <si>
    <t>e0427603-850d-4bc4-baad-4bba71b3ef22.tmp</t>
  </si>
  <si>
    <t>\\acsfs\profiles$\lorrainerdl\Downloads\e0427603-850d-4bc4-baad-4bba71b3ef22.tmp</t>
  </si>
  <si>
    <t>a5acbe1c-5eb5-4762-be09-a69ba82ae4b8.tmp</t>
  </si>
  <si>
    <t>\\acsfs\profiles$\lucasgpe\Downloads\a5acbe1c-5eb5-4762-be09-a69ba82ae4b8.tmp</t>
  </si>
  <si>
    <t>\\acsfs\profiles$\LUCASNS\Favorites\Links\</t>
  </si>
  <si>
    <t>\\acsfs\profiles$\LUCASNS\Favorites\Links\desktop.ini</t>
  </si>
  <si>
    <t>https--algarnet.com.url</t>
  </si>
  <si>
    <t>\\acsfs\profiles$\LUCASNS\Favorites\Links\https--algarnet.com.url</t>
  </si>
  <si>
    <t>\\udpavonfs01\avon\00 - ACOMPANHAMENTO AVON\04 - BACKOFFICE CORNERSTONE\2019\12.2019\RELATORIO\31.12.2019\Acompanhamento Backoffice Cornerstone DEZ.19.xlsx</t>
  </si>
  <si>
    <t>Sistemas -.txt</t>
  </si>
  <si>
    <t>\\acsfs\profiles$\larissaad\My Documents\Sistemas -.txt</t>
  </si>
  <si>
    <t>e324253e-a75a-4077-8a1b-73584488ef91.tmp</t>
  </si>
  <si>
    <t>\\acsfs\profiles$\jonatanls\Downloads\e324253e-a75a-4077-8a1b-73584488ef91.tmp</t>
  </si>
  <si>
    <t>$IUFS68P.pdf</t>
  </si>
  <si>
    <t>\\acsfs\profiles$\jonatanls\Downloads\$RECYCLE.BIN\$IUFS68P.pdf</t>
  </si>
  <si>
    <t>$IB7F4HS.pdf</t>
  </si>
  <si>
    <t>\\acsfs\profiles$\jonatanls\Downloads\$RECYCLE.BIN\$IB7F4HS.pdf</t>
  </si>
  <si>
    <t>$IWGCQM7.pdf</t>
  </si>
  <si>
    <t>\\acsfs\profiles$\jonatanls\Downloads\$RECYCLE.BIN\$IWGCQM7.pdf</t>
  </si>
  <si>
    <t>$I8C7SNI.pdf</t>
  </si>
  <si>
    <t>\\acsfs\profiles$\jonatanls\Downloads\$RECYCLE.BIN\$I8C7SNI.pdf</t>
  </si>
  <si>
    <t>$IV9F7LH.pdf</t>
  </si>
  <si>
    <t>\\acsfs\profiles$\jonatanls\Downloads\$RECYCLE.BIN\$IV9F7LH.pdf</t>
  </si>
  <si>
    <t>$IU51OWL.pdf</t>
  </si>
  <si>
    <t>\\acsfs\profiles$\jonatanls\Downloads\$RECYCLE.BIN\$IU51OWL.pdf</t>
  </si>
  <si>
    <t>f8540ab8-1814-4eef-bc3f-582a804f939a.tmp</t>
  </si>
  <si>
    <t>\\acsfs\profiles$\LAISLG\Downloads\f8540ab8-1814-4eef-bc3f-582a804f939a.tmp</t>
  </si>
  <si>
    <t>abca6efd-e628-44e7-a98f-2108e8659732.tmp</t>
  </si>
  <si>
    <t>\\acsfs\profiles$\lorrainerdl\Downloads\abca6efd-e628-44e7-a98f-2108e8659732.tmp</t>
  </si>
  <si>
    <t>2ae85f8c-d85e-4099-a09a-688d61ff3b64.tmp</t>
  </si>
  <si>
    <t>\\acsfs\profiles$\lorrainerdl\Downloads\2ae85f8c-d85e-4099-a09a-688d61ff3b64.tmp</t>
  </si>
  <si>
    <t>44d95975-7553-46f5-99c4-6d5bc330b784.tmp</t>
  </si>
  <si>
    <t>\\acsfs\profiles$\lorrainerdl\Downloads\44d95975-7553-46f5-99c4-6d5bc330b784.tmp</t>
  </si>
  <si>
    <t>de473700-e92d-4f53-8b95-d4505beec2fd.tmp</t>
  </si>
  <si>
    <t>\\acsfs\profiles$\LUISPLS\Downloads\de473700-e92d-4f53-8b95-d4505beec2fd.tmp</t>
  </si>
  <si>
    <t>8de1d02a-20ee-4d1a-830f-f39bb23fad26.tmp</t>
  </si>
  <si>
    <t>\\acsfs\profiles$\LUISPLS\Downloads\8de1d02a-20ee-4d1a-830f-f39bb23fad26.tmp</t>
  </si>
  <si>
    <t>algartechcpcbv@algartech.com;andrelpsa@algartech.com;cpc-controldeskavon@algartech.com;joseasn@algartech.com;josiascdsj@algartech.com;leonardoao@algartech.com;luiz.henriquesantos@avon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paulacn@algartech.com,qualidadealgarbv@algartech.com,rafaelggs@algartech.com,supervisaobancovotorantim@algartech.com,taysdss@algartech.com,thiagolrc@bv.algartech.com,viniciussg@algartech.com</t>
  </si>
  <si>
    <t>77787e26-f227-4a94-9ebf-e75cd5d296f8.tmp</t>
  </si>
  <si>
    <t>\\acsfs\profiles$\felipetds\Downloads\77787e26-f227-4a94-9ebf-e75cd5d296f8.tmp</t>
  </si>
  <si>
    <t>a8702833-55ae-4539-b3e8-f7d52937e32c.tmp</t>
  </si>
  <si>
    <t>\\acsfs\profiles$\paulovadc\Downloads\a8702833-55ae-4539-b3e8-f7d52937e32c.tmp</t>
  </si>
  <si>
    <t>b444cd7a-4626-4fde-bb34-5ced6c2922da.tmp</t>
  </si>
  <si>
    <t>\\acsfs\profiles$\lucasgpe\Downloads\b444cd7a-4626-4fde-bb34-5ced6c2922da.tmp</t>
  </si>
  <si>
    <t>andrelpsa@algartech.com;fabianacscg@algartech.com;gabrielsma@algartech.com;mirianppb@algartech.com;qualidadealgarbv@algartech.com;supervisaobancovotorantim@algartech.com;talmaiardo@algartech.com;</t>
  </si>
  <si>
    <t>andrelpsa@algartech.com,fabianacscg@algartech.com,gabrielsma@algartech.com,mirianppb@algartech.com,qualidadealgarbv@algartech.com,supervisaobancovotorantim@algartech.com,talmaiardo@algartech.com</t>
  </si>
  <si>
    <t>23475;andrelpsa@algartech.com;fabianacscg@algartech.com;mirianppb@algartech.com;qualidadealgarbv@algartech.com;talmaiardo@algartech.com;</t>
  </si>
  <si>
    <t>23475,andrelpsa@algartech.com,fabianacscg@algartech.com,mirianppb@algartech.com,qualidadealgarbv@algartech.com,talmaiardo@algartech.com</t>
  </si>
  <si>
    <t>lu79556a0ulzf.tmp</t>
  </si>
  <si>
    <t>\\acsfs\profiles$\BRUNAAR\Numero\lu79556a0ulzf.tmp</t>
  </si>
  <si>
    <t>78ce8dc3-3cd0-4766-970b-da1f039b6237.tmp</t>
  </si>
  <si>
    <t>\\acsfs\profiles$\nathaliarmr\Downloads\78ce8dc3-3cd0-4766-970b-da1f039b6237.tmp</t>
  </si>
  <si>
    <t>3a8f1e54-c0d7-4a4d-a1c1-6572677f24ce.tmp</t>
  </si>
  <si>
    <t>\\acsfs\profiles$\ERICALSR\Downloads\3a8f1e54-c0d7-4a4d-a1c1-6572677f24ce.tmp</t>
  </si>
  <si>
    <t>65c5760d-2723-452b-b23a-58dfd37e7324.tmp</t>
  </si>
  <si>
    <t>\\acsfs\profiles$\laylaams\Downloads\65c5760d-2723-452b-b23a-58dfd37e7324.tmp</t>
  </si>
  <si>
    <t>fe253587-18ce-48e2-8978-64f0686db3ce.tmp</t>
  </si>
  <si>
    <t>\\acsfs\profiles$\JOAOVAL\Downloads\fe253587-18ce-48e2-8978-64f0686db3ce.tmp</t>
  </si>
  <si>
    <t>0dcd0d0f-4fa8-4feb-92f2-93c132985ebe.tmp</t>
  </si>
  <si>
    <t>\\acsfs\profiles$\vivianalds\Downloads\0dcd0d0f-4fa8-4feb-92f2-93c132985ebe.tmp</t>
  </si>
  <si>
    <t>134cea0e-3da9-4466-86b0-78ff071dcbe6.tmp</t>
  </si>
  <si>
    <t>\\acsfs\profiles$\sarahbal\Downloads\134cea0e-3da9-4466-86b0-78ff071dcbe6.tmp</t>
  </si>
  <si>
    <t>d6eae202-ee29-40dc-badd-16a73718d527.tmp</t>
  </si>
  <si>
    <t>\\acsfs\profiles$\lucasgpe\Downloads\d6eae202-ee29-40dc-badd-16a73718d527.tmp</t>
  </si>
  <si>
    <t>68748cf8-ef2c-484d-bfe2-c16cbafb63eb.tmp</t>
  </si>
  <si>
    <t>\\acsfs\profiles$\mariagsg\Downloads\68748cf8-ef2c-484d-bfe2-c16cbafb63eb.tmp</t>
  </si>
  <si>
    <t>b2742bd8-586c-422e-979e-34ece54aa868.tmp</t>
  </si>
  <si>
    <t>\\acsfs\profiles$\mariagsg\Downloads\b2742bd8-586c-422e-979e-34ece54aa868.tmp</t>
  </si>
  <si>
    <t>068a0e8d-312b-4d29-9906-1b5abd228a4b.tmp</t>
  </si>
  <si>
    <t>\\acsfs\profiles$\PEDROHAB\Downloads\068a0e8d-312b-4d29-9906-1b5abd228a4b.tmp</t>
  </si>
  <si>
    <t>\\acsfs\DEPTOS\Operacao\PCP\5 - Comum\PLANEJAMENTO BV\14 - ACOMPANHAMENTO\1 - REPORT ACOMPANHAMENTO\2020\1 - JANEIRO\CARTÕES\SHORTCALLS\</t>
  </si>
  <si>
    <t>bvcartes-supervisores@algarnet.onmicrosoft.com;joaogvc@algartech.com;leonardoao@algartech.com;m1nxnxefxetrukrzvgozdhyqef1vh0jvuushxg==;mirianppb@algartech.com;paulacn@algartech.com;rafaelggs@algartech.com;taysdss@algartech.com;viniciussg@algartech.com;</t>
  </si>
  <si>
    <t>bvcartes-supervisores@algarnet.onmicrosoft.com,joaogvc@algartech.com,leonardoao@algartech.com,m1nxnxefxetrukrzvgozdhyqef1vh0jvuushxg==,mirianppb@algartech.com,paulacn@algartech.com,rafaelggs@algartech.com,taysdss@algartech.com,viniciussg@algartech.com</t>
  </si>
  <si>
    <t>https://udpwfmniceap02/web/guest/home?p_auth=ro0lhqwl&amp;p_p_id=58&amp;p_p_lifecycle=1&amp;p_p_state=maximized&amp;p_p_mode=view&amp;savelastpath=0&amp;_58_struts_action=/login/forgot_password</t>
  </si>
  <si>
    <t>10.200.66.222</t>
  </si>
  <si>
    <t>D0-94-66-B5-7F-E9</t>
  </si>
  <si>
    <t>VOTORANT-ZB020</t>
  </si>
  <si>
    <t>02ef955a-09c0-498e-a14e-a3c4c79d8050.tmp</t>
  </si>
  <si>
    <t>\\acsfs\profiles$\regisedsj\Downloads\02ef955a-09c0-498e-a14e-a3c4c79d8050.tmp</t>
  </si>
  <si>
    <t>c8702f25-6171-49cc-a2c4-f067f036edb4.tmp</t>
  </si>
  <si>
    <t>\\acsfs\profiles$\regisedsj\Downloads\c8702f25-6171-49cc-a2c4-f067f036edb4.tmp</t>
  </si>
  <si>
    <t>58d2b129-7194-4c4e-8d22-166c731ee94b.tmp</t>
  </si>
  <si>
    <t>\\acsfs\profiles$\laylaams\Downloads\58d2b129-7194-4c4e-8d22-166c731ee94b.tmp</t>
  </si>
  <si>
    <t>https://udpmailboxap01.acs.com.br:8443/h/search;jsessionid=1hj51janvrn037k2tl0olotlr?si=0&amp;so=0&amp;sc=59172&amp;st=conversation&amp;action=compose</t>
  </si>
  <si>
    <t>b1809e56-b084-4938-b41b-84ccea33b020.tmp</t>
  </si>
  <si>
    <t>\\acsfs\profiles$\mariagsg\Downloads\b1809e56-b084-4938-b41b-84ccea33b020.tmp</t>
  </si>
  <si>
    <t>8600a3dc-ed00-43ed-880a-e07c49603017.tmp</t>
  </si>
  <si>
    <t>\\acsfs\profiles$\PEDROHAB\Downloads\8600a3dc-ed00-43ed-880a-e07c49603017.tmp</t>
  </si>
  <si>
    <t>d65318c9-0368-4bbf-ae99-07e44bac02f6.tmp</t>
  </si>
  <si>
    <t>\\acsfs\profiles$\regisedsj\Downloads\d65318c9-0368-4bbf-ae99-07e44bac02f6.tmp</t>
  </si>
  <si>
    <t>5b06dd4e-b354-4065-bbf8-01f2858db004.tmp</t>
  </si>
  <si>
    <t>\\acsfs\profiles$\michelerds\Downloads\5b06dd4e-b354-4065-bbf8-01f2858db004.tmp</t>
  </si>
  <si>
    <t>lu154242yupeq.tmp</t>
  </si>
  <si>
    <t>\\acsfs\profiles$\jonatanls\My Documents\lu154242yupeq.tmp</t>
  </si>
  <si>
    <t>\\acsfs\DEPTOS\Operacao\PCP\5 - Comum\PLANEJAMENTO BV\14 - ACOMPANHAMENTO\1 - REPORT ACOMPANHAMENTO\2020\1 - JANEIRO\CARTÕES\Pausas CARTÕES\</t>
  </si>
  <si>
    <t>564e55e9-02b4-4d5d-a935-ccd54256d6b2.tmp</t>
  </si>
  <si>
    <t>\\acsfs\profiles$\laylaams\Downloads\564e55e9-02b4-4d5d-a935-ccd54256d6b2.tmp</t>
  </si>
  <si>
    <t>bf91e727-e70a-41a8-82a2-a30c9fea3f65.tmp</t>
  </si>
  <si>
    <t>\\acsfs\profiles$\sarahbal\Downloads\bf91e727-e70a-41a8-82a2-a30c9fea3f65.tmp</t>
  </si>
  <si>
    <t>dbf6e2e3-7756-4ca9-8a0e-581532c28059.tmp</t>
  </si>
  <si>
    <t>\\acsfs\profiles$\ayalabfi\Downloads\dbf6e2e3-7756-4ca9-8a0e-581532c28059.tmp</t>
  </si>
  <si>
    <t>1bcbeffe-61b6-4b29-b59a-57128956d0c7.tmp</t>
  </si>
  <si>
    <t>\\acsfs\profiles$\ayalabfi\Downloads\1bcbeffe-61b6-4b29-b59a-57128956d0c7.tmp</t>
  </si>
  <si>
    <t>mail.google.com/sync/u/0/i/s?hl=pt-BR&amp;c=546</t>
  </si>
  <si>
    <t>ada4c2d3-2e4d-4cd3-ae30-cb1abcb73e28.tmp</t>
  </si>
  <si>
    <t>\\acsfs\profiles$\mariliafplb\Downloads\ada4c2d3-2e4d-4cd3-ae30-cb1abcb73e28.tmp</t>
  </si>
  <si>
    <t>lu140841981a.tmp</t>
  </si>
  <si>
    <t>\\acsfs\profiles$\VIVIANALDS\My Documents\lu140841981a.tmp</t>
  </si>
  <si>
    <t>\\acsfs\profiles$\VIVIANALDS\My Documents\lu140841981a.tmp\</t>
  </si>
  <si>
    <t>\\acsfs\profiles$\VIVIANALDS\My Documents\lu140841981a.tmp\META-INF\</t>
  </si>
  <si>
    <t>\\acsfs\profiles$\VIVIANALDS\My Documents\lu140841981a.tmp\Thumbnails\</t>
  </si>
  <si>
    <t>mail.google.com/sync/u/0/i/s?hl=pt-BR&amp;c=566</t>
  </si>
  <si>
    <t>mail.google.com/sync/u/0/i/s?hl=pt-BR&amp;c=573</t>
  </si>
  <si>
    <t>mail.google.com/_/upload?authuser=0&amp;dcp=asu-n&amp;upload_id=AEnB2UrKpVLvLo-YAuILgvrSAKXVOC8HJ1LRnyjDI-IevqJTxAZiqus_3k3wFPhUiuLq6O69jGr7IZHzYTkbD6SBtVVIkgfSOJq25VUcxr8Q4pwpprdumlM&amp;upload_protocol=resumable</t>
  </si>
  <si>
    <t>a72d5443-17c6-4928-8419-78dd9b36c0ac.tmp</t>
  </si>
  <si>
    <t>\\acsfs\profiles$\rafaelamsv\Downloads\a72d5443-17c6-4928-8419-78dd9b36c0ac.tmp</t>
  </si>
  <si>
    <t>021d6350-bcc8-482a-a660-fc0a78a23f6e.tmp</t>
  </si>
  <si>
    <t>\\acsfs\profiles$\rafaelamsv\Downloads\021d6350-bcc8-482a-a660-fc0a78a23f6e.tmp</t>
  </si>
  <si>
    <t>7a6513c7-24a8-4811-a14d-062ffbcecf87.tmp</t>
  </si>
  <si>
    <t>\\acsfs\profiles$\Flaviojmm\Downloads\7a6513c7-24a8-4811-a14d-062ffbcecf87.tmp</t>
  </si>
  <si>
    <t>083ab9a8-df78-42bb-89e5-40f2471b06f5.tmp</t>
  </si>
  <si>
    <t>\\acsfs\profiles$\LUCASBS\Downloads\083ab9a8-df78-42bb-89e5-40f2471b06f5.tmp</t>
  </si>
  <si>
    <t>23c30c87-cdef-42b1-bb3f-dde7aa0874de.tmp</t>
  </si>
  <si>
    <t>\\acsfs\profiles$\luanaagl\Downloads\23c30c87-cdef-42b1-bb3f-dde7aa0874de.tmp</t>
  </si>
  <si>
    <t>53eadbd2-f755-431c-9fde-4baeced79e75.tmp</t>
  </si>
  <si>
    <t>\\acsfs\profiles$\luanaagl\Downloads\53eadbd2-f755-431c-9fde-4baeced79e75.tmp</t>
  </si>
  <si>
    <t>666c1d96-d00a-4492-93d6-147e90755551.tmp</t>
  </si>
  <si>
    <t>\\acsfs\profiles$\deborahsi\Downloads\666c1d96-d00a-4492-93d6-147e90755551.tmp</t>
  </si>
  <si>
    <t>mail.google.com/sync/u/0/i/s?hl=pt-BR&amp;c=606</t>
  </si>
  <si>
    <t>mail.google.com/sync/u/0/i/s?hl=pt-BR&amp;c=617</t>
  </si>
  <si>
    <t>bvcartes-supervisores@algarnet.onmicrosoft.com;joaogvc@algartech.com;leonardoao@algartech.com;m1nxnxefxetrukrzvgozdhyqef1vh0jvuushxg==;marianadjc@algartech.com;mirianppb@algartech.com;paulacn@algartech.com;rafaelggs@algartech.com;taysdss@algartech.com;viniciussg@algartech.com;</t>
  </si>
  <si>
    <t>bvcartes-supervisores@algarnet.onmicrosoft.com,joaogvc@algartech.com,leonardoao@algartech.com,m1nxnxefxetrukrzvgozdhyqef1vh0jvuushxg==,marianadjc@algartech.com,mirianppb@algartech.com,paulacn@algartech.com,rafaelggs@algartech.com,taysdss@algartech.com,viniciussg@algartech.com</t>
  </si>
  <si>
    <t>c530d5da-58c8-4ac1-89c6-de81460ad735.tmp</t>
  </si>
  <si>
    <t>\\acsfs\profiles$\regisedsj\Downloads\c530d5da-58c8-4ac1-89c6-de81460ad735.tmp</t>
  </si>
  <si>
    <t>641c5372-ecf1-489c-b80a-ef7e4eb69aaf.tmp</t>
  </si>
  <si>
    <t>\\acsfs\profiles$\lorrainerdl\Downloads\641c5372-ecf1-489c-b80a-ef7e4eb69aaf.tmp</t>
  </si>
  <si>
    <t>d7b2e593-7a74-47b7-95fb-f467005f7736.tmp</t>
  </si>
  <si>
    <t>\\acsfs\profiles$\vivianalds\Downloads\d7b2e593-7a74-47b7-95fb-f467005f7736.tmp</t>
  </si>
  <si>
    <t>lu79556a0ulzi.tmp</t>
  </si>
  <si>
    <t>\\acsfs\profiles$\BRUNAAR\Numero\lu79556a0ulzi.tmp</t>
  </si>
  <si>
    <t>lu79556a0ulzl.tmp</t>
  </si>
  <si>
    <t>\\acsfs\profiles$\BRUNAAR\Numero\lu79556a0ulzl.tmp</t>
  </si>
  <si>
    <t>joaogvc@algartech.com;m1nxnxefxetrukrzvgozdhyqef1vh0jvuushxg==;marianadjc@algartech.com;rafaelggs@algartech.com;taysdss@algartech.com;viniciussg@algartech.com;</t>
  </si>
  <si>
    <t>joaogvc@algartech.com,m1nxnxefxetrukrzvgozdhyqef1vh0jvuushxg==,marianadjc@algartech.com,rafaelggs@algartech.com,taysdss@algartech.com,viniciussg@algartech.com</t>
  </si>
  <si>
    <t>https://joaogvc@algartech.com,leonardoao@algartech.com,marianadjc@algartech.com,paulacn@algartech.com,rafaelggs@algartech.com,taysdss@algartech.com,thiagordu@algartech.com,viniciussg@algartech.com</t>
  </si>
  <si>
    <t>55c4abb8-8cf7-4fd5-8e2b-5d9012193c46.tmp</t>
  </si>
  <si>
    <t>\\acsfs\profiles$\quindaizaagds\Downloads\55c4abb8-8cf7-4fd5-8e2b-5d9012193c46.tmp</t>
  </si>
  <si>
    <t>b2ae8acb-861b-417a-8ae3-52940e8678b9.tmp</t>
  </si>
  <si>
    <t>\\acsfs\profiles$\quindaizaagds\Downloads\b2ae8acb-861b-417a-8ae3-52940e8678b9.tmp</t>
  </si>
  <si>
    <t>d9bbd964-c406-42b4-8972-9f13e79eabb5.tmp</t>
  </si>
  <si>
    <t>\\acsfs\profiles$\quindaizaagds\Downloads\d9bbd964-c406-42b4-8972-9f13e79eabb5.tmp</t>
  </si>
  <si>
    <t>a3361584-f951-4855-b6dc-73caf4b6c772.tmp</t>
  </si>
  <si>
    <t>\\acsfs\profiles$\quindaizaagds\Downloads\a3361584-f951-4855-b6dc-73caf4b6c772.tmp</t>
  </si>
  <si>
    <t>lu243762e7vxd.tmp</t>
  </si>
  <si>
    <t>\\acsfs\profiles$\CLAUDIAJCA\lu243762e7vxd.tmp</t>
  </si>
  <si>
    <t>\\acsfs\profiles$\CLAUDIAJCA\lu243762e7vxd.tmp\</t>
  </si>
  <si>
    <t>\\acsfs\profiles$\CLAUDIAJCA\lu243762e7vxd.tmp\META-INF\</t>
  </si>
  <si>
    <t>\\acsfs\profiles$\CLAUDIAJCA\lu243762e7vxd.tmp\Thumbnails\</t>
  </si>
  <si>
    <t>lu79556a0ulzo.tmp</t>
  </si>
  <si>
    <t>\\acsfs\profiles$\BRUNAAR\Numero\lu79556a0ulzo.tmp</t>
  </si>
  <si>
    <t>6a98ed41-b682-4d46-8480-10f970537add.tmp</t>
  </si>
  <si>
    <t>\\acsfs\profiles$\jalilebds\Downloads\6a98ed41-b682-4d46-8480-10f970537add.tmp</t>
  </si>
  <si>
    <t>Erro Operacional Marta. (dezembro) (1).ods</t>
  </si>
  <si>
    <t>\\acsfs\profiles$\wedersonbadr\Downloads\Erro Operacional Marta. (dezembro) (1).ods</t>
  </si>
  <si>
    <t>\\acsfs\profiles$\wedersonbadr\Downloads\Erro Operacional Marta. (dezembro) (1).ods\</t>
  </si>
  <si>
    <t>\\acsfs\profiles$\wedersonbadr\Downloads\Erro Operacional Marta. (dezembro) (1).ods\META-INF\</t>
  </si>
  <si>
    <t>\\acsfs\profiles$\wedersonbadr\Downloads\Erro Operacional Marta. (dezembro) (1).ods\Thumbnails\</t>
  </si>
  <si>
    <t>\\acsfs\DEPTOS\Operacao\PCP\5 - Comum\PLANEJAMENTO BV\13 - ARQUIVOS CORPORATIVOS\</t>
  </si>
  <si>
    <t>\\acsfs\DEPTOS\Operacao\PCP\5 - Comum\PLANEJAMENTO BV\13 - ARQUIVOS CORPORATIVOS\Thumbs.db</t>
  </si>
  <si>
    <t>4425b710-d10b-4e82-a022-8b49803da6d2.tmp</t>
  </si>
  <si>
    <t>\\acsfs\profiles$\mariliafplb\Downloads\4425b710-d10b-4e82-a022-8b49803da6d2.tmp</t>
  </si>
  <si>
    <t>4d981aaf-1796-49ad-b952-ed5e85e81d36.tmp</t>
  </si>
  <si>
    <t>\\acsfs\profiles$\quindaizaagds\Downloads\4d981aaf-1796-49ad-b952-ed5e85e81d36.tmp</t>
  </si>
  <si>
    <t>bdb77fa2-3b95-412e-b1a3-adbc05c5954d.tmp</t>
  </si>
  <si>
    <t>\\acsfs\profiles$\quindaizaagds\Downloads\bdb77fa2-3b95-412e-b1a3-adbc05c5954d.tmp</t>
  </si>
  <si>
    <t>b3fca27b-9954-467b-9900-af6de5380557.tmp</t>
  </si>
  <si>
    <t>\\acsfs\profiles$\quindaizaagds\Downloads\b3fca27b-9954-467b-9900-af6de5380557.tmp</t>
  </si>
  <si>
    <t>\\acsfs\profiles$\wedersonbadr\</t>
  </si>
  <si>
    <t>\\acsfs\profiles$\wedersonbadr\Thumbs.db</t>
  </si>
  <si>
    <t>74997b3a-e25a-4ef9-ab6c-45ee90b2d573.tmp</t>
  </si>
  <si>
    <t>\\acsfs\profiles$\mariagsg\Downloads\74997b3a-e25a-4ef9-ab6c-45ee90b2d573.tmp</t>
  </si>
  <si>
    <t>2ca417e6-09b9-454f-b9da-eb6cfd95b844.tmp</t>
  </si>
  <si>
    <t>\\acsfs\profiles$\henriquehmdo\Downloads\2ca417e6-09b9-454f-b9da-eb6cfd95b844.tmp</t>
  </si>
  <si>
    <t>.~lock.VENDAS DEZEMBRO..!.ods#</t>
  </si>
  <si>
    <t>\\acsfs\profiles$\regisedsj\My Documents\.~lock.VENDAS DEZEMBRO..!.ods#</t>
  </si>
  <si>
    <t>\\acsfs\profiles$\regisedsj\My Documents\.~lock.VENDAS.ods#</t>
  </si>
  <si>
    <t>\\acsfs\DEPTOS\Operacao\PCP\5 - Comum\PLANEJAMENTO BV\14 - ACOMPANHAMENTO\1 - REPORT ACOMPANHAMENTO\2020\1 - JANEIRO\FINANCEIRA\Acompanhamento improdutividade BV Financeira cópia.xlsx</t>
  </si>
  <si>
    <t>c000a88f-71b4-42e2-968a-5117fda9ff6c.tmp</t>
  </si>
  <si>
    <t>\\acsfs\profiles$\lorrainerdl\Downloads\c000a88f-71b4-42e2-968a-5117fda9ff6c.tmp</t>
  </si>
  <si>
    <t>d8226641-7a32-4ae9-9294-a6cab679d1d1.tmp</t>
  </si>
  <si>
    <t>\\acsfs\profiles$\lorrainerdl\Downloads\d8226641-7a32-4ae9-9294-a6cab679d1d1.tmp</t>
  </si>
  <si>
    <t>2d0ba431-ea6f-440e-ba72-fe25956c4c1a.tmp</t>
  </si>
  <si>
    <t>\\acsfs\profiles$\inarajst\Downloads\2d0ba431-ea6f-440e-ba72-fe25956c4c1a.tmp</t>
  </si>
  <si>
    <t>lu302402r1mh0.tmp</t>
  </si>
  <si>
    <t>\\acsfs\profiles$\jalilebds\Downloads\lu302402r1mh0.tmp</t>
  </si>
  <si>
    <t>.~lock.VENDAS JANEIRO 2020.ods#</t>
  </si>
  <si>
    <t>\\acsfs\profiles$\regisedsj\My Documents\.~lock.VENDAS JANEIRO 2020.ods#</t>
  </si>
  <si>
    <t>lu124681s9ux.tmp</t>
  </si>
  <si>
    <t>\\acsfs\profiles$\regisedsj\My Documents\lu124681s9ux.tmp</t>
  </si>
  <si>
    <t>bb1a5f56-4051-4a07-8206-170330562099.tmp</t>
  </si>
  <si>
    <t>\\acsfs\profiles$\gabrielarb\Downloads\bb1a5f56-4051-4a07-8206-170330562099.tmp</t>
  </si>
  <si>
    <t>\\acsfs\profiles$\regisedsj\My Documents\lu124681s9ux.tmp\</t>
  </si>
  <si>
    <t>\\acsfs\profiles$\regisedsj\My Documents\lu124681s9ux.tmp\META-INF\</t>
  </si>
  <si>
    <t>\\acsfs\profiles$\regisedsj\My Documents\lu124681s9ux.tmp\Thumbnails\</t>
  </si>
  <si>
    <t>b284a7db-8eab-408f-be5e-e0bbac00eefa.tmp</t>
  </si>
  <si>
    <t>\\acsfs\profiles$\regisedsj\Downloads\b284a7db-8eab-408f-be5e-e0bbac00eefa.tmp</t>
  </si>
  <si>
    <t>c07e99e6-9b33-41f1-bf94-2427cd6e6943.tmp</t>
  </si>
  <si>
    <t>\\acsfs\profiles$\wenderbnm\Downloads\c07e99e6-9b33-41f1-bf94-2427cd6e6943.tmp</t>
  </si>
  <si>
    <t>4182e976-52b3-4061-b9ac-8b2c5c7c87a9.tmp</t>
  </si>
  <si>
    <t>\\acsfs\profiles$\gabrielamdp\Downloads\4182e976-52b3-4061-b9ac-8b2c5c7c87a9.tmp</t>
  </si>
  <si>
    <t>892b2661-0036-4597-9232-eda9fdf978a4.tmp</t>
  </si>
  <si>
    <t>\\acsfs\profiles$\gabrielamdp\Downloads\892b2661-0036-4597-9232-eda9fdf978a4.tmp</t>
  </si>
  <si>
    <t>e55dfd84-2f18-4eaa-9062-9bec328df904.tmp</t>
  </si>
  <si>
    <t>\\acsfs\profiles$\gabrielamdp\Downloads\e55dfd84-2f18-4eaa-9062-9bec328df904.tmp</t>
  </si>
  <si>
    <t>2b5a4215-7068-4120-baa3-41b013070598.tmp</t>
  </si>
  <si>
    <t>\\acsfs\profiles$\gabrielamdp\Downloads\2b5a4215-7068-4120-baa3-41b013070598.tmp</t>
  </si>
  <si>
    <t>2c412d05-0bdf-4ee3-9861-6d7e8680605e.tmp</t>
  </si>
  <si>
    <t>\\acsfs\profiles$\michelerds\Downloads\2c412d05-0bdf-4ee3-9861-6d7e8680605e.tmp</t>
  </si>
  <si>
    <t>9e9ac2b9-dabd-44d7-9e3f-a3f5bafb59b4.tmp</t>
  </si>
  <si>
    <t>\\acsfs\profiles$\milenaas\Downloads\9e9ac2b9-dabd-44d7-9e3f-a3f5bafb59b4.tmp</t>
  </si>
  <si>
    <t>10717155-c20d-4dbf-9349-a96ee72864bd.tmp</t>
  </si>
  <si>
    <t>\\acsfs\profiles$\brendadsl\Downloads\10717155-c20d-4dbf-9349-a96ee72864bd.tmp</t>
  </si>
  <si>
    <t>2761ba03-c8bf-4f74-8370-4333d888faef.tmp</t>
  </si>
  <si>
    <t>\\acsfs\profiles$\brendadsl\Downloads\2761ba03-c8bf-4f74-8370-4333d888faef.tmp</t>
  </si>
  <si>
    <t>f6229985-a17f-48bc-96e5-05b6c53b79a5.tmp</t>
  </si>
  <si>
    <t>\\acsfs\profiles$\brendadsl\Downloads\f6229985-a17f-48bc-96e5-05b6c53b79a5.tmp</t>
  </si>
  <si>
    <t>4d521970-63a8-4d52-800e-fd66a09f7473.tmp</t>
  </si>
  <si>
    <t>\\acsfs\profiles$\brendadsl\Downloads\4d521970-63a8-4d52-800e-fd66a09f7473.tmp</t>
  </si>
  <si>
    <t>77ec2758-04ab-4c26-9e3b-714c07b8fb69.tmp</t>
  </si>
  <si>
    <t>\\acsfs\profiles$\brendadsl\Downloads\77ec2758-04ab-4c26-9e3b-714c07b8fb69.tmp</t>
  </si>
  <si>
    <t>52829b66-b462-40cd-8668-0bb0412eadd1.tmp</t>
  </si>
  <si>
    <t>\\acsfs\profiles$\brendadsl\Downloads\52829b66-b462-40cd-8668-0bb0412eadd1.tmp</t>
  </si>
  <si>
    <t>lu302402r1mh3.tmp</t>
  </si>
  <si>
    <t>\\acsfs\profiles$\jalilebds\Downloads\lu302402r1mh3.tmp</t>
  </si>
  <si>
    <t>079eef90-4de6-4065-a806-affc1c193382.tmp</t>
  </si>
  <si>
    <t>\\acsfs\profiles$\antoniosva\Downloads\079eef90-4de6-4065-a806-affc1c193382.tmp</t>
  </si>
  <si>
    <t>e8aea972-a638-4e68-a7e8-62744b85cfd7.tmp</t>
  </si>
  <si>
    <t>\\acsfs\profiles$\antoniosva\Downloads\e8aea972-a638-4e68-a7e8-62744b85cfd7.tmp</t>
  </si>
  <si>
    <t>1fad6837-3c7b-4edc-baa2-ae3ae8df3832.tmp</t>
  </si>
  <si>
    <t>\\acsfs\profiles$\antoniosva\Downloads\1fad6837-3c7b-4edc-baa2-ae3ae8df3832.tmp</t>
  </si>
  <si>
    <t>939bcf1f-5d88-4ea5-9eb2-5eead9136318.tmp</t>
  </si>
  <si>
    <t>\\acsfs\profiles$\georgendsq\Downloads\939bcf1f-5d88-4ea5-9eb2-5eead9136318.tmp</t>
  </si>
  <si>
    <t>e0114029-333e-466b-9ed0-7b963f457031.tmp</t>
  </si>
  <si>
    <t>\\acsfs\profiles$\georgendsq\Downloads\e0114029-333e-466b-9ed0-7b963f457031.tmp</t>
  </si>
  <si>
    <t>34d889ba-7e0f-4ce4-8b94-c867450c22a3.tmp</t>
  </si>
  <si>
    <t>\\acsfs\profiles$\georgendsq\Downloads\34d889ba-7e0f-4ce4-8b94-c867450c22a3.tmp</t>
  </si>
  <si>
    <t>eafd3971-8549-4eba-a3b3-9a824606bf16.tmp</t>
  </si>
  <si>
    <t>\\acsfs\profiles$\georgendsq\Downloads\eafd3971-8549-4eba-a3b3-9a824606bf16.tmp</t>
  </si>
  <si>
    <t>9ba9604d-97f9-4c50-bde3-33bc1322eba8.tmp</t>
  </si>
  <si>
    <t>\\acsfs\profiles$\georgendsq\Downloads\9ba9604d-97f9-4c50-bde3-33bc1322eba8.tmp</t>
  </si>
  <si>
    <t>731106ce-414d-49ef-9454-25a838da5951.tmp</t>
  </si>
  <si>
    <t>\\acsfs\profiles$\andrezacapf\Downloads\731106ce-414d-49ef-9454-25a838da5951.tmp</t>
  </si>
  <si>
    <t>e3be74c6-b90c-48a1-ad37-62166fbf5047.tmp</t>
  </si>
  <si>
    <t>\\acsfs\profiles$\andrezacapf\Downloads\e3be74c6-b90c-48a1-ad37-62166fbf5047.tmp</t>
  </si>
  <si>
    <t>2115cc5a-487e-474d-b5d3-18165d162fdb.tmp</t>
  </si>
  <si>
    <t>\\acsfs\profiles$\andrezacapf\Downloads\2115cc5a-487e-474d-b5d3-18165d162fdb.tmp</t>
  </si>
  <si>
    <t>b1463046-258e-4d9a-822b-ab7f0d35c6bb.tmp</t>
  </si>
  <si>
    <t>\\acsfs\profiles$\andrezacapf\Downloads\b1463046-258e-4d9a-822b-ab7f0d35c6bb.tmp</t>
  </si>
  <si>
    <t>bb7f2c44-3e6e-4200-a2b3-e9e648d6ba82.tmp</t>
  </si>
  <si>
    <t>\\acsfs\profiles$\andrezacapf\Downloads\bb7f2c44-3e6e-4200-a2b3-e9e648d6ba82.tmp</t>
  </si>
  <si>
    <t>839ad9af-223f-480f-bfc8-9c8432d73366.tmp</t>
  </si>
  <si>
    <t>\\acsfs\profiles$\andrezacapf\Downloads\839ad9af-223f-480f-bfc8-9c8432d73366.tmp</t>
  </si>
  <si>
    <t>b210787b-c014-44ef-998f-6d5b8f54372c.tmp</t>
  </si>
  <si>
    <t>\\acsfs\profiles$\jonatanls\Downloads\b210787b-c014-44ef-998f-6d5b8f54372c.tmp</t>
  </si>
  <si>
    <t>ceb546b8-df5a-4e99-b66e-93a8c5f0e722.tmp</t>
  </si>
  <si>
    <t>\\acsfs\profiles$\KARENJSS\Downloads\ceb546b8-df5a-4e99-b66e-93a8c5f0e722.tmp</t>
  </si>
  <si>
    <t>\\acsfs\DEPTOS\Operacao\Banco_Votorantim\Qualidade\Anderson\Laudo\Joao Icatu\</t>
  </si>
  <si>
    <t>\\acsfs\DEPTOS\Operacao\Banco_Votorantim\Qualidade\Anderson\Laudo\Joao Icatu\Thumbs.db</t>
  </si>
  <si>
    <t>\\acsfs\deptos\Operacao\Banco_Votorantim\Supervisao\DIÁRIO DE BORDO BV\</t>
  </si>
  <si>
    <t>Diario de Bordo - BV 2019.xlsb</t>
  </si>
  <si>
    <t>\\acsfs\deptos\Operacao\Banco_Votorantim\Supervisao\DIÁRIO DE BORDO BV\Diario de Bordo - BV 2019.xlsb</t>
  </si>
  <si>
    <t>Diario de Bordo - BV.xlsb</t>
  </si>
  <si>
    <t>\\acsfs\deptos\Operacao\Banco_Votorantim\Supervisao\DIÁRIO DE BORDO BV\Diario de Bordo - BV.xlsb</t>
  </si>
  <si>
    <t>2ce47112-c99c-40e0-a270-3e5cdf4a3fa4.tmp</t>
  </si>
  <si>
    <t>\\acsfs\profiles$\wedersonbadr\My Documents\My Music\2ce47112-c99c-40e0-a270-3e5cdf4a3fa4.tmp</t>
  </si>
  <si>
    <t>lu15500126w02.tmp</t>
  </si>
  <si>
    <t>\\acsfs\profiles$\jonathanwap\lu15500126w02.tmp</t>
  </si>
  <si>
    <t>\\acsfs\profiles$\jonathanwap\lu15500126w02.tmp\</t>
  </si>
  <si>
    <t>\\acsfs\profiles$\jonathanwap\lu15500126w02.tmp\META-INF\</t>
  </si>
  <si>
    <t>\\acsfs\profiles$\jonathanwap\lu15500126w02.tmp\Thumbnails\</t>
  </si>
  <si>
    <t>ce4c09cf-7c2c-45e5-9927-6d336e697040.tmp</t>
  </si>
  <si>
    <t>\\acsfs\profiles$\rafaelahpn\Downloads\ce4c09cf-7c2c-45e5-9927-6d336e697040.tmp</t>
  </si>
  <si>
    <t>\\acsfs\DEPTOS\Operacao\PCP\5 - Comum\PLANEJAMENTO BV\14 - ACOMPANHAMENTO\1 - REPORT ACOMPANHAMENTO\2020\1 - JANEIRO\CARTÕES\Login Logout Cartões\</t>
  </si>
  <si>
    <t>mail.google.com/sync/u/0/i/s?hl=pt-BR&amp;c=661</t>
  </si>
  <si>
    <t>bvcartes-supervisores@algarnet.onmicrosoft.com;joaogvc@algartech.com;leonardoao@algartech.com;m1nxnxefxetrukrzvgozdhyqef1vh0jvuushxg==;marianacds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1nxnxefxetrukrzvgozdhyqef1vh0jvuushxg==,marianacds@algartech.com,marianadjc@algartech.com,mirianppb@algartech.com,paulacn@algartech.com,rafaelggs@algartech.com,taysdss@algartech.com,thiagordu@algartech.com,viniciussg@algartech.com</t>
  </si>
  <si>
    <t>mail.google.com/sync/u/0/i/s?hl=pt-BR&amp;c=667</t>
  </si>
  <si>
    <t>mail.google.com/sync/u/0/i/s?hl=pt-BR&amp;c=669</t>
  </si>
  <si>
    <t>mail.google.com/_/upload?authuser=0&amp;dcp=asu-n&amp;upload_id=AEnB2UoZgH-61i483lEifE2I5yA1yKJYa0SnwmQ2BaQnDZvEX0pKrAk8J3vFGj7OlNfOcAIp7yeqMK6gY_xu95U_Z2Q4kWlSnJEf6feL6M2ie51BYd8XEJ4&amp;upload_protocol=resumable</t>
  </si>
  <si>
    <t>RELATORIO DE LOGIN - BV CARTÕES 01-01.xlsm</t>
  </si>
  <si>
    <t>6a7f1dca-a503-44b0-87c1-388f732bec3b.tmp</t>
  </si>
  <si>
    <t>\\acsfs\profiles$\antoniosva\Downloads\6a7f1dca-a503-44b0-87c1-388f732bec3b.tmp</t>
  </si>
  <si>
    <t>d1de3c14-a6a2-45ea-8fbc-ad9b04abfb9b.tmp</t>
  </si>
  <si>
    <t>\\acsfs\profiles$\antoniosva\Downloads\d1de3c14-a6a2-45ea-8fbc-ad9b04abfb9b.tmp</t>
  </si>
  <si>
    <t>e93a9fb9-971e-4c46-b3ef-1fef8c334193.tmp</t>
  </si>
  <si>
    <t>\\acsfs\profiles$\antoniosva\Downloads\e93a9fb9-971e-4c46-b3ef-1fef8c334193.tmp</t>
  </si>
  <si>
    <t>0ac502b9-db4a-429b-8f85-7d9a827c0250.tmp</t>
  </si>
  <si>
    <t>\\acsfs\profiles$\georgendsq\Downloads\0ac502b9-db4a-429b-8f85-7d9a827c0250.tmp</t>
  </si>
  <si>
    <t>12/31/2019 16:56:24</t>
  </si>
  <si>
    <t>XLOG_marcosvnds_31122019_091223.log</t>
  </si>
  <si>
    <t>\\acsfs\profiles$\marcosvnds\My Documents\xworkcenter\logs\XLOG_marcosvnds_31122019_091223.log</t>
  </si>
  <si>
    <t>100bb2cc-167b-4550-a442-3dc59e8f6808.tmp</t>
  </si>
  <si>
    <t>\\acsfs\profiles$\andrezacapf\Downloads\100bb2cc-167b-4550-a442-3dc59e8f6808.tmp</t>
  </si>
  <si>
    <t>fe6d9ed1-f38c-4696-838f-571e7bea65f8.tmp</t>
  </si>
  <si>
    <t>\\acsfs\profiles$\andrezacapf\Downloads\fe6d9ed1-f38c-4696-838f-571e7bea65f8.tmp</t>
  </si>
  <si>
    <t>25e31350-d6e3-43e5-b73f-ceb04ec0ef7b.tmp</t>
  </si>
  <si>
    <t>\\acsfs\profiles$\andrezacapf\Downloads\25e31350-d6e3-43e5-b73f-ceb04ec0ef7b.tmp</t>
  </si>
  <si>
    <t>475f970f-0720-4582-a586-fcfcac85516f.tmp</t>
  </si>
  <si>
    <t>\\acsfs\profiles$\andrezacapf\Downloads\475f970f-0720-4582-a586-fcfcac85516f.tmp</t>
  </si>
  <si>
    <t>86fa6726-8e5d-49da-b99b-e02146e0b303.tmp</t>
  </si>
  <si>
    <t>\\acsfs\profiles$\jonatanls\Downloads\86fa6726-8e5d-49da-b99b-e02146e0b303.tmp</t>
  </si>
  <si>
    <t>5a7b8856-4630-483e-b42e-dad7e5563238.tmp</t>
  </si>
  <si>
    <t>\\acsfs\profiles$\jonatanls\Downloads\5a7b8856-4630-483e-b42e-dad7e5563238.tmp</t>
  </si>
  <si>
    <t>f91b1e31-8c9f-4f66-acb9-1f04d7ffc371.tmp</t>
  </si>
  <si>
    <t>\\acsfs\profiles$\KARENJSS\Downloads\f91b1e31-8c9f-4f66-acb9-1f04d7ffc371.tmp</t>
  </si>
  <si>
    <t>https://udpmailboxap01/h/search?si=0&amp;so=0&amp;sc=59310&amp;sfi=6&amp;st=message&amp;action=compose</t>
  </si>
  <si>
    <t>\\acsfs\DEPTOS\Operacao\PCP\5 - Comum\PLANEJAMENTO BV\23 - EXTRAÇÕES\Agent State Details\DEZEMBRO\</t>
  </si>
  <si>
    <t>Agent State Details 30-12-2019.xlsx</t>
  </si>
  <si>
    <t>\\acsfs\DEPTOS\Operacao\PCP\5 - Comum\PLANEJAMENTO BV\23 - EXTRAÇÕES\Agent State Details\DEZEMBRO\Agent State Details 30-12-2019.xlsx</t>
  </si>
  <si>
    <t>\\acsfs\DEPTOS\Operacao\PCP\5 - Comum\PLANEJAMENTO BV\23 - EXTRAÇÕES\Agente Login Logout details report\DEZEMBRO\</t>
  </si>
  <si>
    <t>AGENT LOGIN LOGOUT DETAILS REPORT 30-12-2019.xlsx</t>
  </si>
  <si>
    <t>\\acsfs\DEPTOS\Operacao\PCP\5 - Comum\PLANEJAMENTO BV\23 - EXTRAÇÕES\Agente Login Logout details report\DEZEMBRO\AGENT LOGIN LOGOUT DETAILS REPORT 30-12-2019.xlsx</t>
  </si>
  <si>
    <t>Agent State Details 31-12-2019.xlsx</t>
  </si>
  <si>
    <t>\\acsfs\DEPTOS\Operacao\PCP\5 - Comum\PLANEJAMENTO BV\23 - EXTRAÇÕES\Agent State Details\DEZEMBRO\Agent State Details 31-12-2019.xlsx</t>
  </si>
  <si>
    <t>AGENT LOGIN LOGOUT DETAILS REPORT 31-12-2019.xlsx</t>
  </si>
  <si>
    <t>\\acsfs\DEPTOS\Operacao\PCP\5 - Comum\PLANEJAMENTO BV\23 - EXTRAÇÕES\Agente Login Logout details report\DEZEMBRO\AGENT LOGIN LOGOUT DETAILS REPORT 31-12-2019.xlsx</t>
  </si>
  <si>
    <t>.~lock.Vendas.xlsx#</t>
  </si>
  <si>
    <t>\\acsfs\profiles$\victoriaksr\My Documents\.~lock.Vendas.xlsx#</t>
  </si>
  <si>
    <t>78-2B-CB-C1-05-2A</t>
  </si>
  <si>
    <t>VOTORANT-AFB008</t>
  </si>
  <si>
    <t>8084a857-8738-4d57-ae7f-b8fd40faada3.tmp</t>
  </si>
  <si>
    <t>\\acsfs\profiles$\gabriellalpr\Downloads\8084a857-8738-4d57-ae7f-b8fd40faada3.tmp</t>
  </si>
  <si>
    <t>b38585ee-288f-42a7-a1d1-36f367df2de7.tmp</t>
  </si>
  <si>
    <t>\\acsfs\profiles$\gabriellalpr\Downloads\b38585ee-288f-42a7-a1d1-36f367df2de7.tmp</t>
  </si>
  <si>
    <t>70048513-2c51-48dd-8b62-85714c008784.tmp</t>
  </si>
  <si>
    <t>\\acsfs\profiles$\gabriellalpr\Downloads\70048513-2c51-48dd-8b62-85714c008784.tmp</t>
  </si>
  <si>
    <t>2a095efa-0a40-44cb-9b91-5cc3a92a19f9.tmp</t>
  </si>
  <si>
    <t>\\acsfs\profiles$\gabriellalpr\Downloads\2a095efa-0a40-44cb-9b91-5cc3a92a19f9.tmp</t>
  </si>
  <si>
    <t>BERNARDO PATRICK CARNEIRO MOTA (26).contact</t>
  </si>
  <si>
    <t>\\acsfs\profiles$\bernardopcm\Contacts\BERNARDO PATRICK CARNEIRO MOTA (26).contact</t>
  </si>
  <si>
    <t>10.200.67.52</t>
  </si>
  <si>
    <t>ee6b3156-915b-4993-8376-744424166762.tmp</t>
  </si>
  <si>
    <t>\\acsfs\profiles$\marcosvnds\Downloads\ee6b3156-915b-4993-8376-744424166762.tmp</t>
  </si>
  <si>
    <t>18b231bd-b245-4615-996b-ef823ce56ae9.tmp</t>
  </si>
  <si>
    <t>\\acsfs\profiles$\marcosvnds\Downloads\18b231bd-b245-4615-996b-ef823ce56ae9.tmp</t>
  </si>
  <si>
    <t>7663aeef-b200-4c0b-890a-070416585547.tmp</t>
  </si>
  <si>
    <t>\\acsfs\profiles$\andrezacapf\Downloads\7663aeef-b200-4c0b-890a-070416585547.tmp</t>
  </si>
  <si>
    <t>a3bb2b66-edbc-41b4-9260-be9db320fe8c.tmp</t>
  </si>
  <si>
    <t>\\acsfs\profiles$\KARENJSS\Downloads\a3bb2b66-edbc-41b4-9260-be9db320fe8c.tmp</t>
  </si>
  <si>
    <t>b7af515b-3d84-4c64-a83c-acf67b339856.tmp</t>
  </si>
  <si>
    <t>\\acsfs\profiles$\regisadsa\Downloads\b7af515b-3d84-4c64-a83c-acf67b339856.tmp</t>
  </si>
  <si>
    <t>8aecee66-2e2b-4969-ad45-aff9f2a1c57e.tmp</t>
  </si>
  <si>
    <t>\\acsfs\profiles$\regisadsa\Downloads\8aecee66-2e2b-4969-ad45-aff9f2a1c57e.tmp</t>
  </si>
  <si>
    <t>dccaf748-905d-43fb-9145-0d4fa8996f64.tmp</t>
  </si>
  <si>
    <t>\\acsfs\profiles$\regisadsa\Downloads\dccaf748-905d-43fb-9145-0d4fa8996f64.tmp</t>
  </si>
  <si>
    <t>98ea9efd-d19d-4386-8979-4aa144b2242f.tmp</t>
  </si>
  <si>
    <t>\\acsfs\profiles$\regisadsa\Downloads\98ea9efd-d19d-4386-8979-4aa144b2242f.tmp</t>
  </si>
  <si>
    <t>78d1dc0c-7d5e-4185-a358-1ec57211628d.tmp</t>
  </si>
  <si>
    <t>\\acsfs\profiles$\regisadsa\Downloads\78d1dc0c-7d5e-4185-a358-1ec57211628d.tmp</t>
  </si>
  <si>
    <t>9c9f6b09-6dea-439d-91f6-523df17109a9.tmp</t>
  </si>
  <si>
    <t>\\acsfs\profiles$\quindaizaagds\Downloads\9c9f6b09-6dea-439d-91f6-523df17109a9.tmp</t>
  </si>
  <si>
    <t>717d3f44-e3c1-4547-b85c-c2cadf84fb79.tmp</t>
  </si>
  <si>
    <t>\\acsfs\profiles$\inarajst\Downloads\717d3f44-e3c1-4547-b85c-c2cadf84fb79.tmp</t>
  </si>
  <si>
    <t>6b0b599b-a063-4349-ad54-00e0369fdac7.tmp</t>
  </si>
  <si>
    <t>\\acsfs\profiles$\THYAGOSP\Downloads\6b0b599b-a063-4349-ad54-00e0369fdac7.tmp</t>
  </si>
  <si>
    <t>\\acsfs\DEPTOS\Operacao\PCP\5 - Comum\PLANEJAMENTO BV\23 - EXTRAÇÕES\Agent utilization\</t>
  </si>
  <si>
    <t>Agent utilization 01-12 a 31-12.xlsx</t>
  </si>
  <si>
    <t>\\acsfs\DEPTOS\Operacao\PCP\5 - Comum\PLANEJAMENTO BV\23 - EXTRAÇÕES\Agent utilization\Agent utilization 01-12 a 31-12.xlsx</t>
  </si>
  <si>
    <t>algartechcpcbv@algartech.com;andrelpsa@algartech.com;cpc-controldeskavon@algartech.com;joseasn@algartech.com;josiascdsj@algartech.com;leonardoao@algartech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mail.google.com/sync/u/0/i/s?hl=pt-BR&amp;c=623</t>
  </si>
  <si>
    <t>cpc-controldeskavon@algartech.com;joseasn@algartech.com;marianadjc@algartech.com;viniciussg@algartech.com;</t>
  </si>
  <si>
    <t>cpc-controldeskavon@algartech.com,joseasn@algartech.com,marianadjc@algartech.com,viniciussg@algartech.com</t>
  </si>
  <si>
    <t>b8a0ed69-8ef8-45b8-aba3-f96326a35e34.tmp</t>
  </si>
  <si>
    <t>\\acsfs\profiles$\gabriellalpr\Downloads\b8a0ed69-8ef8-45b8-aba3-f96326a35e34.tmp</t>
  </si>
  <si>
    <t>c2cc2fe1-5ae1-40f7-84c2-278fc90983f2.tmp</t>
  </si>
  <si>
    <t>\\acsfs\profiles$\bernardopcm\Downloads\c2cc2fe1-5ae1-40f7-84c2-278fc90983f2.tmp</t>
  </si>
  <si>
    <t>b3034571-fb61-4a78-8c2d-703649f3ede3.tmp</t>
  </si>
  <si>
    <t>\\acsfs\profiles$\bernardopcm\Downloads\b3034571-fb61-4a78-8c2d-703649f3ede3.tmp</t>
  </si>
  <si>
    <t>Não confirmado 623344.crdownload</t>
  </si>
  <si>
    <t>\\acsfs\profiles$\bernardopcm\Downloads\Não confirmado 623344.crdownload</t>
  </si>
  <si>
    <t>99fc007a-4779-4325-aa8a-19232b2a5618.tmp</t>
  </si>
  <si>
    <t>\\acsfs\profiles$\bernardopcm\Downloads\99fc007a-4779-4325-aa8a-19232b2a5618.tmp</t>
  </si>
  <si>
    <t>0b58d6b5-3129-4825-b6aa-d250c55c2763.tmp</t>
  </si>
  <si>
    <t>\\acsfs\profiles$\marcosvnds\Downloads\0b58d6b5-3129-4825-b6aa-d250c55c2763.tmp</t>
  </si>
  <si>
    <t>815ec9a2-e464-4719-9045-426185858f2b.tmp</t>
  </si>
  <si>
    <t>\\acsfs\profiles$\marcosvnds\Downloads\815ec9a2-e464-4719-9045-426185858f2b.tmp</t>
  </si>
  <si>
    <t>d1808b0b-d710-4eec-a983-eb6839ff408d.tmp</t>
  </si>
  <si>
    <t>\\acsfs\profiles$\marcosvnds\Downloads\d1808b0b-d710-4eec-a983-eb6839ff408d.tmp</t>
  </si>
  <si>
    <t>93e47626-d7e2-4f5e-b249-c7f7233bab57.tmp</t>
  </si>
  <si>
    <t>\\acsfs\profiles$\marcosvnds\Downloads\93e47626-d7e2-4f5e-b249-c7f7233bab57.tmp</t>
  </si>
  <si>
    <t>b4c311f6-725e-4dc4-b272-61e2a509bc34.tmp</t>
  </si>
  <si>
    <t>\\acsfs\profiles$\marcosvnds\Downloads\b4c311f6-725e-4dc4-b272-61e2a509bc34.tmp</t>
  </si>
  <si>
    <t>10.200.67.160</t>
  </si>
  <si>
    <t>c20d7124-72c0-45aa-98b2-ba24854f3d4b.tmp</t>
  </si>
  <si>
    <t>\\acsfs\profiles$\victorgl\Downloads\c20d7124-72c0-45aa-98b2-ba24854f3d4b.tmp</t>
  </si>
  <si>
    <t>c1d1a3c6-077f-4aa4-ae70-cff6856589dd.tmp</t>
  </si>
  <si>
    <t>\\acsfs\profiles$\victorgl\Downloads\c1d1a3c6-077f-4aa4-ae70-cff6856589dd.tmp</t>
  </si>
  <si>
    <t>f4a42386-7165-427a-8919-6246ed3b7ce2.tmp</t>
  </si>
  <si>
    <t>\\acsfs\profiles$\victorgl\Downloads\f4a42386-7165-427a-8919-6246ed3b7ce2.tmp</t>
  </si>
  <si>
    <t>e47bfc2b-0501-4828-9c3f-119362b7600e.tmp</t>
  </si>
  <si>
    <t>\\acsfs\profiles$\KARENJSS\Downloads\e47bfc2b-0501-4828-9c3f-119362b7600e.tmp</t>
  </si>
  <si>
    <t>47cbc2a0-e587-4120-acce-3beb965f5ee4.tmp</t>
  </si>
  <si>
    <t>\\acsfs\profiles$\KARENJSS\Downloads\47cbc2a0-e587-4120-acce-3beb965f5ee4.tmp</t>
  </si>
  <si>
    <t>lu302402r1mha.tmp</t>
  </si>
  <si>
    <t>\\acsfs\profiles$\jalilebds\Downloads\lu302402r1mha.tmp</t>
  </si>
  <si>
    <t>4915f29d-5038-4562-8512-de42b193648e.tmp</t>
  </si>
  <si>
    <t>\\acsfs\profiles$\larissaad\Downloads\4915f29d-5038-4562-8512-de42b193648e.tmp</t>
  </si>
  <si>
    <t>mail.google.com/sync/u/0/i/s?hl=pt-BR&amp;c=678</t>
  </si>
  <si>
    <t>mail.google.com/sync/u/0/i/s?hl=pt-BR&amp;c=689</t>
  </si>
  <si>
    <t>mail.google.com/sync/u/0/i/s?hl=pt-BR&amp;c=699</t>
  </si>
  <si>
    <t>mail.google.com/sync/u/0/i/s?hl=pt-BR&amp;c=714</t>
  </si>
  <si>
    <t>\\udpavonfs01\avon\00 - ACOMPANHAMENTO AVON\04 - BACKOFFICE CORNERSTONE\2019\12.2019\RELATORIO\FECHAMENTO\</t>
  </si>
  <si>
    <t>\\udpavonfs01\avon\00 - ACOMPANHAMENTO AVON\04 - BACKOFFICE CORNERSTONE\2019\12.2019\RELATORIO\FECHAMENTO\Acompanhamento Backoffice Cornerstone DEZ.19.xlsx</t>
  </si>
  <si>
    <t>mail.google.com/sync/u/0/i/s?hl=pt-BR&amp;c=726</t>
  </si>
  <si>
    <t>673d971e-b452-48b4-a79b-67db368f1ef8.tmp</t>
  </si>
  <si>
    <t>\\acsfs\profiles$\gabriellalpr\Downloads\673d971e-b452-48b4-a79b-67db368f1ef8.tmp</t>
  </si>
  <si>
    <t>5522b3a0-f974-4742-9fa1-6e9de5729fb5.tmp</t>
  </si>
  <si>
    <t>\\acsfs\profiles$\YASMINSC\Downloads\5522b3a0-f974-4742-9fa1-6e9de5729fb5.tmp</t>
  </si>
  <si>
    <t>e8fab3ba-b9b0-4151-b25e-c083a04cd398.tmp</t>
  </si>
  <si>
    <t>\\acsfs\profiles$\regisadsa\Downloads\e8fab3ba-b9b0-4151-b25e-c083a04cd398.tmp</t>
  </si>
  <si>
    <t>2a6bc686-abb8-482b-a1c1-0f7c90eaf194.tmp</t>
  </si>
  <si>
    <t>\\acsfs\profiles$\quindaizaagds\Downloads\2a6bc686-abb8-482b-a1c1-0f7c90eaf194.tmp</t>
  </si>
  <si>
    <t>fabriciadc@algartech.com.br;joaogvc@algartech.com;josiascdsj@algartech.com;marianadjc@algartech.com;rafaelggs@algartech.com;taysdss@algartech.com;viniciussg@algartech.com;</t>
  </si>
  <si>
    <t>fabriciadc@algartech.com.br,joaogvc@algartech.com,josiascdsj@algartech.com,marianadjc@algartech.com,rafaelggs@algartech.com,taysdss@algartech.com,viniciussg@algartech.com</t>
  </si>
  <si>
    <t>78-2B-CB-C1-06-43</t>
  </si>
  <si>
    <t>VOTORANT-WB007</t>
  </si>
  <si>
    <t>lorenabmc</t>
  </si>
  <si>
    <t>\\acsfs\profiles$\lorenabmc\Downloads\</t>
  </si>
  <si>
    <t>baab0b1b-41e5-45cb-992d-7c4bde3c6323.tmp</t>
  </si>
  <si>
    <t>\\acsfs\profiles$\lorenabmc\Downloads\baab0b1b-41e5-45cb-992d-7c4bde3c6323.tmp</t>
  </si>
  <si>
    <t>0d63b1db-89b1-4a51-a766-6ecc608dbabf.tmp</t>
  </si>
  <si>
    <t>\\acsfs\profiles$\lorenabmc\Downloads\0d63b1db-89b1-4a51-a766-6ecc608dbabf.tmp</t>
  </si>
  <si>
    <t>7a6cfcca-58b4-4533-8823-c11f4b0de37e.tmp</t>
  </si>
  <si>
    <t>\\acsfs\profiles$\victorgl\Downloads\7a6cfcca-58b4-4533-8823-c11f4b0de37e.tmp</t>
  </si>
  <si>
    <t>a2647643-e0d9-4220-958f-1e6e6d31feff.tmp</t>
  </si>
  <si>
    <t>\\acsfs\profiles$\anafsb\Downloads\a2647643-e0d9-4220-958f-1e6e6d31feff.tmp</t>
  </si>
  <si>
    <t>e733349e-ea86-4070-9642-2c8be2e6c2c1.tmp</t>
  </si>
  <si>
    <t>\\acsfs\profiles$\KARENJSS\Downloads\e733349e-ea86-4070-9642-2c8be2e6c2c1.tmp</t>
  </si>
  <si>
    <t>a596aa71-7500-4967-8531-ac1cdcbdd7a1.tmp</t>
  </si>
  <si>
    <t>\\acsfs\profiles$\KARENJSS\Downloads\a596aa71-7500-4967-8531-ac1cdcbdd7a1.tmp</t>
  </si>
  <si>
    <t>a7537ff1-fe2e-4024-aeac-1976aabdfe58.tmp</t>
  </si>
  <si>
    <t>\\acsfs\profiles$\KARENJSS\Downloads\a7537ff1-fe2e-4024-aeac-1976aabdfe58.tmp</t>
  </si>
  <si>
    <t>39f8f646-339b-417b-84a6-34b05ef2f315.tmp</t>
  </si>
  <si>
    <t>\\acsfs\profiles$\ANAPDSB\Downloads\39f8f646-339b-417b-84a6-34b05ef2f315.tmp</t>
  </si>
  <si>
    <t>lu302402r1mhd.tmp</t>
  </si>
  <si>
    <t>\\acsfs\profiles$\jalilebds\Downloads\lu302402r1mhd.tmp</t>
  </si>
  <si>
    <t>\\acsfs\profiles$\wedersonbadr\Contacts\</t>
  </si>
  <si>
    <t>WEDERSON BRUNO ALVES DOS REIS (25643).contact</t>
  </si>
  <si>
    <t>\\acsfs\profiles$\wedersonbadr\Contacts\WEDERSON BRUNO ALVES DOS REIS (25643).contact</t>
  </si>
  <si>
    <t>1e2ece11-b5b2-4ef8-adef-23ed12ddbdb7.tmp</t>
  </si>
  <si>
    <t>\\acsfs\profiles$\rafaelahpn\Downloads\1e2ece11-b5b2-4ef8-adef-23ed12ddbdb7.tmp</t>
  </si>
  <si>
    <t>Erro carnê.PNG</t>
  </si>
  <si>
    <t>\\acsfs\profiles$\brendavdoa\My Documents\Erro carnê.PNG</t>
  </si>
  <si>
    <t>46f82b66-7c20-4632-a765-6e96ca3d706d.tmp</t>
  </si>
  <si>
    <t>\\acsfs\profiles$\antoniosva\Downloads\46f82b66-7c20-4632-a765-6e96ca3d706d.tmp</t>
  </si>
  <si>
    <t>bc858ed7-5a19-4374-acf1-174df0354a8f.tmp</t>
  </si>
  <si>
    <t>\\acsfs\profiles$\leticiala\Downloads\bc858ed7-5a19-4374-acf1-174df0354a8f.tmp</t>
  </si>
  <si>
    <t>4434ad86-d15e-4ec3-a9d5-31c982504c79.tmp</t>
  </si>
  <si>
    <t>\\acsfs\profiles$\leticiala\Downloads\4434ad86-d15e-4ec3-a9d5-31c982504c79.tmp</t>
  </si>
  <si>
    <t>96d85659-e90c-45a6-8c24-a0da189f9895.tmp</t>
  </si>
  <si>
    <t>\\acsfs\profiles$\inarajst\Downloads\96d85659-e90c-45a6-8c24-a0da189f9895.tmp</t>
  </si>
  <si>
    <t>165b8fd6-1184-41a9-b436-792e31d3f0b1.tmp</t>
  </si>
  <si>
    <t>\\acsfs\profiles$\lorenabmc\Downloads\165b8fd6-1184-41a9-b436-792e31d3f0b1.tmp</t>
  </si>
  <si>
    <t>mail.google.com/sync/u/0/i/s?hl=pt-BR&amp;c=767</t>
  </si>
  <si>
    <t>algartechcpcbv@algartech.com;andrelpsa@algartech.com;cpc-controldeskavon@algartech.com;joseasn@algartech.com;josiascdsj@algartech.com;leonardoao@algartech.com;luiz.henriquesantos@avon.com;marianadjc@algartech.com;mensal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mensal,paulacn@algartech.com,qualidadealgarbv@algartech.com,rafaelggs@algartech.com,supervisaobancovotorantim@algartech.com,taysdss@algartech.com,thiagolrc@bv.algartech.com,viniciussg@algartech.com</t>
  </si>
  <si>
    <t>mail.google.com/sync/u/0/i/s?hl=pt-BR&amp;c=783</t>
  </si>
  <si>
    <t>mail.google.com/sync/u/0/i/s?hl=pt-BR&amp;c=793</t>
  </si>
  <si>
    <t>mail.google.com/sync/u/0/i/s?hl=pt-BR&amp;c=798</t>
  </si>
  <si>
    <t>mail.google.com/sync/u/0/i/s?hl=pt-BR&amp;c=803</t>
  </si>
  <si>
    <t>\\acsfs\DEPTOS\Operacao\PCP\5 - Comum\PLANEJAMENTO BV\23 - EXTRAÇÕES\Agent State Details\2020\JANEIRO\</t>
  </si>
  <si>
    <t>Agent State Details 01.01.2020.xlsx</t>
  </si>
  <si>
    <t>\\acsfs\DEPTOS\Operacao\PCP\5 - Comum\PLANEJAMENTO BV\23 - EXTRAÇÕES\Agent State Details\2020\JANEIRO\Agent State Details 01.01.2020.xlsx</t>
  </si>
  <si>
    <t>2a9de230-7417-447a-83cd-1a473a3ac064.tmp</t>
  </si>
  <si>
    <t>\\acsfs\profiles$\rafaelamsv\Downloads\2a9de230-7417-447a-83cd-1a473a3ac064.tmp</t>
  </si>
  <si>
    <t>lu359443ydymq.tmp</t>
  </si>
  <si>
    <t>\\acsfs\profiles$\marcellewdl\My Documents\lu359443ydymq.tmp</t>
  </si>
  <si>
    <t>\\acsfs\profiles$\marcellewdl\My Documents\lu359443ydymq.tmp\</t>
  </si>
  <si>
    <t>\\acsfs\profiles$\marcellewdl\My Documents\lu359443ydymq.tmp\META-INF\</t>
  </si>
  <si>
    <t>\\acsfs\profiles$\marcellewdl\My Documents\lu359443ydymq.tmp\Thumbnails\</t>
  </si>
  <si>
    <t>lu13728nh564.tmp</t>
  </si>
  <si>
    <t>\\acsfs\profiles$\luanarda\lu13728nh564.tmp</t>
  </si>
  <si>
    <t>\\acsfs\profiles$\luanarda\lu13728nh564.tmp\</t>
  </si>
  <si>
    <t>\\acsfs\profiles$\luanarda\lu13728nh564.tmp\META-INF\</t>
  </si>
  <si>
    <t>\\acsfs\profiles$\luanarda\lu13728nh564.tmp\Thumbnails\</t>
  </si>
  <si>
    <t>f30cc9f2-9748-4f0f-909a-0b23e3569de0.tmp</t>
  </si>
  <si>
    <t>\\acsfs\profiles$\sarahbal\Downloads\f30cc9f2-9748-4f0f-909a-0b23e3569de0.tmp</t>
  </si>
  <si>
    <t>69ddb6e0-1a86-44cc-acc3-f6014c2e5421.tmp</t>
  </si>
  <si>
    <t>\\acsfs\profiles$\edicarlosdl\Downloads\69ddb6e0-1a86-44cc-acc3-f6014c2e5421.tmp</t>
  </si>
  <si>
    <t>656a9a05-6886-4cf3-80c6-8c6ccb23076f.tmp</t>
  </si>
  <si>
    <t>\\acsfs\profiles$\matheusmax\Downloads\656a9a05-6886-4cf3-80c6-8c6ccb23076f.tmp</t>
  </si>
  <si>
    <t>1199262c-1ca7-4b93-8fed-48ea3f8eae35.tmp</t>
  </si>
  <si>
    <t>\\acsfs\profiles$\matheusmax\Downloads\1199262c-1ca7-4b93-8fed-48ea3f8eae35.tmp</t>
  </si>
  <si>
    <t>9b3aaa89-950b-4a5c-bcd6-fa66019359ed.tmp</t>
  </si>
  <si>
    <t>\\acsfs\profiles$\welidicdj\Downloads\9b3aaa89-950b-4a5c-bcd6-fa66019359ed.tmp</t>
  </si>
  <si>
    <t>0b2ae28e-76c0-4ac8-b899-475e39846149.tmp</t>
  </si>
  <si>
    <t>\\acsfs\profiles$\welidicdj\Downloads\0b2ae28e-76c0-4ac8-b899-475e39846149.tmp</t>
  </si>
  <si>
    <t>lu302402r1mhl.tmp</t>
  </si>
  <si>
    <t>\\acsfs\profiles$\jalilebds\Downloads\lu302402r1mhl.tmp</t>
  </si>
  <si>
    <t>14be7502-2ce0-411d-bad3-8a698c553c57.tmp</t>
  </si>
  <si>
    <t>\\acsfs\profiles$\alinepp\Downloads\14be7502-2ce0-411d-bad3-8a698c553c57.tmp</t>
  </si>
  <si>
    <t>\\acsfs\DEPTOS\Operacao\PCP\5 - Comum\PLANEJAMENTO BV\23 - EXTRAÇÕES\Agente Login Logout details report\</t>
  </si>
  <si>
    <t>AGENT LOGIN LOGOUT DETAILS REPORT 01.01.2020.xlsx</t>
  </si>
  <si>
    <t>\\acsfs\DEPTOS\Operacao\PCP\5 - Comum\PLANEJAMENTO BV\23 - EXTRAÇÕES\Agente Login Logout details report\AGENT LOGIN LOGOUT DETAILS REPORT 01.01.2020.xlsx</t>
  </si>
  <si>
    <t>d0ed5b26-a803-4e2c-a5c2-c8aa226d3786.tmp</t>
  </si>
  <si>
    <t>\\acsfs\profiles$\wenderbnm\Downloads\d0ed5b26-a803-4e2c-a5c2-c8aa226d3786.tmp</t>
  </si>
  <si>
    <t>36c8e47d-d731-49bc-99fd-a7761f96ff9a.tmp</t>
  </si>
  <si>
    <t>\\acsfs\profiles$\vivianibfs\Downloads\36c8e47d-d731-49bc-99fd-a7761f96ff9a.tmp</t>
  </si>
  <si>
    <t>7e719609-4d31-4634-8421-738acce69fac.tmp</t>
  </si>
  <si>
    <t>\\acsfs\profiles$\KARENJSS\Downloads\7e719609-4d31-4634-8421-738acce69fac.tmp</t>
  </si>
  <si>
    <t>f85356bb-b2fa-4c7d-aafd-db2451c67f8f.tmp</t>
  </si>
  <si>
    <t>\\acsfs\profiles$\KARENJSS\Downloads\f85356bb-b2fa-4c7d-aafd-db2451c67f8f.tmp</t>
  </si>
  <si>
    <t>58c15770-1294-4448-90b5-429e4232a889.tmp</t>
  </si>
  <si>
    <t>\\acsfs\profiles$\edicarlosdl\Downloads\58c15770-1294-4448-90b5-429e4232a889.tmp</t>
  </si>
  <si>
    <t>35f64b0c-7576-4f7c-81a6-cd14499e92cd.tmp</t>
  </si>
  <si>
    <t>\\acsfs\profiles$\alinepp\Downloads\35f64b0c-7576-4f7c-81a6-cd14499e92cd.tmp</t>
  </si>
  <si>
    <t>99b39ccf-b957-43aa-9b4a-2b634b193e81.tmp</t>
  </si>
  <si>
    <t>\\acsfs\profiles$\alinepp\Downloads\99b39ccf-b957-43aa-9b4a-2b634b193e81.tmp</t>
  </si>
  <si>
    <t>b966d9ad-109f-4c5c-82f5-e1afe5d663bb.tmp</t>
  </si>
  <si>
    <t>\\acsfs\profiles$\alinepp\Downloads\b966d9ad-109f-4c5c-82f5-e1afe5d663bb.tmp</t>
  </si>
  <si>
    <t>8b45d335-c928-4671-b355-dff26ab738fa.tmp</t>
  </si>
  <si>
    <t>\\acsfs\profiles$\philipegsf\Downloads\8b45d335-c928-4671-b355-dff26ab738fa.tmp</t>
  </si>
  <si>
    <t>02af54d1-ce2b-4048-9f41-5198ba9bf086.tmp</t>
  </si>
  <si>
    <t>\\acsfs\profiles$\fabianobmf\Downloads\02af54d1-ce2b-4048-9f41-5198ba9bf086.tmp</t>
  </si>
  <si>
    <t>5b6f06df-7f7b-400f-a106-d280875e4775.tmp</t>
  </si>
  <si>
    <t>\\acsfs\profiles$\vivianibfs\Downloads\5b6f06df-7f7b-400f-a106-d280875e4775.tmp</t>
  </si>
  <si>
    <t>e99d0660-6f87-4285-bfa0-e0379c69a8a6.tmp</t>
  </si>
  <si>
    <t>\\acsfs\profiles$\vivianibfs\Downloads\e99d0660-6f87-4285-bfa0-e0379c69a8a6.tmp</t>
  </si>
  <si>
    <t>4caeca72-d705-467f-b937-7a3f8fb18a78.tmp</t>
  </si>
  <si>
    <t>\\acsfs\profiles$\vivianibfs\Downloads\4caeca72-d705-467f-b937-7a3f8fb18a78.tmp</t>
  </si>
  <si>
    <t>\\acsfs\DEPTOS\EDUCACAO EMPRESARIAL\2 - Operações\0.01 BV CARTÕES\Larisa\</t>
  </si>
  <si>
    <t>\\acsfs\DEPTOS\EDUCACAO EMPRESARIAL\2 - Operações\0.01 BV CARTÕES\Larisa\Thumbs.db</t>
  </si>
  <si>
    <t>10.200.66.196</t>
  </si>
  <si>
    <t>74-86-7A-FB-1A-4B</t>
  </si>
  <si>
    <t>VOTORANT-WB008</t>
  </si>
  <si>
    <t>3dc53c79-c617-4fe3-ad22-adb26216f872.tmp</t>
  </si>
  <si>
    <t>\\acsfs\profiles$\lorenabmc\Downloads\3dc53c79-c617-4fe3-ad22-adb26216f872.tmp</t>
  </si>
  <si>
    <t>82a29142-3a01-4872-acf4-814568f3b007.tmp</t>
  </si>
  <si>
    <t>\\acsfs\profiles$\lorenabmc\Downloads\82a29142-3a01-4872-acf4-814568f3b007.tmp</t>
  </si>
  <si>
    <t>463215ec-e636-4a12-94eb-743f6bd2f835.tmp</t>
  </si>
  <si>
    <t>\\acsfs\profiles$\lorenabmc\Downloads\463215ec-e636-4a12-94eb-743f6bd2f835.tmp</t>
  </si>
  <si>
    <t>b4140bb6-828b-413f-be26-70061b37d6c8.tmp</t>
  </si>
  <si>
    <t>\\acsfs\profiles$\lorenabmc\Downloads\b4140bb6-828b-413f-be26-70061b37d6c8.tmp</t>
  </si>
  <si>
    <t>5b0a211f-6236-451b-ba85-3d816f484d30.tmp</t>
  </si>
  <si>
    <t>\\acsfs\profiles$\ERICALSR\Downloads\5b0a211f-6236-451b-ba85-3d816f484d30.tmp</t>
  </si>
  <si>
    <t>8e7682e8-fedb-4b77-a752-370f459829a9.tmp</t>
  </si>
  <si>
    <t>\\acsfs\profiles$\alinepp\Downloads\8e7682e8-fedb-4b77-a752-370f459829a9.tmp</t>
  </si>
  <si>
    <t>8d102fd3-6399-4f5f-b239-bf5d50fac22e.tmp</t>
  </si>
  <si>
    <t>\\acsfs\profiles$\philipegsf\Downloads\8d102fd3-6399-4f5f-b239-bf5d50fac22e.tmp</t>
  </si>
  <si>
    <t>c13af7f5-f068-4fd2-9567-76e0e8bb5fd8.tmp</t>
  </si>
  <si>
    <t>\\acsfs\profiles$\fabianobmf\Downloads\c13af7f5-f068-4fd2-9567-76e0e8bb5fd8.tmp</t>
  </si>
  <si>
    <t>fc7e960d-c81e-430c-ab4b-76f20a229a53.tmp</t>
  </si>
  <si>
    <t>\\acsfs\profiles$\leticiala\Downloads\fc7e960d-c81e-430c-ab4b-76f20a229a53.tmp</t>
  </si>
  <si>
    <t>55359771-8df9-4ef8-8c5b-0e1156d483e4.tmp</t>
  </si>
  <si>
    <t>\\acsfs\profiles$\victorgl\Downloads\55359771-8df9-4ef8-8c5b-0e1156d483e4.tmp</t>
  </si>
  <si>
    <t>XLOG_marcosvnds_02012020_141917.log</t>
  </si>
  <si>
    <t>\\acsfs\profiles$\marcosvnds\My Documents\xworkcenter\logs\XLOG_marcosvnds_02012020_141917.log</t>
  </si>
  <si>
    <t>7faa744c-8c7b-462d-8a71-d2433c602a95.tmp</t>
  </si>
  <si>
    <t>\\acsfs\profiles$\KARENJSS\Downloads\7faa744c-8c7b-462d-8a71-d2433c602a95.tmp</t>
  </si>
  <si>
    <t>30eec610-744c-45a4-b9dd-7155e799ba9a.tmp</t>
  </si>
  <si>
    <t>\\acsfs\profiles$\marcosvnds\Downloads\30eec610-744c-45a4-b9dd-7155e799ba9a.tmp</t>
  </si>
  <si>
    <t>0810ba78-b578-46de-9823-3db1f93edfa2.tmp</t>
  </si>
  <si>
    <t>\\acsfs\profiles$\eduardofss\Downloads\0810ba78-b578-46de-9823-3db1f93edfa2.tmp</t>
  </si>
  <si>
    <t>676b1491-4476-4a6d-8918-70c7abcc665c.tmp</t>
  </si>
  <si>
    <t>\\acsfs\profiles$\gabrieleods\Downloads\676b1491-4476-4a6d-8918-70c7abcc665c.tmp</t>
  </si>
  <si>
    <t>bc9bf52b-8f80-4f27-a897-dc540c7fe4a7.tmp</t>
  </si>
  <si>
    <t>\\acsfs\profiles$\gabrieleods\Downloads\bc9bf52b-8f80-4f27-a897-dc540c7fe4a7.tmp</t>
  </si>
  <si>
    <t>eec74da5-dbbe-46d6-9e81-16da35579f07.tmp</t>
  </si>
  <si>
    <t>\\acsfs\profiles$\gabrieleods\Downloads\eec74da5-dbbe-46d6-9e81-16da35579f07.tmp</t>
  </si>
  <si>
    <t>kit_pre_deslig_disp_sem_justa_causa_ind_100377_lays costa braga.pdf</t>
  </si>
  <si>
    <t>lu302402r1mhs.tmp</t>
  </si>
  <si>
    <t>\\acsfs\profiles$\jalilebds\Downloads\lu302402r1mhs.tmp</t>
  </si>
  <si>
    <t>mail.google.com/sync/u/0/i/s?hl=pt-BR&amp;c=834</t>
  </si>
  <si>
    <t>mail.google.com/sync/u/0/i/s?hl=pt-BR&amp;c=841</t>
  </si>
  <si>
    <t>mail.google.com/sync/u/0/i/s?hl=pt-BR&amp;c=843</t>
  </si>
  <si>
    <t>mail.google.com/sync/u/0/i/s?hl=pt-BR&amp;c=850</t>
  </si>
  <si>
    <t>algartechcpcbv@algartech.com;andrelpsa@algartech.com;cpc-controldeskavon@algartech.com;joseasn@algartech.com;josiascdsj@algartech.com;leonardoao@algartech.com;luiz.henriquesantos@avon.com;marianadjc@algartech.com;maristelavodq@bv.algartech.com;mensal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maristelavodq@bv.algartech.com,mensal,paulacn@algartech.com,qualidadealgarbv@algartech.com,rafaelggs@algartech.com,supervisaobancovotorantim@algartech.com,taysdss@algartech.com,thiagolrc@bv.algartech.com,viniciussg@algartech.com</t>
  </si>
  <si>
    <t>mail.google.com/sync/u/0/i/s?hl=pt-BR&amp;c=852</t>
  </si>
  <si>
    <t>mail.google.com/sync/u/0/i/s?hl=pt-BR&amp;c=856</t>
  </si>
  <si>
    <t>mail.google.com/sync/u/0/i/s?hl=pt-BR&amp;c=860</t>
  </si>
  <si>
    <t>mail.google.com/sync/u/0/i/s?hl=pt-BR&amp;c=867</t>
  </si>
  <si>
    <t>mail.google.com/sync/u/0/i/s?hl=pt-BR&amp;c=869</t>
  </si>
  <si>
    <t>mail.google.com/sync/u/0/i/s?hl=pt-BR&amp;c=871</t>
  </si>
  <si>
    <t>mail.google.com/sync/u/0/i/s?hl=pt-BR&amp;c=875</t>
  </si>
  <si>
    <t>mail.google.com/sync/u/0/i/s?hl=pt-BR&amp;c=880</t>
  </si>
  <si>
    <t>c4d827e1-547e-4663-8190-06835d36beca.tmp</t>
  </si>
  <si>
    <t>\\acsfs\profiles$\rafaelamsv\Downloads\c4d827e1-547e-4663-8190-06835d36beca.tmp</t>
  </si>
  <si>
    <t>b0cdb7bd-6344-4d47-baf8-23b0448b9b28.tmp</t>
  </si>
  <si>
    <t>\\acsfs\profiles$\philipegsf\Downloads\b0cdb7bd-6344-4d47-baf8-23b0448b9b28.tmp</t>
  </si>
  <si>
    <t>9bfdd3b0-d8dd-4e0a-a2b9-b857a3ea339a.tmp</t>
  </si>
  <si>
    <t>\\acsfs\profiles$\bernardopcm\Downloads\9bfdd3b0-d8dd-4e0a-a2b9-b857a3ea339a.tmp</t>
  </si>
  <si>
    <t>\\acsfs\profiles$\LUCASBS\Planilhas\</t>
  </si>
  <si>
    <t>.~lock.Vendas Dezembro 2.xlsx#</t>
  </si>
  <si>
    <t>\\acsfs\profiles$\LUCASBS\Planilhas\.~lock.Vendas Dezembro 2.xlsx#</t>
  </si>
  <si>
    <t>http://servicedesk.algartech.com:8686/c/portal/session_click</t>
  </si>
  <si>
    <t>0c8720c9-e978-4c06-afba-fedad13afa28.tmp</t>
  </si>
  <si>
    <t>\\acsfs\profiles$\KARENJSS\Downloads\0c8720c9-e978-4c06-afba-fedad13afa28.tmp</t>
  </si>
  <si>
    <t>846fe266-1aa0-4ab3-b4ed-a3656d03b96c.tmp</t>
  </si>
  <si>
    <t>\\acsfs\profiles$\KARENJSS\Downloads\846fe266-1aa0-4ab3-b4ed-a3656d03b96c.tmp</t>
  </si>
  <si>
    <t>6a5d3f35-6e76-4cdc-b40d-b6f5a69c9c9b.tmp</t>
  </si>
  <si>
    <t>\\acsfs\profiles$\marcosvnds\Downloads\6a5d3f35-6e76-4cdc-b40d-b6f5a69c9c9b.tmp</t>
  </si>
  <si>
    <t>2a63890a-f00d-4946-8f38-fd88f878e68c.tmp</t>
  </si>
  <si>
    <t>\\acsfs\profiles$\marcosvnds\Downloads\2a63890a-f00d-4946-8f38-fd88f878e68c.tmp</t>
  </si>
  <si>
    <t>c0bd5138-71fa-41e5-8fc9-f11e968fc0c0.tmp</t>
  </si>
  <si>
    <t>\\acsfs\profiles$\marcosvnds\Downloads\c0bd5138-71fa-41e5-8fc9-f11e968fc0c0.tmp</t>
  </si>
  <si>
    <t>aca563bb-0ab8-4a23-b3e7-7584da21e041.tmp</t>
  </si>
  <si>
    <t>\\acsfs\profiles$\francislayneads\Downloads\aca563bb-0ab8-4a23-b3e7-7584da21e041.tmp</t>
  </si>
  <si>
    <t>9f57c977-99cc-4898-8358-d6891e15a6cd.tmp</t>
  </si>
  <si>
    <t>\\acsfs\profiles$\lorenabmc\Downloads\9f57c977-99cc-4898-8358-d6891e15a6cd.tmp</t>
  </si>
  <si>
    <t>57a0b779-b763-49a6-9281-5ea297c2cb1f.tmp</t>
  </si>
  <si>
    <t>\\acsfs\profiles$\alinepp\Downloads\57a0b779-b763-49a6-9281-5ea297c2cb1f.tmp</t>
  </si>
  <si>
    <t>\\acsfs\deptos\Operacao\PCP\5 - Comum\CONTROL DESK\2 - DAC2\Control Desk AVON\Relatorios\WHATSAPP\2019\12 - Dezembro\</t>
  </si>
  <si>
    <t>Report PA Digital_TOPS_Dezembro.xlsm</t>
  </si>
  <si>
    <t>\\acsfs\deptos\Operacao\PCP\5 - Comum\CONTROL DESK\2 - DAC2\Control Desk AVON\Relatorios\WHATSAPP\2020\Report PA Digital_TOPS_Dezembro.xlsm</t>
  </si>
  <si>
    <t>c:\users\karinefg\downloads\</t>
  </si>
  <si>
    <t>kit_pre_deslig_pedido_demissao_ausente_98953_sabrina silva cassemiro.pdf</t>
  </si>
  <si>
    <t>9904853f-3136-471f-9c8d-2ee711691a79.tmp</t>
  </si>
  <si>
    <t>\\acsfs\profiles$\gabrieleods\Downloads\9904853f-3136-471f-9c8d-2ee711691a79.tmp</t>
  </si>
  <si>
    <t>98d47e94-3d94-45f2-8654-bb38c9d18551.tmp</t>
  </si>
  <si>
    <t>\\acsfs\profiles$\gabrieleods\Downloads\98d47e94-3d94-45f2-8654-bb38c9d18551.tmp</t>
  </si>
  <si>
    <t>lu302402r1mhv.tmp</t>
  </si>
  <si>
    <t>\\acsfs\profiles$\jalilebds\Downloads\lu302402r1mhv.tmp</t>
  </si>
  <si>
    <t>2039c66b-ea86-427a-ab96-a2d4323355d1.tmp</t>
  </si>
  <si>
    <t>\\acsfs\profiles$\gabrielarb\Downloads\2039c66b-ea86-427a-ab96-a2d4323355d1.tmp</t>
  </si>
  <si>
    <t>279c0d56-1e38-4bb8-899d-efe380b10fe9.tmp</t>
  </si>
  <si>
    <t>\\acsfs\profiles$\laylaams\Downloads\279c0d56-1e38-4bb8-899d-efe380b10fe9.tmp</t>
  </si>
  <si>
    <t>1efd1dab-8326-4b08-9718-0f9504e4f29f.tmp</t>
  </si>
  <si>
    <t>\\acsfs\profiles$\laylaams\Downloads\1efd1dab-8326-4b08-9718-0f9504e4f29f.tmp</t>
  </si>
  <si>
    <t>95d1fa7d-a57e-4c98-b9df-13d6a43081b9.tmp</t>
  </si>
  <si>
    <t>\\acsfs\profiles$\fabianobmf\Downloads\95d1fa7d-a57e-4c98-b9df-13d6a43081b9.tmp</t>
  </si>
  <si>
    <t>57b62e62-af0a-4d80-a864-ea3b0c60a2fa.tmp</t>
  </si>
  <si>
    <t>\\acsfs\profiles$\fabianobmf\Downloads\57b62e62-af0a-4d80-a864-ea3b0c60a2fa.tmp</t>
  </si>
  <si>
    <t>0dc41832-eea4-4afa-9ba6-6360b12e3eb4.tmp</t>
  </si>
  <si>
    <t>\\acsfs\profiles$\rosileiam\Downloads\0dc41832-eea4-4afa-9ba6-6360b12e3eb4.tmp</t>
  </si>
  <si>
    <t>6c0a07da-c9bc-4aaa-b839-8ba59ad20071.tmp</t>
  </si>
  <si>
    <t>\\acsfs\profiles$\rosileiam\Downloads\6c0a07da-c9bc-4aaa-b839-8ba59ad20071.tmp</t>
  </si>
  <si>
    <t>189cf3d6-e438-450c-a498-0ce5b5e9217a.tmp</t>
  </si>
  <si>
    <t>\\acsfs\profiles$\geovannasm\Downloads\189cf3d6-e438-450c-a498-0ce5b5e9217a.tmp</t>
  </si>
  <si>
    <t>isabeldst</t>
  </si>
  <si>
    <t>\\acsfs\profiles$\isabeldst\My Documents\</t>
  </si>
  <si>
    <t>.~lock.planilha isabel.ods#</t>
  </si>
  <si>
    <t>\\acsfs\profiles$\isabeldst\My Documents\.~lock.planilha isabel.ods#</t>
  </si>
  <si>
    <t>7c9abf48-4adf-4a74-96df-24dad87a2dbf.tmp</t>
  </si>
  <si>
    <t>\\acsfs\profiles$\brunalas\Downloads\7c9abf48-4adf-4a74-96df-24dad87a2dbf.tmp</t>
  </si>
  <si>
    <t>kit_pre_deslig_disp_sem_justa_causa_ind_97657_juliana ferreira da silva.pdf</t>
  </si>
  <si>
    <t>1fb330fc-df6e-4147-8c2f-e9163bd63b1f.tmp</t>
  </si>
  <si>
    <t>\\acsfs\profiles$\LAISLG\Downloads\1fb330fc-df6e-4147-8c2f-e9163bd63b1f.tmp</t>
  </si>
  <si>
    <t>33effa64-1512-419a-8b31-46d76535de88.tmp</t>
  </si>
  <si>
    <t>\\acsfs\profiles$\regisedsj\Downloads\33effa64-1512-419a-8b31-46d76535de88.tmp</t>
  </si>
  <si>
    <t>84b68bd4-9265-41ba-ae08-86adc014650d.tmp</t>
  </si>
  <si>
    <t>\\acsfs\profiles$\philipegsf\Downloads\84b68bd4-9265-41ba-ae08-86adc014650d.tmp</t>
  </si>
  <si>
    <t>CPF 39621131855 Raine de Oliveira Leite.pdf</t>
  </si>
  <si>
    <t>\\acsfs\Deptos\EDUCACAO EMPRESARIAL\FERNANDA MONIT\Fernanda\RECLAMAÇÃO E OUVIDORIA\CPF 39621131855 Raine de Oliveira Leite.pdf</t>
  </si>
  <si>
    <t>43e50e08-cbb0-4091-b217-1be06cf05806.tmp</t>
  </si>
  <si>
    <t>\\acsfs\profiles$\henriqueco\Downloads\43e50e08-cbb0-4091-b217-1be06cf05806.tmp</t>
  </si>
  <si>
    <t>0bea4392-8c88-4180-a187-974a473a5399.tmp</t>
  </si>
  <si>
    <t>\\acsfs\profiles$\henriqueco\Downloads\0bea4392-8c88-4180-a187-974a473a5399.tmp</t>
  </si>
  <si>
    <t>0d6c024d-d094-46b0-98b1-d6bf795c8607.tmp</t>
  </si>
  <si>
    <t>\\acsfs\profiles$\sarahbal\Downloads\0d6c024d-d094-46b0-98b1-d6bf795c8607.tmp</t>
  </si>
  <si>
    <t>a835c3dc-13cb-451b-bd96-e7bedcce283c.tmp</t>
  </si>
  <si>
    <t>\\acsfs\profiles$\marcosvnds\Downloads\a835c3dc-13cb-451b-bd96-e7bedcce283c.tmp</t>
  </si>
  <si>
    <t>a324c23e-5724-46a0-a2dc-60e0644b82fa.tmp</t>
  </si>
  <si>
    <t>\\acsfs\profiles$\mariellecs\Downloads\a324c23e-5724-46a0-a2dc-60e0644b82fa.tmp</t>
  </si>
  <si>
    <t>3477a7fd-0d5f-4dab-9dd6-ed717790aeb0.tmp</t>
  </si>
  <si>
    <t>\\acsfs\profiles$\cintiadjl\Downloads\3477a7fd-0d5f-4dab-9dd6-ed717790aeb0.tmp</t>
  </si>
  <si>
    <t>2591cce0-9009-4c0e-88c8-cfefb8d8c038.tmp</t>
  </si>
  <si>
    <t>\\acsfs\profiles$\cintiadjl\Downloads\2591cce0-9009-4c0e-88c8-cfefb8d8c038.tmp</t>
  </si>
  <si>
    <t>.~lock.planilha 3.ods#</t>
  </si>
  <si>
    <t>\\acsfs\profiles$\isabeldst\My Documents\.~lock.planilha 3.ods#</t>
  </si>
  <si>
    <t>e19c92e7-af89-4cb2-98d7-b0d47bf09072.tmp</t>
  </si>
  <si>
    <t>\\acsfs\profiles$\brunalas\Downloads\e19c92e7-af89-4cb2-98d7-b0d47bf09072.tmp</t>
  </si>
  <si>
    <t>d6c491aa-0691-4144-a8dd-65e4ae8ef43e.tmp</t>
  </si>
  <si>
    <t>\\acsfs\profiles$\francislayneads\Downloads\d6c491aa-0691-4144-a8dd-65e4ae8ef43e.tmp</t>
  </si>
  <si>
    <t>c9e0d803-8fca-4953-b45a-246346300c41.tmp</t>
  </si>
  <si>
    <t>\\acsfs\profiles$\erichds\Downloads\c9e0d803-8fca-4953-b45a-246346300c41.tmp</t>
  </si>
  <si>
    <t>3fa2097f-4e22-40e5-954d-e9fa17f5ebfa.tmp</t>
  </si>
  <si>
    <t>\\acsfs\profiles$\erichds\Downloads\3fa2097f-4e22-40e5-954d-e9fa17f5ebfa.tmp</t>
  </si>
  <si>
    <t>90fd44e1-d666-4590-9b84-f150905e1999.tmp</t>
  </si>
  <si>
    <t>\\acsfs\profiles$\LAISLG\Downloads\90fd44e1-d666-4590-9b84-f150905e1999.tmp</t>
  </si>
  <si>
    <t>416eaf92-44a8-4325-9f73-2d6d4b146d70.tmp</t>
  </si>
  <si>
    <t>\\acsfs\profiles$\ERICALSR\Downloads\416eaf92-44a8-4325-9f73-2d6d4b146d70.tmp</t>
  </si>
  <si>
    <t>7a1306dd-b1af-4fa4-b348-d04aae124a6f.tmp</t>
  </si>
  <si>
    <t>\\acsfs\profiles$\gabrielarb\Downloads\7a1306dd-b1af-4fa4-b348-d04aae124a6f.tmp</t>
  </si>
  <si>
    <t>5b09d5ff-f141-4e42-bb87-55cf9c07de79.tmp</t>
  </si>
  <si>
    <t>\\acsfs\profiles$\geovanaasa\Downloads\5b09d5ff-f141-4e42-bb87-55cf9c07de79.tmp</t>
  </si>
  <si>
    <t>14913ed1-1cac-4d01-af47-9b5a86523722.tmp</t>
  </si>
  <si>
    <t>\\acsfs\profiles$\fabianafv\Downloads\14913ed1-1cac-4d01-af47-9b5a86523722.tmp</t>
  </si>
  <si>
    <t>208ec2d0-6c37-41bb-be2e-206d638d80fe.tmp</t>
  </si>
  <si>
    <t>\\acsfs\profiles$\henriqueco\Downloads\208ec2d0-6c37-41bb-be2e-206d638d80fe.tmp</t>
  </si>
  <si>
    <t>7753872c-d92b-4e97-96bb-efc5d24ec292.tmp</t>
  </si>
  <si>
    <t>\\acsfs\profiles$\cintiadjl\Downloads\7753872c-d92b-4e97-96bb-efc5d24ec292.tmp</t>
  </si>
  <si>
    <t>0f471341-ed4d-46e0-9ad1-c0f8262427aa.tmp</t>
  </si>
  <si>
    <t>\\acsfs\profiles$\cintiadjl\Downloads\0f471341-ed4d-46e0-9ad1-c0f8262427aa.tmp</t>
  </si>
  <si>
    <t>9dbd2ecb-5d34-4d36-8b51-af5b24229d37.tmp</t>
  </si>
  <si>
    <t>\\acsfs\profiles$\cintiadjl\Downloads\9dbd2ecb-5d34-4d36-8b51-af5b24229d37.tmp</t>
  </si>
  <si>
    <t>e7371aaa-7fa5-41ae-96f5-7dd289df9e0b.tmp</t>
  </si>
  <si>
    <t>\\acsfs\profiles$\quindaizaagds\Downloads\e7371aaa-7fa5-41ae-96f5-7dd289df9e0b.tmp</t>
  </si>
  <si>
    <t>lu302402r1mhy.tmp</t>
  </si>
  <si>
    <t>\\acsfs\profiles$\jalilebds\Downloads\lu302402r1mhy.tmp</t>
  </si>
  <si>
    <t>27acd80b-37dd-4d15-943c-171d9fc3f966.tmp</t>
  </si>
  <si>
    <t>\\acsfs\profiles$\ayalabfi\Downloads\27acd80b-37dd-4d15-943c-171d9fc3f966.tmp</t>
  </si>
  <si>
    <t>b6d42d9c-0501-41a5-95db-dcf8625104c4.tmp</t>
  </si>
  <si>
    <t>\\acsfs\profiles$\michelerds\Downloads\b6d42d9c-0501-41a5-95db-dcf8625104c4.tmp</t>
  </si>
  <si>
    <t>82f22234-ccaf-439c-8ce8-5195c4f7b91c.tmp</t>
  </si>
  <si>
    <t>\\acsfs\profiles$\fabianobmf\Downloads\82f22234-ccaf-439c-8ce8-5195c4f7b91c.tmp</t>
  </si>
  <si>
    <t>.~lock.Fabiana.xlsx#</t>
  </si>
  <si>
    <t>\\acsfs\profiles$\fabianafv\My Documents\.~lock.Fabiana.xlsx#</t>
  </si>
  <si>
    <t>.~lock.planilha ativo fabiana 30 -12-2019.ods#</t>
  </si>
  <si>
    <t>\\acsfs\profiles$\fabianafv\My Documents\.~lock.planilha ativo fabiana 30 -12-2019.ods#</t>
  </si>
  <si>
    <t>lu154242yupf0.tmp</t>
  </si>
  <si>
    <t>\\acsfs\profiles$\jonatanls\My Documents\lu154242yupf0.tmp</t>
  </si>
  <si>
    <t>lu154242yupf6.tmp</t>
  </si>
  <si>
    <t>\\acsfs\profiles$\jonatanls\My Documents\lu154242yupf6.tmp</t>
  </si>
  <si>
    <t>mail.google.com/_/upload?authuser=0&amp;dcp=asu-n&amp;upload_id=AEnB2Up4sBFqMsII6KcbsQhA_otmXodV39GkixzVdHx8LflOT1WiTPUmY5oo_gAfMeJcVfSbrT5TphJi62mIo9cIKzQcXG6F1v9oQPrNGTBcBey_EzU6wKc&amp;upload_protocol=resumable</t>
  </si>
  <si>
    <t>Rafael Raully Fernandes_1_6776225363894802525_1_32.wav</t>
  </si>
  <si>
    <t>024572d4-0461-4c3a-aa6d-c82f960ef6a4.tmp</t>
  </si>
  <si>
    <t>\\acsfs\profiles$\isabellegtds\Downloads\024572d4-0461-4c3a-aa6d-c82f960ef6a4.tmp</t>
  </si>
  <si>
    <t>https://fabriciadc@algartech.com.br,joaogvc@algartech.com,josiascdsj@algartech.com,marianadjc@algartech.com,rafaelggs@algartech.com,taysdss@algartech.com,viniciussg@algartech.com</t>
  </si>
  <si>
    <t>c:\users\paulacris\appdata\local\google\chrome\user data\default\file system\001\t\</t>
  </si>
  <si>
    <t>.usage</t>
  </si>
  <si>
    <t>\\acsfs\deptos\Operacao\PCP\5 - Comum\CONTROL DESK\2 - DAC2\Control Desk AVON\Relatorios\WHATSAPP\2019\12 - Dezembro\Report PA Digital_TOPS_Dezembro.xlsm</t>
  </si>
  <si>
    <t>\\acsfs\profiles$\ALEXANDREMM\Novo Documento de Texto.txt</t>
  </si>
  <si>
    <t>Relatorio.Recibo.Ferias_20200102150536210137.pdf.v9mwoax.partial</t>
  </si>
  <si>
    <t>\\acsfs\profiles$\bernardopcm\Downloads\Relatorio.Recibo.Ferias_20200102150536210137.pdf.v9mwoax.partial</t>
  </si>
  <si>
    <t>70f9d8b9-e219-4b33-a53e-83a1110f880c.tmp</t>
  </si>
  <si>
    <t>\\acsfs\profiles$\fabianobmf\Downloads\70f9d8b9-e219-4b33-a53e-83a1110f880c.tmp</t>
  </si>
  <si>
    <t>a3bb960b-1f93-4a23-883e-c5a990d5b25b.tmp</t>
  </si>
  <si>
    <t>\\acsfs\profiles$\sarahbal\Downloads\a3bb960b-1f93-4a23-883e-c5a990d5b25b.tmp</t>
  </si>
  <si>
    <t>c2fb1a66-baef-4250-a8e5-a6bedf9a4772.tmp</t>
  </si>
  <si>
    <t>\\acsfs\profiles$\victorgl\Downloads\c2fb1a66-baef-4250-a8e5-a6bedf9a4772.tmp</t>
  </si>
  <si>
    <t>lu154242yupfc.tmp</t>
  </si>
  <si>
    <t>\\acsfs\profiles$\jonatanls\My Documents\lu154242yupfc.tmp</t>
  </si>
  <si>
    <t>lu154242yupfi.tmp</t>
  </si>
  <si>
    <t>\\acsfs\profiles$\jonatanls\My Documents\lu154242yupfi.tmp</t>
  </si>
  <si>
    <t>FECHAMENTO RELATORIO.png</t>
  </si>
  <si>
    <t>\\acsfs\DEPTOS\Operacao\Banco_Votorantim\Qualidade\Anderson\Jose\Atualizado\FECHAMENTO RELATORIO.png</t>
  </si>
  <si>
    <t>lu302402r1mi1.tmp</t>
  </si>
  <si>
    <t>\\acsfs\profiles$\jalilebds\Downloads\lu302402r1mi1.tmp</t>
  </si>
  <si>
    <t>\\acsfs\profiles$\laurandos\My Documents\My Videos\</t>
  </si>
  <si>
    <t>\\acsfs\profiles$\laurandos\My Documents\My Videos\desktop.ini</t>
  </si>
  <si>
    <t>\\acsfs\profiles$\laurandos\My Documents\My Pictures\</t>
  </si>
  <si>
    <t>\\acsfs\profiles$\laurandos\My Documents\My Pictures\desktop.ini</t>
  </si>
  <si>
    <t>\\acsfs\profiles$\laurandos\Contacts\</t>
  </si>
  <si>
    <t>\\acsfs\profiles$\laurandos\Contacts\desktop.ini</t>
  </si>
  <si>
    <t>\\acsfs\profiles$\laurandos\Favorites\</t>
  </si>
  <si>
    <t>\\acsfs\profiles$\laurandos\Favorites\desktop.ini</t>
  </si>
  <si>
    <t>\\acsfs\profiles$\laurandos\My Documents\My Music\</t>
  </si>
  <si>
    <t>\\acsfs\profiles$\laurandos\My Documents\My Music\desktop.ini</t>
  </si>
  <si>
    <t>\\acsfs\profiles$\laurandos\Searches\</t>
  </si>
  <si>
    <t>\\acsfs\profiles$\laurandos\Searches\desktop.ini</t>
  </si>
  <si>
    <t>\\acsfs\profiles$\laurandos\Downloads\desktop.ini</t>
  </si>
  <si>
    <t>\\acsfs\profiles$\laurandos\My Documents\</t>
  </si>
  <si>
    <t>\\acsfs\profiles$\laurandos\My Documents\desktop.ini</t>
  </si>
  <si>
    <t>\\acsfs\profiles$\laurandos\Saved Games\</t>
  </si>
  <si>
    <t>\\acsfs\profiles$\laurandos\Saved Games\desktop.ini</t>
  </si>
  <si>
    <t>winrt--{S-1-5-21-602162358-764733703-839522115-358570}-.searchconnector-ms</t>
  </si>
  <si>
    <t>\\acsfs\profiles$\laurandos\Searches\winrt--{S-1-5-21-602162358-764733703-839522115-358570}-.searchconnector-ms</t>
  </si>
  <si>
    <t>f3fef2ff-82bc-4177-ad8a-bbb48786f4eb.tmp</t>
  </si>
  <si>
    <t>\\acsfs\profiles$\laurandos\Downloads\f3fef2ff-82bc-4177-ad8a-bbb48786f4eb.tmp</t>
  </si>
  <si>
    <t>580fd0ea-e0bd-4994-a086-4b8f7f317b20.tmp</t>
  </si>
  <si>
    <t>\\acsfs\profiles$\philipegsf\Downloads\580fd0ea-e0bd-4994-a086-4b8f7f317b20.tmp</t>
  </si>
  <si>
    <t>fac65bbd-103d-475a-bb6a-c5c4711f75d2.tmp</t>
  </si>
  <si>
    <t>\\acsfs\profiles$\fabianafv\Downloads\fac65bbd-103d-475a-bb6a-c5c4711f75d2.tmp</t>
  </si>
  <si>
    <t>74599bf5-ee14-46a7-b6bf-e78689a8101b.tmp</t>
  </si>
  <si>
    <t>\\acsfs\profiles$\fabianafv\Downloads\74599bf5-ee14-46a7-b6bf-e78689a8101b.tmp</t>
  </si>
  <si>
    <t>d25c395d-25c5-48ec-a2f2-be45a39fe48e.tmp</t>
  </si>
  <si>
    <t>\\acsfs\profiles$\sarahbal\Downloads\d25c395d-25c5-48ec-a2f2-be45a39fe48e.tmp</t>
  </si>
  <si>
    <t>fc246b02-6698-4be6-8da0-7bd3b8059e76.tmp</t>
  </si>
  <si>
    <t>\\acsfs\profiles$\laurandos\Downloads\fc246b02-6698-4be6-8da0-7bd3b8059e76.tmp</t>
  </si>
  <si>
    <t>mail.google.com/sync/u/0/i/s?hl=pt-BR&amp;c=885</t>
  </si>
  <si>
    <t>mail.google.com/sync/u/0/i/s?hl=pt-BR&amp;c=889</t>
  </si>
  <si>
    <t>mail.google.com/sync/u/0/i/s?hl=pt-BR&amp;c=891</t>
  </si>
  <si>
    <t>mail.google.com/sync/u/0/i/s?hl=pt-BR&amp;c=893</t>
  </si>
  <si>
    <t>mail.google.com/sync/u/0/i/s?hl=pt-BR&amp;c=895</t>
  </si>
  <si>
    <t>mail.google.com/sync/u/0/i/s?hl=pt-BR&amp;c=897</t>
  </si>
  <si>
    <t>mail.google.com/sync/u/0/i/s?hl=pt-BR&amp;c=899</t>
  </si>
  <si>
    <t>mail.google.com/sync/u/0/i/s?hl=pt-BR&amp;c=902</t>
  </si>
  <si>
    <t>mail.google.com/sync/u/0/i/s?hl=pt-BR&amp;c=904</t>
  </si>
  <si>
    <t>mail.google.com/sync/u/0/i/s?hl=pt-BR&amp;c=909</t>
  </si>
  <si>
    <t>22279114-dbfc-4198-b11e-d2f8e9efd617.tmp</t>
  </si>
  <si>
    <t>\\acsfs\profiles$\gabrielafs\Downloads\22279114-dbfc-4198-b11e-d2f8e9efd617.tmp</t>
  </si>
  <si>
    <t>431c4ecd-1903-4e62-9574-9d287a7a9b7f.tmp</t>
  </si>
  <si>
    <t>\\acsfs\profiles$\fabianafv\Downloads\431c4ecd-1903-4e62-9574-9d287a7a9b7f.tmp</t>
  </si>
  <si>
    <t>lu3194049o76u.tmp</t>
  </si>
  <si>
    <t>\\acsfs\profiles$\LUCASBS\Planilhas\lu3194049o76u.tmp</t>
  </si>
  <si>
    <t>Controle de Erros operacionais - Dezembro -ATUALIZADA (1).xlsb</t>
  </si>
  <si>
    <t>f4eccb96-1c47-4a1a-bbd0-1fec03c29040.tmp</t>
  </si>
  <si>
    <t>\\acsfs\profiles$\gabrieleods\Downloads\f4eccb96-1c47-4a1a-bbd0-1fec03c29040.tmp</t>
  </si>
  <si>
    <t>aa4c9b24-3300-4213-8bf2-df35e830e043.tmp</t>
  </si>
  <si>
    <t>\\acsfs\profiles$\ERICALSR\Downloads\aa4c9b24-3300-4213-8bf2-df35e830e043.tmp</t>
  </si>
  <si>
    <t>mail.google.com/sync/u/0/i/s?hl=pt-BR&amp;c=934</t>
  </si>
  <si>
    <t>catianalv@algartech.com;cpc-controldeskavon@algartech.com;joseasn@algartech.com;lucianarsantos@algartech.com;marianadjc@algartech.com;senildapdo@algartecnologia.com.br;</t>
  </si>
  <si>
    <t>catianalv@algartech.com,cpc-controldeskavon@algartech.com,joseasn@algartech.com,lucianarsantos@algartech.com,marianadjc@algartech.com,senildapdo@algartecnologia.com.br</t>
  </si>
  <si>
    <t>mail.google.com/sync/u/0/i/s?hl=pt-BR&amp;c=944</t>
  </si>
  <si>
    <t>catianalv@algartech.com;cpc-controldeskavon@algartech.com;joseasn@algartech.com;lucianarsantos@algartech.com;marianadjc@algartech.com;senildapdo@algartecnologia.com.br;viniciussg@algartech.com;</t>
  </si>
  <si>
    <t>catianalv@algartech.com,cpc-controldeskavon@algartech.com,joseasn@algartech.com,lucianarsantos@algartech.com,marianadjc@algartech.com,senildapdo@algartecnologia.com.br,viniciussg@algartech.com</t>
  </si>
  <si>
    <t>mail.google.com/sync/u/0/i/s?hl=pt-BR&amp;c=955</t>
  </si>
  <si>
    <t>mail.google.com/sync/u/0/i/s?hl=pt-BR&amp;c=960</t>
  </si>
  <si>
    <t>algartechcpcbv@algartech.com;andrelpsa@algartech.com;catianalv@algartech.com;cpc-controldeskavon@algartech.com;joseasn@algartech.com;josiascdsj@algartech.com;leonardoao@algartech.com;lucianarsantos@algartech.com;marianadjc@algartech.com;paulacn@algartech.com;qualidadealgarbv@algartech.com;rafaelggs@algartech.com;senildapdo@algartecnologia.com.br;supervisaobancovotorantim@algartech.com;taysdss@algartech.com;thiagolrc@bv.algartech.com;viniciussg@algartech.com;</t>
  </si>
  <si>
    <t>algartechcpcbv@algartech.com,andrelpsa@algartech.com,catianalv@algartech.com,cpc-controldeskavon@algartech.com,joseasn@algartech.com,josiascdsj@algartech.com,leonardoao@algartech.com,lucianarsantos@algartech.com,marianadjc@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980</t>
  </si>
  <si>
    <t>mail.google.com/sync/u/0/i/s?hl=pt-BR&amp;c=991</t>
  </si>
  <si>
    <t>lu228362gud0x.tmp</t>
  </si>
  <si>
    <t>\\acsfs\profiles$\victoriaksr\My Documents\lu228362gud0x.tmp</t>
  </si>
  <si>
    <t>lu228362gud10.tmp</t>
  </si>
  <si>
    <t>\\acsfs\profiles$\victoriaksr\My Documents\lu228362gud10.tmp</t>
  </si>
  <si>
    <t>d606dd17-5735-4e71-838d-0c1fe3926725.tmp</t>
  </si>
  <si>
    <t>\\acsfs\profiles$\fabianafv\Downloads\d606dd17-5735-4e71-838d-0c1fe3926725.tmp</t>
  </si>
  <si>
    <t>mail.google.com/_/upload?authuser=0&amp;dcp=asu-n&amp;upload_id=AEnB2Ur4Uq0DpyulRxGoe4Rwsw4VO0G69R9gUzIKq7CnOiJfLlTD4KtJgfnpXiXTxH3t4VP97huBT0YVGN0V62fPKg5Phik61HVK1vPMkf7bRrqg8ObfkAM&amp;upload_protocol=resumable</t>
  </si>
  <si>
    <t>Karen de Souza Rodrigues_1_6756894489189625616_1_32.wav</t>
  </si>
  <si>
    <t>23097be5-cef4-4067-a705-ff0acf5dfae2.tmp</t>
  </si>
  <si>
    <t>\\acsfs\profiles$\regisadsa\Downloads\23097be5-cef4-4067-a705-ff0acf5dfae2.tmp</t>
  </si>
  <si>
    <t>b5e921ee-b306-4e8a-9cfb-4570704970d6.tmp</t>
  </si>
  <si>
    <t>\\acsfs\profiles$\mariagsg\Downloads\b5e921ee-b306-4e8a-9cfb-4570704970d6.tmp</t>
  </si>
  <si>
    <t>785d4181-3ce0-4f75-b802-e16b7246b09d.tmp</t>
  </si>
  <si>
    <t>\\acsfs\profiles$\gabrieleods\Downloads\785d4181-3ce0-4f75-b802-e16b7246b09d.tmp</t>
  </si>
  <si>
    <t>63355f58-3c4b-4cef-845c-839183518781.tmp</t>
  </si>
  <si>
    <t>\\acsfs\profiles$\alinepp\Downloads\63355f58-3c4b-4cef-845c-839183518781.tmp</t>
  </si>
  <si>
    <t>mail.google.com/sync/u/0/i/s?hl=pt-BR&amp;c=996</t>
  </si>
  <si>
    <t>mail.google.com/sync/u/0/i/s?hl=pt-BR&amp;c=1003</t>
  </si>
  <si>
    <t>https://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cb2182b3-e937-4d55-a9a1-d69f6a0e217b.tmp</t>
  </si>
  <si>
    <t>\\acsfs\profiles$\rafaelahpn\Downloads\cb2182b3-e937-4d55-a9a1-d69f6a0e217b.tmp</t>
  </si>
  <si>
    <t>95bdc107-43b8-4f53-8c52-8cf2f9db4131.tmp</t>
  </si>
  <si>
    <t>\\acsfs\profiles$\gabrielafs\Downloads\95bdc107-43b8-4f53-8c52-8cf2f9db4131.tmp</t>
  </si>
  <si>
    <t>Relatorio.Recibo.Ferias_20200102152301210137.pdf.tubwx9u.partial</t>
  </si>
  <si>
    <t>\\acsfs\profiles$\bernardopcm\Downloads\Relatorio.Recibo.Ferias_20200102152301210137.pdf.tubwx9u.partial</t>
  </si>
  <si>
    <t>Relatorio.Recibo.Ferias_20200102152352210137.pdf.9r7ez5e.partial</t>
  </si>
  <si>
    <t>\\acsfs\profiles$\bernardopcm\Downloads\Relatorio.Recibo.Ferias_20200102152352210137.pdf.9r7ez5e.partial</t>
  </si>
  <si>
    <t>Relatorio.Recibo.Ferias_20200102152437210137.pdf.wylw9gr.partial</t>
  </si>
  <si>
    <t>\\acsfs\profiles$\bernardopcm\Downloads\Relatorio.Recibo.Ferias_20200102152437210137.pdf.wylw9gr.partial</t>
  </si>
  <si>
    <t>6fb2e907-6067-4f58-88f5-bb31c2e10625.tmp</t>
  </si>
  <si>
    <t>\\acsfs\profiles$\fabianafv\Downloads\6fb2e907-6067-4f58-88f5-bb31c2e10625.tmp</t>
  </si>
  <si>
    <t>lu154242yupfo.tmp</t>
  </si>
  <si>
    <t>\\acsfs\profiles$\jonatanls\My Documents\lu154242yupfo.tmp</t>
  </si>
  <si>
    <t>Relatorio de Vendas - Auditoria BV Cartoes (Dezembro)_FECHAMENTO.xlsx</t>
  </si>
  <si>
    <t>\\acsfs\DEPTOS\Operacao\Banco_Votorantim\Qualidade\Anderson\Jose\Atualizado\Relatorio de Vendas - Auditoria BV Cartoes (Dezembro)_FECHAMENTO.xlsx</t>
  </si>
  <si>
    <t>be26250d-c278-4e17-8a86-f15b43202e7a.tmp</t>
  </si>
  <si>
    <t>\\acsfs\profiles$\philipegsf\Downloads\be26250d-c278-4e17-8a86-f15b43202e7a.tmp</t>
  </si>
  <si>
    <t>6f87507e-f50d-48ed-b5d0-929075f9eaa9.tmp</t>
  </si>
  <si>
    <t>\\acsfs\profiles$\andreapdsg\Downloads\6f87507e-f50d-48ed-b5d0-929075f9eaa9.tmp</t>
  </si>
  <si>
    <t>e581ab9f-a7de-425f-9fe5-8f91da561384.tmp</t>
  </si>
  <si>
    <t>\\acsfs\profiles$\andreapdsg\Downloads\e581ab9f-a7de-425f-9fe5-8f91da561384.tmp</t>
  </si>
  <si>
    <t>489f456f-a40a-42fd-a488-da6f39f1ae4f.tmp</t>
  </si>
  <si>
    <t>\\acsfs\profiles$\andreapdsg\Downloads\489f456f-a40a-42fd-a488-da6f39f1ae4f.tmp</t>
  </si>
  <si>
    <t>8078e242-87f3-4aa4-9c14-a0fc65690130.tmp</t>
  </si>
  <si>
    <t>\\acsfs\profiles$\JOAOVAL\Downloads\8078e242-87f3-4aa4-9c14-a0fc65690130.tmp</t>
  </si>
  <si>
    <t>backofficebv@dxc.com;jean.loiola@bv.com.br;larissa.alcantara@bv.com.br;marianeps@algartech.com;mirianppb@algartech.com;thiagordu@algartech.com;</t>
  </si>
  <si>
    <t>backofficebv@dxc.com,jean.loiola@bv.com.br,larissa.alcantara@bv.com.br,marianeps@algartech.com,mirianppb@algartech.com,thiagordu@algartech.com</t>
  </si>
  <si>
    <t>d3403d1f-c45c-4468-b014-a16428c46967.tmp</t>
  </si>
  <si>
    <t>\\acsfs\profiles$\mariajra\Downloads\d3403d1f-c45c-4468-b014-a16428c46967.tmp</t>
  </si>
  <si>
    <t>Não confirmado 101296.crdownload</t>
  </si>
  <si>
    <t>\\acsfs\profiles$\gabrieleods\Downloads\Não confirmado 101296.crdownload</t>
  </si>
  <si>
    <t>XLOG_vanessacgs_02012020_080925.log</t>
  </si>
  <si>
    <t>\\acsfs\profiles$\vanessacgs\My Documents\xworkcenter\logs\XLOG_vanessacgs_02012020_080925.log</t>
  </si>
  <si>
    <t>9ee088d0-3ebf-4a36-8c2a-cc57ad177fa6.tmp</t>
  </si>
  <si>
    <t>\\acsfs\profiles$\gabrielarb\Downloads\9ee088d0-3ebf-4a36-8c2a-cc57ad177fa6.tmp</t>
  </si>
  <si>
    <t>b0a6f3bd-8a14-4384-9759-bc427f0cc258.tmp</t>
  </si>
  <si>
    <t>\\acsfs\profiles$\regisedsj\Downloads\b0a6f3bd-8a14-4384-9759-bc427f0cc258.tmp</t>
  </si>
  <si>
    <t>21a5922e-1bf8-4581-a4d3-e735f49f0dbd.tmp</t>
  </si>
  <si>
    <t>\\acsfs\profiles$\gabrielamdp\Downloads\21a5922e-1bf8-4581-a4d3-e735f49f0dbd.tmp</t>
  </si>
  <si>
    <t>lu4915684hbl6.tmp</t>
  </si>
  <si>
    <t>\\acsfs\profiles$\LUISPLS\My Documents\Nova pasta\lu4915684hbl6.tmp</t>
  </si>
  <si>
    <t>\\acsfs\profiles$\LUISPLS\My Documents\Nova pasta\lu4915684hbl6.tmp\</t>
  </si>
  <si>
    <t>\\acsfs\profiles$\LUISPLS\My Documents\Nova pasta\lu4915684hbl6.tmp\META-INF\</t>
  </si>
  <si>
    <t>\\acsfs\profiles$\LUISPLS\My Documents\Nova pasta\lu4915684hbl6.tmp\Thumbnails\</t>
  </si>
  <si>
    <t>\\acsfs\profiles$\flaviacdst\Favorites\Início - 1.url\</t>
  </si>
  <si>
    <t>\\acsfs\profiles$\flaviacdst\Favorites\Início - 1.url\:favicon:$DATA</t>
  </si>
  <si>
    <t>Início - 1.url</t>
  </si>
  <si>
    <t>\\acsfs\profiles$\flaviacdst\Favorites\Início - 1.url</t>
  </si>
  <si>
    <t>828b3403-145f-4c36-88a2-e0a57df884cd.tmp</t>
  </si>
  <si>
    <t>\\acsfs\profiles$\rafaelahpn\Downloads\828b3403-145f-4c36-88a2-e0a57df884cd.tmp</t>
  </si>
  <si>
    <t>acea4c81-b15b-4b18-9a5f-5c7650d31d08.tmp</t>
  </si>
  <si>
    <t>\\acsfs\profiles$\laylaams\Downloads\acea4c81-b15b-4b18-9a5f-5c7650d31d08.tmp</t>
  </si>
  <si>
    <t>1246e28b-2601-48ad-9d2c-8e9c8a0adfa4.tmp</t>
  </si>
  <si>
    <t>\\acsfs\profiles$\jonatanls\Downloads\1246e28b-2601-48ad-9d2c-8e9c8a0adfa4.tmp</t>
  </si>
  <si>
    <t>$IIKA757.pdf</t>
  </si>
  <si>
    <t>\\acsfs\profiles$\jonatanls\Downloads\$RECYCLE.BIN\$IIKA757.pdf</t>
  </si>
  <si>
    <t>$IZS9RND.pdf</t>
  </si>
  <si>
    <t>\\acsfs\profiles$\jonatanls\Downloads\$RECYCLE.BIN\$IZS9RND.pdf</t>
  </si>
  <si>
    <t>$IRDK8FK.pdf</t>
  </si>
  <si>
    <t>\\acsfs\profiles$\jonatanls\Downloads\$RECYCLE.BIN\$IRDK8FK.pdf</t>
  </si>
  <si>
    <t>$ILZE256.pdf</t>
  </si>
  <si>
    <t>\\acsfs\profiles$\jonatanls\Downloads\$RECYCLE.BIN\$ILZE256.pdf</t>
  </si>
  <si>
    <t>dd60f096-a9d2-4be4-9965-083f10928013.tmp</t>
  </si>
  <si>
    <t>\\acsfs\profiles$\jonatanls\Downloads\dd60f096-a9d2-4be4-9965-083f10928013.tmp</t>
  </si>
  <si>
    <t>3a7a23c5-e035-4aca-a76f-3dd3e4f01fc0.tmp</t>
  </si>
  <si>
    <t>\\acsfs\profiles$\matheusmax\Downloads\3a7a23c5-e035-4aca-a76f-3dd3e4f01fc0.tmp</t>
  </si>
  <si>
    <t>andrelpsa@algartech.com;gabrielsma@algartech.com;robsonams@algartech.com;supervisaobancovotorantim@algartech.com;</t>
  </si>
  <si>
    <t>andrelpsa@algartech.com,gabrielsma@algartech.com,robsonams@algartech.com,supervisaobancovotorantim@algartech.com</t>
  </si>
  <si>
    <t>mail.google.com/sync/u/0/i/s?hl=pt-BR&amp;c=786</t>
  </si>
  <si>
    <t>robsonams@algartech.com;</t>
  </si>
  <si>
    <t>andrelpsa@algartech.com;fabianacscg@algartech.com;mirianppb@algartech.com;qualidadealgarbv@algartech.com;robsonams@algartech.com;talmaiardo@algartech.com;</t>
  </si>
  <si>
    <t>andrelpsa@algartech.com,fabianacscg@algartech.com,mirianppb@algartech.com,qualidadealgarbv@algartech.com,robsonams@algartech.com,talmaiardo@algartech.com</t>
  </si>
  <si>
    <t>mail.google.com/sync/u/0/i/s?hl=pt-BR&amp;c=796</t>
  </si>
  <si>
    <t>1fcc01cb-31be-4dcc-87ad-147be55d72f6.tmp</t>
  </si>
  <si>
    <t>\\acsfs\profiles$\myllenardl\Downloads\1fcc01cb-31be-4dcc-87ad-147be55d72f6.tmp</t>
  </si>
  <si>
    <t>b3e04d64-73e7-40cd-b4aa-1aee57e1818c.tmp</t>
  </si>
  <si>
    <t>\\acsfs\profiles$\myllenardl\Downloads\b3e04d64-73e7-40cd-b4aa-1aee57e1818c.tmp</t>
  </si>
  <si>
    <t>67db60ea-82fc-4390-abd6-6c8c23aaf694.tmp</t>
  </si>
  <si>
    <t>\\acsfs\profiles$\larissaad\Downloads\67db60ea-82fc-4390-abd6-6c8c23aaf694.tmp</t>
  </si>
  <si>
    <t>mail.google.com/sync/u/0/i/s?hl=pt-BR&amp;c=1043</t>
  </si>
  <si>
    <t>mail.google.com/sync/u/0/i/s?hl=pt-BR&amp;c=1046</t>
  </si>
  <si>
    <t>mail.google.com/sync/u/0/i/s?hl=pt-BR&amp;c=1048</t>
  </si>
  <si>
    <t>mail.google.com/sync/u/0/i/s?hl=pt-BR&amp;c=1050</t>
  </si>
  <si>
    <t>mail.google.com/sync/u/0/i/s?hl=pt-BR&amp;c=1052</t>
  </si>
  <si>
    <t>mail.google.com/sync/u/0/i/s?hl=pt-BR&amp;c=1054</t>
  </si>
  <si>
    <t>mail.google.com/sync/u/0/i/s?hl=pt-BR&amp;c=1057</t>
  </si>
  <si>
    <t>mail.google.com/sync/u/0/i/s?hl=pt-BR&amp;c=1061</t>
  </si>
  <si>
    <t>mail.google.com/sync/u/0/i/s?hl=pt-BR&amp;c=1064</t>
  </si>
  <si>
    <t>mail.google.com/sync/u/0/i/s?hl=pt-BR&amp;c=1066</t>
  </si>
  <si>
    <t>algartechcpcbv@algartech.com;andrelpsa@algartech.com;catianalv@algartech.com;cpc-controldeskavon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lgartechcpcbv@algartech.com,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ecbe8a33-f887-4735-a2de-6d0c5dcec2c8.tmp</t>
  </si>
  <si>
    <t>\\acsfs\profiles$\LUISPLS\Downloads\ecbe8a33-f887-4735-a2de-6d0c5dcec2c8.tmp</t>
  </si>
  <si>
    <t>2f645f1f-9b71-4a00-b6b2-aa33d88b8a9a.tmp</t>
  </si>
  <si>
    <t>\\acsfs\profiles$\leticiala\Downloads\2f645f1f-9b71-4a00-b6b2-aa33d88b8a9a.tmp</t>
  </si>
  <si>
    <t>9782c6b5-52aa-47a4-8f41-80eff84afd5e.tmp</t>
  </si>
  <si>
    <t>\\acsfs\profiles$\leticiala\Downloads\9782c6b5-52aa-47a4-8f41-80eff84afd5e.tmp</t>
  </si>
  <si>
    <t>mail.google.com/_/upload?authuser=0&amp;dcp=asu-n&amp;upload_id=AEnB2Up73j63Y5XkU1FZEJEDAQ2C1cHMBpYtZXHCzmQQT-7L4f3nnAUEYL-R9XgDHD0IBz89V3kq2xkxiXGBT0PzzFC1goEOpA&amp;upload_protocol=resumable</t>
  </si>
  <si>
    <t>Luana Rosa de Almeida_1_6764366254815905429_1_32.wav</t>
  </si>
  <si>
    <t>backofficebv@dxc.com;jean.loiola@bv.com.br;larissa.alcantara@bv.com.br;lilianls@algartech.com;marianeps@algartech.com;talmaiardo@algartech.com;thiagordu@algartech.com;</t>
  </si>
  <si>
    <t>backofficebv@dxc.com,jean.loiola@bv.com.br,larissa.alcantara@bv.com.br,lilianls@algartech.com,marianeps@algartech.com,talmaiardo@algartech.com,thiagordu@algartech.com</t>
  </si>
  <si>
    <t>lilianls@algartech.com;</t>
  </si>
  <si>
    <t>lilianls@algartech.com</t>
  </si>
  <si>
    <t>kesiadof@algartech.com;lilianls@algartech.com;</t>
  </si>
  <si>
    <t>kesiadof@algartech.com,lilianls@algartech.com</t>
  </si>
  <si>
    <t>de22fd04-8cea-4802-866a-3ae94aa11133.tmp</t>
  </si>
  <si>
    <t>\\acsfs\profiles$\quindaizaagds\Downloads\de22fd04-8cea-4802-866a-3ae94aa11133.tmp</t>
  </si>
  <si>
    <t>e2925a43-d121-494d-a48d-9c9817338d2f.tmp</t>
  </si>
  <si>
    <t>\\acsfs\profiles$\quindaizaagds\Downloads\e2925a43-d121-494d-a48d-9c9817338d2f.tmp</t>
  </si>
  <si>
    <t>mail.google.com/sync/u/0/i/s?hl=pt-BR&amp;c=1068</t>
  </si>
  <si>
    <t>mail.google.com/sync/u/0/i/s?hl=pt-BR&amp;c=1072</t>
  </si>
  <si>
    <t>mail.google.com/sync/u/0/i/s?hl=pt-BR&amp;c=1077</t>
  </si>
  <si>
    <t>mail.google.com/sync/u/0/i/s?hl=pt-BR&amp;c=1082</t>
  </si>
  <si>
    <t>mail.google.com/sync/u/0/i/s?hl=pt-BR&amp;c=1088</t>
  </si>
  <si>
    <t>mail.google.com/sync/u/0/i/s?hl=pt-BR&amp;c=1093</t>
  </si>
  <si>
    <t>mail.google.com/sync/u/0/i/s?hl=pt-BR&amp;c=1098</t>
  </si>
  <si>
    <t>mail.google.com/sync/u/0/i/s?hl=pt-BR&amp;c=1103</t>
  </si>
  <si>
    <t>mail.google.com/sync/u/0/i/s?hl=pt-BR&amp;c=1110</t>
  </si>
  <si>
    <t>mail.google.com/sync/u/0/i/s?hl=pt-BR&amp;c=1115</t>
  </si>
  <si>
    <t>mail.google.com/sync/u/0/i/s?hl=pt-BR&amp;c=1121</t>
  </si>
  <si>
    <t>8d314e23-1253-47ad-9c2c-899568e5debf.tmp</t>
  </si>
  <si>
    <t>\\acsfs\profiles$\gabrielamdp\Downloads\8d314e23-1253-47ad-9c2c-899568e5debf.tmp</t>
  </si>
  <si>
    <t>88ada61f-622e-4c94-9825-09b07fecebb8.tmp</t>
  </si>
  <si>
    <t>\\acsfs\profiles$\gabrielamdp\Downloads\88ada61f-622e-4c94-9825-09b07fecebb8.tmp</t>
  </si>
  <si>
    <t>lu75796a08irp.tmp</t>
  </si>
  <si>
    <t>\\acsfs\DEPTOS\Operacao\Banco_Votorantim\Supervisao\SUPERS BV CARTÕES\ANA VITORIA\APOIO\lu75796a08irp.tmp</t>
  </si>
  <si>
    <t>\\acsfs\DEPTOS\Operacao\Banco_Votorantim\Supervisao\SUPERS BV CARTÕES\ANA VITORIA\APOIO\lu75796a08irp.tmp\</t>
  </si>
  <si>
    <t>\\acsfs\DEPTOS\Operacao\Banco_Votorantim\Supervisao\SUPERS BV CARTÕES\ANA VITORIA\APOIO\lu75796a08irp.tmp\META-INF\</t>
  </si>
  <si>
    <t>\\acsfs\DEPTOS\Operacao\Banco_Votorantim\Supervisao\SUPERS BV CARTÕES\ANA VITORIA\APOIO\lu75796a08irp.tmp\Thumbnails\</t>
  </si>
  <si>
    <t>a9528c2b-1029-4d69-9c8d-cf46847568d1.tmp</t>
  </si>
  <si>
    <t>\\acsfs\profiles$\mariagsg\Downloads\a9528c2b-1029-4d69-9c8d-cf46847568d1.tmp</t>
  </si>
  <si>
    <t>XLOG_tiagosno_02012020_075152.log</t>
  </si>
  <si>
    <t>\\acsfs\profiles$\tiagosno\My Documents\xworkcenter\logs\XLOG_tiagosno_02012020_075152.log</t>
  </si>
  <si>
    <t>5da1aa0b-900c-47f2-a00b-9ef67217fa21.tmp</t>
  </si>
  <si>
    <t>\\acsfs\profiles$\fabianobmf\Downloads\5da1aa0b-900c-47f2-a00b-9ef67217fa21.tmp</t>
  </si>
  <si>
    <t>cb290f46-64e5-4226-b4e7-f07d99a0aa7c.tmp</t>
  </si>
  <si>
    <t>\\acsfs\profiles$\luanaagl\Downloads\cb290f46-64e5-4226-b4e7-f07d99a0aa7c.tmp</t>
  </si>
  <si>
    <t>lu302402r1mig.tmp</t>
  </si>
  <si>
    <t>\\acsfs\profiles$\jalilebds\Downloads\lu302402r1mig.tmp</t>
  </si>
  <si>
    <t>bba1a662-f9be-405b-97fe-92c903329336.tmp</t>
  </si>
  <si>
    <t>\\acsfs\profiles$\geovannasm\Downloads\bba1a662-f9be-405b-97fe-92c903329336.tmp</t>
  </si>
  <si>
    <t>lu302402r1mij.tmp</t>
  </si>
  <si>
    <t>\\acsfs\profiles$\jalilebds\Downloads\lu302402r1mij.tmp</t>
  </si>
  <si>
    <t>lu302402r1mim.tmp</t>
  </si>
  <si>
    <t>\\acsfs\profiles$\jalilebds\Downloads\lu302402r1mim.tmp</t>
  </si>
  <si>
    <t>88e52bc6-4363-48f4-bc45-b743dcbcd7fb.tmp</t>
  </si>
  <si>
    <t>\\acsfs\profiles$\erichds\Downloads\88e52bc6-4363-48f4-bc45-b743dcbcd7fb.tmp</t>
  </si>
  <si>
    <t>8fb4432c-974f-4ac3-83d1-df4fef24d000.tmp</t>
  </si>
  <si>
    <t>\\acsfs\profiles$\larissaad\Downloads\8fb4432c-974f-4ac3-83d1-df4fef24d000.tmp</t>
  </si>
  <si>
    <t>2b01e5a9-d09e-4b4d-985a-553558cd1f11.tmp</t>
  </si>
  <si>
    <t>\\acsfs\profiles$\michelerds\Downloads\2b01e5a9-d09e-4b4d-985a-553558cd1f11.tmp</t>
  </si>
  <si>
    <t>716fed49-3b04-43dd-bcd9-94e70cd3d3d3.tmp</t>
  </si>
  <si>
    <t>\\acsfs\profiles$\geovannasm\Downloads\716fed49-3b04-43dd-bcd9-94e70cd3d3d3.tmp</t>
  </si>
  <si>
    <t>7ed30dda-1573-4ae5-be63-e9e75ee378fc.tmp</t>
  </si>
  <si>
    <t>\\acsfs\profiles$\deborahsi\Downloads\7ed30dda-1573-4ae5-be63-e9e75ee378fc.tmp</t>
  </si>
  <si>
    <t>8256bfd7-8f66-4207-9005-49c1bc13d46b.tmp</t>
  </si>
  <si>
    <t>\\acsfs\profiles$\cintiadjl\Downloads\8256bfd7-8f66-4207-9005-49c1bc13d46b.tmp</t>
  </si>
  <si>
    <t>\\acsfs\profiles$\quindaizaagds\My Documents\My Pictures\VENDAS.txt</t>
  </si>
  <si>
    <t>ccc80fe2-c808-4872-87c9-c7f8c0796760.tmp</t>
  </si>
  <si>
    <t>\\acsfs\profiles$\mariagsg\Downloads\ccc80fe2-c808-4872-87c9-c7f8c0796760.tmp</t>
  </si>
  <si>
    <t>65db271e-e276-43d4-9396-0163bed3c5d2.tmp</t>
  </si>
  <si>
    <t>\\acsfs\profiles$\myllenardl\Downloads\65db271e-e276-43d4-9396-0163bed3c5d2.tmp</t>
  </si>
  <si>
    <t>8900303f-b377-485d-ab63-3cd20e245bc3.tmp</t>
  </si>
  <si>
    <t>\\acsfs\profiles$\myllenardl\Downloads\8900303f-b377-485d-ab63-3cd20e245bc3.tmp</t>
  </si>
  <si>
    <t>406f9ca8-f124-414a-bf20-818b1cb2d3cc.tmp</t>
  </si>
  <si>
    <t>\\acsfs\profiles$\lorenabmc\Downloads\406f9ca8-f124-414a-bf20-818b1cb2d3cc.tmp</t>
  </si>
  <si>
    <t>7b331291-f697-4d8a-a958-28f645b28826.tmp</t>
  </si>
  <si>
    <t>\\acsfs\profiles$\lorenabmc\Downloads\7b331291-f697-4d8a-a958-28f645b28826.tmp</t>
  </si>
  <si>
    <t>fd5d1568-072c-46e0-92a4-a44b2c5fdf3c.tmp</t>
  </si>
  <si>
    <t>\\acsfs\profiles$\larissaad\Downloads\fd5d1568-072c-46e0-92a4-a44b2c5fdf3c.tmp</t>
  </si>
  <si>
    <t>24de3616-e14b-4304-8e97-4c95fba3ff6a.tmp</t>
  </si>
  <si>
    <t>\\acsfs\profiles$\rafaelahpn\Downloads\24de3616-e14b-4304-8e97-4c95fba3ff6a.tmp</t>
  </si>
  <si>
    <t>3e00c652-adc3-436d-b0e3-a93843e1f75b.tmp</t>
  </si>
  <si>
    <t>\\acsfs\profiles$\wedersonbadr\My Documents\My Music\3e00c652-adc3-436d-b0e3-a93843e1f75b.tmp</t>
  </si>
  <si>
    <t>ae07e7ae-930d-43ba-906a-0793d0d45818.tmp</t>
  </si>
  <si>
    <t>\\acsfs\profiles$\wedersonbadr\My Documents\My Music\ae07e7ae-930d-43ba-906a-0793d0d45818.tmp</t>
  </si>
  <si>
    <t>868ee400-4fe9-4470-ae41-7f770897174a.tmp</t>
  </si>
  <si>
    <t>\\acsfs\profiles$\wedersonbadr\My Documents\My Music\868ee400-4fe9-4470-ae41-7f770897174a.tmp</t>
  </si>
  <si>
    <t>637d6d43-7c09-4885-bfa4-0ddccb9fb06f.tmp</t>
  </si>
  <si>
    <t>\\acsfs\profiles$\rafaelahpn\Downloads\637d6d43-7c09-4885-bfa4-0ddccb9fb06f.tmp</t>
  </si>
  <si>
    <t>80fcac47-601d-4179-af5d-255135eec988.tmp</t>
  </si>
  <si>
    <t>\\acsfs\profiles$\rafaelahpn\Downloads\80fcac47-601d-4179-af5d-255135eec988.tmp</t>
  </si>
  <si>
    <t>6fe085b4-b7e4-451a-b502-43fbb8f92b06.tmp</t>
  </si>
  <si>
    <t>\\acsfs\profiles$\rafaelahpn\Downloads\6fe085b4-b7e4-451a-b502-43fbb8f92b06.tmp</t>
  </si>
  <si>
    <t>3ebaec56-79c6-40b4-9a4b-5225dd4f8132.tmp</t>
  </si>
  <si>
    <t>\\acsfs\profiles$\gabriellalpr\Downloads\3ebaec56-79c6-40b4-9a4b-5225dd4f8132.tmp</t>
  </si>
  <si>
    <t>mail.google.com/sync/u/0/i/s?hl=pt-BR&amp;c=271</t>
  </si>
  <si>
    <t>eliane.martins@bv.com.br;</t>
  </si>
  <si>
    <t>eliane.martins@bv.com.br</t>
  </si>
  <si>
    <t>ba2436fc-e3fe-4977-a7b0-d1e50bca1012.tmp</t>
  </si>
  <si>
    <t>\\acsfs\profiles$\brendadsl\Downloads\ba2436fc-e3fe-4977-a7b0-d1e50bca1012.tmp</t>
  </si>
  <si>
    <t>44fb7edb-0e29-4a67-91f8-383988cf0a19.tmp</t>
  </si>
  <si>
    <t>\\acsfs\profiles$\brendadsl\Downloads\44fb7edb-0e29-4a67-91f8-383988cf0a19.tmp</t>
  </si>
  <si>
    <t>675de308-177c-44ce-9c3f-c8defbbf508b.tmp</t>
  </si>
  <si>
    <t>\\acsfs\profiles$\brendadsl\Downloads\675de308-177c-44ce-9c3f-c8defbbf508b.tmp</t>
  </si>
  <si>
    <t>lu48882xoxqr.tmp</t>
  </si>
  <si>
    <t>\\acsfs\profiles$\LORRAYNEVAM\lu48882xoxqr.tmp</t>
  </si>
  <si>
    <t>\\acsfs\profiles$\LORRAYNEVAM\lu48882xoxqr.tmp\</t>
  </si>
  <si>
    <t>\\acsfs\profiles$\LORRAYNEVAM\lu48882xoxqr.tmp\META-INF\</t>
  </si>
  <si>
    <t>\\acsfs\profiles$\LORRAYNEVAM\lu48882xoxqr.tmp\Thumbnails\</t>
  </si>
  <si>
    <t>4cab1269-618d-494c-91b4-f160cff66f00.tmp</t>
  </si>
  <si>
    <t>\\acsfs\profiles$\francislayneads\Downloads\4cab1269-618d-494c-91b4-f160cff66f00.tmp</t>
  </si>
  <si>
    <t>10.200.66.10</t>
  </si>
  <si>
    <t>74-86-7A-FB-18-8E</t>
  </si>
  <si>
    <t>VOTORANT-ZB003</t>
  </si>
  <si>
    <t>2ddb3c44-60ea-440c-ad0f-0e12f45fee6e.tmp</t>
  </si>
  <si>
    <t>\\acsfs\profiles$\rafaelahpn\Downloads\2ddb3c44-60ea-440c-ad0f-0e12f45fee6e.tmp</t>
  </si>
  <si>
    <t>32641c79-1015-4bd5-9718-5c01e0ffa13e.tmp</t>
  </si>
  <si>
    <t>\\acsfs\profiles$\rafaelahpn\Downloads\32641c79-1015-4bd5-9718-5c01e0ffa13e.tmp</t>
  </si>
  <si>
    <t>b13dff75-cc38-4266-8588-5b399717a106.tmp</t>
  </si>
  <si>
    <t>\\acsfs\profiles$\andreapdsg\Downloads\b13dff75-cc38-4266-8588-5b399717a106.tmp</t>
  </si>
  <si>
    <t>24cd5860-291a-4457-b1f4-a2c108ce6cbd.tmp</t>
  </si>
  <si>
    <t>\\acsfs\profiles$\andreapdsg\Downloads\24cd5860-291a-4457-b1f4-a2c108ce6cbd.tmp</t>
  </si>
  <si>
    <t>a38a5d3c-40fb-4869-ac88-00212ce50876.tmp</t>
  </si>
  <si>
    <t>\\acsfs\profiles$\andreapdsg\Downloads\a38a5d3c-40fb-4869-ac88-00212ce50876.tmp</t>
  </si>
  <si>
    <t>mail.google.com/sync/u/0/i/s?hl=pt-BR&amp;c=317</t>
  </si>
  <si>
    <t>\\acsfs\DEPTOS\Operacao\PCP\5 - Comum\PLANEJAMENTO BV\22 - BANCO DE DADOS BV\FINANCEIRA\5F80BAAE.tmp\</t>
  </si>
  <si>
    <t>\\acsfs\DEPTOS\Operacao\PCP\5 - Comum\PLANEJAMENTO BV\22 - BANCO DE DADOS BV\FINANCEIRA\5F80BAAE.tmp\:Zone.Identifier:$DATA</t>
  </si>
  <si>
    <t>\\acsfs\DEPTOS\Operacao\PCP\5 - Comum\PLANEJAMENTO BV\22 - BANCO DE DADOS BV\FINANCEIRA\Banco de Dados BV 12-2019.xlsx</t>
  </si>
  <si>
    <t>lu302402r1miu.tmp</t>
  </si>
  <si>
    <t>\\acsfs\profiles$\jalilebds\Downloads\lu302402r1miu.tmp</t>
  </si>
  <si>
    <t>e9c612ca-91e8-46ac-bbe2-28b42dce9274.tmp</t>
  </si>
  <si>
    <t>\\acsfs\profiles$\laurandos\Downloads\e9c612ca-91e8-46ac-bbe2-28b42dce9274.tmp</t>
  </si>
  <si>
    <t>backofficebv@dxc.com;fernandaab@algartech.com;jose.ric.dos-santos@dxc.com;larissa.alcantara@bv.com.br;marianeps@algartech.com;talmaiardo@algartech.com;thiagordu@algartech.com;</t>
  </si>
  <si>
    <t>backofficebv@dxc.com,fernandaab@algartech.com,jose.ric.dos-santos@dxc.com,larissa.alcantara@bv.com.br,marianeps@algartech.com,talmaiardo@algartech.com,thiagordu@algartech.com</t>
  </si>
  <si>
    <t>mail.google.com/sync/u/0/i/s?hl=pt-BR&amp;c=1164</t>
  </si>
  <si>
    <t>6a55bfdf-02bc-453f-8fbf-4d3090bbdd22.tmp</t>
  </si>
  <si>
    <t>\\acsfs\profiles$\michelerds\Downloads\6a55bfdf-02bc-453f-8fbf-4d3090bbdd22.tmp</t>
  </si>
  <si>
    <t>lu302402r1mix.tmp</t>
  </si>
  <si>
    <t>\\acsfs\profiles$\jalilebds\Downloads\lu302402r1mix.tmp</t>
  </si>
  <si>
    <t>9ed57e8e-8181-4262-988d-d2e9b72985f4.tmp</t>
  </si>
  <si>
    <t>\\acsfs\profiles$\laurandos\Downloads\9ed57e8e-8181-4262-988d-d2e9b72985f4.tmp</t>
  </si>
  <si>
    <t>XLOG_anacdos_02012020_081500.log</t>
  </si>
  <si>
    <t>\\acsfs\profiles$\anacdos\My Documents\xworkcenter\logs\XLOG_anacdos_02012020_081500.log</t>
  </si>
  <si>
    <t>https://algar.folhasinergyrh.com.br/afastamento/upload?id=0&amp;idsolicitacao=17289</t>
  </si>
  <si>
    <t>31/12/2019;</t>
  </si>
  <si>
    <t>image2020-01-02-134558.pdf</t>
  </si>
  <si>
    <t>https://31/12/2019</t>
  </si>
  <si>
    <t>lu302402r1mj0.tmp</t>
  </si>
  <si>
    <t>\\acsfs\profiles$\jalilebds\Downloads\lu302402r1mj0.tmp</t>
  </si>
  <si>
    <t>4e02fe31-23f7-4aac-82bb-eeb1fb8ba172.tmp</t>
  </si>
  <si>
    <t>\\acsfs\profiles$\alinepp\Downloads\4e02fe31-23f7-4aac-82bb-eeb1fb8ba172.tmp</t>
  </si>
  <si>
    <t>mail.google.com/sync/u/0/i/s?hl=pt-BR&amp;c=1182</t>
  </si>
  <si>
    <t>mail.google.com/sync/u/0/i/s?hl=pt-BR&amp;c=1184</t>
  </si>
  <si>
    <t>mail.google.com/sync/u/0/i/s?hl=pt-BR&amp;c=1187</t>
  </si>
  <si>
    <t>mail.google.com/sync/u/0/i/s?hl=pt-BR&amp;c=1189</t>
  </si>
  <si>
    <t>mail.google.com/sync/u/0/i/s?hl=pt-BR&amp;c=1191</t>
  </si>
  <si>
    <t>lu228362gud18.tmp</t>
  </si>
  <si>
    <t>\\acsfs\profiles$\victoriaksr\My Documents\lu228362gud18.tmp</t>
  </si>
  <si>
    <t>.~lock.TABELA VENDAS JANEIRO.ods#</t>
  </si>
  <si>
    <t>\\acsfs\profiles$\lucasgpe\Desktop\.~lock.TABELA VENDAS JANEIRO.ods#</t>
  </si>
  <si>
    <t>lu5040pcew.tmp</t>
  </si>
  <si>
    <t>\\acsfs\profiles$\lucasgpe\Desktop\lu5040pcew.tmp</t>
  </si>
  <si>
    <t>\\acsfs\profiles$\lucasgpe\Desktop\lu5040pcew.tmp\</t>
  </si>
  <si>
    <t>\\acsfs\profiles$\lucasgpe\Desktop\lu5040pcew.tmp\META-INF\</t>
  </si>
  <si>
    <t>\\acsfs\profiles$\lucasgpe\Desktop\lu5040pcew.tmp\Thumbnails\</t>
  </si>
  <si>
    <t>https://algar.folhasinergyrh.com.br/afastamento/upload?id=0&amp;idsolicitacao=17299</t>
  </si>
  <si>
    <t>30/12/2019;31/12/2019;</t>
  </si>
  <si>
    <t>image2020-01-02-163119.pdf</t>
  </si>
  <si>
    <t>https://30/12/2019,31/12/2019</t>
  </si>
  <si>
    <t>lu302402r1mj3.tmp</t>
  </si>
  <si>
    <t>\\acsfs\profiles$\jalilebds\Downloads\lu302402r1mj3.tmp</t>
  </si>
  <si>
    <t>mail.google.com/sync/u/0/i/s?hl=pt-BR&amp;c=1196</t>
  </si>
  <si>
    <t>mail.google.com/sync/u/0/i/s?hl=pt-BR&amp;c=1198</t>
  </si>
  <si>
    <t>mail.google.com/sync/u/0/i/s?hl=pt-BR&amp;c=1201</t>
  </si>
  <si>
    <t>mail.google.com/sync/u/0/i/s?hl=pt-BR&amp;c=1203</t>
  </si>
  <si>
    <t>mail.google.com/sync/u/0/i/s?hl=pt-BR&amp;c=1206</t>
  </si>
  <si>
    <t>mail.google.com/sync/u/0/i/s?hl=pt-BR&amp;c=1208</t>
  </si>
  <si>
    <t>mail.google.com/sync/u/0/i/s?hl=pt-BR&amp;c=1213</t>
  </si>
  <si>
    <t>mail.google.com/sync/u/0/i/s?hl=pt-BR&amp;c=1215</t>
  </si>
  <si>
    <t>mail.google.com/sync/u/0/i/s?hl=pt-BR&amp;c=1218</t>
  </si>
  <si>
    <t>30/12/2019;eliane.martins@bv.com.br;</t>
  </si>
  <si>
    <t>30/12/2019,eliane.martins@bv.com.br</t>
  </si>
  <si>
    <t>30/12/2019,31/12/2019</t>
  </si>
  <si>
    <t>_x001A_;n@�})n&lt;x bc��r��&lt;���_x0012_��g{^=r'�b��_x0013_u_x0014_3�ogq��8{�y=�rwq��q_x000E_b�1�-�\��*��{�g_x001E_��lozn�_x001A_m���h����_x001E_��w�;</t>
  </si>
  <si>
    <t>_x001A_,n@�})n&lt;x bc��r��&lt;���_x0012_��g{^=r'�b��_x0013_u_x0014_3�ogq��8{�y=�rwq��q_x000E_b�1�-�\��*��{�g_x001E_��lozn�_x001A_m���h����_x001E_��w�</t>
  </si>
  <si>
    <t>mail.google.com/sync/u/0/i/s?hl=pt-BR&amp;c=1229</t>
  </si>
  <si>
    <t>mail.google.com/sync/u/0/i/s?hl=pt-BR&amp;c=1232</t>
  </si>
  <si>
    <t>mail.google.com/sync/u/0/i/s?hl=pt-BR&amp;c=1235</t>
  </si>
  <si>
    <t>mail.google.com/sync/u/0/i/s?hl=pt-BR&amp;c=1239</t>
  </si>
  <si>
    <t>mail.google.com/sync/u/0/i/s?hl=pt-BR&amp;c=1241</t>
  </si>
  <si>
    <t>1eff5238-49f5-4854-b22b-2c863222f0e5.tmp</t>
  </si>
  <si>
    <t>\\acsfs\profiles$\henriqueco\Downloads\1eff5238-49f5-4854-b22b-2c863222f0e5.tmp</t>
  </si>
  <si>
    <t>XLOG_ellencds_02012020_090337.log</t>
  </si>
  <si>
    <t>\\acsfs\profiles$\ellencds\My Documents\xworkcenter\logs\XLOG_ellencds_02012020_090337.log</t>
  </si>
  <si>
    <t>1d5730a6-54c6-49fe-a2d2-17397ca80718.tmp</t>
  </si>
  <si>
    <t>\\acsfs\profiles$\joycemmdl\Downloads\1d5730a6-54c6-49fe-a2d2-17397ca80718.tmp</t>
  </si>
  <si>
    <t>lu302402r1mjb.tmp</t>
  </si>
  <si>
    <t>\\acsfs\profiles$\jalilebds\Downloads\lu302402r1mjb.tmp</t>
  </si>
  <si>
    <t>lu352563z7d7m.tmp</t>
  </si>
  <si>
    <t>\\acsfs\profiles$\isabeldst\My Documents\lu352563z7d7m.tmp</t>
  </si>
  <si>
    <t>\\acsfs\profiles$\isabeldst\My Documents\lu352563z7d7m.tmp\</t>
  </si>
  <si>
    <t>\\acsfs\profiles$\isabeldst\My Documents\lu352563z7d7m.tmp\META-INF\</t>
  </si>
  <si>
    <t>\\acsfs\profiles$\isabeldst\My Documents\lu352563z7d7m.tmp\Thumbnails\</t>
  </si>
  <si>
    <t>lu352563z7d7s.tmp</t>
  </si>
  <si>
    <t>\\acsfs\profiles$\isabeldst\My Documents\lu352563z7d7s.tmp</t>
  </si>
  <si>
    <t>\\acsfs\profiles$\isabeldst\My Documents\lu352563z7d7s.tmp\</t>
  </si>
  <si>
    <t>\\acsfs\profiles$\isabeldst\My Documents\lu352563z7d7s.tmp\META-INF\</t>
  </si>
  <si>
    <t>\\acsfs\profiles$\isabeldst\My Documents\lu352563z7d7s.tmp\Thumbnails\</t>
  </si>
  <si>
    <t>ff08f554-a96f-4f1b-b7c8-c22fe9ae12ed.tmp</t>
  </si>
  <si>
    <t>\\acsfs\profiles$\joycemmdl\Downloads\ff08f554-a96f-4f1b-b7c8-c22fe9ae12ed.tmp</t>
  </si>
  <si>
    <t>lu302402r1mje.tmp</t>
  </si>
  <si>
    <t>\\acsfs\profiles$\jalilebds\Downloads\lu302402r1mje.tmp</t>
  </si>
  <si>
    <t>a9c9bd91-344f-4e20-8101-9a7d079a744f.tmp</t>
  </si>
  <si>
    <t>\\acsfs\profiles$\erichds\Downloads\a9c9bd91-344f-4e20-8101-9a7d079a744f.tmp</t>
  </si>
  <si>
    <t>0ea94b0b-6a79-4e08-9a2c-694207d2f02e.tmp</t>
  </si>
  <si>
    <t>\\acsfs\profiles$\gabrielamdp\Downloads\0ea94b0b-6a79-4e08-9a2c-694207d2f02e.tmp</t>
  </si>
  <si>
    <t>C:\Users\karinefg\Downloads\</t>
  </si>
  <si>
    <t>image2020-01-02-163321.zip</t>
  </si>
  <si>
    <t>C:\Users\karinefg\Downloads\image2020-01-02-163321.zip\</t>
  </si>
  <si>
    <t>image2020-01-02-163321.pdf</t>
  </si>
  <si>
    <t>https://algar.folhasinergyrh.com.br/rescisao/upload?id=0&amp;idsolicitacao=0&amp;idprerescisao=1656</t>
  </si>
  <si>
    <t>lu10232pc70.tmp</t>
  </si>
  <si>
    <t>\\acsfs\profiles$\fabianafv\My Documents\lu10232pc70.tmp</t>
  </si>
  <si>
    <t>\\acsfs\profiles$\fabianafv\My Documents\lu10232pc70.tmp\</t>
  </si>
  <si>
    <t>\\acsfs\profiles$\fabianafv\My Documents\lu10232pc70.tmp\META-INF\</t>
  </si>
  <si>
    <t>\\acsfs\profiles$\fabianafv\My Documents\lu10232pc70.tmp\Thumbnails\</t>
  </si>
  <si>
    <t>lu302402r1mjh.tmp</t>
  </si>
  <si>
    <t>\\acsfs\profiles$\jalilebds\Downloads\lu302402r1mjh.tmp</t>
  </si>
  <si>
    <t>mail.google.com/sync/u/0/i/s?hl=pt-BR&amp;c=1244</t>
  </si>
  <si>
    <t>mail.google.com/sync/u/0/i/s?hl=pt-BR&amp;c=1247</t>
  </si>
  <si>
    <t>mail.google.com/sync/u/0/i/s?hl=pt-BR&amp;c=1249</t>
  </si>
  <si>
    <t>mail.google.com/sync/u/0/i/s?hl=pt-BR&amp;c=1252</t>
  </si>
  <si>
    <t>mail.google.com/sync/u/0/i/s?hl=pt-BR&amp;c=1254</t>
  </si>
  <si>
    <t>656a1eec-e764-41f3-8c3b-6eff271c200a.tmp</t>
  </si>
  <si>
    <t>\\acsfs\profiles$\regisedsj\Downloads\656a1eec-e764-41f3-8c3b-6eff271c200a.tmp</t>
  </si>
  <si>
    <t>a96567e4-1331-4167-84c2-546a1b50c4ca.tmp</t>
  </si>
  <si>
    <t>\\acsfs\profiles$\rafaelahpn\Downloads\a96567e4-1331-4167-84c2-546a1b50c4ca.tmp</t>
  </si>
  <si>
    <t>a4e9d8d5-c226-441b-bfda-38cc11860e24.tmp</t>
  </si>
  <si>
    <t>\\acsfs\profiles$\fabianobmf\Downloads\a4e9d8d5-c226-441b-bfda-38cc11860e24.tmp</t>
  </si>
  <si>
    <t>b5b32f8d-bc7c-41f9-9db0-fd44aa16ffdf.tmp</t>
  </si>
  <si>
    <t>\\acsfs\profiles$\fabianobmf\Downloads\b5b32f8d-bc7c-41f9-9db0-fd44aa16ffdf.tmp</t>
  </si>
  <si>
    <t>lu302402r1mjk.tmp</t>
  </si>
  <si>
    <t>\\acsfs\profiles$\jalilebds\Downloads\lu302402r1mjk.tmp</t>
  </si>
  <si>
    <t>caa92061-c458-4ffc-802b-51fa2bd7e6c4.tmp</t>
  </si>
  <si>
    <t>\\acsfs\profiles$\jalilebds\Downloads\caa92061-c458-4ffc-802b-51fa2bd7e6c4.tmp</t>
  </si>
  <si>
    <t>.~lock.filas 1721 1725 e 1724 a tratar (1).xlsx#</t>
  </si>
  <si>
    <t>\\acsfs\profiles$\jalilebds\Downloads\.~lock.filas 1721 1725 e 1724 a tratar (1).xlsx#</t>
  </si>
  <si>
    <t>lu302402r1mjq.tmp</t>
  </si>
  <si>
    <t>\\acsfs\profiles$\jalilebds\Downloads\lu302402r1mjq.tmp</t>
  </si>
  <si>
    <t>lu302402r1mjt.tmp</t>
  </si>
  <si>
    <t>\\acsfs\profiles$\jalilebds\Downloads\lu302402r1mjt.tmp</t>
  </si>
  <si>
    <t>lu302402r1mjw.tmp</t>
  </si>
  <si>
    <t>\\acsfs\profiles$\jalilebds\Downloads\lu302402r1mjw.tmp</t>
  </si>
  <si>
    <t>d092623a-6aad-4a45-bdb4-9de434a6ebba.tmp</t>
  </si>
  <si>
    <t>\\acsfs\profiles$\gabriellalpr\Downloads\d092623a-6aad-4a45-bdb4-9de434a6ebba.tmp</t>
  </si>
  <si>
    <t>lu302402r1mjz.tmp</t>
  </si>
  <si>
    <t>\\acsfs\profiles$\jalilebds\Downloads\lu302402r1mjz.tmp</t>
  </si>
  <si>
    <t>lu302402r1mk2.tmp</t>
  </si>
  <si>
    <t>\\acsfs\profiles$\jalilebds\Downloads\lu302402r1mk2.tmp</t>
  </si>
  <si>
    <t>lu302402r1mk5.tmp</t>
  </si>
  <si>
    <t>\\acsfs\profiles$\jalilebds\Downloads\lu302402r1mk5.tmp</t>
  </si>
  <si>
    <t>lu302402r1mk8.tmp</t>
  </si>
  <si>
    <t>\\acsfs\profiles$\jalilebds\Downloads\lu302402r1mk8.tmp</t>
  </si>
  <si>
    <t>lu302402r1mkb.tmp</t>
  </si>
  <si>
    <t>\\acsfs\profiles$\jalilebds\Downloads\lu302402r1mkb.tmp</t>
  </si>
  <si>
    <t>lu302402r1mke.tmp</t>
  </si>
  <si>
    <t>\\acsfs\profiles$\jalilebds\Downloads\lu302402r1mke.tmp</t>
  </si>
  <si>
    <t>\\acsfs\deptos\Operacao\PCP\5 - Comum\CONTROL DESK\2 - DAC2\Control Desk AVON\Relatorios\Status de login\2019\12 - Dezembro\</t>
  </si>
  <si>
    <t>28-12 RELATORIO DE LOGIN AVON.xlsm</t>
  </si>
  <si>
    <t>\\acsfs\deptos\Operacao\PCP\5 - Comum\CONTROL DESK\2 - DAC2\Control Desk AVON\Relatorios\Status de login\2020\28-12 RELATORIO DE LOGIN AVON.xlsm</t>
  </si>
  <si>
    <t>d79fc508-a65a-40a1-bd1e-b0337e774ca5.tmp</t>
  </si>
  <si>
    <t>\\acsfs\profiles$\rosileiam\Downloads\d79fc508-a65a-40a1-bd1e-b0337e774ca5.tmp</t>
  </si>
  <si>
    <t>lu10232pc76.tmp</t>
  </si>
  <si>
    <t>\\acsfs\profiles$\fabianafv\My Documents\lu10232pc76.tmp</t>
  </si>
  <si>
    <t>\\acsfs\profiles$\fabianafv\My Documents\lu10232pc76.tmp\</t>
  </si>
  <si>
    <t>\\acsfs\profiles$\fabianafv\My Documents\lu10232pc76.tmp\META-INF\</t>
  </si>
  <si>
    <t>\\acsfs\profiles$\fabianafv\My Documents\lu10232pc76.tmp\Thumbnails\</t>
  </si>
  <si>
    <t>538827d0-a573-481a-b27c-1370b0696cb6.tmp</t>
  </si>
  <si>
    <t>\\acsfs\profiles$\fabianafv\Downloads\538827d0-a573-481a-b27c-1370b0696cb6.tmp</t>
  </si>
  <si>
    <t>lu211202da8ue.tmp</t>
  </si>
  <si>
    <t>\\acsfs\profiles$\edicarlosdl\My Documents\lu211202da8ue.tmp</t>
  </si>
  <si>
    <t>\\acsfs\profiles$\edicarlosdl\My Documents\lu211202da8ue.tmp\</t>
  </si>
  <si>
    <t>\\acsfs\profiles$\edicarlosdl\My Documents\lu211202da8ue.tmp\META-INF\</t>
  </si>
  <si>
    <t>\\acsfs\profiles$\edicarlosdl\My Documents\lu211202da8ue.tmp\Thumbnails\</t>
  </si>
  <si>
    <t>e8356721-9fe7-4db9-a2df-9460c5c2f61e.tmp</t>
  </si>
  <si>
    <t>\\acsfs\profiles$\andreapdsg\Downloads\e8356721-9fe7-4db9-a2df-9460c5c2f61e.tmp</t>
  </si>
  <si>
    <t>02c7f7ee-58ec-4468-9f97-28dc543fdd80.tmp</t>
  </si>
  <si>
    <t>\\acsfs\profiles$\nathaliaos\Downloads\02c7f7ee-58ec-4468-9f97-28dc543fdd80.tmp</t>
  </si>
  <si>
    <t>985af991-2fcc-4999-af5b-9e123872bce6.tmp</t>
  </si>
  <si>
    <t>\\acsfs\profiles$\nathaliaos\Downloads\985af991-2fcc-4999-af5b-9e123872bce6.tmp</t>
  </si>
  <si>
    <t>560e756b-13d8-4b25-a5b7-1acd8c305c11.tmp</t>
  </si>
  <si>
    <t>\\acsfs\profiles$\nathaliaos\Downloads\560e756b-13d8-4b25-a5b7-1acd8c305c11.tmp</t>
  </si>
  <si>
    <t>gustavodsil@algartech.com</t>
  </si>
  <si>
    <t>ab783619-68ec-432a-8796-0bd04dcaaadb.tmp</t>
  </si>
  <si>
    <t>\\acsfs\profiles$\philipegsf\Downloads\ab783619-68ec-432a-8796-0bd04dcaaadb.tmp</t>
  </si>
  <si>
    <t>34420f93-c1fb-42f3-8124-3248aec5ee46.tmp</t>
  </si>
  <si>
    <t>\\acsfs\profiles$\taylaedoa\Downloads\34420f93-c1fb-42f3-8124-3248aec5ee46.tmp</t>
  </si>
  <si>
    <t>cc8758aa-2b63-46de-841b-aabf4ef47725.tmp</t>
  </si>
  <si>
    <t>\\acsfs\profiles$\taylaedoa\Downloads\cc8758aa-2b63-46de-841b-aabf4ef47725.tmp</t>
  </si>
  <si>
    <t>5cafeda1-2094-4fc4-8501-247bf21893a0.tmp</t>
  </si>
  <si>
    <t>\\acsfs\profiles$\regisedsj\Downloads\5cafeda1-2094-4fc4-8501-247bf21893a0.tmp</t>
  </si>
  <si>
    <t>000ef0e4-ded7-4e10-a7c4-7994e3d4f638.tmp</t>
  </si>
  <si>
    <t>\\acsfs\profiles$\regisedsj\Downloads\000ef0e4-ded7-4e10-a7c4-7994e3d4f638.tmp</t>
  </si>
  <si>
    <t>mgbbyetuvxuaauckwatkdgj6gnujbgtdifgleutbvvlcfe4uxarecw==;</t>
  </si>
  <si>
    <t>mgbbyetuvxuaauckwatkdgj6gnujbgtdifgleutbvvlcfe4uxarecw==</t>
  </si>
  <si>
    <t>ebeba2eb-855f-4a66-a344-0180e1bc1ae1.tmp</t>
  </si>
  <si>
    <t>\\acsfs\profiles$\mariajaf\Downloads\ebeba2eb-855f-4a66-a344-0180e1bc1ae1.tmp</t>
  </si>
  <si>
    <t>d03dce54-1a8c-4b74-a63a-845940301394.tmp</t>
  </si>
  <si>
    <t>\\acsfs\profiles$\leonardocb\Downloads\d03dce54-1a8c-4b74-a63a-845940301394.tmp</t>
  </si>
  <si>
    <t>c445ada6-8dc6-4de8-a39f-d2ae83c467cf.tmp</t>
  </si>
  <si>
    <t>\\acsfs\profiles$\leonardocb\Downloads\c445ada6-8dc6-4de8-a39f-d2ae83c467cf.tmp</t>
  </si>
  <si>
    <t>10.200.66.136</t>
  </si>
  <si>
    <t>12be46dd-04f5-4729-ae60-cce78f52b483.tmp</t>
  </si>
  <si>
    <t>\\acsfs\profiles$\mariajaf\Downloads\12be46dd-04f5-4729-ae60-cce78f52b483.tmp</t>
  </si>
  <si>
    <t>4b7d928e-4c02-4982-b73c-59b41b873fc5.tmp</t>
  </si>
  <si>
    <t>\\acsfs\profiles$\leandromsa\Downloads\4b7d928e-4c02-4982-b73c-59b41b873fc5.tmp</t>
  </si>
  <si>
    <t>480439e1-752b-4b35-b7d7-55aef1e422c3.tmp</t>
  </si>
  <si>
    <t>\\acsfs\profiles$\leandromsa\Downloads\480439e1-752b-4b35-b7d7-55aef1e422c3.tmp</t>
  </si>
  <si>
    <t>29-12 RELATORIO DE LOGIN AVON - Cópia.xlsm</t>
  </si>
  <si>
    <t>\\acsfs\deptos\Operacao\PCP\5 - Comum\CONTROL DESK\2 - DAC2\Control Desk AVON\Relatorios\Status de login\2019\12 - Dezembro\29-12 RELATORIO DE LOGIN AVON - Cópia.xlsm</t>
  </si>
  <si>
    <t>bb7346a5-bc7c-4289-835a-5e0b858dd00c.tmp</t>
  </si>
  <si>
    <t>\\acsfs\profiles$\fabianafv\Downloads\bb7346a5-bc7c-4289-835a-5e0b858dd00c.tmp</t>
  </si>
  <si>
    <t>30-12 RELATORIO DE LOGIN AVON.xlsm</t>
  </si>
  <si>
    <t>\\acsfs\deptos\Operacao\PCP\5 - Comum\CONTROL DESK\2 - DAC2\Control Desk AVON\Relatorios\Status de login\2019\12 - Dezembro\30-12 RELATORIO DE LOGIN AVON.xlsm</t>
  </si>
  <si>
    <t>mail.google.com/sync/u/0/i/s?hl=pt-BR&amp;c=1283</t>
  </si>
  <si>
    <t>mail.google.com/sync/u/0/i/s?hl=pt-BR&amp;c=1285</t>
  </si>
  <si>
    <t>mail.google.com/sync/u/0/i/s?hl=pt-BR&amp;c=1291</t>
  </si>
  <si>
    <t>mail.google.com/sync/u/0/i/s?hl=pt-BR&amp;c=1293</t>
  </si>
  <si>
    <t>algartechcpcbv@algartech.com;andrelpsa@algartech.com;cpc-controldeskavon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1295</t>
  </si>
  <si>
    <t>mail.google.com/sync/u/0/i/s?hl=pt-BR&amp;c=1297</t>
  </si>
  <si>
    <t>mail.google.com/sync/u/0/i/s?hl=pt-BR&amp;c=1299</t>
  </si>
  <si>
    <t>andrelps@algartech.com;</t>
  </si>
  <si>
    <t>andrelps@algartech.com</t>
  </si>
  <si>
    <t>0ff862dd-a03f-4b1a-80e0-e031740ffe06.tmp</t>
  </si>
  <si>
    <t>\\acsfs\profiles$\JOAOVAL\Downloads\0ff862dd-a03f-4b1a-80e0-e031740ffe06.tmp</t>
  </si>
  <si>
    <t>100035125381406;fÉrias;</t>
  </si>
  <si>
    <t>https://100035125381406,fÉrias</t>
  </si>
  <si>
    <t>mail.google.com/sync/u/0/i/s?hl=pt-BR&amp;c=1302</t>
  </si>
  <si>
    <t>mail.google.com/sync/u/0/i/s?hl=pt-BR&amp;c=1305</t>
  </si>
  <si>
    <t>mail.google.com/sync/u/0/i/s?hl=pt-BR&amp;c=1307</t>
  </si>
  <si>
    <t>mail.google.com/sync/u/0/i/s?hl=pt-BR&amp;c=1309</t>
  </si>
  <si>
    <t>mail.google.com/sync/u/0/i/s?hl=pt-BR&amp;c=1311</t>
  </si>
  <si>
    <t>mail.google.com/sync/u/0/i/s?hl=pt-BR&amp;c=1313</t>
  </si>
  <si>
    <t>mail.google.com/sync/u/0/i/s?hl=pt-BR&amp;c=1317</t>
  </si>
  <si>
    <t>mail.google.com/sync/u/0/i/s?hl=pt-BR&amp;c=1320</t>
  </si>
  <si>
    <t>mail.google.com/sync/u/0/i/s?hl=pt-BR&amp;c=1322</t>
  </si>
  <si>
    <t>mail.google.com/sync/u/0/i/s?hl=pt-BR&amp;c=1324</t>
  </si>
  <si>
    <t>c03b57fe-0dc6-490c-96f2-7e4298e2f9eb.tmp</t>
  </si>
  <si>
    <t>\\acsfs\profiles$\gabriellalpr\Downloads\c03b57fe-0dc6-490c-96f2-7e4298e2f9eb.tmp</t>
  </si>
  <si>
    <t>triagemrescisao@cscalgar.com.br;</t>
  </si>
  <si>
    <t>triagemrescisao@cscalgar.com.br</t>
  </si>
  <si>
    <t>mail.google.com/sync/u/0/i/s?hl=pt-BR&amp;c=1338</t>
  </si>
  <si>
    <t>mail.google.com/sync/u/0/i/s?hl=pt-BR&amp;c=1340</t>
  </si>
  <si>
    <t>mail.google.com/sync/u/0/i/s?hl=pt-BR&amp;c=1342</t>
  </si>
  <si>
    <t>mail.google.com/sync/u/0/i/s?hl=pt-BR&amp;c=1344</t>
  </si>
  <si>
    <t>mail.google.com/sync/u/0/i/s?hl=pt-BR&amp;c=1347</t>
  </si>
  <si>
    <t>mail.google.com/sync/u/0/i/s?hl=pt-BR&amp;c=1349</t>
  </si>
  <si>
    <t>mail.google.com/sync/u/0/i/s?hl=pt-BR&amp;c=1351</t>
  </si>
  <si>
    <t>mail.google.com/sync/u/0/i/s?hl=pt-BR&amp;c=1353</t>
  </si>
  <si>
    <t>mail.google.com/sync/u/0/i/s?hl=pt-BR&amp;c=1355</t>
  </si>
  <si>
    <t>mail.google.com/sync/u/0/i/s?hl=pt-BR&amp;c=1357</t>
  </si>
  <si>
    <t>mail.google.com/sync/u/0/i/s?hl=pt-BR&amp;c=1360</t>
  </si>
  <si>
    <t>mail.google.com/sync/u/0/i/s?hl=pt-BR&amp;c=1362</t>
  </si>
  <si>
    <t>mail.google.com/sync/u/0/i/s?hl=pt-BR&amp;c=1364</t>
  </si>
  <si>
    <t>mail.google.com/sync/u/0/i/s?hl=pt-BR&amp;c=1366</t>
  </si>
  <si>
    <t>mail.google.com/sync/u/0/i/s?hl=pt-BR&amp;c=1368</t>
  </si>
  <si>
    <t>mail.google.com/sync/u/0/i/s?hl=pt-BR&amp;c=1371</t>
  </si>
  <si>
    <t>mail.google.com/sync/u/0/i/s?hl=pt-BR&amp;c=1373</t>
  </si>
  <si>
    <t>mail.google.com/sync/u/0/i/s?hl=pt-BR&amp;c=1375</t>
  </si>
  <si>
    <t>6e494def-bb02-4221-b0d7-d3cfd390b454.tmp</t>
  </si>
  <si>
    <t>\\acsfs\profiles$\henriqueco\Downloads\6e494def-bb02-4221-b0d7-d3cfd390b454.tmp</t>
  </si>
  <si>
    <t>7df0529c-126c-467d-8a4a-94fa39f12cbf.tmp</t>
  </si>
  <si>
    <t>\\acsfs\profiles$\victorgl\Downloads\7df0529c-126c-467d-8a4a-94fa39f12cbf.tmp</t>
  </si>
  <si>
    <t>1b5e9243-d5a2-4f48-a4d2-af0db7a3e4cb.tmp</t>
  </si>
  <si>
    <t>\\acsfs\profiles$\gabrielamdp\Downloads\1b5e9243-d5a2-4f48-a4d2-af0db7a3e4cb.tmp</t>
  </si>
  <si>
    <t>e8a731eb-3765-40ad-926c-7cd5e1a89660.tmp</t>
  </si>
  <si>
    <t>\\acsfs\profiles$\gabrielamdp\Downloads\e8a731eb-3765-40ad-926c-7cd5e1a89660.tmp</t>
  </si>
  <si>
    <t>4fd9c80d-5114-4d13-9fd7-799ad9bdcfdd.tmp</t>
  </si>
  <si>
    <t>\\acsfs\profiles$\mariajaf\Downloads\4fd9c80d-5114-4d13-9fd7-799ad9bdcfdd.tmp</t>
  </si>
  <si>
    <t>4630b100-8eb0-4ee1-8990-32c455f2c30c.tmp</t>
  </si>
  <si>
    <t>\\acsfs\profiles$\matheusmax\Downloads\4630b100-8eb0-4ee1-8990-32c455f2c30c.tmp</t>
  </si>
  <si>
    <t>1c0566a6-83ad-457b-b3f1-e6a621031ca2.tmp</t>
  </si>
  <si>
    <t>\\acsfs\profiles$\brunalas\Downloads\1c0566a6-83ad-457b-b3f1-e6a621031ca2.tmp</t>
  </si>
  <si>
    <t>c83094fc-bc76-4c96-a68a-95e241cff3fa.tmp</t>
  </si>
  <si>
    <t>\\acsfs\profiles$\brunalas\Downloads\c83094fc-bc76-4c96-a68a-95e241cff3fa.tmp</t>
  </si>
  <si>
    <t>\\acsfs\profiles$\jhonatadss\My Documents\</t>
  </si>
  <si>
    <t>Jhonata.txt</t>
  </si>
  <si>
    <t>\\acsfs\profiles$\jhonatadss\My Documents\Jhonata.txt</t>
  </si>
  <si>
    <t>fbe80655-1573-4ee9-8843-40a3e5c2924a.tmp</t>
  </si>
  <si>
    <t>\\acsfs\profiles$\gabrielamdp\Downloads\fbe80655-1573-4ee9-8843-40a3e5c2924a.tmp</t>
  </si>
  <si>
    <t>Mariana 2.jpg</t>
  </si>
  <si>
    <t>mail.google.com/_/upload?authuser=0&amp;dcp=asu-n&amp;upload_id=AEnB2UrkfZtYYPaPim0-RH7HyIJHynzlYvhf05hbBWlSbvJqdyjpLxmE2xwHc8zvl4p1t23KzC4_4Ba2HN0jvC10yhEDnRrg7xwYVthFpXIyfHXZIe9Pu4U&amp;upload_protocol=resumable</t>
  </si>
  <si>
    <t>Mariana.jpg</t>
  </si>
  <si>
    <t>links links links links links links links links.txt</t>
  </si>
  <si>
    <t>\\acsfs\profiles$\alessandraan\My Documents\links links links links links links links links.txt</t>
  </si>
  <si>
    <t>MATERIAL DE APOIO.txt</t>
  </si>
  <si>
    <t>\\acsfs\profiles$\alessandraan\My Documents\MATERIAL DE APOIO.txt</t>
  </si>
  <si>
    <t>\\acsfs\profiles$\alessandraan\My Documents\$RECYCLE.BIN\</t>
  </si>
  <si>
    <t>$IJ45N8B.txt</t>
  </si>
  <si>
    <t>\\acsfs\profiles$\alessandraan\My Documents\$RECYCLE.BIN\$IJ45N8B.txt</t>
  </si>
  <si>
    <t>$IIYWCYF.txt</t>
  </si>
  <si>
    <t>\\acsfs\profiles$\alessandraan\My Documents\$RECYCLE.BIN\$IIYWCYF.txt</t>
  </si>
  <si>
    <t>$ISVDC94.txt</t>
  </si>
  <si>
    <t>\\acsfs\profiles$\alessandraan\My Documents\$RECYCLE.BIN\$ISVDC94.txt</t>
  </si>
  <si>
    <t>$I9QMEVF.txt</t>
  </si>
  <si>
    <t>\\acsfs\profiles$\alessandraan\My Documents\$RECYCLE.BIN\$I9QMEVF.txt</t>
  </si>
  <si>
    <t>$I1V9EIQ.txt</t>
  </si>
  <si>
    <t>\\acsfs\profiles$\alessandraan\My Documents\$RECYCLE.BIN\$I1V9EIQ.txt</t>
  </si>
  <si>
    <t>$IFRZGNK.txt</t>
  </si>
  <si>
    <t>\\acsfs\profiles$\alessandraan\My Documents\$RECYCLE.BIN\$IFRZGNK.txt</t>
  </si>
  <si>
    <t>$IIAZCJ8.txt</t>
  </si>
  <si>
    <t>\\acsfs\profiles$\alessandraan\My Documents\$RECYCLE.BIN\$IIAZCJ8.txt</t>
  </si>
  <si>
    <t>100035125381406,fÉrias</t>
  </si>
  <si>
    <t>f2f44e01-5628-469c-bef0-98a4a863e391.tmp</t>
  </si>
  <si>
    <t>\\acsfs\profiles$\alinepp\Downloads\f2f44e01-5628-469c-bef0-98a4a863e391.tmp</t>
  </si>
  <si>
    <t>3446cb8e-cdf8-4a39-967a-73b6338d2d1f.tmp</t>
  </si>
  <si>
    <t>\\acsfs\profiles$\gabriellalpr\Downloads\3446cb8e-cdf8-4a39-967a-73b6338d2d1f.tmp</t>
  </si>
  <si>
    <t>7f4eb816-3e97-4314-950b-5d2beee0ec21.tmp</t>
  </si>
  <si>
    <t>\\acsfs\profiles$\andrezacapf\Downloads\7f4eb816-3e97-4314-950b-5d2beee0ec21.tmp</t>
  </si>
  <si>
    <t>$IPSUIP0.txt</t>
  </si>
  <si>
    <t>\\acsfs\profiles$\alessandraan\My Documents\$RECYCLE.BIN\$IPSUIP0.txt</t>
  </si>
  <si>
    <t>$IM1VUP9.txt</t>
  </si>
  <si>
    <t>\\acsfs\profiles$\alessandraan\My Documents\$RECYCLE.BIN\$IM1VUP9.txt</t>
  </si>
  <si>
    <t>algartechcpcbv@algartech.com;andrelpsa@algartech.com;fabriciadc@algartech.com.br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fabriciadc@algartech.com.br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\\acsfs\profiles$\ciceraads\My Documents\xworkcenter\logs\</t>
  </si>
  <si>
    <t>XLOG_ciceraads_02012020_182444.log</t>
  </si>
  <si>
    <t>\\acsfs\profiles$\ciceraads\My Documents\xworkcenter\logs\XLOG_ciceraads_02012020_182444.log</t>
  </si>
  <si>
    <t>046a1798-f642-4470-8d17-d32474d663e0.tmp</t>
  </si>
  <si>
    <t>\\acsfs\profiles$\andreapdsg\Downloads\046a1798-f642-4470-8d17-d32474d663e0.tmp</t>
  </si>
  <si>
    <t>63dc3a4a-9328-4279-9aa2-b4f017df9f4a.tmp</t>
  </si>
  <si>
    <t>\\acsfs\profiles$\fabianafv\Downloads\63dc3a4a-9328-4279-9aa2-b4f017df9f4a.tmp</t>
  </si>
  <si>
    <t>d899f3f2-4fbe-49dc-a64a-81108bb5d047.tmp</t>
  </si>
  <si>
    <t>\\acsfs\profiles$\fabianafv\Downloads\d899f3f2-4fbe-49dc-a64a-81108bb5d047.tmp</t>
  </si>
  <si>
    <t>78-2B-CB-C1-06-92</t>
  </si>
  <si>
    <t>VOTORANT-YB006</t>
  </si>
  <si>
    <t>GABRIELE OLIVEIRA DE SOUSA (541).contact</t>
  </si>
  <si>
    <t>\\acsfs\profiles$\gabrieleods\Contacts\GABRIELE OLIVEIRA DE SOUSA (541).contact</t>
  </si>
  <si>
    <t>ab27d0c0-3077-419a-854b-364fc114b6d3.tmp</t>
  </si>
  <si>
    <t>\\acsfs\profiles$\andrezacapf\Downloads\ab27d0c0-3077-419a-854b-364fc114b6d3.tmp</t>
  </si>
  <si>
    <t>aca1346a-1a2c-45a6-83fe-a036f3312dae.tmp</t>
  </si>
  <si>
    <t>\\acsfs\profiles$\andrezacapf\Downloads\aca1346a-1a2c-45a6-83fe-a036f3312dae.tmp</t>
  </si>
  <si>
    <t>f2c16d4e-4b4f-4f7f-bf4b-29c676973893.tmp</t>
  </si>
  <si>
    <t>\\acsfs\profiles$\andrezacapf\Downloads\f2c16d4e-4b4f-4f7f-bf4b-29c676973893.tmp</t>
  </si>
  <si>
    <t>7ad39ba4-c009-481d-bdd5-efa81d76ff08.tmp</t>
  </si>
  <si>
    <t>\\acsfs\profiles$\andrezacapf\Downloads\7ad39ba4-c009-481d-bdd5-efa81d76ff08.tmp</t>
  </si>
  <si>
    <t>ac1dfa38-cc48-4518-bf0b-525cd54f9742.tmp</t>
  </si>
  <si>
    <t>\\acsfs\profiles$\andrezacapf\Downloads\ac1dfa38-cc48-4518-bf0b-525cd54f9742.tmp</t>
  </si>
  <si>
    <t>eaec9085-b57f-4187-83d7-8c9948238dbb.tmp</t>
  </si>
  <si>
    <t>\\acsfs\profiles$\andrezacapf\Downloads\eaec9085-b57f-4187-83d7-8c9948238dbb.tmp</t>
  </si>
  <si>
    <t>https://algartechcpcbv@algartech.com,andrelpsa@algartech.com,fabriciadc@algartech.com.br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87852f88-73c4-418a-92f1-a6993f5c61e2.tmp</t>
  </si>
  <si>
    <t>\\acsfs\profiles$\gabrielamdp\Downloads\87852f88-73c4-418a-92f1-a6993f5c61e2.tmp</t>
  </si>
  <si>
    <t>6733f983-e39b-49ed-a214-5fd4bb36d73a.tmp</t>
  </si>
  <si>
    <t>\\acsfs\profiles$\henriqueco\Downloads\6733f983-e39b-49ed-a214-5fd4bb36d73a.tmp</t>
  </si>
  <si>
    <t>c7ad6180-9eac-4e6f-b8c2-31729a3bb30c.tmp</t>
  </si>
  <si>
    <t>\\acsfs\profiles$\andrezacapf\Downloads\c7ad6180-9eac-4e6f-b8c2-31729a3bb30c.tmp</t>
  </si>
  <si>
    <t>6d568d88-1e02-4fa4-a828-7d573ad45d14.tmp</t>
  </si>
  <si>
    <t>\\acsfs\profiles$\gabrieleods\Downloads\6d568d88-1e02-4fa4-a828-7d573ad45d14.tmp</t>
  </si>
  <si>
    <t>5db1ffe0-f00c-44b0-b116-198109534fc2.tmp</t>
  </si>
  <si>
    <t>\\acsfs\profiles$\victorgl\Downloads\5db1ffe0-f00c-44b0-b116-198109534fc2.tmp</t>
  </si>
  <si>
    <t>5fe97b2a-4192-42fb-9db0-9304c9dd15dc.tmp</t>
  </si>
  <si>
    <t>\\acsfs\profiles$\leonardocb\Downloads\5fe97b2a-4192-42fb-9db0-9304c9dd15dc.tmp</t>
  </si>
  <si>
    <t>800d7d16-d3f9-4945-a3ce-e70326e64511.tmp</t>
  </si>
  <si>
    <t>\\acsfs\profiles$\leonardocb\Downloads\800d7d16-d3f9-4945-a3ce-e70326e64511.tmp</t>
  </si>
  <si>
    <t>76bd831e-f1cd-4690-abe2-1e59b2a8f797.tmp</t>
  </si>
  <si>
    <t>\\acsfs\profiles$\leonardocb\Downloads\76bd831e-f1cd-4690-abe2-1e59b2a8f797.tmp</t>
  </si>
  <si>
    <t>andrelpsa@algartech.com;joaopsan@algartech.com;leonardoao@algartech.com;maristelavodq@bv.algartech.com;supervisaobancovotorantim@algartech.com;thiagolrc@bv.algartech.com;</t>
  </si>
  <si>
    <t>andrelpsa@algartech.com,joaopsan@algartech.com,leonardoao@algartech.com,maristelavodq@bv.algartech.com,supervisaobancovotorantim@algartech.com,thiagolrc@bv.algartech.com</t>
  </si>
  <si>
    <t>100035125381406;fabriciadc@algartech.com.br;joaogvc@algartech.com;josiascdsj@algartech.com;marianadjc@algartech.com;rafaelggs@algartech.com;taysdss@algartech.com;viniciussg@algartech.com;</t>
  </si>
  <si>
    <t>100035125381406,fabriciadc@algartech.com.br,joaogvc@algartech.com,josiascdsj@algartech.com,marianadjc@algartech.com,rafaelggs@algartech.com,taysdss@algartech.com,viniciussg@algartech.com</t>
  </si>
  <si>
    <t>b8912fda-1ecc-4969-95a2-428f632f866b.tmp</t>
  </si>
  <si>
    <t>\\acsfs\profiles$\alinepp\Downloads\b8912fda-1ecc-4969-95a2-428f632f866b.tmp</t>
  </si>
  <si>
    <t>mail.google.com/sync/u/0/i/s?hl=pt-BR&amp;c=266</t>
  </si>
  <si>
    <t>mail.google.com/sync/u/0/i/s?hl=pt-BR&amp;c=273</t>
  </si>
  <si>
    <t>12c6f566-f2c1-4910-a4ab-879634595bd6.tmp</t>
  </si>
  <si>
    <t>\\acsfs\profiles$\leonardocb\Downloads\12c6f566-f2c1-4910-a4ab-879634595bd6.tmp</t>
  </si>
  <si>
    <t>ulog_AcroARM2_Reader_3b8210f9-3618-47e4-b9cc-5aaaba62831a_f44ad36c-0bd2-4a93-bb23-779399baf863_0.log</t>
  </si>
  <si>
    <t>C:\Users\flaviacno\AppData\Roaming\Adobe\LogTransport2\Logs\ulog_AcroARM2_Reader_3b8210f9-3618-47e4-b9cc-5aaaba62831a_f44ad36c-0bd2-4a93-bb23-779399baf863_0.log\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</t>
  </si>
  <si>
    <t>Guia Prático da Supervisão - Oficial.doc</t>
  </si>
  <si>
    <t>mail.google.com/sync/u/0/i/s?hl=pt-BR&amp;c=306</t>
  </si>
  <si>
    <t>image2020-01-02-183718.pdf</t>
  </si>
  <si>
    <t>HORA EXTRA - 03-01.xlsx</t>
  </si>
  <si>
    <t>8ca761a5-dfc3-4c1a-9368-b2028aeb5e25.tmp</t>
  </si>
  <si>
    <t>\\acsfs\profiles$\laurandos\Downloads\8ca761a5-dfc3-4c1a-9368-b2028aeb5e25.tmp</t>
  </si>
  <si>
    <t>MARCOS VINICIUS NARCIZO DA SILVA (14966).contact</t>
  </si>
  <si>
    <t>\\acsfs\profiles$\marcosvnds\Contacts\MARCOS VINICIUS NARCIZO DA SILVA (14966).contact</t>
  </si>
  <si>
    <t>abb66099-4d7e-4daf-af3d-4411841e7b3e.tmp</t>
  </si>
  <si>
    <t>\\acsfs\profiles$\gabrielamdp\Downloads\abb66099-4d7e-4daf-af3d-4411841e7b3e.tmp</t>
  </si>
  <si>
    <t>XLOG_marcosvnds_02012020_143152.log</t>
  </si>
  <si>
    <t>\\acsfs\profiles$\marcosvnds\My Documents\xworkcenter\logs\XLOG_marcosvnds_02012020_143152.log</t>
  </si>
  <si>
    <t>87173e3b-dda1-44e1-8b8a-fbe10b719aea.tmp</t>
  </si>
  <si>
    <t>\\acsfs\profiles$\cintiadjl\Downloads\87173e3b-dda1-44e1-8b8a-fbe10b719aea.tmp</t>
  </si>
  <si>
    <t>d7d9068d-f9b6-40f4-bea0-43f18781bf2a.tmp</t>
  </si>
  <si>
    <t>\\acsfs\profiles$\cintiadjl\Downloads\d7d9068d-f9b6-40f4-bea0-43f18781bf2a.tmp</t>
  </si>
  <si>
    <t>645f76a6-8e55-498e-a48b-e336109dede3.tmp</t>
  </si>
  <si>
    <t>\\acsfs\profiles$\brendadsl\Downloads\645f76a6-8e55-498e-a48b-e336109dede3.tmp</t>
  </si>
  <si>
    <t>6b6503ff-c3b8-4cde-b525-81efb3311717.tmp</t>
  </si>
  <si>
    <t>\\acsfs\profiles$\marcosvnds\Downloads\6b6503ff-c3b8-4cde-b525-81efb3311717.tmp</t>
  </si>
  <si>
    <t>559ad48e-af4b-487e-ac64-1ce52aee6ce8.tmp</t>
  </si>
  <si>
    <t>\\acsfs\profiles$\marcosvnds\Downloads\559ad48e-af4b-487e-ac64-1ce52aee6ce8.tmp</t>
  </si>
  <si>
    <t>0c742a6c-b364-43e1-b4db-32cf9ff9988b.tmp</t>
  </si>
  <si>
    <t>\\acsfs\profiles$\marcosvnds\Downloads\0c742a6c-b364-43e1-b4db-32cf9ff9988b.tmp</t>
  </si>
  <si>
    <t>https://udpmailboxap01.acs.com.br:8443/h/search?si=0&amp;so=0&amp;sc=60134&amp;sfi=2&amp;st=conversation&amp;action=compose&amp;paction=rowview</t>
  </si>
  <si>
    <t>flaviacno@algartech.com;gabrielbmdl@bv.algartech.com;</t>
  </si>
  <si>
    <t>https://flaviacno@algartech.com,gabrielbmdl@bv.algartech.com</t>
  </si>
  <si>
    <t>larisacc</t>
  </si>
  <si>
    <t>\\acsfs\DEPTOS\EDUCACAO EMPRESARIAL\</t>
  </si>
  <si>
    <t>\\acsfs\DEPTOS\EDUCACAO EMPRESARIAL\Thumbs.db</t>
  </si>
  <si>
    <t>4eb8e966-8546-4e19-b0ee-76fd0f5038df.tmp</t>
  </si>
  <si>
    <t>\\acsfs\profiles$\joycemmdl\Downloads\4eb8e966-8546-4e19-b0ee-76fd0f5038df.tmp</t>
  </si>
  <si>
    <t>lu2557633n8ow.tmp</t>
  </si>
  <si>
    <t>\\acsfs\profiles$\jalilebds\Downloads\lu2557633n8ow.tmp</t>
  </si>
  <si>
    <t>larisacc@algartech.com</t>
  </si>
  <si>
    <t>larisacc@algartecnologia.com.br;lauanedjs@algartech.com;</t>
  </si>
  <si>
    <t>larisacc@algartecnologia.com.br,lauanedjs@algartech.com</t>
  </si>
  <si>
    <t>lu2557633n8oz.tmp</t>
  </si>
  <si>
    <t>\\acsfs\profiles$\jalilebds\Downloads\lu2557633n8oz.tmp</t>
  </si>
  <si>
    <t>\\acsfs\DEPTOS\EDUCACAO EMPRESARIAL\2 - Operações\0.01 BV CARTÕES\Larisa\Formação BV\</t>
  </si>
  <si>
    <t>\\acsfs\DEPTOS\EDUCACAO EMPRESARIAL\2 - Operações\0.01 BV CARTÕES\Larisa\Formação BV\Thumbs.db</t>
  </si>
  <si>
    <t>\\acsfs\QLD\Gestão por Processos\Oficiais\Indicadores\VBA\GTO 2.0\DataBase\</t>
  </si>
  <si>
    <t>data_base.ldb</t>
  </si>
  <si>
    <t>\\acsfs\QLD\Gestão por Processos\Oficiais\Indicadores\VBA\GTO 2.0\DataBase\data_base.ldb</t>
  </si>
  <si>
    <t>data_base.mdb</t>
  </si>
  <si>
    <t>\\acsfs\QLD\Gestão por Processos\Oficiais\Indicadores\VBA\GTO 2.0\DataBase\data_base.mdb</t>
  </si>
  <si>
    <t>\\acsfs\qld\Gestão por Processos\Oficiais\Indicadores\VBA\GTO 2.0\Anexos_Gto\Plano_Aula\78548\</t>
  </si>
  <si>
    <t>7010_PLANO DE AULA BV CARTÕES.xls</t>
  </si>
  <si>
    <t>\\acsfs\qld\Gestão por Processos\Oficiais\Indicadores\VBA\GTO 2.0\Anexos_Gto\Plano_Aula\78548\7010_PLANO DE AULA BV CARTÕES.xls</t>
  </si>
  <si>
    <t>XLOG_marcosvnds_02012020_191939.log</t>
  </si>
  <si>
    <t>\\acsfs\profiles$\marcosvnds\My Documents\xworkcenter\logs\XLOG_marcosvnds_02012020_191939.log</t>
  </si>
  <si>
    <t>7c3b2962-fe29-4735-be67-10365645f842.tmp</t>
  </si>
  <si>
    <t>\\acsfs\profiles$\brunalas\Downloads\7c3b2962-fe29-4735-be67-10365645f842.tmp</t>
  </si>
  <si>
    <t>Deslig.Lisandra.pdf</t>
  </si>
  <si>
    <t>CDI_MANUAL_ Lis.xlsx</t>
  </si>
  <si>
    <t>mirianppb@algartech.com;</t>
  </si>
  <si>
    <t>mirianppb@algartech.com</t>
  </si>
  <si>
    <t>ericsonns@algartech.com;mirianppb@algartech.com;</t>
  </si>
  <si>
    <t>ericsonns@algartech.com,mirianppb@algartech.com</t>
  </si>
  <si>
    <t>Check List.xls</t>
  </si>
  <si>
    <t>\\acsfs\DEPTOS\EDUCACAO EMPRESARIAL\2 - Operações\0.01 BV CARTÕES\Larisa\Formação BV\Check List.xls</t>
  </si>
  <si>
    <t>84f300f3-3f12-4ae2-95e3-da144ed67690.tmp</t>
  </si>
  <si>
    <t>\\acsfs\profiles$\marcosvnds\Downloads\84f300f3-3f12-4ae2-95e3-da144ed67690.tmp</t>
  </si>
  <si>
    <t>8a10d08d-b19d-407e-9930-1980a74ed626.tmp</t>
  </si>
  <si>
    <t>\\acsfs\profiles$\rosileiam\Downloads\8a10d08d-b19d-407e-9930-1980a74ed626.tmp</t>
  </si>
  <si>
    <t>e94704b9-b4f7-4f51-9052-fad9a4f5c899.tmp</t>
  </si>
  <si>
    <t>\\acsfs\profiles$\erichds\Downloads\e94704b9-b4f7-4f51-9052-fad9a4f5c899.tmp</t>
  </si>
  <si>
    <t>f0a93fae-8178-4788-b53a-f934d2f1ee95.tmp</t>
  </si>
  <si>
    <t>\\acsfs\profiles$\marcosvnds\Downloads\f0a93fae-8178-4788-b53a-f934d2f1ee95.tmp</t>
  </si>
  <si>
    <t>db94eb4b-cd31-4da4-b6fc-65735db23b0a.tmp</t>
  </si>
  <si>
    <t>\\acsfs\profiles$\leonardocb\Downloads\db94eb4b-cd31-4da4-b6fc-65735db23b0a.tmp</t>
  </si>
  <si>
    <t>a6c8c912-4eaa-4180-99bf-aad5f4e6893b.tmp</t>
  </si>
  <si>
    <t>\\acsfs\profiles$\marcosvnds\Downloads\a6c8c912-4eaa-4180-99bf-aad5f4e6893b.tmp</t>
  </si>
  <si>
    <t>05b794f1-609c-48e0-94ba-d4c52aa83c1a.tmp</t>
  </si>
  <si>
    <t>\\acsfs\profiles$\alinepp\Downloads\05b794f1-609c-48e0-94ba-d4c52aa83c1a.tmp</t>
  </si>
  <si>
    <t>10.200.58.53</t>
  </si>
  <si>
    <t>74-86-7A-FB-16-E9</t>
  </si>
  <si>
    <t>VOTORANT-ABB023</t>
  </si>
  <si>
    <t>GABRIELE OLIVEIRA DE SOUSA (27295).contact</t>
  </si>
  <si>
    <t>\\acsfs\profiles$\gabrieleods\Contacts\GABRIELE OLIVEIRA DE SOUSA (27295).contact</t>
  </si>
  <si>
    <t>8041fbfb-90e8-4431-8479-9cee7092d605.tmp</t>
  </si>
  <si>
    <t>\\acsfs\profiles$\rosileiam\Downloads\8041fbfb-90e8-4431-8479-9cee7092d605.tmp</t>
  </si>
  <si>
    <t>3e5ac319-46dc-457c-8c9a-a095f61f604a.tmp</t>
  </si>
  <si>
    <t>\\acsfs\profiles$\marcosvnds\Downloads\3e5ac319-46dc-457c-8c9a-a095f61f604a.tmp</t>
  </si>
  <si>
    <t>https://100035125381406,fabriciadc@algartech.com.br,joaogvc@algartech.com,josiascdsj@algartech.com,marianadjc@algartech.com,rafaelggs@algartech.com,taysdss@algartech.com,viniciussg@algartech.com</t>
  </si>
  <si>
    <t>c056bcde-6545-42a7-a660-ff295d60462a.tmp</t>
  </si>
  <si>
    <t>\\acsfs\profiles$\gabrieleods\Downloads\c056bcde-6545-42a7-a660-ff295d60462a.tmp</t>
  </si>
  <si>
    <t>f370e7f3-7953-4e3b-bf9f-971fb3bb0a8d.tmp</t>
  </si>
  <si>
    <t>\\acsfs\profiles$\gabrieleods\Downloads\f370e7f3-7953-4e3b-bf9f-971fb3bb0a8d.tmp</t>
  </si>
  <si>
    <t>fabriciadc@algartech.com.br;joaogvc@algartech.com;josiascdsj@algartech.com;leonardoao@algartech.com;marianadjc@algartech.com;rafaelggs@algartech.com;taysdss@algartech.com;thiagordu@algartech.com;viniciussg@algartech.com;</t>
  </si>
  <si>
    <t>fabriciadc@algartech.com.br,joaogvc@algartech.com,josiascdsj@algartech.com,leonardoao@algartech.com,marianadjc@algartech.com,rafaelggs@algartech.com,taysdss@algartech.com,thiagordu@algartech.com,viniciussg@algartech.com</t>
  </si>
  <si>
    <t>100035125381406;joaogvc@algartech.com;leonardoao@algartech.com;marianadjc@algartech.com;rafaelggs@algartech.com;taysdss@algartech.com;thiagordu@algartech.com;viniciussg@algartech.com;</t>
  </si>
  <si>
    <t>100035125381406,joaogvc@algartech.com,leonardoao@algartech.com,marianadjc@algartech.com,rafaelggs@algartech.com,taysdss@algartech.com,thiagordu@algartech.com,viniciussg@algartech.com</t>
  </si>
  <si>
    <t>.~lock.CONTAS.ods#</t>
  </si>
  <si>
    <t>\\acsfs\profiles$\regisedsj\My Documents\.~lock.CONTAS.ods#</t>
  </si>
  <si>
    <t>lu1076058amm.tmp</t>
  </si>
  <si>
    <t>\\acsfs\profiles$\regisedsj\My Documents\lu1076058amm.tmp</t>
  </si>
  <si>
    <t>\\acsfs\profiles$\regisedsj\My Documents\lu1076058amm.tmp\</t>
  </si>
  <si>
    <t>\\acsfs\profiles$\regisedsj\My Documents\lu1076058amm.tmp\META-INF\</t>
  </si>
  <si>
    <t>\\acsfs\profiles$\regisedsj\My Documents\lu1076058amm.tmp\Thumbnails\</t>
  </si>
  <si>
    <t>9942529d-513c-467b-9c40-860016cc320f.tmp</t>
  </si>
  <si>
    <t>\\acsfs\profiles$\leonardocb\Downloads\9942529d-513c-467b-9c40-860016cc320f.tmp</t>
  </si>
  <si>
    <t>XLOG_anakcs_02012020_124035.log</t>
  </si>
  <si>
    <t>\\acsfs\profiles$\anakcs\My Documents\xworkcenter\logs\XLOG_anakcs_02012020_124035.log</t>
  </si>
  <si>
    <t>93bb2af6-e5e7-4a82-9497-b8aa1a5f5f17.tmp</t>
  </si>
  <si>
    <t>\\acsfs\profiles$\fabianafv\Downloads\93bb2af6-e5e7-4a82-9497-b8aa1a5f5f17.tmp</t>
  </si>
  <si>
    <t>75cf31e1-da9f-44cd-9bc9-537cf9e65b46.tmp</t>
  </si>
  <si>
    <t>\\acsfs\profiles$\fabianafv\Downloads\75cf31e1-da9f-44cd-9bc9-537cf9e65b46.tmp</t>
  </si>
  <si>
    <t>2a2a372e-55da-447f-9c59-aeec875f1c84.tmp</t>
  </si>
  <si>
    <t>\\acsfs\profiles$\erichds\Downloads\2a2a372e-55da-447f-9c59-aeec875f1c84.tmp</t>
  </si>
  <si>
    <t>dcef0a30-e8d9-46e0-b8b2-9713ab6e89ce.tmp</t>
  </si>
  <si>
    <t>\\acsfs\profiles$\rosileiam\Downloads\dcef0a30-e8d9-46e0-b8b2-9713ab6e89ce.tmp</t>
  </si>
  <si>
    <t>f73b7274-0c40-48a2-b483-4e79634bc35e.tmp</t>
  </si>
  <si>
    <t>\\acsfs\profiles$\edicarlosdl\Downloads\f73b7274-0c40-48a2-b483-4e79634bc35e.tmp</t>
  </si>
  <si>
    <t>48eee896-e547-4155-bb9e-a57bbf8d911b.tmp</t>
  </si>
  <si>
    <t>\\acsfs\profiles$\erichds\Downloads\48eee896-e547-4155-bb9e-a57bbf8d911b.tmp</t>
  </si>
  <si>
    <t>caf96776-a0ef-43d7-b67c-5379064b9395.tmp</t>
  </si>
  <si>
    <t>\\acsfs\profiles$\leonardocb\Downloads\caf96776-a0ef-43d7-b67c-5379064b9395.tmp</t>
  </si>
  <si>
    <t>c8a23b79-f2dd-442d-b90e-065f9ddefb1b.tmp</t>
  </si>
  <si>
    <t>\\acsfs\profiles$\gabrielamdp\Downloads\c8a23b79-f2dd-442d-b90e-065f9ddefb1b.tmp</t>
  </si>
  <si>
    <t>1dc454ce-7813-47d0-b533-124269eb0d62.tmp</t>
  </si>
  <si>
    <t>\\acsfs\profiles$\edicarlosdl\Downloads\1dc454ce-7813-47d0-b533-124269eb0d62.tmp</t>
  </si>
  <si>
    <t>https://173e2545.akstat.io/</t>
  </si>
  <si>
    <t>$IJPEVS1.xlsx</t>
  </si>
  <si>
    <t>\\acsfs\profiles$\jalilebds\Downloads\$RECYCLE.BIN\$IJPEVS1.xlsx</t>
  </si>
  <si>
    <t>$INKKXLX.xlsx</t>
  </si>
  <si>
    <t>\\acsfs\profiles$\jalilebds\Downloads\$RECYCLE.BIN\$INKKXLX.xlsx</t>
  </si>
  <si>
    <t>100035125381406;algartechcpcbv@algartech.com;andrelpsa@algartech.com;fabriciadc@algartech.com.br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35125381406,algartechcpcbv@algartech.com,andrelpsa@algartech.com,fabriciadc@algartech.com.br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35125381406;algartechcpcbv@algartech.com;andrelpsa@algartech.com;fabriciadc@algartech.com.br;joaogvc@algartech.com;josiascdsj@algartech.com;leonardoao@algartech.com;marianadjc@algartech.com;maristelavodq@bv.algartech.com;qualidadealgarbv@algartech.com;rafaelggs@algartech.com;supervisaobancovotorantim@algartech.com;taysdss@algartech.com;thiagolrc@bv.algartech.com;viniciussg@algartech.com;</t>
  </si>
  <si>
    <t>100035125381406,algartechcpcbv@algartech.com,andrelpsa@algartech.com,fabriciadc@algartech.com.br,joaogvc@algartech.com,josiascdsj@algartech.com,leonardoao@algartech.com,marianadjc@algartech.com,maristelavodq@bv.algartech.com,qualidadealgarbv@algartech.com,rafaelggs@algartech.com,supervisaobancovotorantim@algartech.com,taysdss@algartech.com,thiagolrc@bv.algartech.com,viniciussg@algartech.com</t>
  </si>
  <si>
    <t>aec949bf-93c9-4495-b5b5-956515777077.tmp</t>
  </si>
  <si>
    <t>\\acsfs\profiles$\victorgl\Downloads\aec949bf-93c9-4495-b5b5-956515777077.tmp</t>
  </si>
  <si>
    <t>100035125381406;algartechcpcbv@algartech.com;andrelpsa@algartech.com;fabriciadc@algartech.com.br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35125381406,algartechcpcbv@algartech.com,andrelpsa@algartech.com,fabriciadc@algartech.com.br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35125381406;fabriciadc@algartech.com.br;fÉrias;joaogvc@algartech.com;josiascdsj@algartech.com;marianadjc@algartech.com;rafaelggs@algartech.com;taysdss@algartech.com;viniciussg@algartech.com;</t>
  </si>
  <si>
    <t>100035125381406,fabriciadc@algartech.com.br,fÉrias,joaogvc@algartech.com,josiascdsj@algartech.com,marianadjc@algartech.com,rafaelggs@algartech.com,taysdss@algartech.com,viniciussg@algartech.com</t>
  </si>
  <si>
    <t>0dbd5bb9-5423-4811-8f55-ace335ac7613.tmp</t>
  </si>
  <si>
    <t>\\acsfs\profiles$\taylaedoa\Downloads\0dbd5bb9-5423-4811-8f55-ace335ac7613.tmp</t>
  </si>
  <si>
    <t>3d67251d-4055-4cde-bbbd-a3361a9b3605.tmp</t>
  </si>
  <si>
    <t>\\acsfs\profiles$\brendadsl\Downloads\3d67251d-4055-4cde-bbbd-a3361a9b3605.tmp</t>
  </si>
  <si>
    <t>mail.google.com/sync/u/0/i/s?hl=pt-BR&amp;c=295</t>
  </si>
  <si>
    <t>https://100035125381406,fabriciadc@algartech.com.br,fÉrias,joaogvc@algartech.com,josiascdsj@algartech.com,marianadjc@algartech.com,rafaelggs@algartech.com,taysdss@algartech.com,viniciussg@algartech.com</t>
  </si>
  <si>
    <t>39efb672-4bcf-4196-9d32-17bc64644a94.tmp</t>
  </si>
  <si>
    <t>\\acsfs\profiles$\gabrielamdp\Downloads\39efb672-4bcf-4196-9d32-17bc64644a94.tmp</t>
  </si>
  <si>
    <t>1c0d3cf2-b2d4-44b2-bf22-4719c91bc9cf.tmp</t>
  </si>
  <si>
    <t>\\acsfs\profiles$\taylaedoa\Downloads\1c0d3cf2-b2d4-44b2-bf22-4719c91bc9cf.tmp</t>
  </si>
  <si>
    <t>Valores mes de Janeiro.txt</t>
  </si>
  <si>
    <t>\\acsfs\profiles$\leandromsa\My Documents\Leandro\Valores mes de Janeiro.txt</t>
  </si>
  <si>
    <t>b5938c04-c871-477c-af03-5bbd0dd3775f.tmp</t>
  </si>
  <si>
    <t>\\acsfs\profiles$\nathaliaos\Downloads\b5938c04-c871-477c-af03-5bbd0dd3775f.tmp</t>
  </si>
  <si>
    <t>b2aa9331-ea98-4656-acb2-5b7f6d13b153.tmp</t>
  </si>
  <si>
    <t>\\acsfs\profiles$\leonardocb\Downloads\b2aa9331-ea98-4656-acb2-5b7f6d13b153.tmp</t>
  </si>
  <si>
    <t>bab5dfe0-b9e1-490f-a735-8a8dd2b9aa54.tmp</t>
  </si>
  <si>
    <t>\\acsfs\profiles$\leonardocb\Downloads\bab5dfe0-b9e1-490f-a735-8a8dd2b9aa54.tmp</t>
  </si>
  <si>
    <t>robertm</t>
  </si>
  <si>
    <t>\\acsfs\profiles$\ROBERTM\Downloads\</t>
  </si>
  <si>
    <t>c11ac418-e251-4b8e-be60-b9a186191419.tmp</t>
  </si>
  <si>
    <t>\\acsfs\profiles$\ROBERTM\Downloads\c11ac418-e251-4b8e-be60-b9a186191419.tmp</t>
  </si>
  <si>
    <t>7cbae828-2077-43d8-b300-353818505371.tmp</t>
  </si>
  <si>
    <t>\\acsfs\profiles$\ROBERTM\Downloads\7cbae828-2077-43d8-b300-353818505371.tmp</t>
  </si>
  <si>
    <t>56ab1bac-ca75-40db-ba40-057823e657c8.tmp</t>
  </si>
  <si>
    <t>\\acsfs\profiles$\marlyannegdls\Downloads\56ab1bac-ca75-40db-ba40-057823e657c8.tmp</t>
  </si>
  <si>
    <t>Holerite_112019_2138871.pdf.uquwu49.partial</t>
  </si>
  <si>
    <t>\\acsfs\profiles$\janaynatro\Downloads\Holerite_112019_2138871.pdf.uquwu49.partial</t>
  </si>
  <si>
    <t>b1ddf020-de28-4ad7-a9a8-4d01ee50286c.tmp</t>
  </si>
  <si>
    <t>\\acsfs\profiles$\ROBERTM\Downloads\b1ddf020-de28-4ad7-a9a8-4d01ee50286c.tmp</t>
  </si>
  <si>
    <t>af063b70-f13e-4d3e-bdd8-41ba03c5469b.tmp</t>
  </si>
  <si>
    <t>\\acsfs\profiles$\marlyannegdls\Downloads\af063b70-f13e-4d3e-bdd8-41ba03c5469b.tmp</t>
  </si>
  <si>
    <t>43524379-b3f9-4005-99c0-9818970301a6.tmp</t>
  </si>
  <si>
    <t>\\acsfs\profiles$\rogeriofd\Downloads\43524379-b3f9-4005-99c0-9818970301a6.tmp</t>
  </si>
  <si>
    <t>9341a7e0-1365-4bc7-ae92-0a79303cdd52.tmp</t>
  </si>
  <si>
    <t>\\acsfs\profiles$\rogeriofd\Downloads\9341a7e0-1365-4bc7-ae92-0a79303cdd52.tmp</t>
  </si>
  <si>
    <t>10.200.67.31</t>
  </si>
  <si>
    <t>74-86-7A-FD-D5-4B</t>
  </si>
  <si>
    <t>VOTORANT-VB019</t>
  </si>
  <si>
    <t>vendas janeiro 2020.txt</t>
  </si>
  <si>
    <t>\\acsfs\profiles$\joycemmdl\My Documents\vendas janeiro 2020.txt</t>
  </si>
  <si>
    <t>a374a4fd-0632-4772-a048-150534a0bdb4.tmp</t>
  </si>
  <si>
    <t>\\acsfs\profiles$\marlyannegdls\Downloads\a374a4fd-0632-4772-a048-150534a0bdb4.tmp</t>
  </si>
  <si>
    <t>3b3d1415-4999-41c7-8b94-a1110e78fe45.tmp</t>
  </si>
  <si>
    <t>\\acsfs\profiles$\marlyannegdls\Downloads\3b3d1415-4999-41c7-8b94-a1110e78fe45.tmp</t>
  </si>
  <si>
    <t>332a4ed7-b771-4404-9d2f-f8b68eefaa29.tmp</t>
  </si>
  <si>
    <t>\\acsfs\profiles$\marlyannegdls\Downloads\332a4ed7-b771-4404-9d2f-f8b68eefaa29.tmp</t>
  </si>
  <si>
    <t>eb729762-1929-4b95-9f91-8da2d5f5b255.tmp</t>
  </si>
  <si>
    <t>\\acsfs\profiles$\marlyannegdls\Downloads\eb729762-1929-4b95-9f91-8da2d5f5b255.tmp</t>
  </si>
  <si>
    <t>9ba81eaf-ff7e-4d24-b389-812888927727.tmp</t>
  </si>
  <si>
    <t>\\acsfs\profiles$\rogeriofd\Downloads\9ba81eaf-ff7e-4d24-b389-812888927727.tmp</t>
  </si>
  <si>
    <t>551becde-a27f-4221-8f1e-b8f99045ede4.tmp</t>
  </si>
  <si>
    <t>\\acsfs\profiles$\rogeriofd\Downloads\551becde-a27f-4221-8f1e-b8f99045ede4.tmp</t>
  </si>
  <si>
    <t>811b2bed-f502-4e31-a328-5e491432e924.tmp</t>
  </si>
  <si>
    <t>\\acsfs\profiles$\ROZENCAM\Downloads\811b2bed-f502-4e31-a328-5e491432e924.tmp</t>
  </si>
  <si>
    <t>d4db36f5-3dfd-492e-b084-30a778447f9c.tmp</t>
  </si>
  <si>
    <t>\\acsfs\profiles$\ROZENCAM\Downloads\d4db36f5-3dfd-492e-b084-30a778447f9c.tmp</t>
  </si>
  <si>
    <t>4bb2f557-8125-470c-b664-d47f7a83f58a.tmp</t>
  </si>
  <si>
    <t>\\acsfs\profiles$\andressagr\Downloads\4bb2f557-8125-470c-b664-d47f7a83f58a.tmp</t>
  </si>
  <si>
    <t>2c822b0d-9634-4da4-9038-2bdb5603f3a9.tmp</t>
  </si>
  <si>
    <t>\\acsfs\profiles$\andressagr\Downloads\2c822b0d-9634-4da4-9038-2bdb5603f3a9.tmp</t>
  </si>
  <si>
    <t>bdc3f993-1fe7-4451-afe6-c4feebde3e8b.tmp</t>
  </si>
  <si>
    <t>\\acsfs\profiles$\andressagr\Downloads\bdc3f993-1fe7-4451-afe6-c4feebde3e8b.tmp</t>
  </si>
  <si>
    <t>\\acsfs\DEPTOS\Operacao\PCP\5 - Comum\PLANEJAMENTO BV\14 - ACOMPANHAMENTO\1 - REPORT ACOMPANHAMENTO\2020\1 - JANEIRO\CARTÕES\~$Range.xlsx</t>
  </si>
  <si>
    <t>bf4e93f4-8a66-490b-8451-97cbfedf26b9.tmp</t>
  </si>
  <si>
    <t>\\acsfs\profiles$\andressagr\Downloads\bf4e93f4-8a66-490b-8451-97cbfedf26b9.tmp</t>
  </si>
  <si>
    <t>a8e43ba8-554f-49a5-b6d6-1e8c24cf92a7.tmp</t>
  </si>
  <si>
    <t>\\acsfs\profiles$\rafaelamsv\Downloads\a8e43ba8-554f-49a5-b6d6-1e8c24cf92a7.tmp</t>
  </si>
  <si>
    <t>56f9f3c6-43e6-440b-ac2e-8dc14f1d9e8e.tmp</t>
  </si>
  <si>
    <t>\\acsfs\profiles$\rafaelamsv\Downloads\56f9f3c6-43e6-440b-ac2e-8dc14f1d9e8e.tmp</t>
  </si>
  <si>
    <t>$I7VK8YW.PNG</t>
  </si>
  <si>
    <t>\\acsfs\profiles$\brendavdoa\My Documents\$RECYCLE.BIN\$I7VK8YW.PNG</t>
  </si>
  <si>
    <t>e5e87ecb-b89c-4f22-88ae-0a1be7142357.tmp</t>
  </si>
  <si>
    <t>\\acsfs\profiles$\deboraaa\Downloads\e5e87ecb-b89c-4f22-88ae-0a1be7142357.tmp</t>
  </si>
  <si>
    <t>95a9ceba-c8ac-4ab4-9e67-7bf6b0878af3.tmp</t>
  </si>
  <si>
    <t>\\acsfs\profiles$\deboraaa\Downloads\95a9ceba-c8ac-4ab4-9e67-7bf6b0878af3.tmp</t>
  </si>
  <si>
    <t>4b1c5df6-867e-4df6-9c9f-5da2e6dc578b.tmp</t>
  </si>
  <si>
    <t>\\acsfs\profiles$\deboraaa\Downloads\4b1c5df6-867e-4df6-9c9f-5da2e6dc578b.tmp</t>
  </si>
  <si>
    <t>2c067089-d6a0-47e0-8202-4a04bdb6a9c5.tmp</t>
  </si>
  <si>
    <t>\\acsfs\profiles$\ROZENCAM\Downloads\2c067089-d6a0-47e0-8202-4a04bdb6a9c5.tmp</t>
  </si>
  <si>
    <t>10cc4a1d-69c2-4fa7-95e8-412326dbcafd.tmp</t>
  </si>
  <si>
    <t>\\acsfs\profiles$\vivianealda\Downloads\10cc4a1d-69c2-4fa7-95e8-412326dbcafd.tmp</t>
  </si>
  <si>
    <t>7086fd38-0713-48d1-947c-9a5111fe4098.tmp</t>
  </si>
  <si>
    <t>\\acsfs\profiles$\mariellecs\Downloads\7086fd38-0713-48d1-947c-9a5111fe4098.tmp</t>
  </si>
  <si>
    <t>3be3c5e7-bed7-4cf7-bb62-5cc14f77b234.tmp</t>
  </si>
  <si>
    <t>\\acsfs\profiles$\deboraaa\Downloads\3be3c5e7-bed7-4cf7-bb62-5cc14f77b234.tmp</t>
  </si>
  <si>
    <t>ff14a629-f44e-4cc0-afe2-cdb663f9a8df.tmp</t>
  </si>
  <si>
    <t>\\acsfs\profiles$\vivianealda\Downloads\ff14a629-f44e-4cc0-afe2-cdb663f9a8df.tmp</t>
  </si>
  <si>
    <t>cb262096-03a8-40b4-accd-6f3380d13e1e.tmp</t>
  </si>
  <si>
    <t>\\acsfs\profiles$\vivianealda\Downloads\cb262096-03a8-40b4-accd-6f3380d13e1e.tmp</t>
  </si>
  <si>
    <t>ad3e29c0-5c90-45a7-98d1-141db144a20e.tmp</t>
  </si>
  <si>
    <t>\\acsfs\profiles$\vivianealda\Downloads\ad3e29c0-5c90-45a7-98d1-141db144a20e.tmp</t>
  </si>
  <si>
    <t>0adaafed-22f9-4cf2-adb8-9d3259f55baa.tmp</t>
  </si>
  <si>
    <t>\\acsfs\profiles$\mariellecs\Downloads\0adaafed-22f9-4cf2-adb8-9d3259f55baa.tmp</t>
  </si>
  <si>
    <t>96c43c21-1410-42b3-bf3f-d91c42b2b5e9.tmp</t>
  </si>
  <si>
    <t>\\acsfs\profiles$\mariellecs\Downloads\96c43c21-1410-42b3-bf3f-d91c42b2b5e9.tmp</t>
  </si>
  <si>
    <t>354d63b9-ca5f-4bd5-ba62-b518a32238eb.tmp</t>
  </si>
  <si>
    <t>\\acsfs\profiles$\BRUNAAR\Downloads\354d63b9-ca5f-4bd5-ba62-b518a32238eb.tmp</t>
  </si>
  <si>
    <t>2c378505-a6c6-4fa3-9377-009868af1c19.tmp</t>
  </si>
  <si>
    <t>\\acsfs\profiles$\BRUNAAR\Downloads\2c378505-a6c6-4fa3-9377-009868af1c19.tmp</t>
  </si>
  <si>
    <t>090bfa65-baf9-4c6b-9d66-9d890b5e1cf9.tmp</t>
  </si>
  <si>
    <t>\\acsfs\profiles$\andressagr\Downloads\090bfa65-baf9-4c6b-9d66-9d890b5e1cf9.tmp</t>
  </si>
  <si>
    <t>a99e67d0-5656-4a34-82ad-365aa7edb5c7.tmp</t>
  </si>
  <si>
    <t>\\acsfs\profiles$\andressagr\Downloads\a99e67d0-5656-4a34-82ad-365aa7edb5c7.tmp</t>
  </si>
  <si>
    <t>597857d4-e371-43e9-8eb3-634887454f8b.tmp</t>
  </si>
  <si>
    <t>\\acsfs\profiles$\claudiajca\Downloads\597857d4-e371-43e9-8eb3-634887454f8b.tmp</t>
  </si>
  <si>
    <t>491e60b0-5fdb-433f-a59e-026c970f92d4.tmp</t>
  </si>
  <si>
    <t>\\acsfs\profiles$\claudiajca\Downloads\491e60b0-5fdb-433f-a59e-026c970f92d4.tmp</t>
  </si>
  <si>
    <t>f12e7aea-1be4-4573-806b-5ab0f9139bd3.tmp</t>
  </si>
  <si>
    <t>\\acsfs\profiles$\mariellecs\Downloads\f12e7aea-1be4-4573-806b-5ab0f9139bd3.tmp</t>
  </si>
  <si>
    <t>d93754c0-0bd8-41ca-85ab-ee5e9feffb4a.tmp</t>
  </si>
  <si>
    <t>\\acsfs\profiles$\mariellecs\Downloads\d93754c0-0bd8-41ca-85ab-ee5e9feffb4a.tmp</t>
  </si>
  <si>
    <t>8a7ef3be-67e6-4a0b-8383-aaaf5e69aa8b.tmp</t>
  </si>
  <si>
    <t>\\acsfs\profiles$\mariellecs\Downloads\8a7ef3be-67e6-4a0b-8383-aaaf5e69aa8b.tmp</t>
  </si>
  <si>
    <t>5ec117fd-2efb-4650-be23-4a2e20edd455.tmp</t>
  </si>
  <si>
    <t>\\acsfs\profiles$\andressagr\Downloads\5ec117fd-2efb-4650-be23-4a2e20edd455.tmp</t>
  </si>
  <si>
    <t>d1b46d93-e135-4953-8295-fe7b6b186f53.tmp</t>
  </si>
  <si>
    <t>\\acsfs\profiles$\andressagr\Downloads\d1b46d93-e135-4953-8295-fe7b6b186f53.tmp</t>
  </si>
  <si>
    <t>69ba5b28-3a02-403c-855f-f487f15bcf14.tmp</t>
  </si>
  <si>
    <t>\\acsfs\profiles$\laianear\Downloads\69ba5b28-3a02-403c-855f-f487f15bcf14.tmp</t>
  </si>
  <si>
    <t>ae41dda3-ca15-44b7-b55c-c63fde91eaae.tmp</t>
  </si>
  <si>
    <t>\\acsfs\profiles$\laianear\Downloads\ae41dda3-ca15-44b7-b55c-c63fde91eaae.tmp</t>
  </si>
  <si>
    <t>83ca4aa8-81f0-4923-ac9d-bc9b363d8e80.tmp</t>
  </si>
  <si>
    <t>\\acsfs\profiles$\laianear\Downloads\83ca4aa8-81f0-4923-ac9d-bc9b363d8e80.tmp</t>
  </si>
  <si>
    <t>db980bd5-5a07-48e8-8882-7d5d8df6e3f8.tmp</t>
  </si>
  <si>
    <t>\\acsfs\profiles$\mariellecs\Downloads\db980bd5-5a07-48e8-8882-7d5d8df6e3f8.tmp</t>
  </si>
  <si>
    <t>29c5418c-4e22-4dc4-943c-07f46c9eccb6.tmp</t>
  </si>
  <si>
    <t>\\acsfs\profiles$\mariellecs\Downloads\29c5418c-4e22-4dc4-943c-07f46c9eccb6.tmp</t>
  </si>
  <si>
    <t>9eb98773-9575-411a-a0a7-08ea6a3a3769.tmp</t>
  </si>
  <si>
    <t>\\acsfs\profiles$\leticiala\Downloads\9eb98773-9575-411a-a0a7-08ea6a3a3769.tmp</t>
  </si>
  <si>
    <t>874a840d-03af-46d0-9a8f-342579db67c9.tmp</t>
  </si>
  <si>
    <t>\\acsfs\profiles$\leticiala\Downloads\874a840d-03af-46d0-9a8f-342579db67c9.tmp</t>
  </si>
  <si>
    <t>cd291b36-990c-4ceb-8830-87833cc1cbc7.tmp</t>
  </si>
  <si>
    <t>\\acsfs\profiles$\leticiala\Downloads\cd291b36-990c-4ceb-8830-87833cc1cbc7.tmp</t>
  </si>
  <si>
    <t>Q29udHJvbGxlci5JbnRlcmFjdGlvbldvcmtzcGFj (3).ica.crdownload</t>
  </si>
  <si>
    <t>\\acsfs\profiles$\leticiala\Downloads\Q29udHJvbGxlci5JbnRlcmFjdGlvbldvcmtzcGFj (3).ica.crdownload</t>
  </si>
  <si>
    <t>mail.google.com/_/upload?authuser=0&amp;dcp=asu-n&amp;upload_id=AEnB2UpO6ZdV0NdYdsRQLhaFhHJGSTMp42aGUB0hGRSMad1xkzf15JngD75Hc19lFkBGbTi1FgdjIl4DHUoBWf-KKg--YMxXDZ_j55cvMXYaZWnlVMG8FcU&amp;upload_protocol=resumable</t>
  </si>
  <si>
    <t>lu338685b8pfm.tmp</t>
  </si>
  <si>
    <t>\\acsfs\profiles$\ALYNYA\My Documents\lu338685b8pfm.tmp</t>
  </si>
  <si>
    <t>\\acsfs\profiles$\ALYNYA\My Documents\lu338685b8pfm.tmp\</t>
  </si>
  <si>
    <t>\\acsfs\profiles$\ALYNYA\My Documents\lu338685b8pfm.tmp\META-INF\</t>
  </si>
  <si>
    <t>\\acsfs\profiles$\ALYNYA\My Documents\lu338685b8pfm.tmp\Thumbnails\</t>
  </si>
  <si>
    <t>96a574bd-36eb-42e0-81b7-bdb893c68550.tmp</t>
  </si>
  <si>
    <t>\\acsfs\profiles$\fabianobmf\Downloads\96a574bd-36eb-42e0-81b7-bdb893c68550.tmp</t>
  </si>
  <si>
    <t>47a947b4-d6f6-4d36-b889-6b93c7159cc0.tmp</t>
  </si>
  <si>
    <t>\\acsfs\profiles$\fabianobmf\Downloads\47a947b4-d6f6-4d36-b889-6b93c7159cc0.tmp</t>
  </si>
  <si>
    <t>46652a61-1467-4d91-a0d1-169873820dfa.tmp</t>
  </si>
  <si>
    <t>\\acsfs\profiles$\sarahbal\Downloads\46652a61-1467-4d91-a0d1-169873820dfa.tmp</t>
  </si>
  <si>
    <t>53c8af94-f0d5-44d5-b549-8f614f2e37a9.tmp</t>
  </si>
  <si>
    <t>\\acsfs\profiles$\sarahbal\Downloads\53c8af94-f0d5-44d5-b549-8f614f2e37a9.tmp</t>
  </si>
  <si>
    <t>d153a9e1-e692-4e5d-80cf-e000978d0421.tmp</t>
  </si>
  <si>
    <t>\\acsfs\profiles$\websondsa\Downloads\d153a9e1-e692-4e5d-80cf-e000978d0421.tmp</t>
  </si>
  <si>
    <t>59f5301d-fc13-43fb-8910-5f1ad935d45a.tmp</t>
  </si>
  <si>
    <t>\\acsfs\profiles$\websondsa\Downloads\59f5301d-fc13-43fb-8910-5f1ad935d45a.tmp</t>
  </si>
  <si>
    <t>83bd0c5c-1c6f-4ed8-bc7f-8dfc486e531d.tmp</t>
  </si>
  <si>
    <t>\\acsfs\profiles$\websondsa\Downloads\83bd0c5c-1c6f-4ed8-bc7f-8dfc486e531d.tmp</t>
  </si>
  <si>
    <t>647d69b5-2f64-42bc-8937-fcc1d14efc20.tmp</t>
  </si>
  <si>
    <t>\\acsfs\profiles$\websondsa\Downloads\647d69b5-2f64-42bc-8937-fcc1d14efc20.tmp</t>
  </si>
  <si>
    <t>e6ff14cd-5750-4af7-b147-4d62f4d218a8.tmp</t>
  </si>
  <si>
    <t>\\acsfs\profiles$\websondsa\Downloads\e6ff14cd-5750-4af7-b147-4d62f4d218a8.tmp</t>
  </si>
  <si>
    <t>eadd2b5a-5f46-4266-99fa-f518e432726a.tmp</t>
  </si>
  <si>
    <t>\\acsfs\profiles$\leticiala\Downloads\eadd2b5a-5f46-4266-99fa-f518e432726a.tmp</t>
  </si>
  <si>
    <t>eba5b980-6a09-49e9-be0f-2686c591f288.tmp</t>
  </si>
  <si>
    <t>\\acsfs\profiles$\inarajst\Downloads\eba5b980-6a09-49e9-be0f-2686c591f288.tmp</t>
  </si>
  <si>
    <t>49b76d06-e3e6-4718-9bce-88f0e180535b.tmp</t>
  </si>
  <si>
    <t>\\acsfs\profiles$\inarajst\Downloads\49b76d06-e3e6-4718-9bce-88f0e180535b.tmp</t>
  </si>
  <si>
    <t>de4f282f-1e44-415f-8f18-0707a1673125.tmp</t>
  </si>
  <si>
    <t>\\acsfs\profiles$\inarajst\Downloads\de4f282f-1e44-415f-8f18-0707a1673125.tmp</t>
  </si>
  <si>
    <t>cb471001-7287-41d2-b756-9546f538d61e.tmp</t>
  </si>
  <si>
    <t>\\acsfs\profiles$\inarajst\Downloads\cb471001-7287-41d2-b756-9546f538d61e.tmp</t>
  </si>
  <si>
    <t>964ff278-5fca-4abc-a885-97c2296f8183.tmp</t>
  </si>
  <si>
    <t>\\acsfs\profiles$\cintiadcf\Downloads\964ff278-5fca-4abc-a885-97c2296f8183.tmp</t>
  </si>
  <si>
    <t>c195f9de-e85a-4a84-ac2c-6e319119beb1.tmp</t>
  </si>
  <si>
    <t>\\acsfs\profiles$\cintiadcf\Downloads\c195f9de-e85a-4a84-ac2c-6e319119beb1.tmp</t>
  </si>
  <si>
    <t>8de5520b-22ae-4f26-99b8-4bab64a4f4d5.tmp</t>
  </si>
  <si>
    <t>\\acsfs\profiles$\ALYNYA\Downloads\8de5520b-22ae-4f26-99b8-4bab64a4f4d5.tmp</t>
  </si>
  <si>
    <t>877551b3-445a-4fb6-9307-22c49e2c2d79.tmp</t>
  </si>
  <si>
    <t>\\acsfs\profiles$\ALYNYA\Downloads\877551b3-445a-4fb6-9307-22c49e2c2d79.tmp</t>
  </si>
  <si>
    <t>65324410-414d-47bf-8e1c-e303f492d6b7.tmp</t>
  </si>
  <si>
    <t>\\acsfs\profiles$\sarahbal\Downloads\65324410-414d-47bf-8e1c-e303f492d6b7.tmp</t>
  </si>
  <si>
    <t>02d68285-264f-429c-b651-268e8994c5ff.tmp</t>
  </si>
  <si>
    <t>\\acsfs\profiles$\sarahbal\Downloads\02d68285-264f-429c-b651-268e8994c5ff.tmp</t>
  </si>
  <si>
    <t>1e717efa-6ead-44a4-a51b-9f671b8151eb.tmp</t>
  </si>
  <si>
    <t>\\acsfs\profiles$\larissaad\Downloads\1e717efa-6ead-44a4-a51b-9f671b8151eb.tmp</t>
  </si>
  <si>
    <t>c3c943eb-7d54-4498-84ae-7f61815f0e78.tmp</t>
  </si>
  <si>
    <t>\\acsfs\profiles$\larissaad\Downloads\c3c943eb-7d54-4498-84ae-7f61815f0e78.tmp</t>
  </si>
  <si>
    <t>38b6d142-c03c-43ec-9491-60b974724bd4.tmp</t>
  </si>
  <si>
    <t>\\acsfs\profiles$\cintiadcf\Downloads\38b6d142-c03c-43ec-9491-60b974724bd4.tmp</t>
  </si>
  <si>
    <t>7a0a7774-0d5b-478d-8014-58df2ccb9cfa.tmp</t>
  </si>
  <si>
    <t>\\acsfs\profiles$\danielac\Downloads\7a0a7774-0d5b-478d-8014-58df2ccb9cfa.tmp</t>
  </si>
  <si>
    <t>6327aec0-1ce0-4c25-9f08-c72f66f1fd71.tmp</t>
  </si>
  <si>
    <t>\\acsfs\profiles$\ALYNYA\Downloads\6327aec0-1ce0-4c25-9f08-c72f66f1fd71.tmp</t>
  </si>
  <si>
    <t>f05dc6ee-ab19-4641-b984-b2761a56a468.tmp</t>
  </si>
  <si>
    <t>\\acsfs\profiles$\laianear\Downloads\f05dc6ee-ab19-4641-b984-b2761a56a468.tmp</t>
  </si>
  <si>
    <t>99de387f-b6e1-4098-b5d3-061da6da70a1.tmp</t>
  </si>
  <si>
    <t>\\acsfs\profiles$\geovannasm\Downloads\99de387f-b6e1-4098-b5d3-061da6da70a1.tmp</t>
  </si>
  <si>
    <t>09ada6ce-d609-4951-a125-714bb6a2867f.tmp</t>
  </si>
  <si>
    <t>\\acsfs\profiles$\geovannasm\Downloads\09ada6ce-d609-4951-a125-714bb6a2867f.tmp</t>
  </si>
  <si>
    <t>c2beabc3-9359-4cce-b3f2-20b4584bf9a5.tmp</t>
  </si>
  <si>
    <t>\\acsfs\profiles$\inarajst\Downloads\c2beabc3-9359-4cce-b3f2-20b4584bf9a5.tmp</t>
  </si>
  <si>
    <t>eaebc69f-bf74-4784-8773-a84d531827f1.tmp</t>
  </si>
  <si>
    <t>\\acsfs\profiles$\rafaelahpn\Downloads\eaebc69f-bf74-4784-8773-a84d531827f1.tmp</t>
  </si>
  <si>
    <t>9a78a425-cb9f-4bc9-aa50-2485dcd58878.tmp</t>
  </si>
  <si>
    <t>\\acsfs\profiles$\rafaelahpn\Downloads\9a78a425-cb9f-4bc9-aa50-2485dcd58878.tmp</t>
  </si>
  <si>
    <t>ee8d068f-af0d-4822-9420-476ebb420f3a.tmp</t>
  </si>
  <si>
    <t>\\acsfs\profiles$\rafaelahpn\Downloads\ee8d068f-af0d-4822-9420-476ebb420f3a.tmp</t>
  </si>
  <si>
    <t>95d18661-3c44-4696-8d70-c54ff6f9ea84.tmp</t>
  </si>
  <si>
    <t>\\acsfs\profiles$\rafaelahpn\Downloads\95d18661-3c44-4696-8d70-c54ff6f9ea84.tmp</t>
  </si>
  <si>
    <t>f789115d-6a4a-441e-a2e2-0468a8f972c8.tmp</t>
  </si>
  <si>
    <t>\\acsfs\profiles$\vivianalds\Downloads\f789115d-6a4a-441e-a2e2-0468a8f972c8.tmp</t>
  </si>
  <si>
    <t>c241da64-9f63-447d-9c3a-34719864cf4d.tmp</t>
  </si>
  <si>
    <t>\\acsfs\profiles$\vivianalds\Downloads\c241da64-9f63-447d-9c3a-34719864cf4d.tmp</t>
  </si>
  <si>
    <t>82037193-2a2a-49aa-bcc4-88b193bc7c40.tmp</t>
  </si>
  <si>
    <t>\\acsfs\profiles$\vivianalds\Downloads\82037193-2a2a-49aa-bcc4-88b193bc7c40.tmp</t>
  </si>
  <si>
    <t>94de914f-8145-48f2-9bfb-da7f779cb825.tmp</t>
  </si>
  <si>
    <t>\\acsfs\profiles$\danielac\Downloads\94de914f-8145-48f2-9bfb-da7f779cb825.tmp</t>
  </si>
  <si>
    <t>bffde2d0-d5a1-4cae-96df-d539e64622f5.tmp</t>
  </si>
  <si>
    <t>\\acsfs\profiles$\danielac\Downloads\bffde2d0-d5a1-4cae-96df-d539e64622f5.tmp</t>
  </si>
  <si>
    <t>42846134-1ad4-4909-a262-328724816dae.tmp</t>
  </si>
  <si>
    <t>\\acsfs\profiles$\danielac\Downloads\42846134-1ad4-4909-a262-328724816dae.tmp</t>
  </si>
  <si>
    <t>4672862d-e059-4c36-97ca-23839de3491d.tmp</t>
  </si>
  <si>
    <t>\\acsfs\profiles$\geovannasm\Downloads\4672862d-e059-4c36-97ca-23839de3491d.tmp</t>
  </si>
  <si>
    <t>8ec3d0ca-75fc-4ae9-8151-eb89d456c8a2.tmp</t>
  </si>
  <si>
    <t>\\acsfs\profiles$\geovannasm\Downloads\8ec3d0ca-75fc-4ae9-8151-eb89d456c8a2.tmp</t>
  </si>
  <si>
    <t>andrelpsa@algartech.com;joaogvc@algartech.com;leonardoao@algartech.com;marianadjc@algartech.com;maristelavodq@bv.algartech.com;paulacn@algartech.com;rafaelggs@algartech.com;taysdss@algartech.com;thiagordu@algartech.com;viniciussg@algartech.com;</t>
  </si>
  <si>
    <t>andrelpsa@algartech.com,joaogvc@algartech.com,leonardoao@algartech.com,marianadjc@algartech.com,maristelavodq@bv.algartech.com,paulacn@algartech.com,rafaelggs@algartech.com,taysdss@algartech.com,thiagordu@algartech.com,viniciussg@algartech.com</t>
  </si>
  <si>
    <t>8c3a19b4-4d3e-43b8-b8e2-07d4d8f07d6e.tmp</t>
  </si>
  <si>
    <t>\\acsfs\profiles$\rafaelahpn\Downloads\8c3a19b4-4d3e-43b8-b8e2-07d4d8f07d6e.tmp</t>
  </si>
  <si>
    <t>789a3db5-933b-4948-a8d1-dfa19e03585b.tmp</t>
  </si>
  <si>
    <t>\\acsfs\profiles$\rafaelahpn\Downloads\789a3db5-933b-4948-a8d1-dfa19e03585b.tmp</t>
  </si>
  <si>
    <t>0d72040b-819f-4789-9fa3-069e8cd3dd57.tmp</t>
  </si>
  <si>
    <t>\\acsfs\profiles$\geovannasm\Downloads\0d72040b-819f-4789-9fa3-069e8cd3dd57.tmp</t>
  </si>
  <si>
    <t>c676336f-79d6-45bf-a544-a1d2b5f77dbc.tmp</t>
  </si>
  <si>
    <t>\\acsfs\profiles$\mariajra\Downloads\c676336f-79d6-45bf-a544-a1d2b5f77dbc.tmp</t>
  </si>
  <si>
    <t>b0b1d278-a834-4eab-bf9e-8620ea886583.tmp</t>
  </si>
  <si>
    <t>\\acsfs\profiles$\inarajst\Downloads\b0b1d278-a834-4eab-bf9e-8620ea886583.tmp</t>
  </si>
  <si>
    <t>e572286e-7fcd-4aa2-9f72-c817e9c747c4.tmp</t>
  </si>
  <si>
    <t>\\acsfs\profiles$\vivianalds\Downloads\e572286e-7fcd-4aa2-9f72-c817e9c747c4.tmp</t>
  </si>
  <si>
    <t>92e48959-ef10-47c2-884e-288a73432315.tmp</t>
  </si>
  <si>
    <t>\\acsfs\profiles$\maxmillianosv\Downloads\92e48959-ef10-47c2-884e-288a73432315.tmp</t>
  </si>
  <si>
    <t>f29888ea-d689-4af8-9044-78cf4c603ec1.tmp</t>
  </si>
  <si>
    <t>\\acsfs\profiles$\fabianobmf\Downloads\f29888ea-d689-4af8-9044-78cf4c603ec1.tmp</t>
  </si>
  <si>
    <t>e18c61e9-a1d4-4e1b-9e61-9f255a0d0640.tmp</t>
  </si>
  <si>
    <t>\\acsfs\profiles$\laianear\Downloads\e18c61e9-a1d4-4e1b-9e61-9f255a0d0640.tmp</t>
  </si>
  <si>
    <t>480254f9-9486-4a44-80ca-4c6196cdbb70.tmp</t>
  </si>
  <si>
    <t>\\acsfs\profiles$\laianear\Downloads\480254f9-9486-4a44-80ca-4c6196cdbb70.tmp</t>
  </si>
  <si>
    <t>5bee2be0-124e-41a6-8726-d4876ecd9e0b.tmp</t>
  </si>
  <si>
    <t>\\acsfs\profiles$\anafsb\Downloads\5bee2be0-124e-41a6-8726-d4876ecd9e0b.tmp</t>
  </si>
  <si>
    <t>687bdf62-2dbb-40d7-988f-984c968bfdf0.tmp</t>
  </si>
  <si>
    <t>\\acsfs\profiles$\anafsb\Downloads\687bdf62-2dbb-40d7-988f-984c968bfdf0.tmp</t>
  </si>
  <si>
    <t>bf7eeac4-7a1a-4b10-a32e-b5d855ef6fc7.tmp</t>
  </si>
  <si>
    <t>\\acsfs\profiles$\anafsb\Downloads\bf7eeac4-7a1a-4b10-a32e-b5d855ef6fc7.tmp</t>
  </si>
  <si>
    <t>08eb2061-f7f6-47bd-92bb-d0d339d6ab15.tmp</t>
  </si>
  <si>
    <t>\\acsfs\profiles$\anafsb\Downloads\08eb2061-f7f6-47bd-92bb-d0d339d6ab15.tmp</t>
  </si>
  <si>
    <t>da6bf898-e2d7-44dd-af82-0fb70c5c264d.tmp</t>
  </si>
  <si>
    <t>\\acsfs\profiles$\anafsb\Downloads\da6bf898-e2d7-44dd-af82-0fb70c5c264d.tmp</t>
  </si>
  <si>
    <t>1a9e54a5-9cda-4b1e-8e0f-2eb10cdc6c3f.tmp</t>
  </si>
  <si>
    <t>\\acsfs\profiles$\anafsb\Downloads\1a9e54a5-9cda-4b1e-8e0f-2eb10cdc6c3f.tmp</t>
  </si>
  <si>
    <t>dbafed90-32d5-4de2-ae4f-7ed52bf653d7.tmp</t>
  </si>
  <si>
    <t>\\acsfs\profiles$\sarahbal\Downloads\dbafed90-32d5-4de2-ae4f-7ed52bf653d7.tmp</t>
  </si>
  <si>
    <t>64358734-fc85-4044-9438-87d6fa9ce02c.tmp</t>
  </si>
  <si>
    <t>\\acsfs\profiles$\lucasqdss\Downloads\64358734-fc85-4044-9438-87d6fa9ce02c.tmp</t>
  </si>
  <si>
    <t>d54baa3f-d040-4c69-8f17-ef5c1d8f2cbd.tmp</t>
  </si>
  <si>
    <t>\\acsfs\profiles$\lucasqdss\Downloads\d54baa3f-d040-4c69-8f17-ef5c1d8f2cbd.tmp</t>
  </si>
  <si>
    <t>10.200.67.39</t>
  </si>
  <si>
    <t>\\acsfs\profiles$\michelerds\Contacts\</t>
  </si>
  <si>
    <t>MICHELE RODRIGUES DE SOUSA (5901).contact</t>
  </si>
  <si>
    <t>\\acsfs\profiles$\michelerds\Contacts\MICHELE RODRIGUES DE SOUSA (5901).contact</t>
  </si>
  <si>
    <t>\\acsfs\profiles$\michelerds\My Documents\My Videos\</t>
  </si>
  <si>
    <t>\\acsfs\profiles$\michelerds\My Documents\My Videos\desktop.ini</t>
  </si>
  <si>
    <t>\\acsfs\profiles$\michelerds\My Documents\My Pictures\</t>
  </si>
  <si>
    <t>\\acsfs\profiles$\michelerds\My Documents\My Pictures\desktop.ini</t>
  </si>
  <si>
    <t>\\acsfs\profiles$\michelerds\Contacts\desktop.ini</t>
  </si>
  <si>
    <t>\\acsfs\profiles$\michelerds\Favorites\</t>
  </si>
  <si>
    <t>\\acsfs\profiles$\michelerds\Favorites\desktop.ini</t>
  </si>
  <si>
    <t>\\acsfs\profiles$\michelerds\My Documents\My Music\</t>
  </si>
  <si>
    <t>\\acsfs\profiles$\michelerds\My Documents\My Music\desktop.ini</t>
  </si>
  <si>
    <t>\\acsfs\profiles$\michelerds\Searches\</t>
  </si>
  <si>
    <t>\\acsfs\profiles$\michelerds\Searches\desktop.ini</t>
  </si>
  <si>
    <t>\\acsfs\profiles$\michelerds\Downloads\desktop.ini</t>
  </si>
  <si>
    <t>\\acsfs\profiles$\michelerds\My Documents\</t>
  </si>
  <si>
    <t>\\acsfs\profiles$\michelerds\My Documents\desktop.ini</t>
  </si>
  <si>
    <t>\\acsfs\profiles$\michelerds\Saved Games\</t>
  </si>
  <si>
    <t>\\acsfs\profiles$\michelerds\Saved Games\desktop.ini</t>
  </si>
  <si>
    <t>\\acsfs\profiles$\michelerds\Favorites\Links for Brasil\</t>
  </si>
  <si>
    <t>\\acsfs\profiles$\michelerds\Favorites\Links for Brasil\desktop.ini</t>
  </si>
  <si>
    <t>\\acsfs\profiles$\michelerds\Favorites\Links for Brasil\Microsoft Brasil.url</t>
  </si>
  <si>
    <t>\\acsfs\profiles$\michelerds\Favorites\Links for Brasil\Windows Brasil.url</t>
  </si>
  <si>
    <t>\\acsfs\profiles$\michelerds\Favorites\Links for Brasil\MSN Brasil.url</t>
  </si>
  <si>
    <t>f6ab8940-633f-4b7b-b008-483a4d572f37.tmp</t>
  </si>
  <si>
    <t>\\acsfs\profiles$\anafsb\Downloads\f6ab8940-633f-4b7b-b008-483a4d572f37.tmp</t>
  </si>
  <si>
    <t>4ebb5e22-8021-45b5-8a3f-27b0a1e9c08e.tmp</t>
  </si>
  <si>
    <t>\\acsfs\profiles$\mariajra\Downloads\4ebb5e22-8021-45b5-8a3f-27b0a1e9c08e.tmp</t>
  </si>
  <si>
    <t>e8e6526c-63df-498d-9637-f4d3e36ce42f.tmp</t>
  </si>
  <si>
    <t>\\acsfs\profiles$\lucasqdss\Downloads\e8e6526c-63df-498d-9637-f4d3e36ce42f.tmp</t>
  </si>
  <si>
    <t>46ecdcff-485d-4746-967d-fd39dfb7c838.tmp</t>
  </si>
  <si>
    <t>\\acsfs\profiles$\luanarda\Downloads\46ecdcff-485d-4746-967d-fd39dfb7c838.tmp</t>
  </si>
  <si>
    <t>2d7d7e47-383c-467e-ad3e-9bccddbe387d.tmp</t>
  </si>
  <si>
    <t>\\acsfs\profiles$\danielac\Downloads\2d7d7e47-383c-467e-ad3e-9bccddbe387d.tmp</t>
  </si>
  <si>
    <t>45baf19b-4b2b-46b6-ae73-7c6321a13af3.tmp</t>
  </si>
  <si>
    <t>\\acsfs\profiles$\wenderbnm\Downloads\45baf19b-4b2b-46b6-ae73-7c6321a13af3.tmp</t>
  </si>
  <si>
    <t>7318f05e-9ae3-4705-8783-4e34702af4df.tmp</t>
  </si>
  <si>
    <t>\\acsfs\profiles$\wenderbnm\Downloads\7318f05e-9ae3-4705-8783-4e34702af4df.tmp</t>
  </si>
  <si>
    <t>97560ba6-c66c-454d-a4b6-8a9882193f6a.tmp</t>
  </si>
  <si>
    <t>\\acsfs\profiles$\inarajst\Downloads\97560ba6-c66c-454d-a4b6-8a9882193f6a.tmp</t>
  </si>
  <si>
    <t>c4a1afd8-333d-430a-8c42-ae5045cd2abf.tmp</t>
  </si>
  <si>
    <t>\\acsfs\profiles$\paulovadc\Downloads\c4a1afd8-333d-430a-8c42-ae5045cd2abf.tmp</t>
  </si>
  <si>
    <t>9a34526d-a64c-4007-b972-c2571ba41e53.tmp</t>
  </si>
  <si>
    <t>\\acsfs\profiles$\paulovadc\Downloads\9a34526d-a64c-4007-b972-c2571ba41e53.tmp</t>
  </si>
  <si>
    <t>d4005a31-9191-430e-98ab-5c32c5d52135.tmp</t>
  </si>
  <si>
    <t>\\acsfs\profiles$\ERICALSR\Downloads\d4005a31-9191-430e-98ab-5c32c5d52135.tmp</t>
  </si>
  <si>
    <t>d43ef446-fddf-4afd-8656-c48e2e07d747.tmp</t>
  </si>
  <si>
    <t>\\acsfs\profiles$\marcellewdl\Downloads\d43ef446-fddf-4afd-8656-c48e2e07d747.tmp</t>
  </si>
  <si>
    <t>0d97538f-b9d3-4522-8b62-2185fbcf6b15.tmp</t>
  </si>
  <si>
    <t>\\acsfs\profiles$\marcellewdl\Downloads\0d97538f-b9d3-4522-8b62-2185fbcf6b15.tmp</t>
  </si>
  <si>
    <t>b33fb7c5-0e3f-4911-a2ff-6afdb907928e.tmp</t>
  </si>
  <si>
    <t>\\acsfs\profiles$\michelerds\Downloads\b33fb7c5-0e3f-4911-a2ff-6afdb907928e.tmp</t>
  </si>
  <si>
    <t>46241fbc-1e1d-438c-8b2f-4acf66f7effe.tmp</t>
  </si>
  <si>
    <t>\\acsfs\profiles$\michelerds\Downloads\46241fbc-1e1d-438c-8b2f-4acf66f7effe.tmp</t>
  </si>
  <si>
    <t>c3be6c91-77ad-40cc-b28e-0dedd9fd2ad6.tmp</t>
  </si>
  <si>
    <t>\\acsfs\profiles$\michelerds\Downloads\c3be6c91-77ad-40cc-b28e-0dedd9fd2ad6.tmp</t>
  </si>
  <si>
    <t>d19e5bac-98a0-469d-8aa8-1124fea251ad.tmp</t>
  </si>
  <si>
    <t>\\acsfs\profiles$\michelerds\Downloads\d19e5bac-98a0-469d-8aa8-1124fea251ad.tmp</t>
  </si>
  <si>
    <t>69a8c1e7-3094-4856-baf6-5e8f31ca41ea.tmp</t>
  </si>
  <si>
    <t>\\acsfs\profiles$\deborahsi\Downloads\69a8c1e7-3094-4856-baf6-5e8f31ca41ea.tmp</t>
  </si>
  <si>
    <t>30584229-cf9c-419e-9bcc-6489c6331408.tmp</t>
  </si>
  <si>
    <t>\\acsfs\profiles$\deborahsi\Downloads\30584229-cf9c-419e-9bcc-6489c6331408.tmp</t>
  </si>
  <si>
    <t>410d482c-fe56-496c-9e47-17fa0a857c70.tmp</t>
  </si>
  <si>
    <t>\\acsfs\profiles$\deborahsi\Downloads\410d482c-fe56-496c-9e47-17fa0a857c70.tmp</t>
  </si>
  <si>
    <t>ed4f82d5-a69c-4a58-b536-ce43060001a0.tmp</t>
  </si>
  <si>
    <t>\\acsfs\profiles$\henriquehmdo\Downloads\ed4f82d5-a69c-4a58-b536-ce43060001a0.tmp</t>
  </si>
  <si>
    <t>0b2c1a30-d9b0-4f29-9008-64337296c5d4.tmp</t>
  </si>
  <si>
    <t>\\acsfs\profiles$\henriquehmdo\Downloads\0b2c1a30-d9b0-4f29-9008-64337296c5d4.tmp</t>
  </si>
  <si>
    <t>d30c23eb-d8f2-47fd-a7bf-b79e5bb3b6db.tmp</t>
  </si>
  <si>
    <t>\\acsfs\profiles$\mariajra\Downloads\d30c23eb-d8f2-47fd-a7bf-b79e5bb3b6db.tmp</t>
  </si>
  <si>
    <t>7688de7e-2597-4e81-8fd3-0c3f1d6229bb.tmp</t>
  </si>
  <si>
    <t>\\acsfs\profiles$\mariajra\Downloads\7688de7e-2597-4e81-8fd3-0c3f1d6229bb.tmp</t>
  </si>
  <si>
    <t>b92bfd3f-51fc-44df-9ea4-51f7afbad321.tmp</t>
  </si>
  <si>
    <t>\\acsfs\profiles$\larissaad\Downloads\b92bfd3f-51fc-44df-9ea4-51f7afbad321.tmp</t>
  </si>
  <si>
    <t>Portal SinergyRH Software para Gestão de RH.url</t>
  </si>
  <si>
    <t>\\acsfs\profiles$\LUCASQDSS\Favorites\Portal SinergyRH Software para Gestão de RH.url</t>
  </si>
  <si>
    <t>6dce840b-f173-4c66-b834-215df7394bea.tmp</t>
  </si>
  <si>
    <t>\\acsfs\profiles$\luanarda\Downloads\6dce840b-f173-4c66-b834-215df7394bea.tmp</t>
  </si>
  <si>
    <t>\\acsfs\profiles$\LUCASQDSS\Favorites\Portal SinergyRH Software para Gestão de RH.url\</t>
  </si>
  <si>
    <t>\\acsfs\profiles$\LUCASQDSS\Favorites\Portal SinergyRH Software para Gestão de RH.url\:favicon:$DATA</t>
  </si>
  <si>
    <t>32efc5b6-ca11-45e9-8374-c4db8b5558b4.tmp</t>
  </si>
  <si>
    <t>\\acsfs\profiles$\THYAGOSP\Downloads\32efc5b6-ca11-45e9-8374-c4db8b5558b4.tmp</t>
  </si>
  <si>
    <t>1bbe233d-f5a3-47be-8419-7293d033fa3b.tmp</t>
  </si>
  <si>
    <t>\\acsfs\profiles$\THYAGOSP\Downloads\1bbe233d-f5a3-47be-8419-7293d033fa3b.tmp</t>
  </si>
  <si>
    <t>fbcb5b29-4f59-41da-9046-47ac3ff56fff.tmp</t>
  </si>
  <si>
    <t>\\acsfs\profiles$\THYAGOSP\Downloads\fbcb5b29-4f59-41da-9046-47ac3ff56fff.tmp</t>
  </si>
  <si>
    <t>7fc66655-8167-4a6d-bdab-083734f0b0b8.tmp</t>
  </si>
  <si>
    <t>\\acsfs\profiles$\ERICALSR\Downloads\7fc66655-8167-4a6d-bdab-083734f0b0b8.tmp</t>
  </si>
  <si>
    <t>\\acsfs\profiles$\cinthiacsda\My Documents\scripts.txt</t>
  </si>
  <si>
    <t>d61a8199-d0a2-4b51-9328-48a14db410c0.tmp</t>
  </si>
  <si>
    <t>\\acsfs\profiles$\felipetds\Downloads\d61a8199-d0a2-4b51-9328-48a14db410c0.tmp</t>
  </si>
  <si>
    <t>8542d22b-5900-4d87-8041-85eed6d113eb.tmp</t>
  </si>
  <si>
    <t>\\acsfs\profiles$\felipetds\Downloads\8542d22b-5900-4d87-8041-85eed6d113eb.tmp</t>
  </si>
  <si>
    <t>b6140ee9-a255-49a6-ace7-1992536e672d.tmp</t>
  </si>
  <si>
    <t>\\acsfs\profiles$\sarahbal\Downloads\b6140ee9-a255-49a6-ace7-1992536e672d.tmp</t>
  </si>
  <si>
    <t>c6b568c2-2d89-449b-bd70-2a1dc410e4b0.tmp</t>
  </si>
  <si>
    <t>\\acsfs\profiles$\deborahsi\Downloads\c6b568c2-2d89-449b-bd70-2a1dc410e4b0.tmp</t>
  </si>
  <si>
    <t>d3dd96bf-f40f-4024-b014-b1475a693757.tmp</t>
  </si>
  <si>
    <t>\\acsfs\profiles$\quindaizaagds\Downloads\d3dd96bf-f40f-4024-b014-b1475a693757.tmp</t>
  </si>
  <si>
    <t>57a0199a-75db-49ed-9f6e-db44e6ff6caf.tmp</t>
  </si>
  <si>
    <t>\\acsfs\profiles$\quindaizaagds\Downloads\57a0199a-75db-49ed-9f6e-db44e6ff6caf.tmp</t>
  </si>
  <si>
    <t>89d36963-eda0-48ac-a489-0fe345dffc8e.tmp</t>
  </si>
  <si>
    <t>\\acsfs\profiles$\larissaad\Downloads\89d36963-eda0-48ac-a489-0fe345dffc8e.tmp</t>
  </si>
  <si>
    <t>b741e966-ca01-4314-8a1d-c3064861d55e.tmp</t>
  </si>
  <si>
    <t>\\acsfs\profiles$\deboraaa\Downloads\b741e966-ca01-4314-8a1d-c3064861d55e.tmp</t>
  </si>
  <si>
    <t>d249993d-4d6c-43b3-b4aa-28365abcf8cd.tmp</t>
  </si>
  <si>
    <t>\\acsfs\profiles$\maxmillianosv\Downloads\d249993d-4d6c-43b3-b4aa-28365abcf8cd.tmp</t>
  </si>
  <si>
    <t>a88872fc-cea0-4ef5-8159-9d8e20018fb1.tmp</t>
  </si>
  <si>
    <t>\\acsfs\profiles$\maxmillianosv\Downloads\a88872fc-cea0-4ef5-8159-9d8e20018fb1.tmp</t>
  </si>
  <si>
    <t>9d85105b-0ee5-404a-b473-fe8c2a0d93df.tmp</t>
  </si>
  <si>
    <t>\\acsfs\profiles$\maxmillianosv\Downloads\9d85105b-0ee5-404a-b473-fe8c2a0d93df.tmp</t>
  </si>
  <si>
    <t>08a3a389-5081-4646-a494-12d9a27c89c3.tmp</t>
  </si>
  <si>
    <t>\\acsfs\profiles$\maxmillianosv\Downloads\08a3a389-5081-4646-a494-12d9a27c89c3.tmp</t>
  </si>
  <si>
    <t>f0999707-7f4e-4f4f-94aa-c66938ef1342.tmp</t>
  </si>
  <si>
    <t>\\acsfs\profiles$\mariliafplb\Downloads\f0999707-7f4e-4f4f-94aa-c66938ef1342.tmp</t>
  </si>
  <si>
    <t>10099f09-93b5-4e4f-bfb8-b45917dcf2b9.tmp</t>
  </si>
  <si>
    <t>\\acsfs\profiles$\mariliafplb\Downloads\10099f09-93b5-4e4f-bfb8-b45917dcf2b9.tmp</t>
  </si>
  <si>
    <t>7bf2895d-ef4b-4fef-9af6-1cc24d05e2b1.tmp</t>
  </si>
  <si>
    <t>\\acsfs\profiles$\milenaas\Downloads\7bf2895d-ef4b-4fef-9af6-1cc24d05e2b1.tmp</t>
  </si>
  <si>
    <t>f5c533e3-0c9a-4e79-9feb-420d155696fa.tmp</t>
  </si>
  <si>
    <t>\\acsfs\profiles$\milenaas\Downloads\f5c533e3-0c9a-4e79-9feb-420d155696fa.tmp</t>
  </si>
  <si>
    <t>2fce6774-2c96-4f50-a46d-ccd3977eac81.tmp</t>
  </si>
  <si>
    <t>\\acsfs\profiles$\milenaas\Downloads\2fce6774-2c96-4f50-a46d-ccd3977eac81.tmp</t>
  </si>
  <si>
    <t>3bc19cee-f469-4344-83e4-bbd8be05df15.tmp</t>
  </si>
  <si>
    <t>\\acsfs\profiles$\luanaagl\Downloads\3bc19cee-f469-4344-83e4-bbd8be05df15.tmp</t>
  </si>
  <si>
    <t>Lucasbs</t>
  </si>
  <si>
    <t>\\acsfs\profiles$\Lucasbs\My Documents\My Pictures\</t>
  </si>
  <si>
    <t>\\acsfs\profiles$\LUCASBS\My Documents\My Videos\desktop.ini</t>
  </si>
  <si>
    <t>\\acsfs\profiles$\LUCASBS\My Documents\My Videos\</t>
  </si>
  <si>
    <t>\\acsfs\profiles$\Lucasbs\My Documents\My Music\</t>
  </si>
  <si>
    <t>\\acsfs\profiles$\LUCASBS\My Documents\My Pictures\desktop.ini</t>
  </si>
  <si>
    <t>\\acsfs\profiles$\Lucasbs\My Documents\My Videos\</t>
  </si>
  <si>
    <t>\\acsfs\profiles$\LUCASBS\Contacts\</t>
  </si>
  <si>
    <t>\\acsfs\profiles$\LUCASBS\Contacts\desktop.ini</t>
  </si>
  <si>
    <t>\\acsfs\profiles$\Lucasbs\Contacts\</t>
  </si>
  <si>
    <t>\\acsfs\profiles$\Lucasbs\My Documents\</t>
  </si>
  <si>
    <t>\\acsfs\profiles$\LUCASBS\Favorites\desktop.ini</t>
  </si>
  <si>
    <t>\\acsfs\profiles$\LUCASBS\My Documents\My Music\desktop.ini</t>
  </si>
  <si>
    <t>\\acsfs\profiles$\LUCASBS\My Documents\My Music\</t>
  </si>
  <si>
    <t>\\acsfs\profiles$\LUCASBS\Searches\</t>
  </si>
  <si>
    <t>\\acsfs\profiles$\LUCASBS\Searches\desktop.ini</t>
  </si>
  <si>
    <t>\\acsfs\profiles$\LUCASBS\Downloads\desktop.ini</t>
  </si>
  <si>
    <t>\\acsfs\profiles$\Lucasbs\Favorites\</t>
  </si>
  <si>
    <t>\\acsfs\profiles$\LUCASBS\My Documents\desktop.ini</t>
  </si>
  <si>
    <t>\\acsfs\profiles$\LUCASBS\My Documents\</t>
  </si>
  <si>
    <t>\\acsfs\profiles$\Lucasbs\Downloads\</t>
  </si>
  <si>
    <t>\\acsfs\profiles$\LUCASBS\Saved Games\desktop.ini</t>
  </si>
  <si>
    <t>winrt--{S-1-5-21-602162358-764733703-839522115-332620}-.searchconnector-ms</t>
  </si>
  <si>
    <t>\\acsfs\profiles$\LUCASBS\Searches\winrt--{S-1-5-21-602162358-764733703-839522115-332620}-.searchconnector-ms</t>
  </si>
  <si>
    <t>dfdfa7d1-4162-4161-ad4e-05ce0f30d780.tmp</t>
  </si>
  <si>
    <t>\\acsfs\profiles$\LUCASNS\Downloads\dfdfa7d1-4162-4161-ad4e-05ce0f30d780.tmp</t>
  </si>
  <si>
    <t>65392d5b-9cbf-42e2-9e48-21e46115cb60.tmp</t>
  </si>
  <si>
    <t>\\acsfs\profiles$\LUCASNS\Downloads\65392d5b-9cbf-42e2-9e48-21e46115cb60.tmp</t>
  </si>
  <si>
    <t>6b366960-d650-4499-9f5b-92e5aaed7d3f.tmp</t>
  </si>
  <si>
    <t>\\acsfs\profiles$\larissaad\Downloads\6b366960-d650-4499-9f5b-92e5aaed7d3f.tmp</t>
  </si>
  <si>
    <t>9f74eaab-72fb-4faa-b36c-e945f12bad3a.tmp</t>
  </si>
  <si>
    <t>\\acsfs\profiles$\lorraynevam\Downloads\9f74eaab-72fb-4faa-b36c-e945f12bad3a.tmp</t>
  </si>
  <si>
    <t>d83c05f8-8eba-4069-bae6-0121ada20719.tmp</t>
  </si>
  <si>
    <t>\\acsfs\profiles$\maxmillianosv\Downloads\d83c05f8-8eba-4069-bae6-0121ada20719.tmp</t>
  </si>
  <si>
    <t>d74fd4a1-130b-45e7-8cd1-6e1b1e9c626f.tmp</t>
  </si>
  <si>
    <t>\\acsfs\profiles$\maxmillianosv\Downloads\d74fd4a1-130b-45e7-8cd1-6e1b1e9c626f.tmp</t>
  </si>
  <si>
    <t>93c7313f-95db-469e-a5db-dc3c7c0580c1.tmp</t>
  </si>
  <si>
    <t>\\acsfs\profiles$\lorrainerdl\Downloads\93c7313f-95db-469e-a5db-dc3c7c0580c1.tmp</t>
  </si>
  <si>
    <t>f6e677bf-cc15-44cb-a1b8-a770009ebe04.tmp</t>
  </si>
  <si>
    <t>\\acsfs\profiles$\lorrainerdl\Downloads\f6e677bf-cc15-44cb-a1b8-a770009ebe04.tmp</t>
  </si>
  <si>
    <t>C:\Users\anavbg\Downloads\</t>
  </si>
  <si>
    <t>Status Filas.xlsx</t>
  </si>
  <si>
    <t>\\acsfs\DEPTOS\Operacao\Banco_Votorantim\Supervisao\SUPERS BV CARTÕES\ANA VITORIA\APOIO\Status Filas.xlsx</t>
  </si>
  <si>
    <t>Filas-ALGAR - JONATAN.xlsx</t>
  </si>
  <si>
    <t>\\acsfs\DEPTOS\Operacao\Banco_Votorantim\Supervisao\SUPERS BV CARTÕES\ANA VITORIA\APOIO\Filas-ALGAR - JONATAN.xlsx</t>
  </si>
  <si>
    <t>16e51394-0626-4c50-adcd-492352750167.tmp</t>
  </si>
  <si>
    <t>\\acsfs\profiles$\milenaas\Downloads\16e51394-0626-4c50-adcd-492352750167.tmp</t>
  </si>
  <si>
    <t>89ac1d84-d656-48c3-a184-39c72eae9ac8.tmp</t>
  </si>
  <si>
    <t>\\acsfs\profiles$\sarahbal\Downloads\89ac1d84-d656-48c3-a184-39c72eae9ac8.tmp</t>
  </si>
  <si>
    <t>d900ac0b-889d-40fc-bf47-d4288d22cd0a.tmp</t>
  </si>
  <si>
    <t>\\acsfs\profiles$\luanaagl\Downloads\d900ac0b-889d-40fc-bf47-d4288d22cd0a.tmp</t>
  </si>
  <si>
    <t>f67fd1ba-8275-4ba5-98f6-faa3a1d3fcb9.tmp</t>
  </si>
  <si>
    <t>\\acsfs\profiles$\luanaagl\Downloads\f67fd1ba-8275-4ba5-98f6-faa3a1d3fcb9.tmp</t>
  </si>
  <si>
    <t>905c3138-93cf-4e4f-876d-7b7e2987eda2.tmp</t>
  </si>
  <si>
    <t>\\acsfs\profiles$\LUCASBS\Downloads\905c3138-93cf-4e4f-876d-7b7e2987eda2.tmp</t>
  </si>
  <si>
    <t>c46f76a5-34e9-45ae-bcca-f9d3f3493094.tmp</t>
  </si>
  <si>
    <t>\\acsfs\profiles$\LUCASBS\Downloads\c46f76a5-34e9-45ae-bcca-f9d3f3493094.tmp</t>
  </si>
  <si>
    <t>https://udpmailboxap01.acs.com.br:8443/h/search?si=0&amp;so=0&amp;sc=60273&amp;sfi=6&amp;st=conversation&amp;action=compose</t>
  </si>
  <si>
    <t>0551f811-5b18-44a1-9f69-0c05119ac639.tmp</t>
  </si>
  <si>
    <t>\\acsfs\profiles$\larissaad\Downloads\0551f811-5b18-44a1-9f69-0c05119ac639.tmp</t>
  </si>
  <si>
    <t>b86a21ce-b0c2-465d-9d84-7ca8d1f974d1.tmp</t>
  </si>
  <si>
    <t>\\acsfs\profiles$\lorraynevam\Downloads\b86a21ce-b0c2-465d-9d84-7ca8d1f974d1.tmp</t>
  </si>
  <si>
    <t>bd6b4cd1-b5e9-4676-8186-670cc49c1ca4.tmp</t>
  </si>
  <si>
    <t>\\acsfs\profiles$\lorrainerdl\Downloads\bd6b4cd1-b5e9-4676-8186-670cc49c1ca4.tmp</t>
  </si>
  <si>
    <t>eabc0142-9430-4773-acdf-a9484972c1ab.tmp</t>
  </si>
  <si>
    <t>\\acsfs\profiles$\mariellecs\Downloads\eabc0142-9430-4773-acdf-a9484972c1ab.tmp</t>
  </si>
  <si>
    <t>736b03cb-fa2b-405f-8636-e153f5bec1d3.tmp</t>
  </si>
  <si>
    <t>\\acsfs\profiles$\geovannasm\Downloads\736b03cb-fa2b-405f-8636-e153f5bec1d3.tmp</t>
  </si>
  <si>
    <t>9c3438e6-f2f5-4ae3-9f45-8b7d2b87d26c.tmp</t>
  </si>
  <si>
    <t>\\acsfs\profiles$\quindaizaagds\Downloads\9c3438e6-f2f5-4ae3-9f45-8b7d2b87d26c.tmp</t>
  </si>
  <si>
    <t>fd983378-3622-4869-be27-213536c3179e.tmp</t>
  </si>
  <si>
    <t>\\acsfs\profiles$\quindaizaagds\Downloads\fd983378-3622-4869-be27-213536c3179e.tmp</t>
  </si>
  <si>
    <t>45d78eab-419d-4698-93f0-e527650280af.tmp</t>
  </si>
  <si>
    <t>\\acsfs\profiles$\larissaad\Downloads\45d78eab-419d-4698-93f0-e527650280af.tmp</t>
  </si>
  <si>
    <t>c7d8734d-2d66-4746-9359-d30ca3e4584f.tmp</t>
  </si>
  <si>
    <t>\\acsfs\profiles$\ayalabfi\Downloads\c7d8734d-2d66-4746-9359-d30ca3e4584f.tmp</t>
  </si>
  <si>
    <t>14a59b66-ca11-4fc7-9c42-5857d2866f8f.tmp</t>
  </si>
  <si>
    <t>\\acsfs\profiles$\ayalabfi\Downloads\14a59b66-ca11-4fc7-9c42-5857d2866f8f.tmp</t>
  </si>
  <si>
    <t>813563f8-5435-4b51-88ac-f46573583d37.tmp</t>
  </si>
  <si>
    <t>\\acsfs\profiles$\ayalabfi\Downloads\813563f8-5435-4b51-88ac-f46573583d37.tmp</t>
  </si>
  <si>
    <t>ded61716-9b2a-4b20-913f-3f0afe33f23c.tmp</t>
  </si>
  <si>
    <t>\\acsfs\profiles$\ayalabfi\Downloads\ded61716-9b2a-4b20-913f-3f0afe33f23c.tmp</t>
  </si>
  <si>
    <t>Relatorio de Vendas - Auditoria BV Cartoes (Dezembro) Cliente.xlsx</t>
  </si>
  <si>
    <t>\\acsfs\DEPTOS\Operacao\Banco_Votorantim\Qualidade\Anderson\Jose\Atualizado\Relatorio de Vendas - Auditoria BV Cartoes (Dezembro) Cliente.xlsx</t>
  </si>
  <si>
    <t>34006b6d-4fad-4b00-9d96-472c1743f5d6.tmp</t>
  </si>
  <si>
    <t>\\acsfs\profiles$\danielac\Downloads\34006b6d-4fad-4b00-9d96-472c1743f5d6.tmp</t>
  </si>
  <si>
    <t>eddcc1ef-0b1f-4b63-a502-6928eaac5839.tmp</t>
  </si>
  <si>
    <t>\\acsfs\profiles$\YASMINSC\Downloads\eddcc1ef-0b1f-4b63-a502-6928eaac5839.tmp</t>
  </si>
  <si>
    <t>8c2fb200-3e6a-4393-932d-03307660a553.tmp</t>
  </si>
  <si>
    <t>\\acsfs\profiles$\geovannasm\Downloads\8c2fb200-3e6a-4393-932d-03307660a553.tmp</t>
  </si>
  <si>
    <t>2db2c3e8-c8b7-497d-865b-7a2da895dbbd.tmp</t>
  </si>
  <si>
    <t>\\acsfs\profiles$\isabellegtds\Downloads\2db2c3e8-c8b7-497d-865b-7a2da895dbbd.tmp</t>
  </si>
  <si>
    <t>6481e5b5-ac4b-49db-82b5-48042d299c52.tmp</t>
  </si>
  <si>
    <t>\\acsfs\profiles$\isabellegtds\Downloads\6481e5b5-ac4b-49db-82b5-48042d299c52.tmp</t>
  </si>
  <si>
    <t>60b68a39-337b-46c5-9548-5d806aab1af2.tmp</t>
  </si>
  <si>
    <t>\\acsfs\profiles$\sarahbal\Downloads\60b68a39-337b-46c5-9548-5d806aab1af2.tmp</t>
  </si>
  <si>
    <t>8d27b3cf-d0f3-40ff-a813-62d7d81692a3.tmp</t>
  </si>
  <si>
    <t>\\acsfs\profiles$\danielmlds\Downloads\8d27b3cf-d0f3-40ff-a813-62d7d81692a3.tmp</t>
  </si>
  <si>
    <t>a52a2213-6353-4235-a297-ecc0144f1aab.tmp</t>
  </si>
  <si>
    <t>\\acsfs\profiles$\danielmlds\Downloads\a52a2213-6353-4235-a297-ecc0144f1aab.tmp</t>
  </si>
  <si>
    <t>7b7bed70-26c5-4075-98da-250de8d14d6a.tmp</t>
  </si>
  <si>
    <t>\\acsfs\profiles$\nataliacsl\Downloads\7b7bed70-26c5-4075-98da-250de8d14d6a.tmp</t>
  </si>
  <si>
    <t>238fc7dc-744a-482d-be35-9d8a897fc095.tmp</t>
  </si>
  <si>
    <t>\\acsfs\profiles$\ayalabfi\Downloads\238fc7dc-744a-482d-be35-9d8a897fc095.tmp</t>
  </si>
  <si>
    <t>Relatorio de Vendas - Auditoria BV Cartoes (Dezembro) SUPERVISÃO.xlsx</t>
  </si>
  <si>
    <t>\\acsfs\DEPTOS\Operacao\Banco_Votorantim\Qualidade\Anderson\Jose\Atualizado\Relatorio de Vendas - Auditoria BV Cartoes (Dezembro) SUPERVISÃO.xlsx</t>
  </si>
  <si>
    <t>2f8bdd18-2d81-4041-8d91-03cedb9db7f7.tmp</t>
  </si>
  <si>
    <t>\\acsfs\profiles$\leticiala\Downloads\2f8bdd18-2d81-4041-8d91-03cedb9db7f7.tmp</t>
  </si>
  <si>
    <t>1db0dd41-12c5-496f-85db-1c1272ba42d3.tmp</t>
  </si>
  <si>
    <t>\\acsfs\profiles$\talitafdc\Downloads\1db0dd41-12c5-496f-85db-1c1272ba42d3.tmp</t>
  </si>
  <si>
    <t>Unconfirmed 832402.crdownload</t>
  </si>
  <si>
    <t>\\acsfs\profiles$\talitafdc\Downloads\Unconfirmed 832402.crdownload</t>
  </si>
  <si>
    <t>66aed440-cb09-4cd5-85d5-0c9da58ccd21.tmp</t>
  </si>
  <si>
    <t>\\acsfs\profiles$\vivianealda\Downloads\66aed440-cb09-4cd5-85d5-0c9da58ccd21.tmp</t>
  </si>
  <si>
    <t>38139abd-8d3d-4277-9677-e9578bb31c93.tmp</t>
  </si>
  <si>
    <t>\\acsfs\profiles$\victoriaksr\Downloads\38139abd-8d3d-4277-9677-e9578bb31c93.tmp</t>
  </si>
  <si>
    <t>71256c52-e71b-4129-96ec-a36a66842737.tmp</t>
  </si>
  <si>
    <t>\\acsfs\profiles$\nataliacsl\Downloads\71256c52-e71b-4129-96ec-a36a66842737.tmp</t>
  </si>
  <si>
    <t>Relatorio de Vendas - Auditoria BV Cartoes (Dezembro)_FECHAMENTO - Cópia.xlsx</t>
  </si>
  <si>
    <t>\\acsfs\DEPTOS\Operacao\Banco_Votorantim\Qualidade\Anderson\Jose\Atualizado\Relatorio de Vendas - Auditoria BV Cartoes (Dezembro)_FECHAMENTO - Cópia.xlsx</t>
  </si>
  <si>
    <t>dc92d1bf-793f-4412-a359-9c6c7c9d428d.tmp</t>
  </si>
  <si>
    <t>\\acsfs\profiles$\inarajst\Downloads\dc92d1bf-793f-4412-a359-9c6c7c9d428d.tmp</t>
  </si>
  <si>
    <t>4d98d825-609c-42d0-a32e-67fe6eeeea82.tmp</t>
  </si>
  <si>
    <t>\\acsfs\profiles$\vivianealda\Downloads\4d98d825-609c-42d0-a32e-67fe6eeeea82.tmp</t>
  </si>
  <si>
    <t>34a7eac5-929a-40c9-81ef-61d78f1afa0e.tmp</t>
  </si>
  <si>
    <t>\\acsfs\profiles$\eduardofss\Downloads\34a7eac5-929a-40c9-81ef-61d78f1afa0e.tmp</t>
  </si>
  <si>
    <t>Q29udHJvbGxlci5QYXl3YXJlXzEtMg-- (42).ica</t>
  </si>
  <si>
    <t>\\acsfs\profiles$\eduardofss\Downloads\Q29udHJvbGxlci5QYXl3YXJlXzEtMg-- (42).ica</t>
  </si>
  <si>
    <t>ae8d0707-00d8-49df-be74-6091113990c6.tmp</t>
  </si>
  <si>
    <t>\\acsfs\profiles$\eduardofss\Downloads\ae8d0707-00d8-49df-be74-6091113990c6.tmp</t>
  </si>
  <si>
    <t>lu1144jm27.tmp</t>
  </si>
  <si>
    <t>\\acsfs\profiles$\LUCASBS\Planilhas\lu1144jm27.tmp</t>
  </si>
  <si>
    <t>8f80f37d-2ed5-416a-a69e-e4ec0837197e.tmp</t>
  </si>
  <si>
    <t>\\acsfs\profiles$\eduardofss\Downloads\8f80f37d-2ed5-416a-a69e-e4ec0837197e.tmp</t>
  </si>
  <si>
    <t>3dc8736d-dfe6-4ee5-8d8b-32b0a14d2afb.tmp</t>
  </si>
  <si>
    <t>\\acsfs\profiles$\larissaad\Downloads\3dc8736d-dfe6-4ee5-8d8b-32b0a14d2afb.tmp</t>
  </si>
  <si>
    <t>922e3842-7178-4846-826e-09c0751ffcb2.tmp</t>
  </si>
  <si>
    <t>\\acsfs\profiles$\lorrainerdl\Downloads\922e3842-7178-4846-826e-09c0751ffcb2.tmp</t>
  </si>
  <si>
    <t>323de29b-b2d4-49b4-89f7-272d2be2ef9b.tmp</t>
  </si>
  <si>
    <t>\\acsfs\profiles$\lucasgpe\Downloads\323de29b-b2d4-49b4-89f7-272d2be2ef9b.tmp</t>
  </si>
  <si>
    <t>ab4e1d4b-b9a0-4211-96f0-48dca63fa089.tmp</t>
  </si>
  <si>
    <t>\\acsfs\profiles$\geovanaasa\Downloads\ab4e1d4b-b9a0-4211-96f0-48dca63fa089.tmp</t>
  </si>
  <si>
    <t>d4efca96-0d93-41ae-bf2b-a161809d2a20.tmp</t>
  </si>
  <si>
    <t>\\acsfs\profiles$\geovanaasa\Downloads\d4efca96-0d93-41ae-bf2b-a161809d2a20.tmp</t>
  </si>
  <si>
    <t>b6479705-6738-45c3-9f00-137892dae850.tmp</t>
  </si>
  <si>
    <t>\\acsfs\profiles$\adelvinsonle\Downloads\b6479705-6738-45c3-9f00-137892dae850.tmp</t>
  </si>
  <si>
    <t>968b66c0-6267-462e-b378-b22afee9381f.tmp</t>
  </si>
  <si>
    <t>\\acsfs\profiles$\adelvinsonle\Downloads\968b66c0-6267-462e-b378-b22afee9381f.tmp</t>
  </si>
  <si>
    <t>9e38eeb2-aa48-46d3-be3a-3f1a6829960a.tmp</t>
  </si>
  <si>
    <t>\\acsfs\profiles$\luanaagl\Downloads\9e38eeb2-aa48-46d3-be3a-3f1a6829960a.tmp</t>
  </si>
  <si>
    <t>1b936155-a274-4a94-a517-69b0555438e2.tmp</t>
  </si>
  <si>
    <t>\\acsfs\profiles$\victoriaksr\Downloads\1b936155-a274-4a94-a517-69b0555438e2.tmp</t>
  </si>
  <si>
    <t>913551cd-c483-44d7-8117-6cad3dd46cca.tmp</t>
  </si>
  <si>
    <t>\\acsfs\profiles$\PEDROHAB\Downloads\913551cd-c483-44d7-8117-6cad3dd46cca.tmp</t>
  </si>
  <si>
    <t>e3c4478f-98d4-4cd8-8490-89e40075fc17.tmp</t>
  </si>
  <si>
    <t>\\acsfs\profiles$\PEDROHAB\Downloads\e3c4478f-98d4-4cd8-8490-89e40075fc17.tmp</t>
  </si>
  <si>
    <t>0b436858-2ab6-49fb-9f3a-4a64b15fd3fe.tmp</t>
  </si>
  <si>
    <t>\\acsfs\profiles$\PEDROHAB\Downloads\0b436858-2ab6-49fb-9f3a-4a64b15fd3fe.tmp</t>
  </si>
  <si>
    <t>8e98ad5f-0582-4b16-ae61-7e344b369594.tmp</t>
  </si>
  <si>
    <t>\\acsfs\profiles$\cintiadcf\Downloads\8e98ad5f-0582-4b16-ae61-7e344b369594.tmp</t>
  </si>
  <si>
    <t>86324d3f-df48-4c30-a884-86a9aa2e1bd5.tmp</t>
  </si>
  <si>
    <t>\\acsfs\profiles$\lorrainerdl\Downloads\86324d3f-df48-4c30-a884-86a9aa2e1bd5.tmp</t>
  </si>
  <si>
    <t>eb71ca7a-faab-46fc-95bb-384303780ec5.tmp</t>
  </si>
  <si>
    <t>\\acsfs\profiles$\lorrainerdl\Downloads\eb71ca7a-faab-46fc-95bb-384303780ec5.tmp</t>
  </si>
  <si>
    <t>9a69716c-3aa1-4ef1-bb65-792f81afb0f7.tmp</t>
  </si>
  <si>
    <t>\\acsfs\profiles$\lorrainerdl\Downloads\9a69716c-3aa1-4ef1-bb65-792f81afb0f7.tmp</t>
  </si>
  <si>
    <t>\\acsfs\profiles$\ALEXANDREMM\.~lock.Novo(a) Planilha OpenDocument.ods#</t>
  </si>
  <si>
    <t>3e4b9df9-88d5-4ad3-a508-f52da9dece0c.tmp</t>
  </si>
  <si>
    <t>\\acsfs\profiles$\leticiala\Downloads\3e4b9df9-88d5-4ad3-a508-f52da9dece0c.tmp</t>
  </si>
  <si>
    <t>6f6ef183-9d9a-4c21-be4b-d13c75f8778d.tmp</t>
  </si>
  <si>
    <t>\\acsfs\profiles$\lucasgpe\Downloads\6f6ef183-9d9a-4c21-be4b-d13c75f8778d.tmp</t>
  </si>
  <si>
    <t>e738973c-8454-475e-be0a-8f6a4c0fdba5.tmp</t>
  </si>
  <si>
    <t>\\acsfs\profiles$\milenaas\Downloads\e738973c-8454-475e-be0a-8f6a4c0fdba5.tmp</t>
  </si>
  <si>
    <t>.~lock.Vendas 13.12.2019.xlsx#</t>
  </si>
  <si>
    <t>\\acsfs\profiles$\LUCASBS\Planilhas\.~lock.Vendas 13.12.2019.xlsx#</t>
  </si>
  <si>
    <t>5071ce98-ef3a-4450-81a1-7911defcd456.tmp</t>
  </si>
  <si>
    <t>\\acsfs\profiles$\nataliacsl\Downloads\5071ce98-ef3a-4450-81a1-7911defcd456.tmp</t>
  </si>
  <si>
    <t>3b061944-5ad8-4c70-9a73-503ecbb50ed8.tmp</t>
  </si>
  <si>
    <t>\\acsfs\profiles$\leticiala\Downloads\3b061944-5ad8-4c70-9a73-503ecbb50ed8.tmp</t>
  </si>
  <si>
    <t>lu54043tp62r.tmp</t>
  </si>
  <si>
    <t>\\acsfs\profiles$\CLAUDIAJCA\lu54043tp62r.tmp</t>
  </si>
  <si>
    <t>\\acsfs\profiles$\CLAUDIAJCA\lu54043tp62r.tmp\</t>
  </si>
  <si>
    <t>\\acsfs\profiles$\CLAUDIAJCA\lu54043tp62r.tmp\META-INF\</t>
  </si>
  <si>
    <t>\\acsfs\profiles$\CLAUDIAJCA\lu54043tp62r.tmp\Thumbnails\</t>
  </si>
  <si>
    <t>556f4e30-bac4-46e6-b604-cd78baa8a357.tmp</t>
  </si>
  <si>
    <t>\\acsfs\profiles$\mariliafplb\Downloads\556f4e30-bac4-46e6-b604-cd78baa8a357.tmp</t>
  </si>
  <si>
    <t>lu1144jm2g.tmp</t>
  </si>
  <si>
    <t>\\acsfs\profiles$\LUCASBS\Planilhas\lu1144jm2g.tmp</t>
  </si>
  <si>
    <t>lu1144jm2m.tmp</t>
  </si>
  <si>
    <t>\\acsfs\profiles$\LUCASBS\Planilhas\lu1144jm2m.tmp</t>
  </si>
  <si>
    <t>lu1144jm2s.tmp</t>
  </si>
  <si>
    <t>\\acsfs\profiles$\LUCASBS\Planilhas\lu1144jm2s.tmp</t>
  </si>
  <si>
    <t>10.200.67.33</t>
  </si>
  <si>
    <t>74-86-7A-FB-17-15</t>
  </si>
  <si>
    <t>VOTORANT-GB003</t>
  </si>
  <si>
    <t>\\acsfs\profiles$\cinthiacsda\Contacts\</t>
  </si>
  <si>
    <t>CINTHIA CRISTYELLE SANTOS DE ARAUJO (36).contact</t>
  </si>
  <si>
    <t>\\acsfs\profiles$\cinthiacsda\Contacts\CINTHIA CRISTYELLE SANTOS DE ARAUJO (36).contact</t>
  </si>
  <si>
    <t>\\acsfs\profiles$\cinthiacsda\My Documents\My Videos\</t>
  </si>
  <si>
    <t>\\acsfs\profiles$\cinthiacsda\My Documents\My Videos\desktop.ini</t>
  </si>
  <si>
    <t>\\acsfs\profiles$\cinthiacsda\My Documents\My Pictures\</t>
  </si>
  <si>
    <t>\\acsfs\profiles$\cinthiacsda\My Documents\My Pictures\desktop.ini</t>
  </si>
  <si>
    <t>\\acsfs\profiles$\cinthiacsda\Contacts\desktop.ini</t>
  </si>
  <si>
    <t>\\acsfs\profiles$\cinthiacsda\Favorites\</t>
  </si>
  <si>
    <t>\\acsfs\profiles$\cinthiacsda\Favorites\desktop.ini</t>
  </si>
  <si>
    <t>algartechcpcbv@algartech.com;andrelpsa@algartech.com;cpc-controldeskavon@algartech.com;joseasn@algartech.com;josiascdsj@algartech.com;leonardoao@algartech.com;luiz.henriquesantos@avon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\\acsfs\profiles$\cinthiacsda\My Documents\My Music\</t>
  </si>
  <si>
    <t>\\acsfs\profiles$\cinthiacsda\My Documents\My Music\desktop.ini</t>
  </si>
  <si>
    <t>\\acsfs\profiles$\cinthiacsda\Searches\</t>
  </si>
  <si>
    <t>\\acsfs\profiles$\cinthiacsda\Searches\desktop.ini</t>
  </si>
  <si>
    <t>\\acsfs\profiles$\cinthiacsda\Downloads\desktop.ini</t>
  </si>
  <si>
    <t>\\acsfs\profiles$\cinthiacsda\My Documents\desktop.ini</t>
  </si>
  <si>
    <t>\\acsfs\profiles$\cinthiacsda\Saved Games\</t>
  </si>
  <si>
    <t>\\acsfs\profiles$\cinthiacsda\Saved Games\desktop.ini</t>
  </si>
  <si>
    <t>\\acsfs\profiles$\cinthiacsda\Favorites\Links for Brasil\</t>
  </si>
  <si>
    <t>\\acsfs\profiles$\cinthiacsda\Favorites\Links for Brasil\desktop.ini</t>
  </si>
  <si>
    <t>\\acsfs\profiles$\cinthiacsda\Favorites\Links for Brasil\Microsoft Brasil.url</t>
  </si>
  <si>
    <t>\\acsfs\profiles$\cinthiacsda\Favorites\Links for Brasil\Windows Brasil.url</t>
  </si>
  <si>
    <t>\\acsfs\profiles$\cinthiacsda\Favorites\Links for Brasil\MSN Brasil.url</t>
  </si>
  <si>
    <t>71bc8a88-2c3d-48ef-8dba-c377df6b7ece.tmp</t>
  </si>
  <si>
    <t>\\acsfs\profiles$\antoniosva\Downloads\71bc8a88-2c3d-48ef-8dba-c377df6b7ece.tmp</t>
  </si>
  <si>
    <t>6f1575b3-fc19-4fff-8d46-4c90103d7f39.tmp</t>
  </si>
  <si>
    <t>\\acsfs\profiles$\antoniosva\Downloads\6f1575b3-fc19-4fff-8d46-4c90103d7f39.tmp</t>
  </si>
  <si>
    <t>ee0b55af-87cf-4dc5-a49c-4a6ff5fc7c3e.tmp</t>
  </si>
  <si>
    <t>\\acsfs\profiles$\antoniosva\Downloads\ee0b55af-87cf-4dc5-a49c-4a6ff5fc7c3e.tmp</t>
  </si>
  <si>
    <t>a4d39699-4fd5-462f-b8e1-e04149eef99b.tmp</t>
  </si>
  <si>
    <t>\\acsfs\profiles$\antoniosva\Downloads\a4d39699-4fd5-462f-b8e1-e04149eef99b.tmp</t>
  </si>
  <si>
    <t>9d1e9802-2c27-4caf-9f79-a19986b21e2b.tmp</t>
  </si>
  <si>
    <t>\\acsfs\profiles$\antoniosva\Downloads\9d1e9802-2c27-4caf-9f79-a19986b21e2b.tmp</t>
  </si>
  <si>
    <t>b935acfa-6a25-4b1d-9909-aba68aa70e6a.tmp</t>
  </si>
  <si>
    <t>\\acsfs\profiles$\antoniosva\Downloads\b935acfa-6a25-4b1d-9909-aba68aa70e6a.tmp</t>
  </si>
  <si>
    <t>61f47298-3e5a-46e1-af1b-e7b1fa2fd32d.tmp</t>
  </si>
  <si>
    <t>\\acsfs\profiles$\antoniosva\Downloads\61f47298-3e5a-46e1-af1b-e7b1fa2fd32d.tmp</t>
  </si>
  <si>
    <t>2c7bfd03-da51-479b-ab0a-586f69d494dc.tmp</t>
  </si>
  <si>
    <t>\\acsfs\profiles$\adelvinsonle\Downloads\2c7bfd03-da51-479b-ab0a-586f69d494dc.tmp</t>
  </si>
  <si>
    <t>866f6642-a386-4020-9a2a-77ab37aa1895.tmp</t>
  </si>
  <si>
    <t>\\acsfs\profiles$\Flaviojmm\Downloads\866f6642-a386-4020-9a2a-77ab37aa1895.tmp</t>
  </si>
  <si>
    <t>67295b92-430b-4378-a17e-a7b283c8e402.tmp</t>
  </si>
  <si>
    <t>\\acsfs\profiles$\Flaviojmm\Downloads\67295b92-430b-4378-a17e-a7b283c8e402.tmp</t>
  </si>
  <si>
    <t>14c7569c-33de-40d0-af11-aaf9ed856a82.tmp</t>
  </si>
  <si>
    <t>\\acsfs\profiles$\Flaviojmm\Downloads\14c7569c-33de-40d0-af11-aaf9ed856a82.tmp</t>
  </si>
  <si>
    <t>lu77912bfudpf.tmp</t>
  </si>
  <si>
    <t>\\acsfs\profiles$\BRUNAAR\Numero\lu77912bfudpf.tmp</t>
  </si>
  <si>
    <t>4b6bf606-7f15-4f80-bf43-df0ea6c35f2e.tmp</t>
  </si>
  <si>
    <t>\\acsfs\profiles$\deboraaa\Downloads\4b6bf606-7f15-4f80-bf43-df0ea6c35f2e.tmp</t>
  </si>
  <si>
    <t>\\acsfs\deptos\Operacao\PCP\5 - Comum\ALESSANDRA GOMES DOS SANTOS BARROS\AVON\Relatórios\1 - NCOB\2020\01 - JANEIRO\</t>
  </si>
  <si>
    <t>ACOMPANHAMENTO NCOB - Jan.2020.xlsx</t>
  </si>
  <si>
    <t>\\acsfs\deptos\Operacao\PCP\5 - Comum\ALESSANDRA GOMES DOS SANTOS BARROS\AVON\Relatórios\1 - NCOB\2020\01 - JANEIRO\ACOMPANHAMENTO NCOB - Jan.2020.xlsx</t>
  </si>
  <si>
    <t>cpc-controldeskavon@algartech.com;joseasn@algartech.com;josiascdsj@algartech.com;luiz.henriquesantos@avon.com;marianadjc@algartech.com;paulacn@algartech.com;rafaelggs@algartech.com;viniciussg@algartech.com;</t>
  </si>
  <si>
    <t>cpc-controldeskavon@algartech.com,joseasn@algartech.com,josiascdsj@algartech.com,luiz.henriquesantos@avon.com,marianadjc@algartech.com,paulacn@algartech.com,rafaelggs@algartech.com,viniciussg@algartech.com</t>
  </si>
  <si>
    <t>4f10ffe1-1d67-4a51-b879-9486f2523aeb.tmp</t>
  </si>
  <si>
    <t>\\acsfs\profiles$\antoniosva\Downloads\4f10ffe1-1d67-4a51-b879-9486f2523aeb.tmp</t>
  </si>
  <si>
    <t>78983d49-af53-45d0-af78-eaf8efdfb9cb.tmp</t>
  </si>
  <si>
    <t>\\acsfs\profiles$\gabrielhca\Downloads\78983d49-af53-45d0-af78-eaf8efdfb9cb.tmp</t>
  </si>
  <si>
    <t>27e0cd6b-1835-4a49-893a-1a341345109a.tmp</t>
  </si>
  <si>
    <t>\\acsfs\profiles$\gabrielhca\Downloads\27e0cd6b-1835-4a49-893a-1a341345109a.tmp</t>
  </si>
  <si>
    <t>69da8db4-8f92-4e20-aeeb-e26e674be6cd.tmp</t>
  </si>
  <si>
    <t>\\acsfs\profiles$\gabrielhca\Downloads\69da8db4-8f92-4e20-aeeb-e26e674be6cd.tmp</t>
  </si>
  <si>
    <t>4f71b6cb-2db4-4040-a0b6-7be1015fe535.tmp</t>
  </si>
  <si>
    <t>\\acsfs\profiles$\LUCASBS\Downloads\4f71b6cb-2db4-4040-a0b6-7be1015fe535.tmp</t>
  </si>
  <si>
    <t>ebc0158c-e30d-48c5-b01e-4396387e9258.tmp</t>
  </si>
  <si>
    <t>\\acsfs\profiles$\mariliafplb\Downloads\ebc0158c-e30d-48c5-b01e-4396387e9258.tmp</t>
  </si>
  <si>
    <t>lu77912bfudpi.tmp</t>
  </si>
  <si>
    <t>\\acsfs\profiles$\BRUNAAR\Numero\lu77912bfudpi.tmp</t>
  </si>
  <si>
    <t>lu73196bfyt2b.tmp</t>
  </si>
  <si>
    <t>\\acsfs\DEPTOS\Operacao\Banco_Votorantim\Supervisao\SUPERS BV CARTÕES\ANA VITORIA\APOIO\lu73196bfyt2b.tmp</t>
  </si>
  <si>
    <t>\\acsfs\DEPTOS\Operacao\Banco_Votorantim\Supervisao\SUPERS BV CARTÕES\ANA VITORIA\APOIO\lu73196bfyt2b.tmp\</t>
  </si>
  <si>
    <t>\\acsfs\DEPTOS\Operacao\Banco_Votorantim\Supervisao\SUPERS BV CARTÕES\ANA VITORIA\APOIO\lu73196bfyt2b.tmp\META-INF\</t>
  </si>
  <si>
    <t>\\acsfs\DEPTOS\Operacao\Banco_Votorantim\Supervisao\SUPERS BV CARTÕES\ANA VITORIA\APOIO\lu73196bfyt2b.tmp\Thumbnails\</t>
  </si>
  <si>
    <t>a0074630-52a6-41f5-9267-1a19ee24832a.tmp</t>
  </si>
  <si>
    <t>\\acsfs\profiles$\gabrielhca\Downloads\a0074630-52a6-41f5-9267-1a19ee24832a.tmp</t>
  </si>
  <si>
    <t>a284869f-69ee-458a-ba59-da828d7cffdb.tmp</t>
  </si>
  <si>
    <t>\\acsfs\profiles$\victoriaksr\Downloads\a284869f-69ee-458a-ba59-da828d7cffdb.tmp</t>
  </si>
  <si>
    <t>.~lock.Retratação Qualidade.xlsx#</t>
  </si>
  <si>
    <t>\\acsfs\profiles$\victoriaksr\Downloads\.~lock.Retratação Qualidade.xlsx#</t>
  </si>
  <si>
    <t>28e8d18a-ec80-4e81-8b44-cf28b59dd495.tmp</t>
  </si>
  <si>
    <t>\\acsfs\profiles$\larissaad\Downloads\28e8d18a-ec80-4e81-8b44-cf28b59dd495.tmp</t>
  </si>
  <si>
    <t>bf98c264-2bd3-4f4b-b993-58ba709876fa.tmp</t>
  </si>
  <si>
    <t>\\acsfs\profiles$\luanarda\Downloads\bf98c264-2bd3-4f4b-b993-58ba709876fa.tmp</t>
  </si>
  <si>
    <t>d04735e0-c7b4-47c8-85f2-b792ae6cf8ea.tmp</t>
  </si>
  <si>
    <t>\\acsfs\profiles$\nayarasds\Downloads\d04735e0-c7b4-47c8-85f2-b792ae6cf8ea.tmp</t>
  </si>
  <si>
    <t>de471d8c-f30a-46af-803a-0a09e9b59e85.tmp</t>
  </si>
  <si>
    <t>\\acsfs\profiles$\nayarasds\Downloads\de471d8c-f30a-46af-803a-0a09e9b59e85.tmp</t>
  </si>
  <si>
    <t>a4b0f394-bb0f-4c3b-a4ed-301070046d81.tmp</t>
  </si>
  <si>
    <t>\\acsfs\profiles$\nayarasds\Downloads\a4b0f394-bb0f-4c3b-a4ed-301070046d81.tmp</t>
  </si>
  <si>
    <t>lu1144jm33.tmp</t>
  </si>
  <si>
    <t>\\acsfs\profiles$\LUCASBS\Planilhas\lu1144jm33.tmp</t>
  </si>
  <si>
    <t>edc7c696-ed20-42d4-8114-37d84a576584.tmp</t>
  </si>
  <si>
    <t>\\acsfs\profiles$\jaquelinecp\Downloads\edc7c696-ed20-42d4-8114-37d84a576584.tmp</t>
  </si>
  <si>
    <t>bc208bb6-1102-411d-9a69-804fccb0cf88.tmp</t>
  </si>
  <si>
    <t>\\acsfs\profiles$\jaquelinecp\Downloads\bc208bb6-1102-411d-9a69-804fccb0cf88.tmp</t>
  </si>
  <si>
    <t>b420e3b3-e525-499c-9bd6-20bc48c0f081.tmp</t>
  </si>
  <si>
    <t>\\acsfs\profiles$\jaquelinecp\Downloads\b420e3b3-e525-499c-9bd6-20bc48c0f081.tmp</t>
  </si>
  <si>
    <t>Ligação - LUCAS-CASO GLEICIA (ICATU)_1_6773712610458142576_1_32.wav</t>
  </si>
  <si>
    <t>\\acsfs\DEPTOS\EDUCACAO EMPRESARIAL\2 - Operações\0 - BV\5 - QUALIDADE\Nova pasta\jose\Ligação - LUCAS-CASO GLEICIA (ICATU)_1_6773712610458142576_1_32.wav</t>
  </si>
  <si>
    <t>74d9a1cf-f2f9-4472-b9f7-9d1bae4308e3.tmp</t>
  </si>
  <si>
    <t>\\acsfs\profiles$\nayarasds\Downloads\74d9a1cf-f2f9-4472-b9f7-9d1bae4308e3.tmp</t>
  </si>
  <si>
    <t>cdec50f9-b6ac-4bd8-8d5d-3de1f1f55410.tmp</t>
  </si>
  <si>
    <t>\\acsfs\profiles$\nayarasds\Downloads\cdec50f9-b6ac-4bd8-8d5d-3de1f1f55410.tmp</t>
  </si>
  <si>
    <t>4ba0d2e8-c887-4ea2-ae14-3852c7ec61d0.tmp</t>
  </si>
  <si>
    <t>\\acsfs\profiles$\nayarasds\Downloads\4ba0d2e8-c887-4ea2-ae14-3852c7ec61d0.tmp</t>
  </si>
  <si>
    <t>25bc37be-91e8-4525-9fc1-4fe7be7cbaaf.tmp</t>
  </si>
  <si>
    <t>\\acsfs\profiles$\nayarasds\Downloads\25bc37be-91e8-4525-9fc1-4fe7be7cbaaf.tmp</t>
  </si>
  <si>
    <t>https://algartechcpcbv@algartech.com,andrelpsa@algartech.com,cpc-controldeskavon@algartech.com,joseasn@algartech.com,josiascdsj@algartech.com,leonardoao@algartech.com,luiz.henriquesantos@avon.com,marianadjc@algartech.com,paulacn@algartech.com,qualidadealgarbv@algartech.com,rafaelggs@algartech.com,supervisaobancovotorantim@algartech.com,taysdss@algartech.com,thiagolrc@bv.algartech.com,viniciussg@algartech.com</t>
  </si>
  <si>
    <t>andrelpsa@algartech.com;catianalv@algartech.com;cpc-controldeskavon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d665a751-b140-4f07-a859-b2ebc6424808.tmp</t>
  </si>
  <si>
    <t>\\acsfs\profiles$\LAISLG\Downloads\d665a751-b140-4f07-a859-b2ebc6424808.tmp</t>
  </si>
  <si>
    <t>93cffc13-35cf-4217-94eb-598aded842c8.tmp</t>
  </si>
  <si>
    <t>\\acsfs\profiles$\LAISLG\Downloads\93cffc13-35cf-4217-94eb-598aded842c8.tmp</t>
  </si>
  <si>
    <t>lu1144jm39.tmp</t>
  </si>
  <si>
    <t>\\acsfs\profiles$\LUCASBS\Planilhas\lu1144jm39.tmp</t>
  </si>
  <si>
    <t>lu1144jm3f.tmp</t>
  </si>
  <si>
    <t>\\acsfs\profiles$\LUCASBS\Planilhas\lu1144jm3f.tmp</t>
  </si>
  <si>
    <t>lu1144jm3l.tmp</t>
  </si>
  <si>
    <t>\\acsfs\profiles$\LUCASBS\Planilhas\lu1144jm3l.tmp</t>
  </si>
  <si>
    <t>aaf77573-c094-44be-bc45-5481464dd964.tmp</t>
  </si>
  <si>
    <t>\\acsfs\profiles$\alessandraan\Downloads\aaf77573-c094-44be-bc45-5481464dd964.tmp</t>
  </si>
  <si>
    <t>8a31c426-2f7f-4300-a5e3-d4cf051cf1b4.tmp</t>
  </si>
  <si>
    <t>\\acsfs\profiles$\alessandraan\Downloads\8a31c426-2f7f-4300-a5e3-d4cf051cf1b4.tmp</t>
  </si>
  <si>
    <t>0f59c7c8-d5f4-4d18-ba06-a5ce84e6822e.tmp</t>
  </si>
  <si>
    <t>\\acsfs\profiles$\alessandraan\Downloads\0f59c7c8-d5f4-4d18-ba06-a5ce84e6822e.tmp</t>
  </si>
  <si>
    <t>9ae1b0bc-165d-44fa-91fb-855b2f767fea.tmp</t>
  </si>
  <si>
    <t>\\acsfs\profiles$\alessandraan\Downloads\9ae1b0bc-165d-44fa-91fb-855b2f767fea.tmp</t>
  </si>
  <si>
    <t>a8fbb105-7bcb-404f-bda2-258e558b985c.tmp</t>
  </si>
  <si>
    <t>\\acsfs\profiles$\alessandraan\Downloads\a8fbb105-7bcb-404f-bda2-258e558b985c.tmp</t>
  </si>
  <si>
    <t>255fe9cd-d76b-41da-86d8-29ecd2d1f146.tmp</t>
  </si>
  <si>
    <t>\\acsfs\profiles$\alessandraan\Downloads\255fe9cd-d76b-41da-86d8-29ecd2d1f146.tmp</t>
  </si>
  <si>
    <t>7ab31fc9-3743-4034-a0b7-3540061b4cce.tmp</t>
  </si>
  <si>
    <t>\\acsfs\profiles$\lucasgpe\Downloads\7ab31fc9-3743-4034-a0b7-3540061b4cce.tmp</t>
  </si>
  <si>
    <t>gabrielsma</t>
  </si>
  <si>
    <t>dcdd28c8-6dcf-4329-96a2-a8b345ed19c5.tmp</t>
  </si>
  <si>
    <t>\\acsfs\profiles$\sarahbal\Downloads\dcdd28c8-6dcf-4329-96a2-a8b345ed19c5.tmp</t>
  </si>
  <si>
    <t>57622daf-b7d3-4aa4-bcc1-e76238d4098a.tmp</t>
  </si>
  <si>
    <t>\\acsfs\profiles$\gabrielhca\Downloads\57622daf-b7d3-4aa4-bcc1-e76238d4098a.tmp</t>
  </si>
  <si>
    <t>98e8c9da-1b49-4c56-b846-11cf9a485471.tmp</t>
  </si>
  <si>
    <t>\\acsfs\profiles$\rafaelamsv\Downloads\98e8c9da-1b49-4c56-b846-11cf9a485471.tmp</t>
  </si>
  <si>
    <t>8d739b67-c6e0-4db0-8cf9-086bc2cf2690.tmp</t>
  </si>
  <si>
    <t>\\acsfs\profiles$\larissaad\Downloads\8d739b67-c6e0-4db0-8cf9-086bc2cf2690.tmp</t>
  </si>
  <si>
    <t>5fd906e5-b8f8-4751-816e-810c85d27ca7.tmp</t>
  </si>
  <si>
    <t>\\acsfs\profiles$\wedersonbadr\My Documents\My Music\5fd906e5-b8f8-4751-816e-810c85d27ca7.tmp</t>
  </si>
  <si>
    <t>35daa7b8-2ac3-477e-9611-486fe783a781.tmp</t>
  </si>
  <si>
    <t>\\acsfs\profiles$\wedersonbadr\My Documents\My Music\35daa7b8-2ac3-477e-9611-486fe783a781.tmp</t>
  </si>
  <si>
    <t>9ae19575-98aa-422c-8662-81dcc871f3b8.tmp</t>
  </si>
  <si>
    <t>\\acsfs\profiles$\inarajst\Downloads\9ae19575-98aa-422c-8662-81dcc871f3b8.tmp</t>
  </si>
  <si>
    <t>5876ee10-5539-4971-b481-a14ef990c15b.tmp</t>
  </si>
  <si>
    <t>\\acsfs\profiles$\deborahsi\Downloads\5876ee10-5539-4971-b481-a14ef990c15b.tmp</t>
  </si>
  <si>
    <t>5c2288e4-0eb1-4243-8767-2f9d417bbaff.tmp</t>
  </si>
  <si>
    <t>\\acsfs\profiles$\kellzylenneasr\Downloads\5c2288e4-0eb1-4243-8767-2f9d417bbaff.tmp</t>
  </si>
  <si>
    <t>56504a46-fb16-428b-8b2f-254d2ff7bf83.tmp</t>
  </si>
  <si>
    <t>\\acsfs\profiles$\kellzylenneasr\Downloads\56504a46-fb16-428b-8b2f-254d2ff7bf83.tmp</t>
  </si>
  <si>
    <t>84049148-ca0b-44b5-8d9e-b99d703ed53e.tmp</t>
  </si>
  <si>
    <t>\\acsfs\profiles$\alessandraan\Downloads\84049148-ca0b-44b5-8d9e-b99d703ed53e.tmp</t>
  </si>
  <si>
    <t>\\acsfs\DEPTOS\Operacao\PCP\5 - Comum\PLANEJAMENTO BV\14 - ACOMPANHAMENTO\1 - REPORT ACOMPANHAMENTO\2020\1 - JANEIRO\FINANCEIRA\Login Logout Financeira\</t>
  </si>
  <si>
    <t>48845a59-5cc8-401a-aa83-aaf7783445f2.tmp</t>
  </si>
  <si>
    <t>\\acsfs\profiles$\ayalabfi\Downloads\48845a59-5cc8-401a-aa83-aaf7783445f2.tmp</t>
  </si>
  <si>
    <t>050aca47-a9e0-4b2b-bd41-e7cb8a9f7812.tmp</t>
  </si>
  <si>
    <t>\\acsfs\profiles$\ayalabfi\Downloads\050aca47-a9e0-4b2b-bd41-e7cb8a9f7812.tmp</t>
  </si>
  <si>
    <t>lu141881g2wsx.tmp</t>
  </si>
  <si>
    <t>\\acsfs\profiles$\ALEXANDREMM\lu141881g2wsx.tmp</t>
  </si>
  <si>
    <t>\\acsfs\profiles$\ALEXANDREMM\lu141881g2wsx.tmp\</t>
  </si>
  <si>
    <t>\\acsfs\profiles$\ALEXANDREMM\lu141881g2wsx.tmp\META-INF\</t>
  </si>
  <si>
    <t>\\acsfs\profiles$\ALEXANDREMM\lu141881g2wsx.tmp\Thumbnails\</t>
  </si>
  <si>
    <t>lu96169hkc.tmp</t>
  </si>
  <si>
    <t>\\acsfs\profiles$\VIVIANALDS\My Documents\lu96169hkc.tmp</t>
  </si>
  <si>
    <t>\\acsfs\profiles$\VIVIANALDS\My Documents\lu96169hkc.tmp\</t>
  </si>
  <si>
    <t>\\acsfs\profiles$\VIVIANALDS\My Documents\lu96169hkc.tmp\META-INF\</t>
  </si>
  <si>
    <t>\\acsfs\profiles$\VIVIANALDS\My Documents\lu96169hkc.tmp\Thumbnails\</t>
  </si>
  <si>
    <t>lu96169hkg.tmp</t>
  </si>
  <si>
    <t>\\acsfs\profiles$\VIVIANALDS\My Documents\lu96169hkg.tmp</t>
  </si>
  <si>
    <t>\\acsfs\profiles$\VIVIANALDS\My Documents\lu96169hkg.tmp\</t>
  </si>
  <si>
    <t>\\acsfs\profiles$\VIVIANALDS\My Documents\lu96169hkg.tmp\META-INF\</t>
  </si>
  <si>
    <t>\\acsfs\profiles$\VIVIANALDS\My Documents\lu96169hkg.tmp\Thumbnails\</t>
  </si>
  <si>
    <t>lu96169hkk.tmp</t>
  </si>
  <si>
    <t>\\acsfs\profiles$\VIVIANALDS\My Documents\lu96169hkk.tmp</t>
  </si>
  <si>
    <t>\\acsfs\profiles$\VIVIANALDS\My Documents\lu96169hkk.tmp\</t>
  </si>
  <si>
    <t>\\acsfs\profiles$\VIVIANALDS\My Documents\lu96169hkk.tmp\META-INF\</t>
  </si>
  <si>
    <t>\\acsfs\profiles$\VIVIANALDS\My Documents\lu96169hkk.tmp\Thumbnails\</t>
  </si>
  <si>
    <t>\\udpavonfs01\avon\00 - ACOMPANHAMENTO AVON\07 - FILAS BKO\</t>
  </si>
  <si>
    <t>Filas Backoffice DEZEMBRO.xlsx</t>
  </si>
  <si>
    <t>\\udpavonfs01\avon\00 - ACOMPANHAMENTO AVON\07 - FILAS BKO\Filas Backoffice DEZEMBRO.xlsx</t>
  </si>
  <si>
    <t>\\acsfs\profiles$\gabrielsma\Downloads\</t>
  </si>
  <si>
    <t>b68d7b36-86be-4242-bb13-38828f26aa9d.tmp</t>
  </si>
  <si>
    <t>\\acsfs\profiles$\gabrielsma\Downloads\b68d7b36-86be-4242-bb13-38828f26aa9d.tmp</t>
  </si>
  <si>
    <t>\\acsfs\ACS\Gabriel da Silva\Contemporânea\Comissão e Incentivo\</t>
  </si>
  <si>
    <t>Q29udHJvbGxlci5BQ09NLVNvdUJWXzE-.ica.crdownload</t>
  </si>
  <si>
    <t>\\acsfs\ACS\Gabriel da Silva\Contemporânea\Comissão e Incentivo\Q29udHJvbGxlci5BQ09NLVNvdUJWXzE-.ica.crdownload</t>
  </si>
  <si>
    <t>6220368a-05b4-46c2-8ce7-f78296802241.tmp</t>
  </si>
  <si>
    <t>\\acsfs\profiles$\luanaagl\Downloads\6220368a-05b4-46c2-8ce7-f78296802241.tmp</t>
  </si>
  <si>
    <t>33df2593-4a1c-49cd-a958-69ec602b5d0e.tmp</t>
  </si>
  <si>
    <t>\\acsfs\profiles$\deborahsi\Downloads\33df2593-4a1c-49cd-a958-69ec602b5d0e.tmp</t>
  </si>
  <si>
    <t>lu1144jm3r.tmp</t>
  </si>
  <si>
    <t>\\acsfs\profiles$\LUCASBS\Planilhas\lu1144jm3r.tmp</t>
  </si>
  <si>
    <t>lu1144jm3x.tmp</t>
  </si>
  <si>
    <t>\\acsfs\profiles$\LUCASBS\Planilhas\lu1144jm3x.tmp</t>
  </si>
  <si>
    <t>link.txt</t>
  </si>
  <si>
    <t>\\acsfs\profiles$\alessandraan\My Documents\link.txt</t>
  </si>
  <si>
    <t>0;algartechcpcbv@algartech.com;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0,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_/upload?authuser=0&amp;dcp=asu-n&amp;upload_id=AEnB2UpAAm2H07B0fb-nx9yv3V4ksr9ik5UeTYZSTBMfXK7zB6pgjYUp_5zQsulFz4CZrejf0WA_0XZ4DXrAFWwcjVE8iq4gh_iPXNoVjLVWMYycHUpMG1s&amp;upload_protocol=resumable</t>
  </si>
  <si>
    <t>7c40caee-e3b9-44d3-a0a4-da0ba03bc624.tmp</t>
  </si>
  <si>
    <t>\\acsfs\profiles$\lorraynevam\Downloads\7c40caee-e3b9-44d3-a0a4-da0ba03bc624.tmp</t>
  </si>
  <si>
    <t>mail.google.com/sync/u/0/i/s?hl=pt-BR&amp;c=495</t>
  </si>
  <si>
    <t>24c23a22-50e0-41ac-9d02-d5ab3ad85f7d.tmp</t>
  </si>
  <si>
    <t>\\acsfs\profiles$\luanarda\Downloads\24c23a22-50e0-41ac-9d02-d5ab3ad85f7d.tmp</t>
  </si>
  <si>
    <t>d936ff07-6fcf-444a-b07b-ba667fbeaea0.tmp</t>
  </si>
  <si>
    <t>\\acsfs\profiles$\luanarda\Downloads\d936ff07-6fcf-444a-b07b-ba667fbeaea0.tmp</t>
  </si>
  <si>
    <t>kesiadof@algartech.com;mirianppb@algartech.com;thiagordu@algartech.com;</t>
  </si>
  <si>
    <t>kesiadof@algartech.com,mirianppb@algartech.com,thiagordu@algartech.com</t>
  </si>
  <si>
    <t>backofficebv@dxc.com;jean.loiola@bv.com.br;kesiadof@algartech.com;larissa.alcantara@bv.com.br;marianeps@algartech.com;mirianppb@algartech.com;talmaiardo@algartech.com;thiagordu@algartech.com;</t>
  </si>
  <si>
    <t>backofficebv@dxc.com,jean.loiola@bv.com.br,kesiadof@algartech.com,larissa.alcantara@bv.com.br,marianeps@algartech.com,mirianppb@algartech.com,talmaiardo@algartech.com,thiagordu@algartech.com</t>
  </si>
  <si>
    <t>e499fb72-0655-4c0c-98f2-e3a3b348a75d.tmp</t>
  </si>
  <si>
    <t>\\acsfs\profiles$\rafaelahpn\Downloads\e499fb72-0655-4c0c-98f2-e3a3b348a75d.tmp</t>
  </si>
  <si>
    <t>e67e20bd-3239-4b0b-ab2e-21df3b52b6b9.tmp</t>
  </si>
  <si>
    <t>\\acsfs\profiles$\ALYNYA\Downloads\e67e20bd-3239-4b0b-ab2e-21df3b52b6b9.tmp</t>
  </si>
  <si>
    <t>\\acsfs\profiles$\cinthiacsda\My Documents\xworkcenter\lex\</t>
  </si>
  <si>
    <t>\\acsfs\profiles$\cinthiacsda\My Documents\xworkcenter\lex\temp.tlx</t>
  </si>
  <si>
    <t>3e99c8ad-e1b6-4b90-bd02-59fa2f7eeccb.tmp</t>
  </si>
  <si>
    <t>\\acsfs\profiles$\gabrielsma\Downloads\3e99c8ad-e1b6-4b90-bd02-59fa2f7eeccb.tmp</t>
  </si>
  <si>
    <t>\\acsfs\ACS\Gabriel da Silva\Contemporânea\Acessos\</t>
  </si>
  <si>
    <t>Não confirmado 262497.crdownload</t>
  </si>
  <si>
    <t>\\acsfs\ACS\Gabriel da Silva\Contemporânea\Acessos\Não confirmado 262497.crdownload</t>
  </si>
  <si>
    <t>Usuários bloqueados-Algar v2.xlsx:Zone.Identifier</t>
  </si>
  <si>
    <t>\\acsfs\ACS\Gabriel da Silva\Contemporânea\Acessos\Usuários bloqueados-Algar v2.xlsx:Zone.Identifier</t>
  </si>
  <si>
    <t>e577e849-36c2-4a65-a4b7-8d44755e61e8.tmp</t>
  </si>
  <si>
    <t>\\acsfs\profiles$\milenaas\Downloads\e577e849-36c2-4a65-a4b7-8d44755e61e8.tmp</t>
  </si>
  <si>
    <t>.~lock.Planilha Controle Filas.xlsx#</t>
  </si>
  <si>
    <t>\\acsfs\DEPTOS\Operacao\Banco_Votorantim\Supervisao\SUPERS BV CARTÕES\ANA VITORIA\APOIO\.~lock.Planilha Controle Filas.xlsx#</t>
  </si>
  <si>
    <t>3d0f1d58-8981-410b-ac74-06b524b8cfdc.tmp</t>
  </si>
  <si>
    <t>\\acsfs\profiles$\mariajra\Downloads\3d0f1d58-8981-410b-ac74-06b524b8cfdc.tmp</t>
  </si>
  <si>
    <t>RELATORIO DE LOGIN - FINANCEIRA - 02-01.xlsm</t>
  </si>
  <si>
    <t>\\acsfs\DEPTOS\Operacao\PCP\5 - Comum\PLANEJAMENTO BV\14 - ACOMPANHAMENTO\1 - REPORT ACOMPANHAMENTO\2020\1 - JANEIRO\FINANCEIRA\Login Logout Financeira\RELATORIO DE LOGIN - FINANCEIRA - 02-01.xlsm</t>
  </si>
  <si>
    <t>mail.google.com/sync/u/0/i/s?hl=pt-BR&amp;c=408</t>
  </si>
  <si>
    <t>cb198838-30cb-42a8-84fc-06833c2241d1.tmp</t>
  </si>
  <si>
    <t>\\acsfs\profiles$\fabianobmf\Downloads\cb198838-30cb-42a8-84fc-06833c2241d1.tmp</t>
  </si>
  <si>
    <t>mail.google.com/sync/u/0/i/s?hl=pt-BR&amp;c=352</t>
  </si>
  <si>
    <t>mail.google.com/sync/u/0/i/s?hl=pt-BR&amp;c=368</t>
  </si>
  <si>
    <t>TALITA SANTOS SILVA CASTRO (1717).contact</t>
  </si>
  <si>
    <t>\\acsfs\profiles$\talitassc\Contacts\TALITA SANTOS SILVA CASTRO (1717).contact</t>
  </si>
  <si>
    <t>833219fc-23bb-41ca-b3bc-9b29074fce19.tmp</t>
  </si>
  <si>
    <t>\\acsfs\profiles$\mariajra\Downloads\833219fc-23bb-41ca-b3bc-9b29074fce19.tmp</t>
  </si>
  <si>
    <t>mail.google.com/_/upload?authuser=0&amp;dcp=asu-n&amp;upload_id=AEnB2Uoxyb-89Xyt0YWq1nZRwABZK9sApXQzlEk9ztdDgxr4FSC8KP1pDJVR7kofblIox2l4DeFTAIZapFhtYHQvQorook3YFg&amp;upload_protocol=resumable</t>
  </si>
  <si>
    <t>b3b7cb3d-71d0-444f-b3a6-c4d3bc91fede.tmp</t>
  </si>
  <si>
    <t>\\acsfs\profiles$\gabrielafs\Downloads\b3b7cb3d-71d0-444f-b3a6-c4d3bc91fede.tmp</t>
  </si>
  <si>
    <t>e1345a03-6612-47e2-a0a5-9f0542184fa4.tmp</t>
  </si>
  <si>
    <t>\\acsfs\profiles$\gabrielafs\Downloads\e1345a03-6612-47e2-a0a5-9f0542184fa4.tmp</t>
  </si>
  <si>
    <t>09f8a373-4022-4ced-ba3c-186dbc1f9a4c.tmp</t>
  </si>
  <si>
    <t>\\acsfs\profiles$\gabrielafs\Downloads\09f8a373-4022-4ced-ba3c-186dbc1f9a4c.tmp</t>
  </si>
  <si>
    <t>709226ee-51bb-4e88-9781-58b9efa85993.tmp</t>
  </si>
  <si>
    <t>\\acsfs\profiles$\gabrielafs\Downloads\709226ee-51bb-4e88-9781-58b9efa85993.tmp</t>
  </si>
  <si>
    <t>23bb2ebb-2e21-4bc7-913c-f5d67e9dc5c5.tmp</t>
  </si>
  <si>
    <t>\\acsfs\profiles$\gabrielafs\Downloads\23bb2ebb-2e21-4bc7-913c-f5d67e9dc5c5.tmp</t>
  </si>
  <si>
    <t>7ba35edf-586a-4b25-8703-8950ba51dcd6.tmp</t>
  </si>
  <si>
    <t>\\acsfs\profiles$\gabrielafs\Downloads\7ba35edf-586a-4b25-8703-8950ba51dcd6.tmp</t>
  </si>
  <si>
    <t>df0dbc18-0918-41d2-8b88-aecf557d73ed.tmp</t>
  </si>
  <si>
    <t>\\acsfs\profiles$\gabrielafs\Downloads\df0dbc18-0918-41d2-8b88-aecf557d73ed.tmp</t>
  </si>
  <si>
    <t>e6434f05-bf18-488c-8b1c-ff44feeccabd.tmp</t>
  </si>
  <si>
    <t>\\acsfs\profiles$\gabrielafs\Downloads\e6434f05-bf18-488c-8b1c-ff44feeccabd.tmp</t>
  </si>
  <si>
    <t>b7535f91-2ecc-4c4c-a64c-aea6de98da82.tmp</t>
  </si>
  <si>
    <t>\\acsfs\profiles$\gabrielafs\Downloads\b7535f91-2ecc-4c4c-a64c-aea6de98da82.tmp</t>
  </si>
  <si>
    <t>5f157456-ae69-473b-b7d8-6de3b7cf6936.tmp</t>
  </si>
  <si>
    <t>\\acsfs\profiles$\gabrielafs\Downloads\5f157456-ae69-473b-b7d8-6de3b7cf6936.tmp</t>
  </si>
  <si>
    <t>dd831b82-9f28-4aba-9d21-66c60f9c0c34.tmp</t>
  </si>
  <si>
    <t>\\acsfs\profiles$\gabrielafs\Downloads\dd831b82-9f28-4aba-9d21-66c60f9c0c34.tmp</t>
  </si>
  <si>
    <t>f241744d-20fb-4292-bf50-f46db15a42e3.tmp</t>
  </si>
  <si>
    <t>\\acsfs\profiles$\gabrielafs\Downloads\f241744d-20fb-4292-bf50-f46db15a42e3.tmp</t>
  </si>
  <si>
    <t>bd23a5df-576f-432a-ab9e-c76e4545ab10.tmp</t>
  </si>
  <si>
    <t>\\acsfs\profiles$\gabrielafs\Downloads\bd23a5df-576f-432a-ab9e-c76e4545ab10.tmp</t>
  </si>
  <si>
    <t>4d81871f-43e2-44b6-afdd-3ae679f7cbaf.tmp</t>
  </si>
  <si>
    <t>\\acsfs\profiles$\gabrielafs\Downloads\4d81871f-43e2-44b6-afdd-3ae679f7cbaf.tmp</t>
  </si>
  <si>
    <t>mail.google.com/sync/u/0/i/s?hl=pt-BR&amp;c=443</t>
  </si>
  <si>
    <t>13c4ea76-fe31-4ed9-8af5-3d38d028b7ee.tmp</t>
  </si>
  <si>
    <t>\\acsfs\profiles$\kamilamrc\Downloads\13c4ea76-fe31-4ed9-8af5-3d38d028b7ee.tmp</t>
  </si>
  <si>
    <t>20d9089a-c9ea-43b2-bc68-c16372416297.tmp</t>
  </si>
  <si>
    <t>\\acsfs\profiles$\gabrielsma\Downloads\20d9089a-c9ea-43b2-bc68-c16372416297.tmp</t>
  </si>
  <si>
    <t>\\acsfs\ACS\Gabriel da Silva\Contemporânea\</t>
  </si>
  <si>
    <t>rptEquipesQlikView.csv.crdownload</t>
  </si>
  <si>
    <t>\\acsfs\ACS\Gabriel da Silva\Contemporânea\rptEquipesQlikView.csv.crdownload</t>
  </si>
  <si>
    <t>\\acsfs\profiles$\gabrielsma\Downloads\804c2ac5-663d-42ae-9373-23f49e61712f.tmp\</t>
  </si>
  <si>
    <t>\\acsfs\profiles$\gabrielsma\Downloads\804c2ac5-663d-42ae-9373-23f49e61712f.tmp</t>
  </si>
  <si>
    <t>804c2ac5-663d-42ae-9373-23f49e61712f.tmp</t>
  </si>
  <si>
    <t>\\acsfs\ACS\Gabriel da Silva\Contemporânea\BDBV\Não confirmado 271290.crdownload\</t>
  </si>
  <si>
    <t>\\acsfs\ACS\Gabriel da Silva\Contemporânea\BDBV\Não confirmado 271290.crdownload</t>
  </si>
  <si>
    <t>\\acsfs\ACS\Gabriel da Silva\Contemporânea\BDBV\</t>
  </si>
  <si>
    <t>Não confirmado 271290.crdownload</t>
  </si>
  <si>
    <t>Banco de Dados BV 12-2019.xlsx:Zone.Identifier</t>
  </si>
  <si>
    <t>\\acsfs\ACS\Gabriel da Silva\Contemporânea\BDBV\Banco de Dados BV 12-2019.xlsx:Zone.Identifier</t>
  </si>
  <si>
    <t>77b59acf-80b0-45ae-8ef4-c86a14299636.tmp</t>
  </si>
  <si>
    <t>\\acsfs\profiles$\isabellegtds\Downloads\77b59acf-80b0-45ae-8ef4-c86a14299636.tmp</t>
  </si>
  <si>
    <t>cb82c9e0-68d8-4d22-8d18-02094eb37775.tmp</t>
  </si>
  <si>
    <t>\\acsfs\profiles$\isabellegtds\Downloads\cb82c9e0-68d8-4d22-8d18-02094eb37775.tmp</t>
  </si>
  <si>
    <t>e64b299f-ed7e-4d63-83f7-da19e3fb2e79.tmp</t>
  </si>
  <si>
    <t>\\acsfs\profiles$\sarahbal\Downloads\e64b299f-ed7e-4d63-83f7-da19e3fb2e79.tmp</t>
  </si>
  <si>
    <t>381375f4-acb9-4096-b4c3-fd7b3abb24b3.tmp</t>
  </si>
  <si>
    <t>\\acsfs\profiles$\matheushds\Downloads\381375f4-acb9-4096-b4c3-fd7b3abb24b3.tmp</t>
  </si>
  <si>
    <t>ba89c361-b65e-408e-9857-7140d6f4645d.tmp</t>
  </si>
  <si>
    <t>\\acsfs\profiles$\larissaad\Downloads\ba89c361-b65e-408e-9857-7140d6f4645d.tmp</t>
  </si>
  <si>
    <t>aea06fb5-e63e-43e0-b943-a1f3187fe2fe.tmp</t>
  </si>
  <si>
    <t>\\acsfs\profiles$\ayalabfi\Downloads\aea06fb5-e63e-43e0-b943-a1f3187fe2fe.tmp</t>
  </si>
  <si>
    <t>43630762-03d4-4a05-b4be-cab320d836fe.tmp</t>
  </si>
  <si>
    <t>\\acsfs\profiles$\gabrielafs\Downloads\43630762-03d4-4a05-b4be-cab320d836fe.tmp</t>
  </si>
  <si>
    <t>f12f6f8a-0bdc-40e3-9464-a84ee1dff1c5.tmp</t>
  </si>
  <si>
    <t>\\acsfs\profiles$\gabrielafs\Downloads\f12f6f8a-0bdc-40e3-9464-a84ee1dff1c5.tmp</t>
  </si>
  <si>
    <t>980259a0-058b-4c0c-8a4c-2da1200d429f.tmp</t>
  </si>
  <si>
    <t>\\acsfs\profiles$\gabrielafs\Downloads\980259a0-058b-4c0c-8a4c-2da1200d429f.tmp</t>
  </si>
  <si>
    <t>marcotal</t>
  </si>
  <si>
    <t>C:\Program Files (x86)\</t>
  </si>
  <si>
    <t>C:\Windows\Downloaded Program Files\</t>
  </si>
  <si>
    <t>C:\Windows\Offline Web Pages\</t>
  </si>
  <si>
    <t>C:\Windows\System32\drivers\etc\</t>
  </si>
  <si>
    <t>hosts</t>
  </si>
  <si>
    <t>db7e9453-87db-4aad-8198-2e3c90391fdc.tmp</t>
  </si>
  <si>
    <t>\\acsfs\profiles$\kamilamrc\Downloads\db7e9453-87db-4aad-8198-2e3c90391fdc.tmp</t>
  </si>
  <si>
    <t>e12556be-3ed9-47a3-94f3-ae60a4b49b8c.tmp</t>
  </si>
  <si>
    <t>\\acsfs\profiles$\kamilamrc\Downloads\e12556be-3ed9-47a3-94f3-ae60a4b49b8c.tmp</t>
  </si>
  <si>
    <t>64d52e53-fb53-4438-8f11-10b286db24a0.tmp</t>
  </si>
  <si>
    <t>\\acsfs\profiles$\kamilamrc\Downloads\64d52e53-fb53-4438-8f11-10b286db24a0.tmp</t>
  </si>
  <si>
    <t>cacfd8ac-17f5-4ade-a034-079468e9f07e.tmp</t>
  </si>
  <si>
    <t>\\acsfs\profiles$\kamilamrc\Downloads\cacfd8ac-17f5-4ade-a034-079468e9f07e.tmp</t>
  </si>
  <si>
    <t>ee8f0196-0ab0-484f-82d0-4611546555c6.tmp</t>
  </si>
  <si>
    <t>\\acsfs\profiles$\kamilamrc\Downloads\ee8f0196-0ab0-484f-82d0-4611546555c6.tmp</t>
  </si>
  <si>
    <t>\\acsfs\DEPTOS\Operacao\Banco_Votorantim\Qualidade\Eliane\Monitoria JANEIRO 2020\</t>
  </si>
  <si>
    <t>Janeiro.txt</t>
  </si>
  <si>
    <t>\\acsfs\DEPTOS\Operacao\Banco_Votorantim\Qualidade\Eliane\Monitoria JANEIRO 2020\Janeiro.txt</t>
  </si>
  <si>
    <t>1° Ciclo Janeiro.txt</t>
  </si>
  <si>
    <t>\\acsfs\DEPTOS\Operacao\Banco_Votorantim\Qualidade\Eliane\Monitoria JANEIRO 2020\1° Ciclo Janeiro.txt</t>
  </si>
  <si>
    <t>67096d7b-458e-443b-a8f0-c0a8f7d951a3.tmp</t>
  </si>
  <si>
    <t>\\acsfs\profiles$\anafsb\Downloads\67096d7b-458e-443b-a8f0-c0a8f7d951a3.tmp</t>
  </si>
  <si>
    <t>8eaf9495-aa4e-4f88-a707-1d14a19e2e00.tmp</t>
  </si>
  <si>
    <t>\\acsfs\profiles$\mariliafplb\Downloads\8eaf9495-aa4e-4f88-a707-1d14a19e2e00.tmp</t>
  </si>
  <si>
    <t>4ceb7011-5f00-4ad4-b6cb-4f7fede9b1fe.tmp</t>
  </si>
  <si>
    <t>\\acsfs\profiles$\mariliafplb\Downloads\4ceb7011-5f00-4ad4-b6cb-4f7fede9b1fe.tmp</t>
  </si>
  <si>
    <t>769f8b3d-73fc-425c-9e90-4e0126f3d740.tmp</t>
  </si>
  <si>
    <t>\\acsfs\profiles$\mariajra\Downloads\769f8b3d-73fc-425c-9e90-4e0126f3d740.tmp</t>
  </si>
  <si>
    <t>1830f5d6-e74b-4d15-b2ea-5f73e5cfc40a.tmp</t>
  </si>
  <si>
    <t>\\acsfs\profiles$\matheushds\Downloads\1830f5d6-e74b-4d15-b2ea-5f73e5cfc40a.tmp</t>
  </si>
  <si>
    <t>895c5d0e-bf57-44ea-9480-14959cb3c45d.tmp</t>
  </si>
  <si>
    <t>\\acsfs\profiles$\inarajst\Downloads\895c5d0e-bf57-44ea-9480-14959cb3c45d.tmp</t>
  </si>
  <si>
    <t>\\acsfs\DEPTOS\Operacao\Banco_Votorantim\Supervisao\SUPERS BV CARTÕES\ANA VITORIA\APOIO\.~lock.Filas-ALGAR - JONATAN.xlsx#</t>
  </si>
  <si>
    <t>2° Ciclo Janeiro.txt</t>
  </si>
  <si>
    <t>\\acsfs\DEPTOS\Operacao\Banco_Votorantim\Qualidade\Eliane\Monitoria JANEIRO 2020\2° Ciclo Janeiro.txt</t>
  </si>
  <si>
    <t>3° Ciclo Janeiro.txt</t>
  </si>
  <si>
    <t>\\acsfs\DEPTOS\Operacao\Banco_Votorantim\Qualidade\Eliane\Monitoria JANEIRO 2020\3° Ciclo Janeiro.txt</t>
  </si>
  <si>
    <t>4° Ciclo Janeiro.txt</t>
  </si>
  <si>
    <t>\\acsfs\DEPTOS\Operacao\Banco_Votorantim\Qualidade\Eliane\Monitoria JANEIRO 2020\4° Ciclo Janeiro.txt</t>
  </si>
  <si>
    <t>6c182dd9-e33d-4859-8bb4-540d7dfaf2f9.tmp</t>
  </si>
  <si>
    <t>\\acsfs\profiles$\isabellegtds\Downloads\6c182dd9-e33d-4859-8bb4-540d7dfaf2f9.tmp</t>
  </si>
  <si>
    <t>c2a5f77e-6632-45ee-b19f-65fbc1ada373.tmp</t>
  </si>
  <si>
    <t>\\acsfs\profiles$\matheushds\Downloads\c2a5f77e-6632-45ee-b19f-65fbc1ada373.tmp</t>
  </si>
  <si>
    <t>9361a645-516d-41fe-a9af-1e7a8b06e7d3.tmp</t>
  </si>
  <si>
    <t>\\acsfs\profiles$\cintiadcf\Downloads\9361a645-516d-41fe-a9af-1e7a8b06e7d3.tmp</t>
  </si>
  <si>
    <t>Relatorio de Vendas - Auditoria BV Cartoes (Janeiro).xlsx</t>
  </si>
  <si>
    <t>\\acsfs\DEPTOS\Operacao\Banco_Votorantim\Qualidade\Anderson\Jose\Atualizado\Relatorio de Vendas - Auditoria BV Cartoes (Janeiro).xlsx</t>
  </si>
  <si>
    <t>18b2a8a8-dfb4-4033-9e2a-f2a84c27c4d4.tmp</t>
  </si>
  <si>
    <t>\\acsfs\profiles$\rafaelahpn\Downloads\18b2a8a8-dfb4-4033-9e2a-f2a84c27c4d4.tmp</t>
  </si>
  <si>
    <t>mail.google.com/sync/u/0/i/s?hl=pt-BR&amp;c=488</t>
  </si>
  <si>
    <t>https://0,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9be6cb4e-0f87-4eb4-852e-138449be5608.tmp</t>
  </si>
  <si>
    <t>\\acsfs\profiles$\luanaagl\Downloads\9be6cb4e-0f87-4eb4-852e-138449be5608.tmp</t>
  </si>
  <si>
    <t>https://udpmailboxap01/h/search?si=0&amp;so=0&amp;sc=60501&amp;sfi=2&amp;st=message&amp;action=compose</t>
  </si>
  <si>
    <t>bba3ca48-eb64-499b-9a66-8e1b5f5bc03c.tmp</t>
  </si>
  <si>
    <t>\\acsfs\profiles$\matheushds\Downloads\bba3ca48-eb64-499b-9a66-8e1b5f5bc03c.tmp</t>
  </si>
  <si>
    <t>bb3400cf-6c2f-4d0c-88be-fc976fd3f63e.tmp</t>
  </si>
  <si>
    <t>\\acsfs\profiles$\nathaliarmr\Downloads\bb3400cf-6c2f-4d0c-88be-fc976fd3f63e.tmp</t>
  </si>
  <si>
    <t>768ebf3e-033d-49d2-9ed5-f0aebd98cb3f.tmp</t>
  </si>
  <si>
    <t>\\acsfs\profiles$\nathaliarmr\Downloads\768ebf3e-033d-49d2-9ed5-f0aebd98cb3f.tmp</t>
  </si>
  <si>
    <t>lu73196bfyt2z.tmp</t>
  </si>
  <si>
    <t>\\acsfs\DEPTOS\Operacao\Banco_Votorantim\Supervisao\SUPERS BV CARTÕES\ANA VITORIA\APOIO\lu73196bfyt2z.tmp</t>
  </si>
  <si>
    <t>\\acsfs\DEPTOS\Operacao\Banco_Votorantim\Supervisao\SUPERS BV CARTÕES\ANA VITORIA\APOIO\lu73196bfyt2z.tmp\</t>
  </si>
  <si>
    <t>\\acsfs\DEPTOS\Operacao\Banco_Votorantim\Supervisao\SUPERS BV CARTÕES\ANA VITORIA\APOIO\lu73196bfyt2z.tmp\META-INF\</t>
  </si>
  <si>
    <t>\\acsfs\DEPTOS\Operacao\Banco_Votorantim\Supervisao\SUPERS BV CARTÕES\ANA VITORIA\APOIO\lu73196bfyt2z.tmp\Thumbnails\</t>
  </si>
  <si>
    <t>6056b87a-ee26-4616-a3ad-4fa1c6e24708.tmp</t>
  </si>
  <si>
    <t>\\acsfs\profiles$\vivianealda\Downloads\6056b87a-ee26-4616-a3ad-4fa1c6e24708.tmp</t>
  </si>
  <si>
    <t>3a1e74e2-4e67-4b1e-879c-3e7b260660ee.tmp</t>
  </si>
  <si>
    <t>\\acsfs\profiles$\matheushds\Downloads\3a1e74e2-4e67-4b1e-879c-3e7b260660ee.tmp</t>
  </si>
  <si>
    <t>8c54c485-39e0-4e21-8ee8-9f665a73b530.tmp</t>
  </si>
  <si>
    <t>\\acsfs\profiles$\matheushds\Downloads\8c54c485-39e0-4e21-8ee8-9f665a73b530.tmp</t>
  </si>
  <si>
    <t>9360ef96-a3e1-4ad5-ab2d-05fe1ce1ea76.tmp</t>
  </si>
  <si>
    <t>\\acsfs\profiles$\lucasqdss\Downloads\9360ef96-a3e1-4ad5-ab2d-05fe1ce1ea76.tmp</t>
  </si>
  <si>
    <t>675c91d2-eff3-439d-89d9-0bf60f5a7946.tmp</t>
  </si>
  <si>
    <t>\\acsfs\profiles$\wenderbnm\Downloads\675c91d2-eff3-439d-89d9-0bf60f5a7946.tmp</t>
  </si>
  <si>
    <t>681c886d-f188-47bc-9e0e-7bd85eb36c0f.tmp</t>
  </si>
  <si>
    <t>\\acsfs\profiles$\anafsb\Downloads\681c886d-f188-47bc-9e0e-7bd85eb36c0f.tmp</t>
  </si>
  <si>
    <t>6fe4cd53-2bbd-47c4-9a16-e862b2e8b0bd.tmp</t>
  </si>
  <si>
    <t>\\acsfs\profiles$\ANAPDSB\Downloads\6fe4cd53-2bbd-47c4-9a16-e862b2e8b0bd.tmp</t>
  </si>
  <si>
    <t>74-86-7A-FD-D8-75</t>
  </si>
  <si>
    <t>VOTORANT-VB013</t>
  </si>
  <si>
    <t>29d651ea-91bf-495e-a23e-16b6b54be9ba.tmp</t>
  </si>
  <si>
    <t>\\acsfs\profiles$\francislayneads\Downloads\29d651ea-91bf-495e-a23e-16b6b54be9ba.tmp</t>
  </si>
  <si>
    <t>130daffa-ad90-4a4d-bd0e-ae8bd0e231cf.tmp</t>
  </si>
  <si>
    <t>\\acsfs\profiles$\francislayneads\Downloads\130daffa-ad90-4a4d-bd0e-ae8bd0e231cf.tmp</t>
  </si>
  <si>
    <t>b3a74219-f26c-4a5f-900f-ffca0a49c89d.tmp</t>
  </si>
  <si>
    <t>\\acsfs\profiles$\francislayneads\Downloads\b3a74219-f26c-4a5f-900f-ffca0a49c89d.tmp</t>
  </si>
  <si>
    <t>bf14b619-f2c4-42a7-a0d9-7db75ad20f68.tmp</t>
  </si>
  <si>
    <t>\\acsfs\profiles$\francislayneads\Downloads\bf14b619-f2c4-42a7-a0d9-7db75ad20f68.tmp</t>
  </si>
  <si>
    <t>85885863-b481-48ff-8abf-0f0f871ae2c7.tmp</t>
  </si>
  <si>
    <t>\\acsfs\profiles$\YASMINSC\Downloads\85885863-b481-48ff-8abf-0f0f871ae2c7.tmp</t>
  </si>
  <si>
    <t>5df10b33-cc5b-4972-b559-febd31a5f0a0.tmp</t>
  </si>
  <si>
    <t>\\acsfs\profiles$\nathaliarmr\Downloads\5df10b33-cc5b-4972-b559-febd31a5f0a0.tmp</t>
  </si>
  <si>
    <t>09dc39ec-434f-4158-a165-e4524df54be0.tmp</t>
  </si>
  <si>
    <t>\\acsfs\profiles$\nathaliarmr\Downloads\09dc39ec-434f-4158-a165-e4524df54be0.tmp</t>
  </si>
  <si>
    <t>221acb9d-2acf-463e-b4cf-4c82bb24c661.tmp</t>
  </si>
  <si>
    <t>\\acsfs\profiles$\nathaliarmr\Downloads\221acb9d-2acf-463e-b4cf-4c82bb24c661.tmp</t>
  </si>
  <si>
    <t>mail.google.com/sync/u/0/i/s?hl=pt-BR&amp;c=521</t>
  </si>
  <si>
    <t>3da577e0-d72a-470e-8cb0-38409ff04d56.tmp</t>
  </si>
  <si>
    <t>\\acsfs\profiles$\ANAPDSB\Downloads\3da577e0-d72a-470e-8cb0-38409ff04d56.tmp</t>
  </si>
  <si>
    <t>07d7600f-fc5a-4d5a-8e12-0c2e75d63bd6.tmp</t>
  </si>
  <si>
    <t>\\acsfs\profiles$\mariellecs\Downloads\07d7600f-fc5a-4d5a-8e12-0c2e75d63bd6.tmp</t>
  </si>
  <si>
    <t>b4679a5a-2f10-43ff-b8d8-a6ee1856f8d0.tmp</t>
  </si>
  <si>
    <t>\\acsfs\profiles$\matheushds\Downloads\b4679a5a-2f10-43ff-b8d8-a6ee1856f8d0.tmp</t>
  </si>
  <si>
    <t>17d5c0ab-c92f-4ce2-a927-e17a57425af0.tmp</t>
  </si>
  <si>
    <t>\\acsfs\profiles$\matheushds\Downloads\17d5c0ab-c92f-4ce2-a927-e17a57425af0.tmp</t>
  </si>
  <si>
    <t>7bb3fff7-ab2f-4bdf-94d0-1cf5ed170e57.tmp</t>
  </si>
  <si>
    <t>\\acsfs\profiles$\matheushds\Downloads\7bb3fff7-ab2f-4bdf-94d0-1cf5ed170e57.tmp</t>
  </si>
  <si>
    <t>95ffa3c5-aae1-4120-b921-471ee6567498.tmp</t>
  </si>
  <si>
    <t>\\acsfs\profiles$\jhonatadss\Downloads\95ffa3c5-aae1-4120-b921-471ee6567498.tmp</t>
  </si>
  <si>
    <t>247b91f3-8ba1-426d-a09e-2e1dfcbe1679.tmp</t>
  </si>
  <si>
    <t>\\acsfs\profiles$\jhonatadss\Downloads\247b91f3-8ba1-426d-a09e-2e1dfcbe1679.tmp</t>
  </si>
  <si>
    <t>4f89860a-68fa-49bf-8f1f-28359b49fb32.tmp</t>
  </si>
  <si>
    <t>\\acsfs\profiles$\francislayneads\Downloads\4f89860a-68fa-49bf-8f1f-28359b49fb32.tmp</t>
  </si>
  <si>
    <t>mail.google.com/_/upload?authuser=0&amp;dcp=asu-n&amp;upload_id=AEnB2UoUFjKBnyxOY_IyKCe3uzdoGbuVYc1dGX2QwS-IUy0QroubTfClL5YnAhkErFP0tmnWo9snrllC76xNEMTtcooZgQi1bg&amp;upload_protocol=resumable</t>
  </si>
  <si>
    <t>Adevilson Gabriel Lindeberg Evagelista_1_6775197445076893231_1_32.wav</t>
  </si>
  <si>
    <t>lu77912bfudpl.tmp</t>
  </si>
  <si>
    <t>\\acsfs\profiles$\BRUNAAR\Numero\lu77912bfudpl.tmp</t>
  </si>
  <si>
    <t>mail.google.com/sync/u/0/i/s?hl=pt-BR&amp;c=553</t>
  </si>
  <si>
    <t>mail.google.com/sync/u/0/i/s?hl=pt-BR&amp;c=555</t>
  </si>
  <si>
    <t>e60558be-4db0-482b-8a88-528efdf8671b.tmp</t>
  </si>
  <si>
    <t>\\acsfs\profiles$\jhonatadss\Downloads\e60558be-4db0-482b-8a88-528efdf8671b.tmp</t>
  </si>
  <si>
    <t>0d7df399-72d9-429c-8134-1c397dc2dd19.tmp</t>
  </si>
  <si>
    <t>\\acsfs\profiles$\MATEUSJM\Downloads\0d7df399-72d9-429c-8134-1c397dc2dd19.tmp</t>
  </si>
  <si>
    <t>Q29udHJvbGxlci5QYXl3YXJlXzEtMg--.ica</t>
  </si>
  <si>
    <t>\\acsfs\profiles$\MATEUSJM\Downloads\Q29udHJvbGxlci5QYXl3YXJlXzEtMg--.ica</t>
  </si>
  <si>
    <t>7b236598-8a02-48cf-8cb7-2db8c146c002.tmp</t>
  </si>
  <si>
    <t>\\acsfs\profiles$\MATEUSJM\Downloads\7b236598-8a02-48cf-8cb7-2db8c146c002.tmp</t>
  </si>
  <si>
    <t>172d1ec7-c64c-4e74-b7b1-94af1da9b9c5.tmp</t>
  </si>
  <si>
    <t>\\acsfs\profiles$\anafsb\Downloads\172d1ec7-c64c-4e74-b7b1-94af1da9b9c5.tmp</t>
  </si>
  <si>
    <t>adaf08c4-a0d0-476f-8532-0a8b3a1e533c.tmp</t>
  </si>
  <si>
    <t>\\acsfs\profiles$\luanaagl\Downloads\adaf08c4-a0d0-476f-8532-0a8b3a1e533c.tmp</t>
  </si>
  <si>
    <t>lu77912bfudpo.tmp</t>
  </si>
  <si>
    <t>\\acsfs\profiles$\BRUNAAR\Numero\lu77912bfudpo.tmp</t>
  </si>
  <si>
    <t>andrelpsa@algartech.com;joaogvc@algartech.com;leonardoao@algartech.com;maristelavodq@bv.algartech.com;paulacn@algartech.com;qualidadealgarbv@algartech.com;rafaelggs@algartech.com;supervisaobancovotorantim@algartech.com;taysdss@algartech.com;viniciussg@algartech.com;</t>
  </si>
  <si>
    <t>andrelpsa@algartech.com,joaogvc@algartech.com,leonardoao@algartech.com,maristelavodq@bv.algartech.com,paulacn@algartech.com,qualidadealgarbv@algartech.com,rafaelggs@algartech.com,supervisaobancovotorantim@algartech.com,taysdss@algartech.com,viniciussg@algartech.com</t>
  </si>
  <si>
    <t>RELATORIO DE LOGIN - BV CARTÕES 01-01 - Cópia.xlsm</t>
  </si>
  <si>
    <t>\\acsfs\DEPTOS\Operacao\PCP\5 - Comum\PLANEJAMENTO BV\14 - ACOMPANHAMENTO\1 - REPORT ACOMPANHAMENTO\2020\1 - JANEIRO\CARTÕES\Login Logout Cartões\RELATORIO DE LOGIN - BV CARTÕES 01-01 - Cópia.xlsm</t>
  </si>
  <si>
    <t>c:\users\raicdf\appdata\local\temp\</t>
  </si>
  <si>
    <t>\\acsfs\ACS\Gabriel da Silva\Contemporânea\BDBV\886185A8.tmp\</t>
  </si>
  <si>
    <t>\\acsfs\ACS\Gabriel da Silva\Contemporânea\BDBV\886185A8.tmp\:Zone.Identifier:$DATA</t>
  </si>
  <si>
    <t>\\acsfs\ACS\Gabriel da Silva\Contemporânea\BDBV\886185A8.tmp</t>
  </si>
  <si>
    <t>886185A8.tmp</t>
  </si>
  <si>
    <t>f876df92-ba66-4baf-a512-2c664b4a1257.tmp</t>
  </si>
  <si>
    <t>\\acsfs\profiles$\anafsb\Downloads\f876df92-ba66-4baf-a512-2c664b4a1257.tmp</t>
  </si>
  <si>
    <t>b5df3acd-f27f-4ee8-96a7-b0ab7ede0f13.tmp</t>
  </si>
  <si>
    <t>\\acsfs\profiles$\danielmlds\Downloads\b5df3acd-f27f-4ee8-96a7-b0ab7ede0f13.tmp</t>
  </si>
  <si>
    <t>97108320-123c-4928-a359-5d3e7f432d67.tmp</t>
  </si>
  <si>
    <t>\\acsfs\profiles$\matheushds\Downloads\97108320-123c-4928-a359-5d3e7f432d67.tmp</t>
  </si>
  <si>
    <t>869dd62c-481f-47ce-a717-72ee570650e6.tmp</t>
  </si>
  <si>
    <t>\\acsfs\profiles$\lucasqdss\Downloads\869dd62c-481f-47ce-a717-72ee570650e6.tmp</t>
  </si>
  <si>
    <t>db2c76f8-9a19-40c1-8229-eceb2bb1f6c0.tmp</t>
  </si>
  <si>
    <t>\\acsfs\profiles$\jhonatadss\Downloads\db2c76f8-9a19-40c1-8229-eceb2bb1f6c0.tmp</t>
  </si>
  <si>
    <t>d19adc62-faab-42ea-a486-daa5f6a0aadc.tmp</t>
  </si>
  <si>
    <t>\\acsfs\profiles$\jhonatadss\Downloads\d19adc62-faab-42ea-a486-daa5f6a0aadc.tmp</t>
  </si>
  <si>
    <t>efcfe9a8-008e-43f6-b169-8aaaec3a7ef9.tmp</t>
  </si>
  <si>
    <t>\\acsfs\profiles$\lorrainerdl\Downloads\efcfe9a8-008e-43f6-b169-8aaaec3a7ef9.tmp</t>
  </si>
  <si>
    <t>lu96169hko.tmp</t>
  </si>
  <si>
    <t>\\acsfs\profiles$\VIVIANALDS\My Documents\lu96169hko.tmp</t>
  </si>
  <si>
    <t>\\acsfs\profiles$\VIVIANALDS\My Documents\lu96169hko.tmp\</t>
  </si>
  <si>
    <t>\\acsfs\profiles$\VIVIANALDS\My Documents\lu96169hko.tmp\META-INF\</t>
  </si>
  <si>
    <t>\\acsfs\profiles$\VIVIANALDS\My Documents\lu96169hko.tmp\Thumbnails\</t>
  </si>
  <si>
    <t>\\acsfs\deptos\Operacao\Banco_Votorantim\Comum\</t>
  </si>
  <si>
    <t>\\acsfs\deptos\Operacao\Banco_Votorantim\Comum\Thumbs.db</t>
  </si>
  <si>
    <t>andrelpsa@algartech.com;joaogvc@algartech.com;leonardoao@algartech.com;marianadjc@algartech.com;maristelavodq@bv.algartech.com;paulacn@algartech.com;qualidadealgarbv@algartech.com;rafaelggs@algartech.com;supervisaobancovotorantim@algartech.com;taysdss@algartech.com;thiagordu@algartech.com;viniciussg@algartech.com;</t>
  </si>
  <si>
    <t>andrelpsa@algartech.com,joaogvc@algartech.com,leonardoao@algartech.com,marianadjc@algartech.com,maristelavodq@bv.algartech.com,paulacn@algartech.com,qualidadealgarbv@algartech.com,rafaelggs@algartech.com,supervisaobancovotorantim@algartech.com,taysdss@algartech.com,thiagordu@algartech.com,viniciussg@algartech.com</t>
  </si>
  <si>
    <t>andrelpsa@algartech.com;bvcartes-supervisores@algarnet.onmicrosoft.com;joaogvc@algartech.com;leonardoao@algartech.com;maristelavodq@bv.algartech.com;mirianppb@algartech.com;paulacn@algartech.com;qualidadealgarbv@algartech.com;rafaelggs@algartech.com;supervisaobancovotorantim@algartech.com;taysdss@algartech.com;viniciussg@algartech.com;</t>
  </si>
  <si>
    <t>andrelpsa@algartech.com,bvcartes-supervisores@algarnet.onmicrosoft.com,joaogvc@algartech.com,leonardoao@algartech.com,maristelavodq@bv.algartech.com,mirianppb@algartech.com,paulacn@algartech.com,qualidadealgarbv@algartech.com,rafaelggs@algartech.com,supervisaobancovotorantim@algartech.com,taysdss@algartech.com,viniciussg@algartech.com</t>
  </si>
  <si>
    <t>8eca5478-7259-4963-96e3-1de52d011607.tmp</t>
  </si>
  <si>
    <t>\\acsfs\profiles$\cintiadcf\Downloads\8eca5478-7259-4963-96e3-1de52d011607.tmp</t>
  </si>
  <si>
    <t>310c8db2-1aff-4b3a-b1f4-c92c9445fc89.tmp</t>
  </si>
  <si>
    <t>\\acsfs\profiles$\nathaliarmr\Downloads\310c8db2-1aff-4b3a-b1f4-c92c9445fc89.tmp</t>
  </si>
  <si>
    <t>e61b186e-aa5a-4561-b908-2cc73ef75b60.tmp</t>
  </si>
  <si>
    <t>\\acsfs\profiles$\leticiala\Downloads\e61b186e-aa5a-4561-b908-2cc73ef75b60.tmp</t>
  </si>
  <si>
    <t>\\acsfs\ACS\Gabriel da Silva\Contemporânea\BDBV\3C351D7F.tmp\</t>
  </si>
  <si>
    <t>\\acsfs\ACS\Gabriel da Silva\Contemporânea\BDBV\3C351D7F.tmp\:Zone.Identifier:$DATA</t>
  </si>
  <si>
    <t>\\acsfs\ACS\Gabriel da Silva\Contemporânea\BDBV\3C351D7F.tmp</t>
  </si>
  <si>
    <t>3C351D7F.tmp</t>
  </si>
  <si>
    <t>\\acsfs\ACS\Gabriel da Silva\Contemporânea\Acessos\Thumbs.db</t>
  </si>
  <si>
    <t>~$Desligados ALGAR - 22_11 a 28_11.xlsx</t>
  </si>
  <si>
    <t>\\acsfs\ACS\Gabriel da Silva\Contemporânea\BDBV\~$Desligados ALGAR - 22_11 a 28_11.xlsx</t>
  </si>
  <si>
    <t>53EEE400.tmp</t>
  </si>
  <si>
    <t>\\acsfs\ACS\Gabriel da Silva\Contemporânea\BDBV\53EEE400.tmp</t>
  </si>
  <si>
    <t>~$Desligados ALGAR - 27_12_19 a 02_01_20.xlsx</t>
  </si>
  <si>
    <t>\\acsfs\ACS\Gabriel da Silva\Contemporânea\BDBV\~$Desligados ALGAR - 27_12_19 a 02_01_20.xlsx</t>
  </si>
  <si>
    <t>14c1e595-d023-40a4-aab3-dd45fde6bfef.tmp</t>
  </si>
  <si>
    <t>\\acsfs\profiles$\adelvinsonle\Downloads\14c1e595-d023-40a4-aab3-dd45fde6bfef.tmp</t>
  </si>
  <si>
    <t>40da6665-3de7-4ee6-b519-ed97162304ef.tmp</t>
  </si>
  <si>
    <t>\\acsfs\profiles$\JOAOVAL\Downloads\40da6665-3de7-4ee6-b519-ed97162304ef.tmp</t>
  </si>
  <si>
    <t>f9d5f1a0-457b-4cc4-a952-fba295eecc69.tmp</t>
  </si>
  <si>
    <t>\\acsfs\profiles$\JOAOVAL\Downloads\f9d5f1a0-457b-4cc4-a952-fba295eecc69.tmp</t>
  </si>
  <si>
    <t>cbefb304-5fda-4dd4-b3f8-cc71cf8dba0e.tmp</t>
  </si>
  <si>
    <t>\\acsfs\profiles$\JOAOVAL\Downloads\cbefb304-5fda-4dd4-b3f8-cc71cf8dba0e.tmp</t>
  </si>
  <si>
    <t>4030576e-602d-4dc4-996a-efd6d1a28ed6.tmp</t>
  </si>
  <si>
    <t>\\acsfs\profiles$\PEDROHAB\Downloads\4030576e-602d-4dc4-996a-efd6d1a28ed6.tmp</t>
  </si>
  <si>
    <t>763a1b8c-5292-4eb6-b7cc-6ffe79cb491c.tmp</t>
  </si>
  <si>
    <t>\\acsfs\profiles$\PEDROHAB\Downloads\763a1b8c-5292-4eb6-b7cc-6ffe79cb491c.tmp</t>
  </si>
  <si>
    <t>\\acsfs\deptos\Operacao\Banco_Votorantim\Comum\CAMPANHA BV\Thumbs.db</t>
  </si>
  <si>
    <t>\\acsfs\deptos\Operacao\Banco_Votorantim\Comum\COMUNICADOS\</t>
  </si>
  <si>
    <t>\\acsfs\deptos\Operacao\Banco_Votorantim\Comum\COMUNICADOS\Thumbs.db</t>
  </si>
  <si>
    <t>\\acsfs\deptos\Operacao\Banco_Votorantim\Comum\COMUNICADOS\Informativos\</t>
  </si>
  <si>
    <t>\\acsfs\deptos\Operacao\Banco_Votorantim\Comum\COMUNICADOS\Informativos\Thumbs.db</t>
  </si>
  <si>
    <t>RELATORIO DE LOGIN - BV CARTÕES 02-01.xlsm</t>
  </si>
  <si>
    <t>\\acsfs\DEPTOS\Operacao\PCP\5 - Comum\PLANEJAMENTO BV\14 - ACOMPANHAMENTO\1 - REPORT ACOMPANHAMENTO\2020\1 - JANEIRO\CARTÕES\Login Logout Cartões\RELATORIO DE LOGIN - BV CARTÕES 02-01.xlsm</t>
  </si>
  <si>
    <t>andrelpsa@algartech.com;bvcartes-supervisores@algarnet.onmicrosoft.com;joaogvc@algartech.com;leonardoao@algartech.com;marianacds@algartech.com;marianadjc@algartech.com;maristelavodq@bv.algartech.com;paulacn@algartech.com;qualidadealgarbv@algartech.com;rafaelggs@algartech.com;supervisaobancovotorantim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maristelavodq@bv.algartech.com,paulacn@algartech.com,qualidadealgarbv@algartech.com,rafaelggs@algartech.com,supervisaobancovotorantim@algartech.com,taysdss@algartech.com,thiagordu@algartech.com,viniciussg@algartech.com</t>
  </si>
  <si>
    <t>3b9fe9d6-e7b5-49ed-a112-4e9bbcb18d78.tmp</t>
  </si>
  <si>
    <t>\\acsfs\profiles$\cintiadcf\Downloads\3b9fe9d6-e7b5-49ed-a112-4e9bbcb18d78.tmp</t>
  </si>
  <si>
    <t>0ccf8fb1-d850-40a6-b8e3-803805b6d3e7.tmp</t>
  </si>
  <si>
    <t>\\acsfs\profiles$\cintiadcf\Downloads\0ccf8fb1-d850-40a6-b8e3-803805b6d3e7.tmp</t>
  </si>
  <si>
    <t>ef137bc5-107c-48e8-bc11-acab138f8135;</t>
  </si>
  <si>
    <t>outlook.office.com/owa/service.svc?action=CreateItem&amp;app=Mail&amp;n=100</t>
  </si>
  <si>
    <t>gabrielsma@bv.algartech.com;janaina.pereira@bv.com.br;</t>
  </si>
  <si>
    <t>Webmail(Hotmail)</t>
  </si>
  <si>
    <t>gabrielsma@bv.algartech.com,janaina.pereira@bv.com.br</t>
  </si>
  <si>
    <t>outlook.office.com/owa/service.svc?action=UpdateItem&amp;app=Mail&amp;n=126</t>
  </si>
  <si>
    <t>outlook.office.com/owa/service.svc?action=UpdateItem&amp;app=Mail&amp;n=130</t>
  </si>
  <si>
    <t>outlook.office.com/owa/service.svc?action=UpdateItem&amp;app=Mail&amp;n=133</t>
  </si>
  <si>
    <t>outlook.office.com/owa/service.svc?action=UpdateItem&amp;app=Mail&amp;n=136</t>
  </si>
  <si>
    <t>~$Criar Payware_2709.xlsx</t>
  </si>
  <si>
    <t>\\acsfs\ACS\Gabriel da Silva\Contemporânea\Acessos\~$Criar Payware_2709.xlsx</t>
  </si>
  <si>
    <t>\\acsfs\ACS\Gabriel da Silva\Contemporânea\BDBV\2A002BF3.tmp\</t>
  </si>
  <si>
    <t>\\acsfs\ACS\Gabriel da Silva\Contemporânea\BDBV\2A002BF3.tmp\:Zone.Identifier:$DATA</t>
  </si>
  <si>
    <t>\\acsfs\ACS\Gabriel da Silva\Contemporânea\BDBV\2A002BF3.tmp</t>
  </si>
  <si>
    <t>2A002BF3.tmp</t>
  </si>
  <si>
    <t>~$Banco de Dados BV 12-2019.xlsx</t>
  </si>
  <si>
    <t>\\acsfs\ACS\Gabriel da Silva\Contemporânea\BDBV\~$Banco de Dados BV 12-2019.xlsx</t>
  </si>
  <si>
    <t>outlook.office.com/owa/service.svc?action=UpdateItem&amp;app=Mail&amp;n=144</t>
  </si>
  <si>
    <t>0367747c-8926-4618-bb16-f3db45b45c36.tmp</t>
  </si>
  <si>
    <t>\\acsfs\profiles$\felipetds\Downloads\0367747c-8926-4618-bb16-f3db45b45c36.tmp</t>
  </si>
  <si>
    <t>b12bb154-e224-4a20-a154-6649151a6756.tmp</t>
  </si>
  <si>
    <t>\\acsfs\profiles$\mariajra\Downloads\b12bb154-e224-4a20-a154-6649151a6756.tmp</t>
  </si>
  <si>
    <t>f52df1f0-beb1-4adc-9898-5aa1b46622a1.tmp</t>
  </si>
  <si>
    <t>\\acsfs\profiles$\mariajra\Downloads\f52df1f0-beb1-4adc-9898-5aa1b46622a1.tmp</t>
  </si>
  <si>
    <t>42fb4f6b-b5b0-4069-96f4-c064f83f78d7.tmp</t>
  </si>
  <si>
    <t>\\acsfs\profiles$\mariajra\Downloads\42fb4f6b-b5b0-4069-96f4-c064f83f78d7.tmp</t>
  </si>
  <si>
    <t>100014122394468;</t>
  </si>
  <si>
    <t>https://100014122394468</t>
  </si>
  <si>
    <t>mail.google.com/_/upload?authuser=0&amp;dcp=asu-n&amp;upload_id=AEnB2UrciGR6KEQPKj0Ju0Z6iaaCHn3XlGs-aSn0va9wKTVcgkFf6HfD0gsribx-Kc5UjmJa76FLj0K1hGHYmu7T_w_bj3SPncoABFhTZnnej3nDAJ7sswU&amp;upload_protocol=resumable</t>
  </si>
  <si>
    <t>andrelpsa@algartech.com;bvcartes-supervisores@algarnet.onmicrosoft.com;joaogvc@algartech.com;leonardoao@algartech.com;marianacds@algartech.com;marianadjc@algartech.com;maristelavodq@bv.algartech.com;mirianppb@algartech.com;paulacn@algartech.com;qualidadealgarbv@algartech.com;rafaelggs@algartech.com;supervisaobancovotorantim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maristelavodq@bv.algartech.com,mirianppb@algartech.com,paulacn@algartech.com,qualidadealgarbv@algartech.com,rafaelggs@algartech.com,supervisaobancovotorantim@algartech.com,taysdss@algartech.com,thiagordu@algartech.com,viniciussg@algartech.com</t>
  </si>
  <si>
    <t>a8bd2c05-e0ae-4294-8ccf-8dad0d9f724f.tmp</t>
  </si>
  <si>
    <t>\\acsfs\profiles$\ALYNYA\Downloads\a8bd2c05-e0ae-4294-8ccf-8dad0d9f724f.tmp</t>
  </si>
  <si>
    <t>794bfa3a-9ce8-48b3-8c4d-ceb626771f5b.tmp</t>
  </si>
  <si>
    <t>\\acsfs\profiles$\gabrielsma\Downloads\794bfa3a-9ce8-48b3-8c4d-ceb626771f5b.tmp</t>
  </si>
  <si>
    <t>\\acsfs\ACS\Gabriel da Silva\Contemporânea\BDBV\Q29udHJvbGxlci5JRS1Qb3J0YWw-.ica.crdownload</t>
  </si>
  <si>
    <t>\\acsfs\ACS\Gabriel da Silva\Contemporânea\VENDAS\</t>
  </si>
  <si>
    <t>icaIcaIcatu.csv.1bnnwgt.partial</t>
  </si>
  <si>
    <t>\\acsfs\ACS\Gabriel da Silva\Contemporânea\VENDAS\icaIcaIcatu.csv.1bnnwgt.partial</t>
  </si>
  <si>
    <t>b418fcb4-5c85-4771-9ec5-e1bed7fe58c5.tmp</t>
  </si>
  <si>
    <t>\\acsfs\profiles$\LUISPLS\Downloads\b418fcb4-5c85-4771-9ec5-e1bed7fe58c5.tmp</t>
  </si>
  <si>
    <t>a40c9ab8-7f05-4e36-b7ff-219dd0838a84.tmp</t>
  </si>
  <si>
    <t>\\acsfs\profiles$\mariajra\Downloads\a40c9ab8-7f05-4e36-b7ff-219dd0838a84.tmp</t>
  </si>
  <si>
    <t>d5348211-4dc5-43e9-8df4-0266a666c682.tmp</t>
  </si>
  <si>
    <t>\\acsfs\profiles$\lorrainerdl\Downloads\d5348211-4dc5-43e9-8df4-0266a666c682.tmp</t>
  </si>
  <si>
    <t>e1fc4e4f-7a2c-4bf3-9c19-c97d583003e1.tmp</t>
  </si>
  <si>
    <t>\\acsfs\profiles$\LUISPLS\Downloads\e1fc4e4f-7a2c-4bf3-9c19-c97d583003e1.tmp</t>
  </si>
  <si>
    <t>b5bb5fd0-f090-412d-9457-666b90774996.tmp</t>
  </si>
  <si>
    <t>\\acsfs\profiles$\mariellecs\Downloads\b5bb5fd0-f090-412d-9457-666b90774996.tmp</t>
  </si>
  <si>
    <t>ee2a57fa-3c18-41b4-aa10-1c34450568ba.tmp</t>
  </si>
  <si>
    <t>\\acsfs\profiles$\cintiadcf\Downloads\ee2a57fa-3c18-41b4-aa10-1c34450568ba.tmp</t>
  </si>
  <si>
    <t>7d6c0cf0-67c9-43be-b9db-03b6020771ee.tmp</t>
  </si>
  <si>
    <t>\\acsfs\profiles$\lorrainerdl\Downloads\7d6c0cf0-67c9-43be-b9db-03b6020771ee.tmp</t>
  </si>
  <si>
    <t>42eff1d5-3871-4f12-98c4-e7c3c3b7c3b1.tmp</t>
  </si>
  <si>
    <t>\\acsfs\profiles$\inarajst\Downloads\42eff1d5-3871-4f12-98c4-e7c3c3b7c3b1.tmp</t>
  </si>
  <si>
    <t>bfae1bb6-6f95-45e6-bb02-ea8c3819b81a.tmp</t>
  </si>
  <si>
    <t>\\acsfs\profiles$\mariajra\Downloads\bfae1bb6-6f95-45e6-bb02-ea8c3819b81a.tmp</t>
  </si>
  <si>
    <t>TV - 03-01.pptx</t>
  </si>
  <si>
    <t>\\acsfs\deptos\Operacao\Banco_Votorantim\Comum\TV - 03-01.pptx</t>
  </si>
  <si>
    <t>outlook.office.com/owa/service.svc?action=CreateItem&amp;app=Mail&amp;n=177</t>
  </si>
  <si>
    <t>algartechcpcbv@algartech.com;andrelpsa@algartech.com;eliane.martins@bv.com.br;flora.lira@bv.com.br;jose.gomes@bv.com.br;leonardoao@algartech.com;robsonams@algartech.com;</t>
  </si>
  <si>
    <t>algartechcpcbv@algartech.com,andrelpsa@algartech.com,eliane.martins@bv.com.br,flora.lira@bv.com.br,jose.gomes@bv.com.br,leonardoao@algartech.com,robsonams@algartech.com</t>
  </si>
  <si>
    <t>outlook.office.com/owa/service.svc?action=UpdateItem&amp;app=Mail&amp;n=194</t>
  </si>
  <si>
    <t>outlook.office.com/owa/service.svc?action=UpdateItem&amp;app=Mail&amp;n=202</t>
  </si>
  <si>
    <t>outlook.office.com/owa/service.svc/CreateAttachmentFromLocalFile</t>
  </si>
  <si>
    <t>Desligados ALGAR - 27_12_19 a 02_01_20.xlsx</t>
  </si>
  <si>
    <t>af89d3ee-7190-4b0c-a8c4-4031890aee88.tmp</t>
  </si>
  <si>
    <t>\\acsfs\profiles$\gabrielhca\Downloads\af89d3ee-7190-4b0c-a8c4-4031890aee88.tmp</t>
  </si>
  <si>
    <t>\\acsfs\ACS\Q29udHJvbGxlci5Hb29nbGUtQ2hyb21lXzE-.ica.crdownload</t>
  </si>
  <si>
    <t>\\acsfs\ACS\Q29udHJvbGxlci5Hb29nbGUtQ2hyb21lXzE-.ica:Zone.Identifier</t>
  </si>
  <si>
    <t>da481cca-9858-486d-b5a4-448dd34d7021.tmp</t>
  </si>
  <si>
    <t>\\acsfs\profiles$\quindaizaagds\Downloads\da481cca-9858-486d-b5a4-448dd34d7021.tmp</t>
  </si>
  <si>
    <t>kit_pre_deslig_pedido_demissao_ausente_98816_katiele sevilha de oliveira.pdf</t>
  </si>
  <si>
    <t>c3c981fe-863e-426c-8791-13f637bdc41a.tmp</t>
  </si>
  <si>
    <t>\\acsfs\profiles$\inarajst\Downloads\c3c981fe-863e-426c-8791-13f637bdc41a.tmp</t>
  </si>
  <si>
    <t>10.200.61.46</t>
  </si>
  <si>
    <t>74-86-7A-FB-18-F4</t>
  </si>
  <si>
    <t>VOTORANT-SB023</t>
  </si>
  <si>
    <t>\\acsfs\Deptos\Operacao\Banco_Votorantim\Comum\Thumbs.db</t>
  </si>
  <si>
    <t>\\acsfs\Deptos\Operacao\Banco_Votorantim\Comum\TV\</t>
  </si>
  <si>
    <t>\\acsfs\Deptos\Operacao\Banco_Votorantim\Comum\TV\Thumbs.db</t>
  </si>
  <si>
    <t>6bb0c37c-191f-4768-a1fa-ad06c885d646.tmp</t>
  </si>
  <si>
    <t>\\acsfs\profiles$\mariellecs\Downloads\6bb0c37c-191f-4768-a1fa-ad06c885d646.tmp</t>
  </si>
  <si>
    <t>d84845fe-5c9c-4a30-bad7-6ed0e5040e0c.tmp</t>
  </si>
  <si>
    <t>\\acsfs\profiles$\quindaizaagds\Downloads\d84845fe-5c9c-4a30-bad7-6ed0e5040e0c.tmp</t>
  </si>
  <si>
    <t>74a5dcf6-b2b5-40a2-b823-d68607fbb0ed.tmp</t>
  </si>
  <si>
    <t>\\acsfs\profiles$\quindaizaagds\Downloads\74a5dcf6-b2b5-40a2-b823-d68607fbb0ed.tmp</t>
  </si>
  <si>
    <t>9a95bc5f-d930-46db-b11a-5fd90669b19f.tmp</t>
  </si>
  <si>
    <t>\\acsfs\profiles$\quindaizaagds\Downloads\9a95bc5f-d930-46db-b11a-5fd90669b19f.tmp</t>
  </si>
  <si>
    <t>c0983e24-2598-46ad-ae79-f24f9ed4c594.tmp</t>
  </si>
  <si>
    <t>\\acsfs\profiles$\quindaizaagds\Downloads\c0983e24-2598-46ad-ae79-f24f9ed4c594.tmp</t>
  </si>
  <si>
    <t>689eba7b-88f0-4e30-80f7-e4e6e57ec1b4.tmp</t>
  </si>
  <si>
    <t>\\acsfs\profiles$\quindaizaagds\Downloads\689eba7b-88f0-4e30-80f7-e4e6e57ec1b4.tmp</t>
  </si>
  <si>
    <t>d0b4c2f7-9a6b-474c-82a5-216613a58d9a.tmp</t>
  </si>
  <si>
    <t>\\acsfs\profiles$\ayalabfi\Downloads\d0b4c2f7-9a6b-474c-82a5-216613a58d9a.tmp</t>
  </si>
  <si>
    <t>3729266c-d952-4fab-9fc9-0800e11c9831.tmp</t>
  </si>
  <si>
    <t>\\acsfs\profiles$\danielmlds\Downloads\3729266c-d952-4fab-9fc9-0800e11c9831.tmp</t>
  </si>
  <si>
    <t>c08546f2-9aec-4e74-a538-35f7cd02ca06.tmp</t>
  </si>
  <si>
    <t>\\acsfs\profiles$\andressagr\Downloads\c08546f2-9aec-4e74-a538-35f7cd02ca06.tmp</t>
  </si>
  <si>
    <t>b50aca05-0432-4e8a-b738-0c5b81b4f2a2.tmp</t>
  </si>
  <si>
    <t>\\acsfs\profiles$\inarajst\Downloads\b50aca05-0432-4e8a-b738-0c5b81b4f2a2.tmp</t>
  </si>
  <si>
    <t>6c281691-86b8-40c1-9e89-40cee1cd53f5.tmp</t>
  </si>
  <si>
    <t>\\acsfs\profiles$\luanaagl\Downloads\6c281691-86b8-40c1-9e89-40cee1cd53f5.tmp</t>
  </si>
  <si>
    <t>282687a5-2212-42b0-8891-6dd223cc3674.tmp</t>
  </si>
  <si>
    <t>\\acsfs\profiles$\luanaagl\Downloads\282687a5-2212-42b0-8891-6dd223cc3674.tmp</t>
  </si>
  <si>
    <t>5f1da1c6-032e-42cf-936f-bcc51b8d9d59.tmp</t>
  </si>
  <si>
    <t>\\acsfs\profiles$\eduardofss\Downloads\5f1da1c6-032e-42cf-936f-bcc51b8d9d59.tmp</t>
  </si>
  <si>
    <t>ca158cb5-337f-476b-aa45-04dbd2dd12c1.tmp</t>
  </si>
  <si>
    <t>\\acsfs\profiles$\eduardofss\Downloads\ca158cb5-337f-476b-aa45-04dbd2dd12c1.tmp</t>
  </si>
  <si>
    <t>146d7235-967f-4ac7-a23c-f738cce814ce.tmp</t>
  </si>
  <si>
    <t>\\acsfs\profiles$\lorraynevam\Downloads\146d7235-967f-4ac7-a23c-f738cce814ce.tmp</t>
  </si>
  <si>
    <t>1a9222fe-a219-4c7e-98dc-ac005f355f2e.tmp</t>
  </si>
  <si>
    <t>\\acsfs\profiles$\luanaagl\Downloads\1a9222fe-a219-4c7e-98dc-ac005f355f2e.tmp</t>
  </si>
  <si>
    <t>68ee99f4-39ff-4cce-84c3-46fe235bc03b.tmp</t>
  </si>
  <si>
    <t>\\acsfs\profiles$\rafaelahpn\Downloads\68ee99f4-39ff-4cce-84c3-46fe235bc03b.tmp</t>
  </si>
  <si>
    <t>11fd3a16-96db-4663-850a-8785050c5380.tmp</t>
  </si>
  <si>
    <t>\\acsfs\profiles$\geovanaasa\Downloads\11fd3a16-96db-4663-850a-8785050c5380.tmp</t>
  </si>
  <si>
    <t>e58f20f7-3d64-433c-94e6-d9f3953386f8.tmp</t>
  </si>
  <si>
    <t>\\acsfs\profiles$\laianear\Downloads\e58f20f7-3d64-433c-94e6-d9f3953386f8.tmp</t>
  </si>
  <si>
    <t>3abdb27c-e449-4918-b3f4-e012059cd357.tmp</t>
  </si>
  <si>
    <t>\\acsfs\profiles$\antoniosva\Downloads\3abdb27c-e449-4918-b3f4-e012059cd357.tmp</t>
  </si>
  <si>
    <t>baea6ec0-ff20-4241-a753-f097fed1c6e3.tmp</t>
  </si>
  <si>
    <t>\\acsfs\profiles$\LUISPLS\Downloads\baea6ec0-ff20-4241-a753-f097fed1c6e3.tmp</t>
  </si>
  <si>
    <t>cf57bb16-4cc1-487b-907c-aac5b70285f3.tmp</t>
  </si>
  <si>
    <t>\\acsfs\profiles$\nathaliarmr\Downloads\cf57bb16-4cc1-487b-907c-aac5b70285f3.tmp</t>
  </si>
  <si>
    <t>125ebc07-2a33-4452-993b-c524e2d78e99.tmp</t>
  </si>
  <si>
    <t>\\acsfs\profiles$\laianear\Downloads\125ebc07-2a33-4452-993b-c524e2d78e99.tmp</t>
  </si>
  <si>
    <t>ef6c31e7-f503-41be-bec9-e5f9502d0ef1.tmp</t>
  </si>
  <si>
    <t>\\acsfs\profiles$\laianear\Downloads\ef6c31e7-f503-41be-bec9-e5f9502d0ef1.tmp</t>
  </si>
  <si>
    <t>0b985b28-0032-473f-815c-420505900856.tmp</t>
  </si>
  <si>
    <t>\\acsfs\profiles$\laianear\Downloads\0b985b28-0032-473f-815c-420505900856.tmp</t>
  </si>
  <si>
    <t>lu73196bfyt3m.tmp</t>
  </si>
  <si>
    <t>\\acsfs\DEPTOS\Operacao\Banco_Votorantim\Supervisao\SUPERS BV CARTÕES\ANA VITORIA\APOIO\lu73196bfyt3m.tmp</t>
  </si>
  <si>
    <t>adb47d13-a7ec-4f6f-8abd-36c4c51e3221.tmp</t>
  </si>
  <si>
    <t>\\acsfs\profiles$\LUISPLS\Downloads\adb47d13-a7ec-4f6f-8abd-36c4c51e3221.tmp</t>
  </si>
  <si>
    <t>0f466e32-9a47-4dbd-9039-3640db86eb0d.tmp</t>
  </si>
  <si>
    <t>\\acsfs\profiles$\LUISPLS\Downloads\0f466e32-9a47-4dbd-9039-3640db86eb0d.tmp</t>
  </si>
  <si>
    <t>\\acsfs\DEPTOS\Operacao\PCP\5 - Comum\PLANEJAMENTO BV\22 - BANCO DE DADOS BV\FINANCEIRA\~$Banco de Dados BV 12-2019.xlsx</t>
  </si>
  <si>
    <t>0673dadf-bdd3-4fa0-86e5-97744fc31f33.tmp</t>
  </si>
  <si>
    <t>\\acsfs\profiles$\PEDROHAB\Downloads\0673dadf-bdd3-4fa0-86e5-97744fc31f33.tmp</t>
  </si>
  <si>
    <t>837027d2-67e4-4565-b958-c448d204a505.tmp</t>
  </si>
  <si>
    <t>\\acsfs\profiles$\PEDROHAB\Downloads\837027d2-67e4-4565-b958-c448d204a505.tmp</t>
  </si>
  <si>
    <t>andrelpsa@algartech.com;bvs-gestorescentral@bv.com.br;eliane.martins@bv.com.br;joaogvc@algartech.com;jose.gomes@bv.com.br;leonardoao@algartech.com;maristelavodq@bv.algartech.com;paulacn@algartech.com;qualidadealgarbv@algartech.com;rafaelggs@algartech.com;supervisaobancovotorantim@algartech.com;taysdss@algartech.com;viniciussg@algartech.com;</t>
  </si>
  <si>
    <t>andrelpsa@algartech.com,bvs-gestorescentral@bv.com.br,eliane.martins@bv.com.br,joaogvc@algartech.com,jose.gomes@bv.com.br,leonardoao@algartech.com,maristelavodq@bv.algartech.com,paulacn@algartech.com,qualidadealgarbv@algartech.com,rafaelggs@algartech.com,supervisaobancovotorantim@algartech.com,taysdss@algartech.com,viniciussg@algartech.com</t>
  </si>
  <si>
    <t>andrelpsa@algartech.com;bvs-gestorescentral@bv.com.br;eliane.martins@bv.com.br;jose.gomes@bv.com.br;</t>
  </si>
  <si>
    <t>andrelpsa@algartech.com,bvs-gestorescentral@bv.com.br,eliane.martins@bv.com.br,jose.gomes@bv.com.br</t>
  </si>
  <si>
    <t>5dabdffc-4e45-4e1a-95a3-8340fafc6f45.tmp</t>
  </si>
  <si>
    <t>\\acsfs\profiles$\lorrainerdl\Downloads\5dabdffc-4e45-4e1a-95a3-8340fafc6f45.tmp</t>
  </si>
  <si>
    <t>lu141881g2wt8.tmp</t>
  </si>
  <si>
    <t>\\acsfs\profiles$\ALEXANDREMM\lu141881g2wt8.tmp</t>
  </si>
  <si>
    <t>\\acsfs\profiles$\ALEXANDREMM\lu141881g2wt8.tmp\</t>
  </si>
  <si>
    <t>\\acsfs\profiles$\ALEXANDREMM\lu141881g2wt8.tmp\META-INF\</t>
  </si>
  <si>
    <t>\\acsfs\profiles$\ALEXANDREMM\lu141881g2wt8.tmp\Thumbnails\</t>
  </si>
  <si>
    <t>64ddc3c8-1266-42bd-9053-4187001d9d5c.tmp</t>
  </si>
  <si>
    <t>\\acsfs\profiles$\nayarasds\Downloads\64ddc3c8-1266-42bd-9053-4187001d9d5c.tmp</t>
  </si>
  <si>
    <t>42ce13fb-c01c-46ac-954e-52667bee2f60.tmp</t>
  </si>
  <si>
    <t>\\acsfs\profiles$\lucasgpe\Downloads\42ce13fb-c01c-46ac-954e-52667bee2f60.tmp</t>
  </si>
  <si>
    <t>6182e648-5ac1-4c0c-9243-4a20a3eb7072.tmp</t>
  </si>
  <si>
    <t>\\acsfs\profiles$\lucasgpe\Downloads\6182e648-5ac1-4c0c-9243-4a20a3eb7072.tmp</t>
  </si>
  <si>
    <t>7c030f59-1302-4955-b1a6-ba815252d9c2.tmp</t>
  </si>
  <si>
    <t>\\acsfs\profiles$\LUISPLS\Downloads\7c030f59-1302-4955-b1a6-ba815252d9c2.tmp</t>
  </si>
  <si>
    <t>10.200.67.162</t>
  </si>
  <si>
    <t>\\acsfs\DEPTOS\EDUCACAO EMPRESARIAL\2 - Operações\0.01 BV CARTÕES\Larisa\Larisa\Thumbs.db</t>
  </si>
  <si>
    <t>Lista de Presença Larisa NR17.xls</t>
  </si>
  <si>
    <t>\\acsfs\DEPTOS\EDUCACAO EMPRESARIAL\2 - Operações\0.01 BV CARTÕES\Larisa\Formação BV\Lista de Presença Larisa NR17.xls</t>
  </si>
  <si>
    <t>Palno de Aula 6 horas2.xls</t>
  </si>
  <si>
    <t>\\acsfs\DEPTOS\EDUCACAO EMPRESARIAL\2 - Operações\0.01 BV CARTÕES\Larisa\Formação BV\Palno de Aula 6 horas2.xls</t>
  </si>
  <si>
    <t>79979dd5-bb15-410c-ae54-cb0f98af2259.tmp</t>
  </si>
  <si>
    <t>\\acsfs\profiles$\LAISLG\Downloads\79979dd5-bb15-410c-ae54-cb0f98af2259.tmp</t>
  </si>
  <si>
    <t>andrelpsa@algartech.com;bvs-gestorescentral@bv.com.br;eliane.martins@bv.com.br;gilson.santos@neobpo.com.br;jose.gomes@bv.com.br;willian.alves@neobpo.com.br;</t>
  </si>
  <si>
    <t>andrelpsa@algartech.com,bvs-gestorescentral@bv.com.br,eliane.martins@bv.com.br,gilson.santos@neobpo.com.br,jose.gomes@bv.com.br,willian.alves@neobpo.com.br</t>
  </si>
  <si>
    <t>andrelpsa@algartech.com;bvs-gestorescentral@bv.com.br;eliane.martins@bv.com.br;gilson.santos@neobpo.com.br;joaogvc@algartech.com;jose.gomes@bv.com.br;leonardoao@algartech.com;maristelavodq@bv.algartech.com;paulacn@algartech.com;qualidadealgarbv@algartech.com;rafaelggs@algartech.com;supervisaobancovotorantim@algartech.com;taysdss@algartech.com;viniciussg@algartech.com;willian.alves@neobpo.com.br;</t>
  </si>
  <si>
    <t>andrelpsa@algartech.com,bvs-gestorescentral@bv.com.br,eliane.martins@bv.com.br,gilson.santos@neobpo.com.br,joaogvc@algartech.com,jose.gomes@bv.com.br,leonardoao@algartech.com,maristelavodq@bv.algartech.com,paulacn@algartech.com,qualidadealgarbv@algartech.com,rafaelggs@algartech.com,supervisaobancovotorantim@algartech.com,taysdss@algartech.com,viniciussg@algartech.com,willian.alves@neobpo.com.br</t>
  </si>
  <si>
    <t>86bb9ae4-0a7e-4607-a01c-7c59459afc03.tmp</t>
  </si>
  <si>
    <t>\\acsfs\profiles$\lorrainerdl\Downloads\86bb9ae4-0a7e-4607-a01c-7c59459afc03.tmp</t>
  </si>
  <si>
    <t>3eff8151-4af1-4d91-b9e4-bbb4d30c009e.tmp</t>
  </si>
  <si>
    <t>\\acsfs\profiles$\danielac\Downloads\3eff8151-4af1-4d91-b9e4-bbb4d30c009e.tmp</t>
  </si>
  <si>
    <t>10.200.58.22</t>
  </si>
  <si>
    <t>74-86-7A-FE-0E-04</t>
  </si>
  <si>
    <t>2e06a602-f96d-4120-a390-d84b4a45c003.tmp</t>
  </si>
  <si>
    <t>\\acsfs\profiles$\fabianobmf\Downloads\2e06a602-f96d-4120-a390-d84b4a45c003.tmp</t>
  </si>
  <si>
    <t>3c72404b-14c1-4a6e-bdf3-d780e4a079c7.tmp</t>
  </si>
  <si>
    <t>\\acsfs\profiles$\adelvinsonle\Downloads\3c72404b-14c1-4a6e-bdf3-d780e4a079c7.tmp</t>
  </si>
  <si>
    <t>74-86-7A-FB-1B-19</t>
  </si>
  <si>
    <t>VOTORANT-OB009</t>
  </si>
  <si>
    <t>\\acsfs\profiles$\regisadsa\Contacts\</t>
  </si>
  <si>
    <t>REGIS AUGUSTO DA SILVA ABREU (31112).contact</t>
  </si>
  <si>
    <t>\\acsfs\profiles$\regisadsa\Contacts\REGIS AUGUSTO DA SILVA ABREU (31112).contact</t>
  </si>
  <si>
    <t>\\acsfs\profiles$\regisadsa\My Documents\My Videos\</t>
  </si>
  <si>
    <t>\\acsfs\profiles$\regisadsa\My Documents\My Videos\desktop.ini</t>
  </si>
  <si>
    <t>\\acsfs\profiles$\regisadsa\My Documents\My Pictures\</t>
  </si>
  <si>
    <t>\\acsfs\profiles$\regisadsa\My Documents\My Pictures\desktop.ini</t>
  </si>
  <si>
    <t>\\acsfs\profiles$\regisadsa\Contacts\desktop.ini</t>
  </si>
  <si>
    <t>\\acsfs\profiles$\regisadsa\Favorites\</t>
  </si>
  <si>
    <t>\\acsfs\profiles$\regisadsa\Favorites\desktop.ini</t>
  </si>
  <si>
    <t>\\acsfs\profiles$\regisadsa\My Documents\My Music\</t>
  </si>
  <si>
    <t>\\acsfs\profiles$\regisadsa\My Documents\My Music\desktop.ini</t>
  </si>
  <si>
    <t>\\acsfs\profiles$\regisadsa\Searches\</t>
  </si>
  <si>
    <t>\\acsfs\profiles$\regisadsa\Searches\desktop.ini</t>
  </si>
  <si>
    <t>\\acsfs\profiles$\regisadsa\Downloads\desktop.ini</t>
  </si>
  <si>
    <t>\\acsfs\profiles$\regisadsa\My Documents\desktop.ini</t>
  </si>
  <si>
    <t>\\acsfs\profiles$\regisadsa\Saved Games\</t>
  </si>
  <si>
    <t>\\acsfs\profiles$\regisadsa\Saved Games\desktop.ini</t>
  </si>
  <si>
    <t>\\acsfs\profiles$\regisadsa\Favorites\Links for Brasil\</t>
  </si>
  <si>
    <t>\\acsfs\profiles$\regisadsa\Favorites\Links for Brasil\desktop.ini</t>
  </si>
  <si>
    <t>\\acsfs\profiles$\regisadsa\Favorites\Links for Brasil\Microsoft Brasil.url</t>
  </si>
  <si>
    <t>\\acsfs\profiles$\regisadsa\Favorites\Links for Brasil\Windows Brasil.url</t>
  </si>
  <si>
    <t>\\acsfs\profiles$\regisadsa\Favorites\Links for Brasil\MSN Brasil.url</t>
  </si>
  <si>
    <t>439aacf4-a46b-4f91-ac14-82006de0d3cc.tmp</t>
  </si>
  <si>
    <t>\\acsfs\profiles$\regisadsa\Downloads\439aacf4-a46b-4f91-ac14-82006de0d3cc.tmp</t>
  </si>
  <si>
    <t>5ae29bb7-e1d6-4b2a-b248-cb2cdffa112f.tmp</t>
  </si>
  <si>
    <t>\\acsfs\profiles$\regisadsa\Downloads\5ae29bb7-e1d6-4b2a-b248-cb2cdffa112f.tmp</t>
  </si>
  <si>
    <t>a1632cd9-7ea0-483d-91ac-0574bc29c30c.tmp</t>
  </si>
  <si>
    <t>\\acsfs\profiles$\websondsa\Downloads\a1632cd9-7ea0-483d-91ac-0574bc29c30c.tmp</t>
  </si>
  <si>
    <t>973f0a5f-7398-4b33-89bd-570f50bfad96.tmp</t>
  </si>
  <si>
    <t>\\acsfs\profiles$\danielac\Downloads\973f0a5f-7398-4b33-89bd-570f50bfad96.tmp</t>
  </si>
  <si>
    <t>cf52cc40-c9de-4a06-a4da-64eacf86c580.tmp</t>
  </si>
  <si>
    <t>\\acsfs\profiles$\fabianobmf\Downloads\cf52cc40-c9de-4a06-a4da-64eacf86c580.tmp</t>
  </si>
  <si>
    <t>5fe5f21b-b198-4a15-9045-f2827b982a66.tmp</t>
  </si>
  <si>
    <t>\\acsfs\profiles$\regisadsa\Downloads\5fe5f21b-b198-4a15-9045-f2827b982a66.tmp</t>
  </si>
  <si>
    <t>936ccd1c-9a2f-41cd-a5b3-20b12d044449.tmp</t>
  </si>
  <si>
    <t>\\acsfs\profiles$\Flaviojmm\Downloads\936ccd1c-9a2f-41cd-a5b3-20b12d044449.tmp</t>
  </si>
  <si>
    <t>\\acsfs\DEPTOS\EDUCACAO EMPRESARIAL\2 - Operações\0.01 BV CARTÕES\Larisa\NOSSO JEITO DE SER.pptx\</t>
  </si>
  <si>
    <t>\\acsfs\DEPTOS\EDUCACAO EMPRESARIAL\2 - Operações\0.01 BV CARTÕES\Larisa\NOSSO JEITO DE SER.pptx</t>
  </si>
  <si>
    <t>image16.emf</t>
  </si>
  <si>
    <t>image19.emf</t>
  </si>
  <si>
    <t>image30.svg</t>
  </si>
  <si>
    <t>media1.mp4</t>
  </si>
  <si>
    <t>Algar_Midias play</t>
  </si>
  <si>
    <t>media2.mp4</t>
  </si>
  <si>
    <t>NOSSO JEITO DE SER.pptx</t>
  </si>
  <si>
    <t>lu54043tp62w.tmp</t>
  </si>
  <si>
    <t>\\acsfs\profiles$\CLAUDIAJCA\lu54043tp62w.tmp</t>
  </si>
  <si>
    <t>\\acsfs\profiles$\CLAUDIAJCA\lu54043tp62w.tmp\</t>
  </si>
  <si>
    <t>\\acsfs\profiles$\CLAUDIAJCA\lu54043tp62w.tmp\META-INF\</t>
  </si>
  <si>
    <t>\\acsfs\profiles$\CLAUDIAJCA\lu54043tp62w.tmp\Thumbnails\</t>
  </si>
  <si>
    <t>lu77912bfudps.tmp</t>
  </si>
  <si>
    <t>\\acsfs\profiles$\BRUNAAR\Numero\lu77912bfudps.tmp</t>
  </si>
  <si>
    <t>86d6e152-85c1-4f5e-95c4-d119ab34ccdb.tmp</t>
  </si>
  <si>
    <t>\\acsfs\profiles$\luanarda\Downloads\86d6e152-85c1-4f5e-95c4-d119ab34ccdb.tmp</t>
  </si>
  <si>
    <t>c0507c5a-afcb-45c4-85c5-b18f0617dc75.tmp</t>
  </si>
  <si>
    <t>\\acsfs\profiles$\rafaelahpn\Downloads\c0507c5a-afcb-45c4-85c5-b18f0617dc75.tmp</t>
  </si>
  <si>
    <t>100014239771614;joaogvc@algartech.com;leonardoao@algartech.com;marianadjc@algartech.com;paulacn@algartech.com;rafaelggs@algartech.com;taysdss@algartech.com;thiagordu@algartech.com;viniciussg@algartech.com;</t>
  </si>
  <si>
    <t>https://100014239771614,joaogvc@algartech.com,leonardoao@algartech.com,marianadjc@algartech.com,paulacn@algartech.com,rafaelggs@algartech.com,taysdss@algartech.com,thiagordu@algartech.com,viniciussg@algartech.com</t>
  </si>
  <si>
    <t>bcbf6809-c02b-4027-aa80-1ce51859f453.tmp</t>
  </si>
  <si>
    <t>\\acsfs\profiles$\maxmillianosv\Downloads\bcbf6809-c02b-4027-aa80-1ce51859f453.tmp</t>
  </si>
  <si>
    <t>b25ded25-b794-410d-8318-3d6ba6f10613.tmp</t>
  </si>
  <si>
    <t>\\acsfs\profiles$\wenderbnm\Downloads\b25ded25-b794-410d-8318-3d6ba6f10613.tmp</t>
  </si>
  <si>
    <t>andrelpsa@algartech.com;joaogvc@algartech.com;leonardoao@algartech.com;marianadjc@algartech.com;maristelavodq@bv.algartech.com;paulacn@algartech.com;rafaelggs@algartech.com;supervisaobancovotorantim@algartech.com;taysdss@algartech.com;viniciussg@algartech.com;</t>
  </si>
  <si>
    <t>andrelpsa@algartech.com,joaogvc@algartech.com,leonardoao@algartech.com,marianadjc@algartech.com,maristelavodq@bv.algartech.com,paulacn@algartech.com,rafaelggs@algartech.com,supervisaobancovotorantim@algartech.com,taysdss@algartech.com,viniciussg@algartech.com</t>
  </si>
  <si>
    <t>bd5534c8-92f4-45d9-bd45-dc0bdbfcc411.tmp</t>
  </si>
  <si>
    <t>\\acsfs\profiles$\inarajst\Downloads\bd5534c8-92f4-45d9-bd45-dc0bdbfcc411.tmp</t>
  </si>
  <si>
    <t>6f3c600a-151d-4c31-9e08-ac473325af8e.tmp</t>
  </si>
  <si>
    <t>\\acsfs\profiles$\fabianobmf\Downloads\6f3c600a-151d-4c31-9e08-ac473325af8e.tmp</t>
  </si>
  <si>
    <t>bfacf09d-f7f1-4f0d-b7f9-4b6dffa699d7.tmp</t>
  </si>
  <si>
    <t>\\acsfs\profiles$\inarajst\Downloads\bfacf09d-f7f1-4f0d-b7f9-4b6dffa699d7.tmp</t>
  </si>
  <si>
    <t>lu77912bfudpv.tmp</t>
  </si>
  <si>
    <t>\\acsfs\profiles$\BRUNAAR\Numero\lu77912bfudpv.tmp</t>
  </si>
  <si>
    <t>c664ac09-12b9-45c0-89c9-1f5feeb48b78.tmp</t>
  </si>
  <si>
    <t>\\acsfs\profiles$\luanarda\Downloads\c664ac09-12b9-45c0-89c9-1f5feeb48b78.tmp</t>
  </si>
  <si>
    <t>lu96169hks.tmp</t>
  </si>
  <si>
    <t>\\acsfs\profiles$\VIVIANALDS\My Documents\lu96169hks.tmp</t>
  </si>
  <si>
    <t>\\acsfs\profiles$\VIVIANALDS\My Documents\lu96169hks.tmp\</t>
  </si>
  <si>
    <t>\\acsfs\profiles$\VIVIANALDS\My Documents\lu96169hks.tmp\META-INF\</t>
  </si>
  <si>
    <t>\\acsfs\profiles$\VIVIANALDS\My Documents\lu96169hks.tmp\Thumbnails\</t>
  </si>
  <si>
    <t>outlook.office.com/owa/service.svc?action=CreateItem&amp;app=Mail&amp;n=290</t>
  </si>
  <si>
    <t>algartechcpcbv@algartech.com;andrelpsa@algartech.com;eliane.martins@bv.com.br;flora.lira@bv.com.br;gabrielsma@bv.algartech.com;janaina.pereira@bv.com.br;jose.gomes@bv.com.br;leonardoao@algartech.com;robsonams@algartech.com;</t>
  </si>
  <si>
    <t>algartechcpcbv@algartech.com,andrelpsa@algartech.com,eliane.martins@bv.com.br,flora.lira@bv.com.br,gabrielsma@bv.algartech.com,janaina.pereira@bv.com.br,jose.gomes@bv.com.br,leonardoao@algartech.com,robsonams@algartech.com</t>
  </si>
  <si>
    <t>outlook.office.com/owa/service.svc?action=CreateItem&amp;app=Mail&amp;n=302</t>
  </si>
  <si>
    <t>cb82b085-2777-4774-b0b5-8faea3419042.tmp</t>
  </si>
  <si>
    <t>\\acsfs\profiles$\rafaelamsv\Downloads\cb82b085-2777-4774-b0b5-8faea3419042.tmp</t>
  </si>
  <si>
    <t>d6524444-6c37-4c62-a7a2-0c7248935acd.tmp</t>
  </si>
  <si>
    <t>\\acsfs\profiles$\lorrainerdl\Downloads\d6524444-6c37-4c62-a7a2-0c7248935acd.tmp</t>
  </si>
  <si>
    <t>100014239771614;joaogvc@algartech.com;marianadjc@algartech.com;rafaelggs@algartech.com;taysdss@algartech.com;viniciussg@algartech.com;</t>
  </si>
  <si>
    <t>https://100014239771614,joaogvc@algartech.com,marianadjc@algartech.com,rafaelggs@algartech.com,taysdss@algartech.com,viniciussg@algartech.com</t>
  </si>
  <si>
    <t>d2194cdf-de12-48f3-980e-9b0663bb9890.tmp</t>
  </si>
  <si>
    <t>\\acsfs\profiles$\claudiajca\Downloads\d2194cdf-de12-48f3-980e-9b0663bb9890.tmp</t>
  </si>
  <si>
    <t>\\acsfs\profiles$\gabrielarb\Contacts\</t>
  </si>
  <si>
    <t>GABRIELA RODRIGUES BARREIRO (24251).contact</t>
  </si>
  <si>
    <t>\\acsfs\profiles$\gabrielarb\Contacts\GABRIELA RODRIGUES BARREIRO (24251).contact</t>
  </si>
  <si>
    <t>\\acsfs\profiles$\gabrielarb\My Documents\My Videos\</t>
  </si>
  <si>
    <t>\\acsfs\profiles$\gabrielarb\My Documents\My Videos\desktop.ini</t>
  </si>
  <si>
    <t>\\acsfs\profiles$\gabrielarb\My Documents\My Pictures\</t>
  </si>
  <si>
    <t>\\acsfs\profiles$\gabrielarb\My Documents\My Pictures\desktop.ini</t>
  </si>
  <si>
    <t>\\acsfs\profiles$\gabrielarb\Contacts\desktop.ini</t>
  </si>
  <si>
    <t>\\acsfs\profiles$\gabrielarb\Favorites\</t>
  </si>
  <si>
    <t>\\acsfs\profiles$\gabrielarb\Favorites\desktop.ini</t>
  </si>
  <si>
    <t>\\acsfs\profiles$\gabrielarb\My Documents\My Music\</t>
  </si>
  <si>
    <t>\\acsfs\profiles$\gabrielarb\My Documents\My Music\desktop.ini</t>
  </si>
  <si>
    <t>\\acsfs\profiles$\gabrielarb\Searches\</t>
  </si>
  <si>
    <t>\\acsfs\profiles$\gabrielarb\Searches\desktop.ini</t>
  </si>
  <si>
    <t>\\acsfs\profiles$\gabrielarb\Downloads\desktop.ini</t>
  </si>
  <si>
    <t>\\acsfs\profiles$\gabrielarb\My Documents\</t>
  </si>
  <si>
    <t>\\acsfs\profiles$\gabrielarb\My Documents\desktop.ini</t>
  </si>
  <si>
    <t>\\acsfs\profiles$\gabrielarb\Saved Games\</t>
  </si>
  <si>
    <t>\\acsfs\profiles$\gabrielarb\Saved Games\desktop.ini</t>
  </si>
  <si>
    <t>\\acsfs\profiles$\gabrielarb\Favorites\Links for Brasil\</t>
  </si>
  <si>
    <t>\\acsfs\profiles$\gabrielarb\Favorites\Links for Brasil\desktop.ini</t>
  </si>
  <si>
    <t>\\acsfs\profiles$\gabrielarb\Favorites\Links for Brasil\Microsoft Brasil.url</t>
  </si>
  <si>
    <t>\\acsfs\profiles$\gabrielarb\Favorites\Links for Brasil\Windows Brasil.url</t>
  </si>
  <si>
    <t>\\acsfs\profiles$\gabrielarb\Favorites\Links for Brasil\MSN Brasil.url</t>
  </si>
  <si>
    <t>Cópia de Diario de Bordo - BV...xlsb</t>
  </si>
  <si>
    <t>\\acsfs\deptos\Operacao\Banco_Votorantim\Supervisao\DIÁRIO DE BORDO BV\Cópia de Diario de Bordo - BV...xlsb</t>
  </si>
  <si>
    <t>https://bvcartes-supervisores@algarnet.onmicrosoft.com,joaogvc@algartech.com,leonardoao@algartech.com,marianacds@algartech.com,marianadjc@algartech.com,paulacn@algartech.com,taysdss@algartech.com,thiagordu@algartech.com,viniciussg@algartech.com</t>
  </si>
  <si>
    <t>https://algartechcpcbv@algartech.com,andrelpsa@algartech.com,cpc-controldeskavon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711</t>
  </si>
  <si>
    <t>Demandas.xlsx</t>
  </si>
  <si>
    <t>\\acsfs\DEPTOS\Operacao\PCP\5 - Comum\João Gabriel\Demandas.xlsx</t>
  </si>
  <si>
    <t>mail.google.com/sync/u/0/i/s?hl=pt-BR&amp;c=733</t>
  </si>
  <si>
    <t>mail.google.com/sync/u/0/i/s?hl=pt-BR&amp;c=735</t>
  </si>
  <si>
    <t>Q29udHJvbGxlci5TQUNBLVNBQw-- (2).ica.crdownload</t>
  </si>
  <si>
    <t>\\acsfs\ACS\Q29udHJvbGxlci5TQUNBLVNBQw-- (2).ica.crdownload</t>
  </si>
  <si>
    <t>Q29udHJvbGxlci5TQUNBLVNBQw-- (2).ica:Zone.Identifier</t>
  </si>
  <si>
    <t>\\acsfs\ACS\Q29udHJvbGxlci5TQUNBLVNBQw-- (2).ica:Zone.Identifier</t>
  </si>
  <si>
    <t>848d0829-3da7-410e-b2a9-bcd8c3961d95.tmp</t>
  </si>
  <si>
    <t>\\acsfs\profiles$\lucasqdss\Downloads\848d0829-3da7-410e-b2a9-bcd8c3961d95.tmp</t>
  </si>
  <si>
    <t>7578c5ee-72e6-4191-9ff6-67ee40f7bf37.tmp</t>
  </si>
  <si>
    <t>\\acsfs\profiles$\laylaams\Downloads\7578c5ee-72e6-4191-9ff6-67ee40f7bf37.tmp</t>
  </si>
  <si>
    <t>ac36efdf-7e99-47a7-be66-51b30de8836c.tmp</t>
  </si>
  <si>
    <t>\\acsfs\profiles$\laylaams\Downloads\ac36efdf-7e99-47a7-be66-51b30de8836c.tmp</t>
  </si>
  <si>
    <t>Comunicado de Dispensa.zip</t>
  </si>
  <si>
    <t>C:\Users\raicdf\Downloads\Comunicado de Dispensa.zip\</t>
  </si>
  <si>
    <t>Comunicado de Dispensa.pdf</t>
  </si>
  <si>
    <t>c7e4d145-2269-4b4d-bd5e-4e00ff448638.tmp</t>
  </si>
  <si>
    <t>\\acsfs\profiles$\paulovadc\Downloads\c7e4d145-2269-4b4d-bd5e-4e00ff448638.tmp</t>
  </si>
  <si>
    <t>\\acsfs\profiles$\kamilamrc\My Documents\xworkcenter\logs\</t>
  </si>
  <si>
    <t>XLOG_kamilamrc_03012020_105957.log</t>
  </si>
  <si>
    <t>\\acsfs\profiles$\kamilamrc\My Documents\xworkcenter\logs\XLOG_kamilamrc_03012020_105957.log</t>
  </si>
  <si>
    <t>80fb8e72-044b-41c2-a764-5df263c3da58.tmp</t>
  </si>
  <si>
    <t>\\acsfs\profiles$\kamilamrc\Downloads\80fb8e72-044b-41c2-a764-5df263c3da58.tmp</t>
  </si>
  <si>
    <t>mail.google.com/sync/u/0/i/s?hl=pt-BR&amp;c=739</t>
  </si>
  <si>
    <t>mail.google.com/sync/u/0/i/s?hl=pt-BR&amp;c=741</t>
  </si>
  <si>
    <t>mail.google.com/sync/u/0/i/s?hl=pt-BR&amp;c=743</t>
  </si>
  <si>
    <t>marianadjc@algartech.com;</t>
  </si>
  <si>
    <t>marianadjc@algartech.com</t>
  </si>
  <si>
    <t>mail.google.com/sync/u/0/i/s?hl=pt-BR&amp;c=759</t>
  </si>
  <si>
    <t>mail.google.com/sync/u/0/i/s?hl=pt-BR&amp;c=761</t>
  </si>
  <si>
    <t>mail.google.com/sync/u/0/i/s?hl=pt-BR&amp;c=763</t>
  </si>
  <si>
    <t>mail.google.com/sync/u/0/i/s?hl=pt-BR&amp;c=765</t>
  </si>
  <si>
    <t>mail.google.com/sync/u/0/i/s?hl=pt-BR&amp;c=769</t>
  </si>
  <si>
    <t>https://17c8edca.akstat.io/</t>
  </si>
  <si>
    <t>328ce24e-960c-4754-a617-d8c139c4ba8e.tmp</t>
  </si>
  <si>
    <t>\\acsfs\profiles$\regisedsj\Downloads\328ce24e-960c-4754-a617-d8c139c4ba8e.tmp</t>
  </si>
  <si>
    <t>ac869ff7-ac62-4b1f-afce-e3b20e59c0b9.tmp</t>
  </si>
  <si>
    <t>\\acsfs\profiles$\regisedsj\Downloads\ac869ff7-ac62-4b1f-afce-e3b20e59c0b9.tmp</t>
  </si>
  <si>
    <t>d53ec520-9934-4572-bbc9-26e87cafefe8.tmp</t>
  </si>
  <si>
    <t>\\acsfs\profiles$\nathaliarmr\Downloads\d53ec520-9934-4572-bbc9-26e87cafefe8.tmp</t>
  </si>
  <si>
    <t>GABRIELA RODRIGUES BARREIRO (31306).contact</t>
  </si>
  <si>
    <t>\\acsfs\profiles$\gabrielarb\Contacts\GABRIELA RODRIGUES BARREIRO (31306).contact</t>
  </si>
  <si>
    <t>3f09add4-5ee4-4496-82d3-fd07a6de48d7.tmp</t>
  </si>
  <si>
    <t>\\acsfs\profiles$\gabrielarb\Downloads\3f09add4-5ee4-4496-82d3-fd07a6de48d7.tmp</t>
  </si>
  <si>
    <t>2325184d-c07b-423f-bfb3-bd9be9555b31.tmp</t>
  </si>
  <si>
    <t>\\acsfs\profiles$\gabrielarb\Downloads\2325184d-c07b-423f-bfb3-bd9be9555b31.tmp</t>
  </si>
  <si>
    <t>cdd1ce58-d806-4c59-88e8-1984fcca2e93.tmp</t>
  </si>
  <si>
    <t>\\acsfs\profiles$\gabrielarb\Downloads\cdd1ce58-d806-4c59-88e8-1984fcca2e93.tmp</t>
  </si>
  <si>
    <t>4bcf8954-50ea-4449-9235-d42a7d7f26f4.tmp</t>
  </si>
  <si>
    <t>\\acsfs\profiles$\gabrielarb\Downloads\4bcf8954-50ea-4449-9235-d42a7d7f26f4.tmp</t>
  </si>
  <si>
    <t>2e193f62-cd50-4f80-8438-7aa7479d6e2e.tmp</t>
  </si>
  <si>
    <t>\\acsfs\profiles$\mariajra\Downloads\2e193f62-cd50-4f80-8438-7aa7479d6e2e.tmp</t>
  </si>
  <si>
    <t>bccadecb-a43d-4af7-b797-89d91047bc07.tmp</t>
  </si>
  <si>
    <t>\\acsfs\profiles$\danielmlds\Downloads\bccadecb-a43d-4af7-b797-89d91047bc07.tmp</t>
  </si>
  <si>
    <t>34c3d299-d5ee-4ac3-a3d4-ec23fa05f906.tmp</t>
  </si>
  <si>
    <t>\\acsfs\profiles$\mariagsg\Downloads\34c3d299-d5ee-4ac3-a3d4-ec23fa05f906.tmp</t>
  </si>
  <si>
    <t>e45d0dae-a6d6-46c1-b8bb-36915b4722c7.tmp</t>
  </si>
  <si>
    <t>\\acsfs\profiles$\mariagsg\Downloads\e45d0dae-a6d6-46c1-b8bb-36915b4722c7.tmp</t>
  </si>
  <si>
    <t>Q29udHJvbGxlci5QYXl3YXJlXzEtMg-- (7).ica</t>
  </si>
  <si>
    <t>\\acsfs\profiles$\mariagsg\Downloads\Q29udHJvbGxlci5QYXl3YXJlXzEtMg-- (7).ica</t>
  </si>
  <si>
    <t>1ccb48da-e191-40a5-816d-27c4facbfb2d.tmp</t>
  </si>
  <si>
    <t>\\acsfs\profiles$\claudiajca\Downloads\1ccb48da-e191-40a5-816d-27c4facbfb2d.tmp</t>
  </si>
  <si>
    <t>ef5a7781-ca9c-4fcc-8cb6-16f19fbc99eb.tmp</t>
  </si>
  <si>
    <t>\\acsfs\profiles$\gabrielarb\Downloads\ef5a7781-ca9c-4fcc-8cb6-16f19fbc99eb.tmp</t>
  </si>
  <si>
    <t>bf63b12f-f6a4-410e-ba44-954fc2210ba5.tmp</t>
  </si>
  <si>
    <t>\\acsfs\profiles$\gabrielarb\Downloads\bf63b12f-f6a4-410e-ba44-954fc2210ba5.tmp</t>
  </si>
  <si>
    <t>cfcb0fa5-2ba4-42ec-8445-6d7f614f6b1d.tmp</t>
  </si>
  <si>
    <t>\\acsfs\profiles$\gabrielarb\Downloads\cfcb0fa5-2ba4-42ec-8445-6d7f614f6b1d.tmp</t>
  </si>
  <si>
    <t>6d87d06e-d1f9-4117-8054-e0668a426e74.tmp</t>
  </si>
  <si>
    <t>\\acsfs\profiles$\mariagsg\Downloads\6d87d06e-d1f9-4117-8054-e0668a426e74.tmp</t>
  </si>
  <si>
    <t>f18a3bab-8e45-491a-bfa6-10e0a5cafa67.tmp</t>
  </si>
  <si>
    <t>\\acsfs\profiles$\mariagsg\Downloads\f18a3bab-8e45-491a-bfa6-10e0a5cafa67.tmp</t>
  </si>
  <si>
    <t>5aa7c360-a4dd-41c4-8f37-0b30552125db.tmp</t>
  </si>
  <si>
    <t>\\acsfs\profiles$\mariagsg\Downloads\5aa7c360-a4dd-41c4-8f37-0b30552125db.tmp</t>
  </si>
  <si>
    <t>69eabc9e-c173-4204-9a80-b57ab4a3ea20.tmp</t>
  </si>
  <si>
    <t>\\acsfs\profiles$\mariagsg\Downloads\69eabc9e-c173-4204-9a80-b57ab4a3ea20.tmp</t>
  </si>
  <si>
    <t>a5eed411-c413-4fcf-bd48-2d58c3512c5a.tmp</t>
  </si>
  <si>
    <t>\\acsfs\profiles$\mariagsg\Downloads\a5eed411-c413-4fcf-bd48-2d58c3512c5a.tmp</t>
  </si>
  <si>
    <t>925f3695-deab-4549-be71-9f33ebd2c6fa.tmp</t>
  </si>
  <si>
    <t>\\acsfs\profiles$\mariagsg\Downloads\925f3695-deab-4549-be71-9f33ebd2c6fa.tmp</t>
  </si>
  <si>
    <t>dd849a9e-7feb-4386-b4b0-1ee88bfb657d.tmp</t>
  </si>
  <si>
    <t>\\acsfs\profiles$\mariagsg\Downloads\dd849a9e-7feb-4386-b4b0-1ee88bfb657d.tmp</t>
  </si>
  <si>
    <t>mail.google.com/sync/u/0/i/s?hl=pt-BR&amp;c=698</t>
  </si>
  <si>
    <t>andrelpsa@algartech.com;joaogvc@algartech.com;leonardoao@algartech.com;marianadjc@algartech.com;maristelavodq@bv.algartech.com;paulacn@algartech.com;planejamentodeoperacoesetrafego@bv.com.br;rafaelggs@algartech.com;supervisaobancovotorantim@algartech.com;taysdss@algartech.com;viniciussg@algartech.com;</t>
  </si>
  <si>
    <t>andrelpsa@algartech.com,joaogvc@algartech.com,leonardoao@algartech.com,marianadjc@algartech.com,maristelavodq@bv.algartech.com,paulacn@algartech.com,planejamentodeoperacoesetrafego@bv.com.br,rafaelggs@algartech.com,supervisaobancovotorantim@algartech.com,taysdss@algartech.com,viniciussg@algartech.com</t>
  </si>
  <si>
    <t>5622a836-5ed4-483e-9d07-9930b8a5d866.tmp</t>
  </si>
  <si>
    <t>\\acsfs\profiles$\regisedsj\Downloads\5622a836-5ed4-483e-9d07-9930b8a5d866.tmp</t>
  </si>
  <si>
    <t>ea882d1c-70a5-411b-bf41-8711ac8da82b.tmp</t>
  </si>
  <si>
    <t>\\acsfs\profiles$\mariagsg\Downloads\ea882d1c-70a5-411b-bf41-8711ac8da82b.tmp</t>
  </si>
  <si>
    <t>8bfa7fb9-c5e1-4b91-9746-5518c1dc4662.tmp</t>
  </si>
  <si>
    <t>\\acsfs\profiles$\mariagsg\Downloads\8bfa7fb9-c5e1-4b91-9746-5518c1dc4662.tmp</t>
  </si>
  <si>
    <t>516557b7-1869-4ee8-b212-559b7449a286.tmp</t>
  </si>
  <si>
    <t>\\acsfs\profiles$\mariagsg\Downloads\516557b7-1869-4ee8-b212-559b7449a286.tmp</t>
  </si>
  <si>
    <t>b9dd37d6-7c21-4b5a-9009-9c8c00b1f810.tmp</t>
  </si>
  <si>
    <t>\\acsfs\profiles$\mariagsg\Downloads\b9dd37d6-7c21-4b5a-9009-9c8c00b1f810.tmp</t>
  </si>
  <si>
    <t>79c8e620-ae21-4a30-8233-2449f2078657.tmp</t>
  </si>
  <si>
    <t>\\acsfs\profiles$\PEDROHAB\Downloads\79c8e620-ae21-4a30-8233-2449f2078657.tmp</t>
  </si>
  <si>
    <t>dc8a54c0-37e6-409a-b8dc-417e71aae585.tmp</t>
  </si>
  <si>
    <t>\\acsfs\profiles$\cintiadcf\Downloads\dc8a54c0-37e6-409a-b8dc-417e71aae585.tmp</t>
  </si>
  <si>
    <t>https://joaogvc@algartech.com,marianadjc@algartech.com,planejamentodeoperacoesetrafego@bv.com.br,rafaelggs@algartech.com,taysdss@algartech.com,viniciussg@algartech.com</t>
  </si>
  <si>
    <t>245371ab-9b0b-424a-b120-fbb82153b95a.tmp</t>
  </si>
  <si>
    <t>\\acsfs\profiles$\fabianobmf\Downloads\245371ab-9b0b-424a-b120-fbb82153b95a.tmp</t>
  </si>
  <si>
    <t>a4cb4af0-7cda-4ba2-815e-33e3267c2bd5.tmp</t>
  </si>
  <si>
    <t>\\acsfs\profiles$\fabianobmf\Downloads\a4cb4af0-7cda-4ba2-815e-33e3267c2bd5.tmp</t>
  </si>
  <si>
    <t>d0d985da-f7f9-4de1-a50b-4b1ffc8ead8d.tmp</t>
  </si>
  <si>
    <t>\\acsfs\profiles$\JOAOVAL\Downloads\d0d985da-f7f9-4de1-a50b-4b1ffc8ead8d.tmp</t>
  </si>
  <si>
    <t>0fac1dfb-5dd3-4f8a-919e-68231062c0e5.tmp</t>
  </si>
  <si>
    <t>\\acsfs\profiles$\mariliafplb\Downloads\0fac1dfb-5dd3-4f8a-919e-68231062c0e5.tmp</t>
  </si>
  <si>
    <t>ebe0d6fc-7355-45e0-984c-5aeb4167232c.tmp</t>
  </si>
  <si>
    <t>\\acsfs\profiles$\mariagsg\Downloads\ebe0d6fc-7355-45e0-984c-5aeb4167232c.tmp</t>
  </si>
  <si>
    <t>f9c180ea-a9d7-420d-8b99-c67f6cd44b98.tmp</t>
  </si>
  <si>
    <t>\\acsfs\profiles$\mariagsg\Downloads\f9c180ea-a9d7-420d-8b99-c67f6cd44b98.tmp</t>
  </si>
  <si>
    <t>c4011e13-f526-4d78-a56a-a5b110275439.tmp</t>
  </si>
  <si>
    <t>\\acsfs\profiles$\cintiadcf\Downloads\c4011e13-f526-4d78-a56a-a5b110275439.tmp</t>
  </si>
  <si>
    <t>https://algar.folhasinergyrh.com.br/rescisao/upload?id=0&amp;idsolicitacao=17719&amp;idprerescisao=0</t>
  </si>
  <si>
    <t>03/01/2020;</t>
  </si>
  <si>
    <t>https://03/01/2020</t>
  </si>
  <si>
    <t>\\acsfs\ACS\Gabriel da Silva\Contemporânea\BDBV\9F8ED3D.tmp\</t>
  </si>
  <si>
    <t>\\acsfs\ACS\Gabriel da Silva\Contemporânea\BDBV\9F8ED3D.tmp\:Zone.Identifier:$DATA</t>
  </si>
  <si>
    <t>\\acsfs\ACS\Gabriel da Silva\Contemporânea\BDBV\Banco de Dados BV 12-2019.xlsx\</t>
  </si>
  <si>
    <t>\\acsfs\ACS\Gabriel da Silva\Contemporânea\BDBV\Banco de Dados BV 12-2019.xlsx</t>
  </si>
  <si>
    <t>1d9805ba-2c45-4931-9c96-34567e10ce79.tmp</t>
  </si>
  <si>
    <t>\\acsfs\profiles$\vivianealda\Downloads\1d9805ba-2c45-4931-9c96-34567e10ce79.tmp</t>
  </si>
  <si>
    <t>c2082dab-687d-4c10-8857-a9e546c788b9.tmp</t>
  </si>
  <si>
    <t>\\acsfs\profiles$\mariagsg\Downloads\c2082dab-687d-4c10-8857-a9e546c788b9.tmp</t>
  </si>
  <si>
    <t>03f4e90c-187a-4d03-9ce7-39187d9d409f.tmp</t>
  </si>
  <si>
    <t>\\acsfs\profiles$\mariagsg\Downloads\03f4e90c-187a-4d03-9ce7-39187d9d409f.tmp</t>
  </si>
  <si>
    <t>d9164278-40e8-4f21-8090-8ad8bca5db71.tmp</t>
  </si>
  <si>
    <t>\\acsfs\profiles$\lucasqdss\Downloads\d9164278-40e8-4f21-8090-8ad8bca5db71.tmp</t>
  </si>
  <si>
    <t>lu141881g2wtb.tmp</t>
  </si>
  <si>
    <t>\\acsfs\profiles$\ALEXANDREMM\lu141881g2wtb.tmp</t>
  </si>
  <si>
    <t>\\acsfs\profiles$\ALEXANDREMM\lu141881g2wtb.tmp\</t>
  </si>
  <si>
    <t>\\acsfs\profiles$\ALEXANDREMM\lu141881g2wtb.tmp\META-INF\</t>
  </si>
  <si>
    <t>\\acsfs\profiles$\ALEXANDREMM\lu141881g2wtb.tmp\Thumbnails\</t>
  </si>
  <si>
    <t>1b113e11-9fb4-4342-8ac2-3a739a6a57da.tmp</t>
  </si>
  <si>
    <t>\\acsfs\profiles$\lucasgpe\Downloads\1b113e11-9fb4-4342-8ac2-3a739a6a57da.tmp</t>
  </si>
  <si>
    <t>a9c6467a-9521-4519-bd56-a622d1181865.tmp</t>
  </si>
  <si>
    <t>\\acsfs\profiles$\isabellegtds\Downloads\a9c6467a-9521-4519-bd56-a622d1181865.tmp</t>
  </si>
  <si>
    <t>276a286a-2f82-4e6d-a043-a4dc7202166a.tmp</t>
  </si>
  <si>
    <t>\\acsfs\profiles$\sarahbal\Downloads\276a286a-2f82-4e6d-a043-a4dc7202166a.tmp</t>
  </si>
  <si>
    <t>4531f258-409b-412c-b929-652281140a20.tmp</t>
  </si>
  <si>
    <t>\\acsfs\profiles$\bernardopcm\Downloads\4531f258-409b-412c-b929-652281140a20.tmp</t>
  </si>
  <si>
    <t>0126d4bd-2f48-4219-90d0-5d5bb13ba1f7.tmp</t>
  </si>
  <si>
    <t>\\acsfs\profiles$\bernardopcm\Downloads\0126d4bd-2f48-4219-90d0-5d5bb13ba1f7.tmp</t>
  </si>
  <si>
    <t>c120111a-c9b8-455a-8c0c-55a7dd1f1ad8.tmp</t>
  </si>
  <si>
    <t>\\acsfs\profiles$\bernardopcm\Downloads\c120111a-c9b8-455a-8c0c-55a7dd1f1ad8.tmp</t>
  </si>
  <si>
    <t>df55bba2-88e4-413a-8d9c-fb72c7cb972b.tmp</t>
  </si>
  <si>
    <t>\\acsfs\profiles$\bernardopcm\Downloads\df55bba2-88e4-413a-8d9c-fb72c7cb972b.tmp</t>
  </si>
  <si>
    <t>a387ab68-4bfa-4c4d-9ad2-bab9ea51dc3d.tmp</t>
  </si>
  <si>
    <t>\\acsfs\profiles$\bernardopcm\Downloads\a387ab68-4bfa-4c4d-9ad2-bab9ea51dc3d.tmp</t>
  </si>
  <si>
    <t>1be4194d-10b8-4a5b-8633-0eedb4535dde.tmp</t>
  </si>
  <si>
    <t>\\acsfs\profiles$\bernardopcm\Downloads\1be4194d-10b8-4a5b-8633-0eedb4535dde.tmp</t>
  </si>
  <si>
    <t>lu1144jm4s.tmp</t>
  </si>
  <si>
    <t>\\acsfs\profiles$\LUCASBS\Planilhas\lu1144jm4s.tmp</t>
  </si>
  <si>
    <t>be0697ae-4a69-4351-a80d-eb0f1fedc989.tmp</t>
  </si>
  <si>
    <t>\\acsfs\profiles$\mariagsg\Downloads\be0697ae-4a69-4351-a80d-eb0f1fedc989.tmp</t>
  </si>
  <si>
    <t>lu54043tp635.tmp</t>
  </si>
  <si>
    <t>\\acsfs\profiles$\CLAUDIAJCA\lu54043tp635.tmp</t>
  </si>
  <si>
    <t>\\acsfs\profiles$\CLAUDIAJCA\lu54043tp635.tmp\</t>
  </si>
  <si>
    <t>\\acsfs\profiles$\CLAUDIAJCA\lu54043tp635.tmp\META-INF\</t>
  </si>
  <si>
    <t>\\acsfs\profiles$\CLAUDIAJCA\lu54043tp635.tmp\Thumbnails\</t>
  </si>
  <si>
    <t>c3f2dd9c-8ac6-46a0-bc8c-199614c44f7f.tmp</t>
  </si>
  <si>
    <t>\\acsfs\profiles$\sarahbal\Downloads\c3f2dd9c-8ac6-46a0-bc8c-199614c44f7f.tmp</t>
  </si>
  <si>
    <t>1cd0821e-9b2c-4179-8b62-d76a17587290.tmp</t>
  </si>
  <si>
    <t>\\acsfs\profiles$\mariajra\Downloads\1cd0821e-9b2c-4179-8b62-d76a17587290.tmp</t>
  </si>
  <si>
    <t>5116b1f1-1fc5-4a22-b6bc-032b1a807043.tmp</t>
  </si>
  <si>
    <t>\\acsfs\profiles$\mariagsg\Downloads\5116b1f1-1fc5-4a22-b6bc-032b1a807043.tmp</t>
  </si>
  <si>
    <t>2ebe0fe6-b3c9-4335-9384-c940cb082c81.tmp</t>
  </si>
  <si>
    <t>\\acsfs\profiles$\mariagsg\Downloads\2ebe0fe6-b3c9-4335-9384-c940cb082c81.tmp</t>
  </si>
  <si>
    <t>2019e759-a672-4a12-b063-56c4d95ce5f3.tmp</t>
  </si>
  <si>
    <t>\\acsfs\profiles$\kamilamrc\Downloads\2019e759-a672-4a12-b063-56c4d95ce5f3.tmp</t>
  </si>
  <si>
    <t>\\acsfs\ACS\Gabriel da Silva\Contemporânea\Gen\</t>
  </si>
  <si>
    <t>Não confirmado 670543.crdownload</t>
  </si>
  <si>
    <t>\\acsfs\ACS\Gabriel da Silva\Contemporânea\Gen\Não confirmado 670543.crdownload</t>
  </si>
  <si>
    <t>e2190016-a103-47c1-b962-840ecf6f5016.tmp</t>
  </si>
  <si>
    <t>\\acsfs\profiles$\mariajra\Downloads\e2190016-a103-47c1-b962-840ecf6f5016.tmp</t>
  </si>
  <si>
    <t>84b2fec6-1716-4965-bc51-0c79c2f0c555.tmp</t>
  </si>
  <si>
    <t>\\acsfs\profiles$\karinarm\Downloads\84b2fec6-1716-4965-bc51-0c79c2f0c555.tmp</t>
  </si>
  <si>
    <t>lu77912bfudpy.tmp</t>
  </si>
  <si>
    <t>\\acsfs\profiles$\BRUNAAR\Numero\lu77912bfudpy.tmp</t>
  </si>
  <si>
    <t>2aae2dff-a923-4977-ace8-5c557b02eac8.tmp</t>
  </si>
  <si>
    <t>\\acsfs\profiles$\rafaelahpn\Downloads\2aae2dff-a923-4977-ace8-5c557b02eac8.tmp</t>
  </si>
  <si>
    <t>a89c72a5-733d-42b2-9b48-883e2c1bcd91.tmp</t>
  </si>
  <si>
    <t>\\acsfs\profiles$\gabriellalpr\Downloads\a89c72a5-733d-42b2-9b48-883e2c1bcd91.tmp</t>
  </si>
  <si>
    <t>\\acsfs\ACS\Gabriel da Silva\Contemporânea\Acessos\518037D9.tmp\</t>
  </si>
  <si>
    <t>\\acsfs\ACS\Gabriel da Silva\Contemporânea\Acessos\518037D9.tmp\:Zone.Identifier:$DATA</t>
  </si>
  <si>
    <t>Usuários bloqueados-Algar v2.xlsx</t>
  </si>
  <si>
    <t>\\acsfs\ACS\Gabriel da Silva\Contemporânea\Acessos\Usuários bloqueados-Algar v2.xlsx</t>
  </si>
  <si>
    <t>ae23e59a-66fe-4dc6-9fc3-92a31c259341.tmp</t>
  </si>
  <si>
    <t>\\acsfs\profiles$\mariliafplb\Downloads\ae23e59a-66fe-4dc6-9fc3-92a31c259341.tmp</t>
  </si>
  <si>
    <t>727428e9-8161-4ac0-b12a-9819edaaedca.tmp</t>
  </si>
  <si>
    <t>\\acsfs\profiles$\mariagsg\Downloads\727428e9-8161-4ac0-b12a-9819edaaedca.tmp</t>
  </si>
  <si>
    <t>5349cacb-b42b-4c1b-b991-23610bc7af72.tmp</t>
  </si>
  <si>
    <t>\\acsfs\profiles$\gabriellalpr\Downloads\5349cacb-b42b-4c1b-b991-23610bc7af72.tmp</t>
  </si>
  <si>
    <t>e81b6951-1403-4a2e-b1aa-9e16487c8276.tmp</t>
  </si>
  <si>
    <t>\\acsfs\profiles$\gabriellalpr\Downloads\e81b6951-1403-4a2e-b1aa-9e16487c8276.tmp</t>
  </si>
  <si>
    <t>\\acsfs\ACS\Gabriel da Silva\Contemporânea\BDBV\CD01BE04.tmp\</t>
  </si>
  <si>
    <t>\\acsfs\ACS\Gabriel da Silva\Contemporânea\BDBV\CD01BE04.tmp\:Zone.Identifier:$DATA</t>
  </si>
  <si>
    <t>Acompanhamento de solicitações.xlsm</t>
  </si>
  <si>
    <t>\\acsfs\ACS\Gabriel da Silva\Contemporânea\Acessos\Acompanhamento de solicitações.xlsm</t>
  </si>
  <si>
    <t>c20e8c67-d7a0-4766-be17-fd6f6307f0f9.tmp</t>
  </si>
  <si>
    <t>\\acsfs\profiles$\leticiala\Downloads\c20e8c67-d7a0-4766-be17-fd6f6307f0f9.tmp</t>
  </si>
  <si>
    <t>b640227b-d963-4a3b-a1a2-59613bf3bb02.tmp</t>
  </si>
  <si>
    <t>\\acsfs\profiles$\leticiala\Downloads\b640227b-d963-4a3b-a1a2-59613bf3bb02.tmp</t>
  </si>
  <si>
    <t>2998f081-cf98-4f13-9d3c-2304fe22aec0.tmp</t>
  </si>
  <si>
    <t>\\acsfs\profiles$\LAISLG\Downloads\2998f081-cf98-4f13-9d3c-2304fe22aec0.tmp</t>
  </si>
  <si>
    <t>eed78c4d-4db6-4857-9be9-f55cd35de49c.tmp</t>
  </si>
  <si>
    <t>\\acsfs\profiles$\LAISLG\Downloads\eed78c4d-4db6-4857-9be9-f55cd35de49c.tmp</t>
  </si>
  <si>
    <t>78eb9ed1-b56a-461f-9611-c5482649c554.tmp</t>
  </si>
  <si>
    <t>\\acsfs\profiles$\mariagsg\Downloads\78eb9ed1-b56a-461f-9611-c5482649c554.tmp</t>
  </si>
  <si>
    <t>45a0a939-80c2-46b6-affa-82c5fa269330.tmp</t>
  </si>
  <si>
    <t>\\acsfs\profiles$\rafaelahpn\Downloads\45a0a939-80c2-46b6-affa-82c5fa269330.tmp</t>
  </si>
  <si>
    <t>af209738-2e9c-48eb-a4b0-1214ba794fa2.tmp</t>
  </si>
  <si>
    <t>\\acsfs\profiles$\nathaliarmr\Downloads\af209738-2e9c-48eb-a4b0-1214ba794fa2.tmp</t>
  </si>
  <si>
    <t>628d2004-ea69-4aed-92a3-11922c69ee26.tmp</t>
  </si>
  <si>
    <t>\\acsfs\profiles$\wenderbnm\Downloads\628d2004-ea69-4aed-92a3-11922c69ee26.tmp</t>
  </si>
  <si>
    <t>28d60ed3-d66f-43fa-9b91-94d727c4ddef.tmp</t>
  </si>
  <si>
    <t>\\acsfs\profiles$\LAISLG\Downloads\28d60ed3-d66f-43fa-9b91-94d727c4ddef.tmp</t>
  </si>
  <si>
    <t>4eabc356-e7ec-415f-9c3c-0ef7b36c1ae3.tmp</t>
  </si>
  <si>
    <t>\\acsfs\profiles$\lucasqdss\Downloads\4eabc356-e7ec-415f-9c3c-0ef7b36c1ae3.tmp</t>
  </si>
  <si>
    <t>544c20ee-f860-49f7-aa6d-33026f5ee3d4.tmp</t>
  </si>
  <si>
    <t>\\acsfs\profiles$\ayalabfi\Downloads\544c20ee-f860-49f7-aa6d-33026f5ee3d4.tmp</t>
  </si>
  <si>
    <t>3ad14413-ff7b-411d-9d81-861e27b31640.tmp</t>
  </si>
  <si>
    <t>\\acsfs\profiles$\antoniosva\Downloads\3ad14413-ff7b-411d-9d81-861e27b31640.tmp</t>
  </si>
  <si>
    <t>Agent State Details 02.01.2020.xlsx</t>
  </si>
  <si>
    <t>\\acsfs\DEPTOS\Operacao\PCP\5 - Comum\PLANEJAMENTO BV\23 - EXTRAÇÕES\Agent State Details\2020\JANEIRO\Agent State Details 02.01.2020.xlsx</t>
  </si>
  <si>
    <t>94c215ed-8ee7-4d0c-b4e3-14bcfc6cceca.tmp</t>
  </si>
  <si>
    <t>\\acsfs\profiles$\andrezacapf\Downloads\94c215ed-8ee7-4d0c-b4e3-14bcfc6cceca.tmp</t>
  </si>
  <si>
    <t>9b187d07-eb4c-4475-b9cf-ab4c2aec407f.tmp</t>
  </si>
  <si>
    <t>\\acsfs\profiles$\andrezacapf\Downloads\9b187d07-eb4c-4475-b9cf-ab4c2aec407f.tmp</t>
  </si>
  <si>
    <t>ddda2a46-28ae-4b46-bfee-1b83e1f26dad.tmp</t>
  </si>
  <si>
    <t>\\acsfs\profiles$\andrezacapf\Downloads\ddda2a46-28ae-4b46-bfee-1b83e1f26dad.tmp</t>
  </si>
  <si>
    <t>a87d7908-a26d-4ff5-92cd-1f5a09c782f6.tmp</t>
  </si>
  <si>
    <t>\\acsfs\profiles$\andrezacapf\Downloads\a87d7908-a26d-4ff5-92cd-1f5a09c782f6.tmp</t>
  </si>
  <si>
    <t>54ab6592-27ce-4292-b285-5bfea7aa4893.tmp</t>
  </si>
  <si>
    <t>\\acsfs\profiles$\andrezacapf\Downloads\54ab6592-27ce-4292-b285-5bfea7aa4893.tmp</t>
  </si>
  <si>
    <t>ba736820-cba9-4748-b80e-bf7a4c2609c0.tmp</t>
  </si>
  <si>
    <t>\\acsfs\profiles$\andrezacapf\Downloads\ba736820-cba9-4748-b80e-bf7a4c2609c0.tmp</t>
  </si>
  <si>
    <t>f5658932-e616-4941-8de9-674718e73e7e.tmp</t>
  </si>
  <si>
    <t>\\acsfs\profiles$\KARENJSS\Downloads\f5658932-e616-4941-8de9-674718e73e7e.tmp</t>
  </si>
  <si>
    <t>9dbcd30b-836a-4250-a84c-ae9d86feb360.tmp</t>
  </si>
  <si>
    <t>\\acsfs\profiles$\henriquehmdo\Downloads\9dbcd30b-836a-4250-a84c-ae9d86feb360.tmp</t>
  </si>
  <si>
    <t>ba025fe9-3034-462d-9540-53903b1db32c.tmp</t>
  </si>
  <si>
    <t>\\acsfs\profiles$\mariajra\Downloads\ba025fe9-3034-462d-9540-53903b1db32c.tmp</t>
  </si>
  <si>
    <t>aeb8dc2b-83b8-49ff-8a69-ba354f6289c9.tmp</t>
  </si>
  <si>
    <t>\\acsfs\profiles$\quindaizaagds\Downloads\aeb8dc2b-83b8-49ff-8a69-ba354f6289c9.tmp</t>
  </si>
  <si>
    <t>590127e8-3289-491e-b552-1b4ec7c6f7e6.tmp</t>
  </si>
  <si>
    <t>\\acsfs\profiles$\brendadsl\Downloads\590127e8-3289-491e-b552-1b4ec7c6f7e6.tmp</t>
  </si>
  <si>
    <t>3fb56bd0-f012-47ac-82f6-b24a9c63b2d4.tmp</t>
  </si>
  <si>
    <t>\\acsfs\profiles$\brendadsl\Downloads\3fb56bd0-f012-47ac-82f6-b24a9c63b2d4.tmp</t>
  </si>
  <si>
    <t>afd17e6d-9973-4e84-934e-3500bd177a44.tmp</t>
  </si>
  <si>
    <t>\\acsfs\profiles$\brendadsl\Downloads\afd17e6d-9973-4e84-934e-3500bd177a44.tmp</t>
  </si>
  <si>
    <t>77b0b59f-a777-4f87-ad8d-aaac83141b68.tmp</t>
  </si>
  <si>
    <t>\\acsfs\profiles$\brendadsl\Downloads\77b0b59f-a777-4f87-ad8d-aaac83141b68.tmp</t>
  </si>
  <si>
    <t>1c2a9467-51d4-4c20-8c13-dbd1e2b9ffff.tmp</t>
  </si>
  <si>
    <t>\\acsfs\profiles$\brendadsl\Downloads\1c2a9467-51d4-4c20-8c13-dbd1e2b9ffff.tmp</t>
  </si>
  <si>
    <t>932273c0-dd27-41b9-88ef-2195e9b73b7e.tmp</t>
  </si>
  <si>
    <t>\\acsfs\profiles$\PEDROHAB\Downloads\932273c0-dd27-41b9-88ef-2195e9b73b7e.tmp</t>
  </si>
  <si>
    <t>41ad9233-a65f-4095-a678-675e60adb868.tmp</t>
  </si>
  <si>
    <t>\\acsfs\profiles$\luanarda\Downloads\41ad9233-a65f-4095-a678-675e60adb868.tmp</t>
  </si>
  <si>
    <t>\\acsfs\DEPTOS\Operacao\PCP\5 - Comum\PLANEJAMENTO BV\23 - EXTRAÇÕES\Agente Login Logout details report\2020\JANEIRO\</t>
  </si>
  <si>
    <t>AGENT LOGIN LOGOUT DETAILS REPORT 02.01.2020.xlsx</t>
  </si>
  <si>
    <t>\\acsfs\DEPTOS\Operacao\PCP\5 - Comum\PLANEJAMENTO BV\23 - EXTRAÇÕES\Agente Login Logout details report\2020\JANEIRO\AGENT LOGIN LOGOUT DETAILS REPORT 02.01.2020.xlsx</t>
  </si>
  <si>
    <t>5d721c9d-ad2f-4e1e-bc32-5382897fdc9b.tmp</t>
  </si>
  <si>
    <t>\\acsfs\profiles$\georgendsq\Downloads\5d721c9d-ad2f-4e1e-bc32-5382897fdc9b.tmp</t>
  </si>
  <si>
    <t>a7226bb5-096b-49b2-9f09-8e6f4151ccd7.tmp</t>
  </si>
  <si>
    <t>\\acsfs\profiles$\georgendsq\Downloads\a7226bb5-096b-49b2-9f09-8e6f4151ccd7.tmp</t>
  </si>
  <si>
    <t>dfb71fb7-fb4e-4b18-ba3f-1bf95ccf4597.tmp</t>
  </si>
  <si>
    <t>\\acsfs\profiles$\georgendsq\Downloads\dfb71fb7-fb4e-4b18-ba3f-1bf95ccf4597.tmp</t>
  </si>
  <si>
    <t>8cde6553-8148-4380-b5fa-6c4042f51b20.tmp</t>
  </si>
  <si>
    <t>\\acsfs\profiles$\georgendsq\Downloads\8cde6553-8148-4380-b5fa-6c4042f51b20.tmp</t>
  </si>
  <si>
    <t>f5486082-923c-4a2e-a1bf-ebc941c7d9e3.tmp</t>
  </si>
  <si>
    <t>\\acsfs\profiles$\georgendsq\Downloads\f5486082-923c-4a2e-a1bf-ebc941c7d9e3.tmp</t>
  </si>
  <si>
    <t>daa47d96-6677-4a16-b1a1-4325eef458bb.tmp</t>
  </si>
  <si>
    <t>\\acsfs\profiles$\georgendsq\Downloads\daa47d96-6677-4a16-b1a1-4325eef458bb.tmp</t>
  </si>
  <si>
    <t>f7698dd2-f163-448f-bcf5-e950698c157c.tmp</t>
  </si>
  <si>
    <t>\\acsfs\profiles$\andrezacapf\Downloads\f7698dd2-f163-448f-bcf5-e950698c157c.tmp</t>
  </si>
  <si>
    <t>b8b2698a-b0be-4ddd-acb3-653264d0ba43.tmp</t>
  </si>
  <si>
    <t>\\acsfs\profiles$\andrezacapf\Downloads\b8b2698a-b0be-4ddd-acb3-653264d0ba43.tmp</t>
  </si>
  <si>
    <t>cca58efb-14d8-44f7-9a48-9189198e8394.tmp</t>
  </si>
  <si>
    <t>\\acsfs\profiles$\andrezacapf\Downloads\cca58efb-14d8-44f7-9a48-9189198e8394.tmp</t>
  </si>
  <si>
    <t>ae1cfb2e-297f-42fa-9e51-3eaa61243b6e.tmp</t>
  </si>
  <si>
    <t>\\acsfs\profiles$\KARENJSS\Downloads\ae1cfb2e-297f-42fa-9e51-3eaa61243b6e.tmp</t>
  </si>
  <si>
    <t>451ec952-9852-4b1d-85e8-a384e5f3c0f2.tmp</t>
  </si>
  <si>
    <t>\\acsfs\profiles$\KARENJSS\Downloads\451ec952-9852-4b1d-85e8-a384e5f3c0f2.tmp</t>
  </si>
  <si>
    <t>1ca18259-3488-4822-8729-96abe847f52d.tmp</t>
  </si>
  <si>
    <t>\\acsfs\profiles$\lorenabmc\Downloads\1ca18259-3488-4822-8729-96abe847f52d.tmp</t>
  </si>
  <si>
    <t>310e2a5a-8d38-4dd7-87c7-97e57397acf2.tmp</t>
  </si>
  <si>
    <t>\\acsfs\profiles$\lorenabmc\Downloads\310e2a5a-8d38-4dd7-87c7-97e57397acf2.tmp</t>
  </si>
  <si>
    <t>4fd5a090-78be-4ff3-b6c5-6eddc51e2b38.tmp</t>
  </si>
  <si>
    <t>\\acsfs\profiles$\cintiadcf\Downloads\4fd5a090-78be-4ff3-b6c5-6eddc51e2b38.tmp</t>
  </si>
  <si>
    <t>dd108fe1-5986-4e81-9116-fdcba60f0cc7.tmp</t>
  </si>
  <si>
    <t>\\acsfs\profiles$\gabrielarb\Downloads\dd108fe1-5986-4e81-9116-fdcba60f0cc7.tmp</t>
  </si>
  <si>
    <t>\\acsfs\ACS\Gabriel da Silva\Contemporânea\Acessos\B5C91D25.tmp\</t>
  </si>
  <si>
    <t>\\acsfs\ACS\Gabriel da Silva\Contemporânea\Acessos\B5C91D25.tmp\:Zone.Identifier:$DATA</t>
  </si>
  <si>
    <t>mail.google.com/sync/u/0/i/s?hl=pt-BR&amp;c=842</t>
  </si>
  <si>
    <t>mail.google.com/sync/u/0/i/s?hl=pt-BR&amp;c=844</t>
  </si>
  <si>
    <t>mail.google.com/sync/u/0/i/s?hl=pt-BR&amp;c=846</t>
  </si>
  <si>
    <t>b438fcfd-9e0d-4ce7-a4c1-de76d5810850.tmp</t>
  </si>
  <si>
    <t>\\acsfs\profiles$\georgendsq\Downloads\b438fcfd-9e0d-4ce7-a4c1-de76d5810850.tmp</t>
  </si>
  <si>
    <t>596a4c26-8761-40c0-b952-00a361c9797e.tmp</t>
  </si>
  <si>
    <t>\\acsfs\profiles$\KARENJSS\Downloads\596a4c26-8761-40c0-b952-00a361c9797e.tmp</t>
  </si>
  <si>
    <t>c5794c89-4cb4-4939-bd25-a982e820945a.tmp</t>
  </si>
  <si>
    <t>\\acsfs\profiles$\marcosvnds\Downloads\c5794c89-4cb4-4939-bd25-a982e820945a.tmp</t>
  </si>
  <si>
    <t>39a3a027-ee40-4ca7-a2d4-c56d4fc36379.tmp</t>
  </si>
  <si>
    <t>\\acsfs\profiles$\marcosvnds\Downloads\39a3a027-ee40-4ca7-a2d4-c56d4fc36379.tmp</t>
  </si>
  <si>
    <t>2bf8a9bb-b30e-46f5-a03d-2b2690febd2a.tmp</t>
  </si>
  <si>
    <t>\\acsfs\profiles$\marcosvnds\Downloads\2bf8a9bb-b30e-46f5-a03d-2b2690febd2a.tmp</t>
  </si>
  <si>
    <t>22bf3b8b-874d-43dd-980f-5e035c297169.tmp</t>
  </si>
  <si>
    <t>\\acsfs\profiles$\marcosvnds\Downloads\22bf3b8b-874d-43dd-980f-5e035c297169.tmp</t>
  </si>
  <si>
    <t>lu444485bghrl.tmp</t>
  </si>
  <si>
    <t>\\acsfs\profiles$\isabeldst\My Documents\lu444485bghrl.tmp</t>
  </si>
  <si>
    <t>\\acsfs\profiles$\isabeldst\My Documents\lu444485bghrl.tmp\</t>
  </si>
  <si>
    <t>\\acsfs\profiles$\isabeldst\My Documents\lu444485bghrl.tmp\META-INF\</t>
  </si>
  <si>
    <t>\\acsfs\profiles$\isabeldst\My Documents\lu444485bghrl.tmp\Thumbnails\</t>
  </si>
  <si>
    <t>cab672f1-6c44-4d82-bd7d-17afa8521800.tmp</t>
  </si>
  <si>
    <t>\\acsfs\profiles$\lorenabmc\Downloads\cab672f1-6c44-4d82-bd7d-17afa8521800.tmp</t>
  </si>
  <si>
    <t>5286c76d-2f11-4d71-a421-23bec17eb676.tmp</t>
  </si>
  <si>
    <t>\\acsfs\profiles$\lorenabmc\Downloads\5286c76d-2f11-4d71-a421-23bec17eb676.tmp</t>
  </si>
  <si>
    <t>2c861bad-44aa-4cef-976a-bfb1e750c8a5.tmp</t>
  </si>
  <si>
    <t>\\acsfs\profiles$\vivianibfs\Downloads\2c861bad-44aa-4cef-976a-bfb1e750c8a5.tmp</t>
  </si>
  <si>
    <t>lu3136u81y.tmp</t>
  </si>
  <si>
    <t>\\acsfs\profiles$\jonathanwap\lu3136u81y.tmp</t>
  </si>
  <si>
    <t>\\acsfs\profiles$\jonathanwap\lu3136u81y.tmp\</t>
  </si>
  <si>
    <t>\\acsfs\profiles$\jonathanwap\lu3136u81y.tmp\META-INF\</t>
  </si>
  <si>
    <t>\\acsfs\profiles$\jonathanwap\lu3136u81y.tmp\Thumbnails\</t>
  </si>
  <si>
    <t>mail.google.com/sync/u/0/i/s?hl=pt-BR&amp;c=876</t>
  </si>
  <si>
    <t>mail.google.com/sync/u/0/i/s?hl=pt-BR&amp;c=905</t>
  </si>
  <si>
    <t>adriana.oliveira@avon.com;alessandragdsb@algartech.com;alexmarques.silva@avon.com;algartechcpcbv@algartech.com;anderson.negrisoli@avon.com;andrelpsa@algartech.com;edelvan.reginaldo@avon.com;joseasn@algartech.com;josiascdsj@algartech.com;juan.lopes@avon.com;leonardoao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lgartechcpcbv@algartech.com,anderson.negrisoli@avon.com,andrelpsa@algartech.com,edelvan.reginaldo@avon.com,joseasn@algartech.com,josiascdsj@algartech.com,juan.lopes@avon.com,leonardoao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mail.google.com/sync/u/0/i/s?hl=pt-BR&amp;c=915</t>
  </si>
  <si>
    <t>adriana.oliveira@avon.com;alessandragdsb@algartech.com;alexmarques.silva@avon.com;anderson.negrisoli@avon.com;andrelpsa@algartech.com;catianalv@algartech.com;cpc-controldeskavon@algartech.com;edelvan.reginaldo@avon.com;joseasn@algartech.com;josiascdsj@algartech.com;juan.lopes@avon.com;leonardoao@algartech.com;lucianarsantos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nderson.negrisoli@avon.com,andrelpsa@algartech.com,catianalv@algartech.com,cpc-controldeskavon@algartech.com,edelvan.reginaldo@avon.com,joseasn@algartech.com,josiascdsj@algartech.com,juan.lopes@avon.com,leonardoao@algartech.com,lucianarsantos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mail.google.com/sync/u/0/i/s?hl=pt-BR&amp;c=920</t>
  </si>
  <si>
    <t>mail.google.com/sync/u/0/i/s?hl=pt-BR&amp;c=925</t>
  </si>
  <si>
    <t>adriana.oliveira@avon.com;alessandragdsb@algartech.com;alexmarques.silva@avon.com;algartechcpcbv@algartech.com;anderson.negrisoli@avon.com;andrelpsa@algartech.com;cpc-controldeskavon@algartech.com;edelvan.reginaldo@avon.com;joseasn@algartech.com;josiascdsj@algartech.com;juan.lopes@avon.com;leonardoao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lgartechcpcbv@algartech.com,anderson.negrisoli@avon.com,andrelpsa@algartech.com,cpc-controldeskavon@algartech.com,edelvan.reginaldo@avon.com,joseasn@algartech.com,josiascdsj@algartech.com,juan.lopes@avon.com,leonardoao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\\acsfs\deptos\Operacao\PCP\5 - Comum\CONTROL DESK\2 - DAC2\Control Desk AVON\Relatorios\Status de login\2020\</t>
  </si>
  <si>
    <t>02-01 RELATORIO DE LOGIN AVON.xlsm</t>
  </si>
  <si>
    <t>\\acsfs\deptos\Operacao\PCP\5 - Comum\CONTROL DESK\2 - DAC2\Control Desk AVON\Relatorios\Status de login\2020\02-01 RELATORIO DE LOGIN AVON.xlsm</t>
  </si>
  <si>
    <t>04d5f17e-ab95-4cf2-b0f5-1a22d8e838d5.tmp</t>
  </si>
  <si>
    <t>\\acsfs\profiles$\marcosvnds\Downloads\04d5f17e-ab95-4cf2-b0f5-1a22d8e838d5.tmp</t>
  </si>
  <si>
    <t>51833fd0-455a-4f9f-9d2d-41c3023d1298.tmp</t>
  </si>
  <si>
    <t>\\acsfs\profiles$\marcosvnds\Downloads\51833fd0-455a-4f9f-9d2d-41c3023d1298.tmp</t>
  </si>
  <si>
    <t>a97bf8fc-94ec-4ca4-b3d9-b062feb25403.tmp</t>
  </si>
  <si>
    <t>\\acsfs\profiles$\mariliafplb\Downloads\a97bf8fc-94ec-4ca4-b3d9-b062feb25403.tmp</t>
  </si>
  <si>
    <t>473bbe0d-93ca-4b65-9c77-d2543c00abec.tmp</t>
  </si>
  <si>
    <t>\\acsfs\profiles$\websondsa\Downloads\473bbe0d-93ca-4b65-9c77-d2543c00abec.tmp</t>
  </si>
  <si>
    <t>0ee3dfa0-cc1b-45db-934b-742a875c5928.tmp</t>
  </si>
  <si>
    <t>\\acsfs\profiles$\larissaad\Downloads\0ee3dfa0-cc1b-45db-934b-742a875c5928.tmp</t>
  </si>
  <si>
    <t>c1a41f7c-3351-435a-8284-f0b5666f72d4.tmp</t>
  </si>
  <si>
    <t>\\acsfs\profiles$\gabrielamdp\Downloads\c1a41f7c-3351-435a-8284-f0b5666f72d4.tmp</t>
  </si>
  <si>
    <t>48fd42a2-6cb5-48b5-9e39-ec92458ceec6.tmp</t>
  </si>
  <si>
    <t>\\acsfs\profiles$\gabrielamdp\Downloads\48fd42a2-6cb5-48b5-9e39-ec92458ceec6.tmp</t>
  </si>
  <si>
    <t>100f4aa3-0e18-47b7-8fc0-2b9a75639697.tmp</t>
  </si>
  <si>
    <t>\\acsfs\profiles$\nathaliarmr\Downloads\100f4aa3-0e18-47b7-8fc0-2b9a75639697.tmp</t>
  </si>
  <si>
    <t>f85f756b-d6ea-4e34-a215-877ccb0806e2.tmp</t>
  </si>
  <si>
    <t>\\acsfs\profiles$\gabriellalpr\Downloads\f85f756b-d6ea-4e34-a215-877ccb0806e2.tmp</t>
  </si>
  <si>
    <t>03/01/2020;andrelpsa@algartech.com;</t>
  </si>
  <si>
    <t>03/01/2020,andrelpsa@algartech.com</t>
  </si>
  <si>
    <t>7dbab010-7d87-4069-ba50-29b65fd6442e.tmp</t>
  </si>
  <si>
    <t>\\acsfs\profiles$\brendadsl\Downloads\7dbab010-7d87-4069-ba50-29b65fd6442e.tmp</t>
  </si>
  <si>
    <t>4366d597-e1e5-46b2-85b0-7d34499bd687.tmp</t>
  </si>
  <si>
    <t>\\acsfs\profiles$\brendadsl\Downloads\4366d597-e1e5-46b2-85b0-7d34499bd687.tmp</t>
  </si>
  <si>
    <t>501a86b7-a141-4582-9f47-be656e755afd.tmp</t>
  </si>
  <si>
    <t>\\acsfs\profiles$\brendadsl\Downloads\501a86b7-a141-4582-9f47-be656e755afd.tmp</t>
  </si>
  <si>
    <t>f7948953-d7e4-4e73-ac77-a929fe7365d1.tmp</t>
  </si>
  <si>
    <t>\\acsfs\profiles$\brendadsl\Downloads\f7948953-d7e4-4e73-ac77-a929fe7365d1.tmp</t>
  </si>
  <si>
    <t>c878d085-ab78-4678-847d-7760ff1604fc.tmp</t>
  </si>
  <si>
    <t>\\acsfs\profiles$\brendadsl\Downloads\c878d085-ab78-4678-847d-7760ff1604fc.tmp</t>
  </si>
  <si>
    <t>b98a201d-0e7f-46fa-a547-f4346f96cd68.tmp</t>
  </si>
  <si>
    <t>\\acsfs\profiles$\henriquehmdo\Downloads\b98a201d-0e7f-46fa-a547-f4346f96cd68.tmp</t>
  </si>
  <si>
    <t>40f1414b-bab2-4a29-84ec-76e31b9044d8.tmp</t>
  </si>
  <si>
    <t>\\acsfs\profiles$\larissaad\Downloads\40f1414b-bab2-4a29-84ec-76e31b9044d8.tmp</t>
  </si>
  <si>
    <t>2fbe1c1a-9f64-41c5-9846-9798a515176d.tmp</t>
  </si>
  <si>
    <t>\\acsfs\profiles$\lorenabmc\Downloads\2fbe1c1a-9f64-41c5-9846-9798a515176d.tmp</t>
  </si>
  <si>
    <t>c98ca43b-64d3-4c3f-9480-01363ee13324.tmp</t>
  </si>
  <si>
    <t>\\acsfs\profiles$\lorenabmc\Downloads\c98ca43b-64d3-4c3f-9480-01363ee13324.tmp</t>
  </si>
  <si>
    <t>c9268b3d-d492-48ad-a2c4-10a498132b9e.tmp</t>
  </si>
  <si>
    <t>\\acsfs\profiles$\joycemmdl\Downloads\c9268b3d-d492-48ad-a2c4-10a498132b9e.tmp</t>
  </si>
  <si>
    <t>0b45a907-1f74-4c10-bdd8-8828383372d0.tmp</t>
  </si>
  <si>
    <t>\\acsfs\profiles$\joycemmdl\Downloads\0b45a907-1f74-4c10-bdd8-8828383372d0.tmp</t>
  </si>
  <si>
    <t>14d1f3eb-294a-4aa4-9cee-806452b48e9e.tmp</t>
  </si>
  <si>
    <t>\\acsfs\profiles$\wedersonbadr\My Documents\My Music\14d1f3eb-294a-4aa4-9cee-806452b48e9e.tmp</t>
  </si>
  <si>
    <t>d6241afe-a55b-4bb3-88af-78b2d8779df0.tmp</t>
  </si>
  <si>
    <t>\\acsfs\profiles$\wedersonbadr\My Documents\My Music\d6241afe-a55b-4bb3-88af-78b2d8779df0.tmp</t>
  </si>
  <si>
    <t>0b36e7a9-f7a3-4000-a471-a0e25ccbb459.tmp</t>
  </si>
  <si>
    <t>\\acsfs\profiles$\THYAGOSP\Downloads\0b36e7a9-f7a3-4000-a471-a0e25ccbb459.tmp</t>
  </si>
  <si>
    <t>8c82e2fd-2516-4509-8fab-1fee7cba61ea.tmp</t>
  </si>
  <si>
    <t>\\acsfs\profiles$\alinepp\Downloads\8c82e2fd-2516-4509-8fab-1fee7cba61ea.tmp</t>
  </si>
  <si>
    <t>7b97f5e6-b418-4535-b441-3d845f16efec.tmp</t>
  </si>
  <si>
    <t>\\acsfs\profiles$\gabrielarb\Downloads\7b97f5e6-b418-4535-b441-3d845f16efec.tmp</t>
  </si>
  <si>
    <t>1327287e-37df-4b6f-a53a-e5798dfd8728.tmp</t>
  </si>
  <si>
    <t>\\acsfs\profiles$\gabrielarb\Downloads\1327287e-37df-4b6f-a53a-e5798dfd8728.tmp</t>
  </si>
  <si>
    <t>2b62cea6-b489-4c8f-bf33-5c1f42e7ae9c.tmp</t>
  </si>
  <si>
    <t>\\acsfs\profiles$\marcosvnds\Downloads\2b62cea6-b489-4c8f-bf33-5c1f42e7ae9c.tmp</t>
  </si>
  <si>
    <t>10.200.67.65</t>
  </si>
  <si>
    <t>f4dad208-204d-453c-a13b-d6e23cbf73b0.tmp</t>
  </si>
  <si>
    <t>\\acsfs\profiles$\fabianafv\Downloads\f4dad208-204d-453c-a13b-d6e23cbf73b0.tmp</t>
  </si>
  <si>
    <t>65cf3bec-0d09-48c5-8a37-17b83a8fe141.tmp</t>
  </si>
  <si>
    <t>\\acsfs\profiles$\larissaad\Downloads\65cf3bec-0d09-48c5-8a37-17b83a8fe141.tmp</t>
  </si>
  <si>
    <t>844eae96-e571-4cb0-9b2c-c9576b65f0e6.tmp</t>
  </si>
  <si>
    <t>\\acsfs\profiles$\alinepp\Downloads\844eae96-e571-4cb0-9b2c-c9576b65f0e6.tmp</t>
  </si>
  <si>
    <t>27cf55dd-4ec3-4672-aa34-387c981cf4a6.tmp</t>
  </si>
  <si>
    <t>\\acsfs\profiles$\alinepp\Downloads\27cf55dd-4ec3-4672-aa34-387c981cf4a6.tmp</t>
  </si>
  <si>
    <t>3ef9eaf6-9d9c-4c84-be91-259b022970ca.tmp</t>
  </si>
  <si>
    <t>\\acsfs\profiles$\alinepp\Downloads\3ef9eaf6-9d9c-4c84-be91-259b022970ca.tmp</t>
  </si>
  <si>
    <t>lu370365acp39.tmp</t>
  </si>
  <si>
    <t>\\acsfs\profiles$\marcellewdl\My Documents\lu370365acp39.tmp</t>
  </si>
  <si>
    <t>\\acsfs\profiles$\marcellewdl\My Documents\lu370365acp39.tmp\</t>
  </si>
  <si>
    <t>\\acsfs\profiles$\marcellewdl\My Documents\lu370365acp39.tmp\META-INF\</t>
  </si>
  <si>
    <t>\\acsfs\profiles$\marcellewdl\My Documents\lu370365acp39.tmp\Thumbnails\</t>
  </si>
  <si>
    <t>ff280c1f-d6f2-4f58-8971-286e75bbf6c8.tmp</t>
  </si>
  <si>
    <t>\\acsfs\profiles$\victorgl\Downloads\ff280c1f-d6f2-4f58-8971-286e75bbf6c8.tmp</t>
  </si>
  <si>
    <t>6867c110-8046-440e-bea9-299057bb433e.tmp</t>
  </si>
  <si>
    <t>\\acsfs\profiles$\victorgl\Downloads\6867c110-8046-440e-bea9-299057bb433e.tmp</t>
  </si>
  <si>
    <t>fef147e6-60a9-4ac2-a00a-bc07374d7fd8.tmp</t>
  </si>
  <si>
    <t>\\acsfs\profiles$\fabianafv\Downloads\fef147e6-60a9-4ac2-a00a-bc07374d7fd8.tmp</t>
  </si>
  <si>
    <t>a24943e9-7cb5-430b-b8f8-6754b0b96a3c.tmp</t>
  </si>
  <si>
    <t>\\acsfs\profiles$\regisedsj\Downloads\a24943e9-7cb5-430b-b8f8-6754b0b96a3c.tmp</t>
  </si>
  <si>
    <t>e86cfd4f-d160-41ef-bcad-43ea6c27a0e8.tmp</t>
  </si>
  <si>
    <t>\\acsfs\profiles$\gabrielarb\Downloads\e86cfd4f-d160-41ef-bcad-43ea6c27a0e8.tmp</t>
  </si>
  <si>
    <t>002ce0cb-a94a-4f0c-a1dc-eb10f6183e12.tmp</t>
  </si>
  <si>
    <t>\\acsfs\profiles$\fabianafv\Downloads\002ce0cb-a94a-4f0c-a1dc-eb10f6183e12.tmp</t>
  </si>
  <si>
    <t>12/27/2019 16:19:47</t>
  </si>
  <si>
    <t>\\acsfs\DEPTOS\Operacao\PCP\5 - Comum\FABRÍCIA DE CONTO\</t>
  </si>
  <si>
    <t>LEMBRETES BV.docx</t>
  </si>
  <si>
    <t>\\acsfs\DEPTOS\Operacao\PCP\5 - Comum\FABRÍCIA DE CONTO\LEMBRETES BV.docx</t>
  </si>
  <si>
    <t>875a0fc3-0b09-44a9-9a89-f5a34bb8ec90.tmp</t>
  </si>
  <si>
    <t>\\acsfs\profiles$\alinepp\Downloads\875a0fc3-0b09-44a9-9a89-f5a34bb8ec90.tmp</t>
  </si>
  <si>
    <t>31fd6b5b-f5b5-4bdd-b6d0-573705797470.tmp</t>
  </si>
  <si>
    <t>\\acsfs\profiles$\vivianibfs\Downloads\31fd6b5b-f5b5-4bdd-b6d0-573705797470.tmp</t>
  </si>
  <si>
    <t>bd979243-38d7-451a-ba5d-c76a95a37b08.tmp</t>
  </si>
  <si>
    <t>\\acsfs\profiles$\vivianibfs\Downloads\bd979243-38d7-451a-ba5d-c76a95a37b08.tmp</t>
  </si>
  <si>
    <t>1a477a87-67c7-4c71-87c6-73cb477a1f7b.tmp</t>
  </si>
  <si>
    <t>\\acsfs\profiles$\victorgl\Downloads\1a477a87-67c7-4c71-87c6-73cb477a1f7b.tmp</t>
  </si>
  <si>
    <t>7826ecb7-948a-4074-8b87-250ee9533a90.tmp</t>
  </si>
  <si>
    <t>\\acsfs\profiles$\matheusmax\Downloads\7826ecb7-948a-4074-8b87-250ee9533a90.tmp</t>
  </si>
  <si>
    <t>Unconfirmed 883371.crdownload</t>
  </si>
  <si>
    <t>\\acsfs\profiles$\matheusmax\Downloads\Unconfirmed 883371.crdownload</t>
  </si>
  <si>
    <t>51b48938-3af7-4473-877b-784cad9e7f09.tmp</t>
  </si>
  <si>
    <t>\\acsfs\profiles$\matheusmax\Downloads\51b48938-3af7-4473-877b-784cad9e7f09.tmp</t>
  </si>
  <si>
    <t>3350b96e-3cc6-48ce-bdb4-0df5a71154e4.tmp</t>
  </si>
  <si>
    <t>\\acsfs\profiles$\matheusmax\Downloads\3350b96e-3cc6-48ce-bdb4-0df5a71154e4.tmp</t>
  </si>
  <si>
    <t>1d56a0a3-bcaf-43a3-af7d-76d0be1cdd12.tmp</t>
  </si>
  <si>
    <t>\\acsfs\profiles$\LUCASBS\Downloads\1d56a0a3-bcaf-43a3-af7d-76d0be1cdd12.tmp</t>
  </si>
  <si>
    <t>81b80139-e5fa-4e6a-bd0b-2b9ed845ed5b.tmp</t>
  </si>
  <si>
    <t>\\acsfs\profiles$\philipegsf\Downloads\81b80139-e5fa-4e6a-bd0b-2b9ed845ed5b.tmp</t>
  </si>
  <si>
    <t>\\acsfs\profiles$\MARILIAFPLB\</t>
  </si>
  <si>
    <t>.~lock.ATIVO ATT.ods#</t>
  </si>
  <si>
    <t>\\acsfs\profiles$\MARILIAFPLB\.~lock.ATIVO ATT.ods#</t>
  </si>
  <si>
    <t>lu171244cminy.tmp</t>
  </si>
  <si>
    <t>\\acsfs\profiles$\MARILIAFPLB\lu171244cminy.tmp</t>
  </si>
  <si>
    <t>\\acsfs\profiles$\MARILIAFPLB\lu171244cminy.tmp\</t>
  </si>
  <si>
    <t>\\acsfs\profiles$\MARILIAFPLB\lu171244cminy.tmp\META-INF\</t>
  </si>
  <si>
    <t>\\acsfs\profiles$\MARILIAFPLB\lu171244cminy.tmp\Thumbnails\</t>
  </si>
  <si>
    <t>93bd013b-0679-4230-8e33-0ef3f9b3e333.tmp</t>
  </si>
  <si>
    <t>\\acsfs\profiles$\gabrielamdp\Downloads\93bd013b-0679-4230-8e33-0ef3f9b3e333.tmp</t>
  </si>
  <si>
    <t>6a4269d4-6f6e-4fc2-ae08-23bc4af53f52.tmp</t>
  </si>
  <si>
    <t>\\acsfs\profiles$\gabrielamdp\Downloads\6a4269d4-6f6e-4fc2-ae08-23bc4af53f52.tmp</t>
  </si>
  <si>
    <t>276beee2-0b85-419b-bb99-86f2bda754c4.tmp</t>
  </si>
  <si>
    <t>\\acsfs\profiles$\gabrielamdp\Downloads\276beee2-0b85-419b-bb99-86f2bda754c4.tmp</t>
  </si>
  <si>
    <t>a4be9314-d41f-4027-a73e-66681b7aa6cb.tmp</t>
  </si>
  <si>
    <t>\\acsfs\profiles$\nataliacsl\Downloads\a4be9314-d41f-4027-a73e-66681b7aa6cb.tmp</t>
  </si>
  <si>
    <t>\\acsfs\deptos\Operacao\Banco_Votorantim\Supervisao\ROBSON ÁLVARES MEDEIROS\ROBSON\Testeira\</t>
  </si>
  <si>
    <t>\\acsfs\deptos\Operacao\Banco_Votorantim\Supervisao\ROBSON ÁLVARES MEDEIROS\ROBSON\Testeira\Thumbs.db</t>
  </si>
  <si>
    <t>159be225-f2b5-4b79-a49d-6cb7df6cf6ac.tmp</t>
  </si>
  <si>
    <t>\\acsfs\profiles$\pamelamcmdsg\Downloads\159be225-f2b5-4b79-a49d-6cb7df6cf6ac.tmp</t>
  </si>
  <si>
    <t>Unconfirmed 157651.crdownload</t>
  </si>
  <si>
    <t>\\acsfs\profiles$\pamelamcmdsg\Downloads\Unconfirmed 157651.crdownload</t>
  </si>
  <si>
    <t>e9113b2a-bdfb-4205-938b-6c83bd990c79.tmp</t>
  </si>
  <si>
    <t>\\acsfs\profiles$\pamelamcmdsg\Downloads\e9113b2a-bdfb-4205-938b-6c83bd990c79.tmp</t>
  </si>
  <si>
    <t>Unconfirmed 613350.crdownload</t>
  </si>
  <si>
    <t>\\acsfs\profiles$\pamelamcmdsg\Downloads\Unconfirmed 613350.crdownload</t>
  </si>
  <si>
    <t>\\acsfs\profiles$\marcelacdss\Downloads\</t>
  </si>
  <si>
    <t>4e5fa933-4023-494a-8110-5acc16810997.tmp</t>
  </si>
  <si>
    <t>\\acsfs\profiles$\marcelacdss\Downloads\4e5fa933-4023-494a-8110-5acc16810997.tmp</t>
  </si>
  <si>
    <t>b8cc0425-dce3-4b43-b32b-53e02848414f.tmp</t>
  </si>
  <si>
    <t>\\acsfs\profiles$\philipegsf\Downloads\b8cc0425-dce3-4b43-b32b-53e02848414f.tmp</t>
  </si>
  <si>
    <t>a17d0448-b925-4918-b757-0d189cafd6d0.tmp</t>
  </si>
  <si>
    <t>\\acsfs\profiles$\gabrielamdp\Downloads\a17d0448-b925-4918-b757-0d189cafd6d0.tmp</t>
  </si>
  <si>
    <t>8a55bd11-6412-46af-bf6f-8daaf9042190.tmp</t>
  </si>
  <si>
    <t>\\acsfs\profiles$\gabrielamdp\Downloads\8a55bd11-6412-46af-bf6f-8daaf9042190.tmp</t>
  </si>
  <si>
    <t>8c107aaa-cf8e-4cb0-8a8e-e21ff63ded4c.tmp</t>
  </si>
  <si>
    <t>\\acsfs\profiles$\gabrielamdp\Downloads\8c107aaa-cf8e-4cb0-8a8e-e21ff63ded4c.tmp</t>
  </si>
  <si>
    <t>03eb8b1b-8fc9-4f58-bfa5-a5b1e94a9586.tmp</t>
  </si>
  <si>
    <t>\\acsfs\profiles$\mariagsg\Downloads\03eb8b1b-8fc9-4f58-bfa5-a5b1e94a9586.tmp</t>
  </si>
  <si>
    <t>144c2e0e-13c6-4969-995d-1028e9a9a9c0.tmp</t>
  </si>
  <si>
    <t>\\acsfs\profiles$\Flaviojmm\Downloads\144c2e0e-13c6-4969-995d-1028e9a9a9c0.tmp</t>
  </si>
  <si>
    <t>\\acsfs\deptos\operacao\banco_votorantim\supervisao\robson Álvares medeiros\robson\gerais\</t>
  </si>
  <si>
    <t>etiquetas para pa's.xlsb</t>
  </si>
  <si>
    <t>c8bb0bf4-dfda-4efa-97c0-4c0a9bd26a3e.tmp</t>
  </si>
  <si>
    <t>\\acsfs\profiles$\nayarasds\Downloads\c8bb0bf4-dfda-4efa-97c0-4c0a9bd26a3e.tmp</t>
  </si>
  <si>
    <t>b7c02047-a518-41c6-b49e-7364b60d54c1.tmp</t>
  </si>
  <si>
    <t>\\acsfs\profiles$\vivianibfs\Downloads\b7c02047-a518-41c6-b49e-7364b60d54c1.tmp</t>
  </si>
  <si>
    <t>8ce17d99-ca04-4428-9453-59a5d381d3d1.tmp</t>
  </si>
  <si>
    <t>\\acsfs\profiles$\dhiulliananads\Downloads\8ce17d99-ca04-4428-9453-59a5d381d3d1.tmp</t>
  </si>
  <si>
    <t>399ccaa1-90bd-4f00-94ae-09f93f71a6e1.tmp</t>
  </si>
  <si>
    <t>\\acsfs\profiles$\lucasgpe\Downloads\399ccaa1-90bd-4f00-94ae-09f93f71a6e1.tmp</t>
  </si>
  <si>
    <t>d7d5824f-b325-4937-b462-106fc3a21f72.tmp</t>
  </si>
  <si>
    <t>\\acsfs\profiles$\dhiulliananads\Downloads\d7d5824f-b325-4937-b462-106fc3a21f72.tmp</t>
  </si>
  <si>
    <t>e80d613d-f057-4aff-bbc1-d97629125eb7.tmp</t>
  </si>
  <si>
    <t>\\acsfs\profiles$\KARENJSS\Downloads\e80d613d-f057-4aff-bbc1-d97629125eb7.tmp</t>
  </si>
  <si>
    <t>f76d9cc9-7ee4-4c9d-aa81-72e5f06250e4.tmp</t>
  </si>
  <si>
    <t>\\acsfs\profiles$\francislayneads\Downloads\f76d9cc9-7ee4-4c9d-aa81-72e5f06250e4.tmp</t>
  </si>
  <si>
    <t>517d0397-ea9e-42f8-b09a-12b8d95d895c.tmp</t>
  </si>
  <si>
    <t>\\acsfs\profiles$\francislayneads\Downloads\517d0397-ea9e-42f8-b09a-12b8d95d895c.tmp</t>
  </si>
  <si>
    <t>95c9d5d4-6c70-4ec3-a236-5a0024cb1e79.tmp</t>
  </si>
  <si>
    <t>\\acsfs\profiles$\alinepp\Downloads\95c9d5d4-6c70-4ec3-a236-5a0024cb1e79.tmp</t>
  </si>
  <si>
    <t>mail.google.com/sync/u/0/i/s?hl=pt-BR&amp;c=957</t>
  </si>
  <si>
    <t>afa200fa-0682-45ad-8e0d-cb50ec69e0f7.tmp</t>
  </si>
  <si>
    <t>\\acsfs\profiles$\anafsb\Downloads\afa200fa-0682-45ad-8e0d-cb50ec69e0f7.tmp</t>
  </si>
  <si>
    <t>0c04abde-b1cc-40a2-b943-194317bafa85.tmp</t>
  </si>
  <si>
    <t>\\acsfs\profiles$\anafsb\Downloads\0c04abde-b1cc-40a2-b943-194317bafa85.tmp</t>
  </si>
  <si>
    <t>0c1f16f4-1cee-4bef-a033-7536a8151e6c.tmp</t>
  </si>
  <si>
    <t>\\acsfs\profiles$\sarahbal\Downloads\0c1f16f4-1cee-4bef-a033-7536a8151e6c.tmp</t>
  </si>
  <si>
    <t>19f97e14-2289-49f2-9106-2348c660d05f.tmp</t>
  </si>
  <si>
    <t>\\acsfs\profiles$\welidicdj\Downloads\19f97e14-2289-49f2-9106-2348c660d05f.tmp</t>
  </si>
  <si>
    <t>726a810c-ec3d-4faf-808b-bbec9c775f65.tmp</t>
  </si>
  <si>
    <t>\\acsfs\profiles$\welidicdj\Downloads\726a810c-ec3d-4faf-808b-bbec9c775f65.tmp</t>
  </si>
  <si>
    <t>0fff71e7-2d57-49d9-83ff-842311ec43b6.tmp</t>
  </si>
  <si>
    <t>\\acsfs\profiles$\francislayneads\Downloads\0fff71e7-2d57-49d9-83ff-842311ec43b6.tmp</t>
  </si>
  <si>
    <t>627b4453-5818-45a3-9f50-3f21941f425b.tmp</t>
  </si>
  <si>
    <t>\\acsfs\profiles$\regisedsj\Downloads\627b4453-5818-45a3-9f50-3f21941f425b.tmp</t>
  </si>
  <si>
    <t>ed9620a9-16f3-43af-bf43-a55435e43249.tmp</t>
  </si>
  <si>
    <t>\\acsfs\profiles$\lucasgpe\Downloads\ed9620a9-16f3-43af-bf43-a55435e43249.tmp</t>
  </si>
  <si>
    <t>aad641c1-0d57-428a-bead-994e16b97f39.tmp</t>
  </si>
  <si>
    <t>\\acsfs\profiles$\inarajst\Downloads\aad641c1-0d57-428a-bead-994e16b97f39.tmp</t>
  </si>
  <si>
    <t>98a3343c-efe5-4470-9289-04b55caf2e96.tmp</t>
  </si>
  <si>
    <t>\\acsfs\profiles$\inarajst\Downloads\98a3343c-efe5-4470-9289-04b55caf2e96.tmp</t>
  </si>
  <si>
    <t>139f0c71-aade-4dac-ab59-b876c81cb6c6.tmp</t>
  </si>
  <si>
    <t>\\acsfs\profiles$\gabriellalpr\Downloads\139f0c71-aade-4dac-ab59-b876c81cb6c6.tmp</t>
  </si>
  <si>
    <t>1d400c15-1fc5-4dbe-a770-6aa733cde4ce.tmp</t>
  </si>
  <si>
    <t>\\acsfs\profiles$\brunalas\Downloads\1d400c15-1fc5-4dbe-a770-6aa733cde4ce.tmp</t>
  </si>
  <si>
    <t>4ae487e4-56e6-42ec-ba0d-9e26e6165df3.tmp</t>
  </si>
  <si>
    <t>\\acsfs\profiles$\brunalas\Downloads\4ae487e4-56e6-42ec-ba0d-9e26e6165df3.tmp</t>
  </si>
  <si>
    <t>d122153f-d7e4-4832-8b50-d2af857648ec.tmp</t>
  </si>
  <si>
    <t>\\acsfs\profiles$\edicarlosdl\Downloads\d122153f-d7e4-4832-8b50-d2af857648ec.tmp</t>
  </si>
  <si>
    <t>e84dd90b-cbaf-4a1e-9aab-3325e5fc0241.tmp</t>
  </si>
  <si>
    <t>\\acsfs\profiles$\edicarlosdl\Downloads\e84dd90b-cbaf-4a1e-9aab-3325e5fc0241.tmp</t>
  </si>
  <si>
    <t>mail.google.com/sync/u/0/i/s?hl=pt-BR&amp;c=976</t>
  </si>
  <si>
    <t>mail.google.com/sync/u/0/i/s?hl=pt-BR&amp;c=978</t>
  </si>
  <si>
    <t>mail.google.com/sync/u/0/i/s?hl=pt-BR&amp;c=988</t>
  </si>
  <si>
    <t>mail.google.com/sync/u/0/i/s?hl=pt-BR&amp;c=990</t>
  </si>
  <si>
    <t>mail.google.com/sync/u/0/i/s?hl=pt-BR&amp;c=992</t>
  </si>
  <si>
    <t>mail.google.com/sync/u/0/i/s?hl=pt-BR&amp;c=994</t>
  </si>
  <si>
    <t>mail.google.com/sync/u/0/i/s?hl=pt-BR&amp;c=1002</t>
  </si>
  <si>
    <t>mail.google.com/sync/u/0/i/s?hl=pt-BR&amp;c=1004</t>
  </si>
  <si>
    <t>mail.google.com/sync/u/0/i/s?hl=pt-BR&amp;c=1006</t>
  </si>
  <si>
    <t>11e033d9-6eab-47e8-9d75-0a177587685b.tmp</t>
  </si>
  <si>
    <t>\\acsfs\profiles$\anafsb\Downloads\11e033d9-6eab-47e8-9d75-0a177587685b.tmp</t>
  </si>
  <si>
    <t>XLOG_marcosvnds_03012020_144307.log</t>
  </si>
  <si>
    <t>\\acsfs\profiles$\marcosvnds\My Documents\xworkcenter\logs\XLOG_marcosvnds_03012020_144307.log</t>
  </si>
  <si>
    <t>\\acsfs\profiles$\rosileiam\My Documents\My Pictures\</t>
  </si>
  <si>
    <t>\\acsfs\profiles$\rosileiam\My Documents\My Videos\desktop.ini</t>
  </si>
  <si>
    <t>\\acsfs\profiles$\rosileiam\My Documents\My Videos\</t>
  </si>
  <si>
    <t>\\acsfs\profiles$\rosileiam\My Documents\My Music\</t>
  </si>
  <si>
    <t>\\acsfs\profiles$\rosileiam\My Documents\My Pictures\desktop.ini</t>
  </si>
  <si>
    <t>\\acsfs\profiles$\rosileiam\Contacts\</t>
  </si>
  <si>
    <t>\\acsfs\profiles$\rosileiam\Contacts\desktop.ini</t>
  </si>
  <si>
    <t>09c8ed78-485a-4a83-946c-5ec418c821e5.tmp</t>
  </si>
  <si>
    <t>\\acsfs\profiles$\brendadsl\Downloads\09c8ed78-485a-4a83-946c-5ec418c821e5.tmp</t>
  </si>
  <si>
    <t>e0b826b7-1fd0-4211-a77a-f567446ff7a1.tmp</t>
  </si>
  <si>
    <t>\\acsfs\profiles$\brendadsl\Downloads\e0b826b7-1fd0-4211-a77a-f567446ff7a1.tmp</t>
  </si>
  <si>
    <t>3629cf93-1081-4e90-bee0-771be172e2c9.tmp</t>
  </si>
  <si>
    <t>\\acsfs\profiles$\brendadsl\Downloads\3629cf93-1081-4e90-bee0-771be172e2c9.tmp</t>
  </si>
  <si>
    <t>842a4d04-e48a-4cbf-b5c3-08ca20fcd219.tmp</t>
  </si>
  <si>
    <t>\\acsfs\profiles$\lorrainerdl\Downloads\842a4d04-e48a-4cbf-b5c3-08ca20fcd219.tmp</t>
  </si>
  <si>
    <t>mail.google.com/sync/u/0/i/s?hl=pt-BR&amp;c=1009</t>
  </si>
  <si>
    <t>mail.google.com/sync/u/0/i/s?hl=pt-BR&amp;c=1012</t>
  </si>
  <si>
    <t>mail.google.com/sync/u/0/i/s?hl=pt-BR&amp;c=1014</t>
  </si>
  <si>
    <t>mail.google.com/sync/u/0/i/s?hl=pt-BR&amp;c=1016</t>
  </si>
  <si>
    <t>mail.google.com/sync/u/0/i/s?hl=pt-BR&amp;c=1020</t>
  </si>
  <si>
    <t>mail.google.com/sync/u/0/i/s?hl=pt-BR&amp;c=1022</t>
  </si>
  <si>
    <t>4962e600-e2bb-43f6-a1e7-19ac06a377bc.tmp</t>
  </si>
  <si>
    <t>\\acsfs\profiles$\marcosvnds\Downloads\4962e600-e2bb-43f6-a1e7-19ac06a377bc.tmp</t>
  </si>
  <si>
    <t>541fc22b-bc2d-4b95-8bb7-8a07ad70df0b.tmp</t>
  </si>
  <si>
    <t>\\acsfs\profiles$\marcosvnds\Downloads\541fc22b-bc2d-4b95-8bb7-8a07ad70df0b.tmp</t>
  </si>
  <si>
    <t>7815fefd-d0d7-4b35-9d81-ab89a0e4adcc.tmp</t>
  </si>
  <si>
    <t>\\acsfs\profiles$\marcosvnds\Downloads\7815fefd-d0d7-4b35-9d81-ab89a0e4adcc.tmp</t>
  </si>
  <si>
    <t>df2baf39-ddac-4edb-a3fc-a3267b4e64b8.tmp</t>
  </si>
  <si>
    <t>\\acsfs\profiles$\rosileiam\Downloads\df2baf39-ddac-4edb-a3fc-a3267b4e64b8.tmp</t>
  </si>
  <si>
    <t>d9640208-49fb-4fca-ae31-14ecfc07342a.tmp</t>
  </si>
  <si>
    <t>\\acsfs\profiles$\rosileiam\Downloads\d9640208-49fb-4fca-ae31-14ecfc07342a.tmp</t>
  </si>
  <si>
    <t>d140f059-016a-406f-bbfb-87f71338b276.tmp</t>
  </si>
  <si>
    <t>\\acsfs\profiles$\brendadsl\Downloads\d140f059-016a-406f-bbfb-87f71338b276.tmp</t>
  </si>
  <si>
    <t>c31e3ebb-b415-4056-b552-b77d10158d9c.tmp</t>
  </si>
  <si>
    <t>\\acsfs\profiles$\brendadsl\Downloads\c31e3ebb-b415-4056-b552-b77d10158d9c.tmp</t>
  </si>
  <si>
    <t>mail.google.com/sync/u/0/i/s?hl=pt-BR&amp;c=1031</t>
  </si>
  <si>
    <t>mail.google.com/sync/u/0/i/s?hl=pt-BR&amp;c=1033</t>
  </si>
  <si>
    <t>mail.google.com/sync/u/0/i/s?hl=pt-BR&amp;c=1036</t>
  </si>
  <si>
    <t>mail.google.com/sync/u/0/i/s?hl=pt-BR&amp;c=1038</t>
  </si>
  <si>
    <t>mail.google.com/sync/u/0/i/s?hl=pt-BR&amp;c=1040</t>
  </si>
  <si>
    <t>mail.google.com/sync/u/0/i/s?hl=pt-BR&amp;c=1042</t>
  </si>
  <si>
    <t>mail.google.com/sync/u/0/i/s?hl=pt-BR&amp;c=1044</t>
  </si>
  <si>
    <t>mail.google.com/sync/u/0/i/s?hl=pt-BR&amp;c=1055</t>
  </si>
  <si>
    <t>mail.google.com/sync/u/0/i/s?hl=pt-BR&amp;c=1059</t>
  </si>
  <si>
    <t>mail.google.com/sync/u/0/i/s?hl=pt-BR&amp;c=1063</t>
  </si>
  <si>
    <t>mail.google.com/sync/u/0/i/s?hl=pt-BR&amp;c=1065</t>
  </si>
  <si>
    <t>mail.google.com/sync/u/0/i/s?hl=pt-BR&amp;c=1067</t>
  </si>
  <si>
    <t>.~lock.Contatos 16122019.xlsx#</t>
  </si>
  <si>
    <t>\\acsfs\profiles$\victoriaksr\My Documents\.~lock.Contatos 16122019.xlsx#</t>
  </si>
  <si>
    <t>ec21a7fe-f267-43f5-acb8-fa9da6d2f3af.tmp</t>
  </si>
  <si>
    <t>\\acsfs\profiles$\cintiadjl\Downloads\ec21a7fe-f267-43f5-acb8-fa9da6d2f3af.tmp</t>
  </si>
  <si>
    <t>fbce6d61-760f-40f2-9246-2eb700563554.tmp</t>
  </si>
  <si>
    <t>\\acsfs\profiles$\cintiadjl\Downloads\fbce6d61-760f-40f2-9246-2eb700563554.tmp</t>
  </si>
  <si>
    <t>03d56990-e9f5-4ce4-89f8-bb9a59c80b8f.tmp</t>
  </si>
  <si>
    <t>\\acsfs\profiles$\inarajst\Downloads\03d56990-e9f5-4ce4-89f8-bb9a59c80b8f.tmp</t>
  </si>
  <si>
    <t>lu73196bfyt4w.tmp</t>
  </si>
  <si>
    <t>\\acsfs\DEPTOS\Operacao\Banco_Votorantim\Supervisao\SUPERS BV CARTÕES\ANA VITORIA\APOIO\lu73196bfyt4w.tmp</t>
  </si>
  <si>
    <t>\\acsfs\DEPTOS\Operacao\Banco_Votorantim\Supervisao\SUPERS BV CARTÕES\ANA VITORIA\APOIO\lu73196bfyt4w.tmp\</t>
  </si>
  <si>
    <t>\\acsfs\DEPTOS\Operacao\Banco_Votorantim\Supervisao\SUPERS BV CARTÕES\ANA VITORIA\APOIO\lu73196bfyt4w.tmp\META-INF\</t>
  </si>
  <si>
    <t>\\acsfs\DEPTOS\Operacao\Banco_Votorantim\Supervisao\SUPERS BV CARTÕES\ANA VITORIA\APOIO\lu73196bfyt4w.tmp\Thumbnails\</t>
  </si>
  <si>
    <t>.~lock.Retratação.xlsx#</t>
  </si>
  <si>
    <t>\\acsfs\DEPTOS\Operacao\Banco_Votorantim\Supervisao\SUPERS BV CARTÕES\ANA VITORIA\APOIO\.~lock.Retratação.xlsx#</t>
  </si>
  <si>
    <t>lu73196bfyt52.tmp</t>
  </si>
  <si>
    <t>\\acsfs\DEPTOS\Operacao\Banco_Votorantim\Supervisao\SUPERS BV CARTÕES\ANA VITORIA\APOIO\lu73196bfyt52.tmp</t>
  </si>
  <si>
    <t>a0c507b2-a69a-4cc4-9c50-30f8c838c39d.tmp</t>
  </si>
  <si>
    <t>\\acsfs\profiles$\talitassc\Downloads\a0c507b2-a69a-4cc4-9c50-30f8c838c39d.tmp</t>
  </si>
  <si>
    <t>f3bcf34c-d229-468b-a4be-237b65e27735.tmp</t>
  </si>
  <si>
    <t>\\acsfs\profiles$\marcosvnds\Downloads\f3bcf34c-d229-468b-a4be-237b65e27735.tmp</t>
  </si>
  <si>
    <t>f47096e1-a300-459d-b6bc-ecbd002b9a6f.tmp</t>
  </si>
  <si>
    <t>\\acsfs\profiles$\marcosvnds\Downloads\f47096e1-a300-459d-b6bc-ecbd002b9a6f.tmp</t>
  </si>
  <si>
    <t>0401aeda-5e39-443b-9158-e35bc50aa7f7.tmp</t>
  </si>
  <si>
    <t>\\acsfs\profiles$\marcosvnds\Downloads\0401aeda-5e39-443b-9158-e35bc50aa7f7.tmp</t>
  </si>
  <si>
    <t>3122d27f-ea0f-493b-915f-1a17e7caf326.tmp</t>
  </si>
  <si>
    <t>\\acsfs\profiles$\marcosvnds\Downloads\3122d27f-ea0f-493b-915f-1a17e7caf326.tmp</t>
  </si>
  <si>
    <t>\\acsfs\ACS\001 - Qualidade Lilian\PAULO\FAROL DE QUALIDADE\</t>
  </si>
  <si>
    <t>Não confirmado 652640.crdownload</t>
  </si>
  <si>
    <t>\\acsfs\ACS\001 - Qualidade Lilian\PAULO\FAROL DE QUALIDADE\Não confirmado 652640.crdownload</t>
  </si>
  <si>
    <t>Dimensionamento_Janeiro Financeira 1º ciclo.xlsx:Zone.Identifier</t>
  </si>
  <si>
    <t>\\acsfs\ACS\001 - Qualidade Lilian\PAULO\FAROL DE QUALIDADE\Dimensionamento_Janeiro Financeira 1º ciclo.xlsx:Zone.Identifier</t>
  </si>
  <si>
    <t>a0719c28-c17a-4456-83d5-ee9f450ce257.tmp</t>
  </si>
  <si>
    <t>\\acsfs\profiles$\henriqueco\Downloads\a0719c28-c17a-4456-83d5-ee9f450ce257.tmp</t>
  </si>
  <si>
    <t>287fcb2a-9020-419e-977d-8f8842a37c95.tmp</t>
  </si>
  <si>
    <t>\\acsfs\profiles$\inarajst\Downloads\287fcb2a-9020-419e-977d-8f8842a37c95.tmp</t>
  </si>
  <si>
    <t>1fb677d5-42bb-491f-a9d9-f18a83bbefe9.tmp</t>
  </si>
  <si>
    <t>\\acsfs\profiles$\gabrielafs\Downloads\1fb677d5-42bb-491f-a9d9-f18a83bbefe9.tmp</t>
  </si>
  <si>
    <t>4481d486-64c0-40d5-aff7-8c334cc39abd.tmp</t>
  </si>
  <si>
    <t>\\acsfs\profiles$\leticiala\Downloads\4481d486-64c0-40d5-aff7-8c334cc39abd.tmp</t>
  </si>
  <si>
    <t>mail.google.com/sync/u/0/i/s?hl=pt-BR&amp;c=1083</t>
  </si>
  <si>
    <t>mail.google.com/sync/u/0/i/s?hl=pt-BR&amp;c=1085</t>
  </si>
  <si>
    <t>mail.google.com/sync/u/0/i/s?hl=pt-BR&amp;c=1090</t>
  </si>
  <si>
    <t>mail.google.com/sync/u/0/i/s?hl=pt-BR&amp;c=1092</t>
  </si>
  <si>
    <t>21f47996-55eb-4d07-837a-a197d6175de7.tmp</t>
  </si>
  <si>
    <t>\\acsfs\profiles$\marcosvnds\Downloads\21f47996-55eb-4d07-837a-a197d6175de7.tmp</t>
  </si>
  <si>
    <t>d8c5779a-d197-405e-ba90-ea9761de4233.tmp</t>
  </si>
  <si>
    <t>\\acsfs\profiles$\marcosvnds\Downloads\d8c5779a-d197-405e-ba90-ea9761de4233.tmp</t>
  </si>
  <si>
    <t>Disco Local (C) - Atalho (4).lnk</t>
  </si>
  <si>
    <t>\\acsfs\ACS\Disco Local (C) - Atalho (4).lnk</t>
  </si>
  <si>
    <t>ggtg.txt</t>
  </si>
  <si>
    <t>\\acsfs\profiles$\geovannasm\My Documents\ggtg.txt</t>
  </si>
  <si>
    <t>bbccda43-31a7-4259-8217-c8152d422e90.tmp</t>
  </si>
  <si>
    <t>\\acsfs\profiles$\wedersonbadr\My Documents\My Music\bbccda43-31a7-4259-8217-c8152d422e90.tmp</t>
  </si>
  <si>
    <t>18181a76-3036-469e-89bf-67fb9883bebd.tmp</t>
  </si>
  <si>
    <t>\\acsfs\profiles$\wedersonbadr\My Documents\My Music\18181a76-3036-469e-89bf-67fb9883bebd.tmp</t>
  </si>
  <si>
    <t>c2bced04-c2ff-43f2-bdf3-ac070a0135e3.tmp</t>
  </si>
  <si>
    <t>\\acsfs\profiles$\henriqueco\Downloads\c2bced04-c2ff-43f2-bdf3-ac070a0135e3.tmp</t>
  </si>
  <si>
    <t>756a6be5-ca2d-49b3-b6e1-1e677eeb41ff.tmp</t>
  </si>
  <si>
    <t>\\acsfs\profiles$\inarajst\Downloads\756a6be5-ca2d-49b3-b6e1-1e677eeb41ff.tmp</t>
  </si>
  <si>
    <t>23397a7f-c8c0-494a-bf04-66ce70bd24cb.tmp</t>
  </si>
  <si>
    <t>\\acsfs\profiles$\inarajst\Downloads\23397a7f-c8c0-494a-bf04-66ce70bd24cb.tmp</t>
  </si>
  <si>
    <t>73a0e751-4544-4535-b08e-2cdf03d4be99.tmp</t>
  </si>
  <si>
    <t>\\acsfs\profiles$\inarajst\Downloads\73a0e751-4544-4535-b08e-2cdf03d4be99.tmp</t>
  </si>
  <si>
    <t>d2290775-d245-4d0d-925e-c4cb6537e3cc.tmp</t>
  </si>
  <si>
    <t>\\acsfs\profiles$\inarajst\Downloads\d2290775-d245-4d0d-925e-c4cb6537e3cc.tmp</t>
  </si>
  <si>
    <t>mail.google.com/sync/u/0/i/s?hl=pt-BR&amp;c=1095</t>
  </si>
  <si>
    <t>mail.google.com/sync/u/0/i/s?hl=pt-BR&amp;c=1097</t>
  </si>
  <si>
    <t>mail.google.com/sync/u/0/i/s?hl=pt-BR&amp;c=1099</t>
  </si>
  <si>
    <t>.~lock.Acompanhamento Backoffice Cornerstone DEZ.19.xlsx#</t>
  </si>
  <si>
    <t>\\udpavonfs01\avon\00 - ACOMPANHAMENTO AVON\04 - BACKOFFICE CORNERSTONE\2020\01.2020\MÁSCARA\.~lock.Acompanhamento Backoffice Cornerstone DEZ.19.xlsx#</t>
  </si>
  <si>
    <t>\\udpavonfs01\avon\00 - ACOMPANHAMENTO AVON\04 - BACKOFFICE CORNERSTONE\2020\01.2020\MÁSCARA\Acompanhamento Backoffice Cornerstone DEZ.19.xlsx</t>
  </si>
  <si>
    <t>\\acsfs\ACS\001 - Qualidade Lilian\PAULO\FAROL DE QUALIDADE\Janeiro\</t>
  </si>
  <si>
    <t>Planilha nice 1° ciclo.xls</t>
  </si>
  <si>
    <t>\\acsfs\ACS\001 - Qualidade Lilian\PAULO\FAROL DE QUALIDADE\Janeiro\Planilha nice 1° ciclo.xls</t>
  </si>
  <si>
    <t>a45f417d-b657-4945-bb44-34f72fe9dcd6.tmp</t>
  </si>
  <si>
    <t>\\acsfs\profiles$\cintiadjl\Downloads\a45f417d-b657-4945-bb44-34f72fe9dcd6.tmp</t>
  </si>
  <si>
    <t>06976ced-a673-44ec-a86c-6be03cd6bd77.tmp</t>
  </si>
  <si>
    <t>\\acsfs\profiles$\laylaams\Downloads\06976ced-a673-44ec-a86c-6be03cd6bd77.tmp</t>
  </si>
  <si>
    <t>0fa39993-bbb6-45b5-a7c3-9024563767ad.tmp</t>
  </si>
  <si>
    <t>\\acsfs\profiles$\laylaams\Downloads\0fa39993-bbb6-45b5-a7c3-9024563767ad.tmp</t>
  </si>
  <si>
    <t>6149b53f-a3d0-41d4-be68-93e89feef63b.tmp</t>
  </si>
  <si>
    <t>\\acsfs\profiles$\LUISPLS\Downloads\6149b53f-a3d0-41d4-be68-93e89feef63b.tmp</t>
  </si>
  <si>
    <t>d68e5abc-777e-43c5-b9b2-7927ba910998.tmp</t>
  </si>
  <si>
    <t>\\acsfs\profiles$\talitassc\Downloads\d68e5abc-777e-43c5-b9b2-7927ba910998.tmp</t>
  </si>
  <si>
    <t>MATHEUS HENRIQUE DOS SANTOS (8713).contact</t>
  </si>
  <si>
    <t>\\acsfs\profiles$\matheushds\Contacts\MATHEUS HENRIQUE DOS SANTOS (8713).contact</t>
  </si>
  <si>
    <t>a6194f41-0cc1-40e5-87fd-35317245a8a7.tmp</t>
  </si>
  <si>
    <t>\\acsfs\profiles$\geovannasm\Downloads\a6194f41-0cc1-40e5-87fd-35317245a8a7.tmp</t>
  </si>
  <si>
    <t>6269aa56-b843-4288-9955-ea1e1aa4806f.tmp</t>
  </si>
  <si>
    <t>\\acsfs\profiles$\lorenabmc\Downloads\6269aa56-b843-4288-9955-ea1e1aa4806f.tmp</t>
  </si>
  <si>
    <t>lu225441ube95.tmp</t>
  </si>
  <si>
    <t>\\acsfs\profiles$\lucasgpe\Desktop\lu225441ube95.tmp</t>
  </si>
  <si>
    <t>\\acsfs\profiles$\lucasgpe\Desktop\lu225441ube95.tmp\</t>
  </si>
  <si>
    <t>\\acsfs\profiles$\lucasgpe\Desktop\lu225441ube95.tmp\META-INF\</t>
  </si>
  <si>
    <t>\\acsfs\profiles$\lucasgpe\Desktop\lu225441ube95.tmp\Thumbnails\</t>
  </si>
  <si>
    <t>\\udpavonfs01\avon\00 - ACOMPANHAMENTO AVON\04 - BACKOFFICE CORNERSTONE\2020\01.2020\MÁSCARA\</t>
  </si>
  <si>
    <t>Acompanhamento Backoffice Cornerstone JAN.20.xlsx</t>
  </si>
  <si>
    <t>\\udpavonfs01\avon\00 - ACOMPANHAMENTO AVON\04 - BACKOFFICE CORNERSTONE\2020\01.2020\MÁSCARA\Acompanhamento Backoffice Cornerstone JAN.20.xlsx</t>
  </si>
  <si>
    <t>fe9e8682-c55e-42e0-a92a-795d7c28c19f.tmp</t>
  </si>
  <si>
    <t>\\acsfs\profiles$\inarajst\Downloads\fe9e8682-c55e-42e0-a92a-795d7c28c19f.tmp</t>
  </si>
  <si>
    <t>e7c31541-c187-4f53-9eca-556e3094addd.tmp</t>
  </si>
  <si>
    <t>\\acsfs\profiles$\inarajst\Downloads\e7c31541-c187-4f53-9eca-556e3094addd.tmp</t>
  </si>
  <si>
    <t>fa824a4b-863b-45da-908f-2a4b16588cc6.tmp</t>
  </si>
  <si>
    <t>\\acsfs\profiles$\inarajst\Downloads\fa824a4b-863b-45da-908f-2a4b16588cc6.tmp</t>
  </si>
  <si>
    <t>096da520-e1e3-46e7-9773-f917e3fb5262.tmp</t>
  </si>
  <si>
    <t>\\acsfs\profiles$\inarajst\Downloads\096da520-e1e3-46e7-9773-f917e3fb5262.tmp</t>
  </si>
  <si>
    <t>7554a0dd-952f-4673-a6b3-561d91ffb6af.tmp</t>
  </si>
  <si>
    <t>\\acsfs\profiles$\inarajst\Downloads\7554a0dd-952f-4673-a6b3-561d91ffb6af.tmp</t>
  </si>
  <si>
    <t>820ec39e-a656-41f1-b97d-aa719d4a7a47.tmp</t>
  </si>
  <si>
    <t>\\acsfs\profiles$\inarajst\Downloads\820ec39e-a656-41f1-b97d-aa719d4a7a47.tmp</t>
  </si>
  <si>
    <t>lu2916143rnh.tmp</t>
  </si>
  <si>
    <t>\\acsfs\profiles$\KELLZYLENNEASR\My Documents\lu2916143rnh.tmp</t>
  </si>
  <si>
    <t>\\acsfs\profiles$\KELLZYLENNEASR\My Documents\lu2916143rnh.tmp\</t>
  </si>
  <si>
    <t>\\acsfs\profiles$\KELLZYLENNEASR\My Documents\lu2916143rnh.tmp\META-INF\</t>
  </si>
  <si>
    <t>\\acsfs\profiles$\KELLZYLENNEASR\My Documents\lu2916143rnh.tmp\Thumbnails\</t>
  </si>
  <si>
    <t>182c6a9c-3ee3-4eab-ae6d-4e35cc1adab2.tmp</t>
  </si>
  <si>
    <t>\\acsfs\profiles$\larissaad\Downloads\182c6a9c-3ee3-4eab-ae6d-4e35cc1adab2.tmp</t>
  </si>
  <si>
    <t>18af6919-965e-40b6-a848-5c598c3485dc.tmp</t>
  </si>
  <si>
    <t>\\acsfs\profiles$\henriqueco\Downloads\18af6919-965e-40b6-a848-5c598c3485dc.tmp</t>
  </si>
  <si>
    <t>XLOG_vivianibfs_03012020_152937.log</t>
  </si>
  <si>
    <t>\\acsfs\profiles$\vivianibfs\My Documents\xworkcenter\logs\XLOG_vivianibfs_03012020_152937.log</t>
  </si>
  <si>
    <t>e7275b5d-1b1e-4288-889d-6bd01c9f3ec2.tmp</t>
  </si>
  <si>
    <t>\\acsfs\profiles$\nathaliarmr\Downloads\e7275b5d-1b1e-4288-889d-6bd01c9f3ec2.tmp</t>
  </si>
  <si>
    <t>10.200.67.53</t>
  </si>
  <si>
    <t>74-86-7A-FC-CF-A9</t>
  </si>
  <si>
    <t>VOTORANT-RB003</t>
  </si>
  <si>
    <t>\\acsfs\profiles$\leticiaat\Contacts\</t>
  </si>
  <si>
    <t>LETICIA ALVES TEIXEIRA (26736).contact</t>
  </si>
  <si>
    <t>\\acsfs\profiles$\leticiaat\Contacts\LETICIA ALVES TEIXEIRA (26736).contact</t>
  </si>
  <si>
    <t>\\acsfs\profiles$\leticiaat\My Documents\My Videos\</t>
  </si>
  <si>
    <t>\\acsfs\profiles$\leticiaat\My Documents\My Videos\desktop.ini</t>
  </si>
  <si>
    <t>\\acsfs\profiles$\leticiaat\My Documents\My Pictures\</t>
  </si>
  <si>
    <t>\\acsfs\profiles$\leticiaat\My Documents\My Pictures\desktop.ini</t>
  </si>
  <si>
    <t>\\acsfs\profiles$\leticiaat\Contacts\desktop.ini</t>
  </si>
  <si>
    <t>\\acsfs\profiles$\leticiaat\Favorites\</t>
  </si>
  <si>
    <t>\\acsfs\profiles$\leticiaat\Favorites\desktop.ini</t>
  </si>
  <si>
    <t>\\acsfs\profiles$\leticiaat\My Documents\My Music\</t>
  </si>
  <si>
    <t>\\acsfs\profiles$\leticiaat\My Documents\My Music\desktop.ini</t>
  </si>
  <si>
    <t>\\acsfs\profiles$\leticiaat\Searches\</t>
  </si>
  <si>
    <t>\\acsfs\profiles$\leticiaat\Searches\desktop.ini</t>
  </si>
  <si>
    <t>\\acsfs\profiles$\leticiaat\Downloads\desktop.ini</t>
  </si>
  <si>
    <t>\\acsfs\profiles$\leticiaat\My Documents\desktop.ini</t>
  </si>
  <si>
    <t>\\acsfs\profiles$\leticiaat\Saved Games\</t>
  </si>
  <si>
    <t>\\acsfs\profiles$\leticiaat\Saved Games\desktop.ini</t>
  </si>
  <si>
    <t>\\acsfs\profiles$\leticiaat\Favorites\Links for Brasil\</t>
  </si>
  <si>
    <t>\\acsfs\profiles$\leticiaat\Favorites\Links for Brasil\desktop.ini</t>
  </si>
  <si>
    <t>\\acsfs\profiles$\leticiaat\Favorites\Links for Brasil\Microsoft Brasil.url</t>
  </si>
  <si>
    <t>\\acsfs\profiles$\leticiaat\Favorites\Links for Brasil\Windows Brasil.url</t>
  </si>
  <si>
    <t>\\acsfs\profiles$\leticiaat\Favorites\Links for Brasil\MSN Brasil.url</t>
  </si>
  <si>
    <t>lu73196bfyt5c.tmp</t>
  </si>
  <si>
    <t>\\acsfs\DEPTOS\Operacao\Banco_Votorantim\Supervisao\SUPERS BV CARTÕES\ANA VITORIA\APOIO\lu73196bfyt5c.tmp</t>
  </si>
  <si>
    <t>\\acsfs\DEPTOS\Operacao\Banco_Votorantim\Supervisao\SUPERS BV CARTÕES\ANA VITORIA\APOIO\lu73196bfyt5c.tmp\</t>
  </si>
  <si>
    <t>\\acsfs\DEPTOS\Operacao\Banco_Votorantim\Supervisao\SUPERS BV CARTÕES\ANA VITORIA\APOIO\lu73196bfyt5c.tmp\META-INF\</t>
  </si>
  <si>
    <t>\\acsfs\DEPTOS\Operacao\Banco_Votorantim\Supervisao\SUPERS BV CARTÕES\ANA VITORIA\APOIO\lu73196bfyt5c.tmp\Thumbnails\</t>
  </si>
  <si>
    <t>mail.google.com/sync/u/0/i/s?hl=pt-BR&amp;c=1112</t>
  </si>
  <si>
    <t>mail.google.com/sync/u/0/i/s?hl=pt-BR&amp;c=1114</t>
  </si>
  <si>
    <t>mail.google.com/sync/u/0/i/s?hl=pt-BR&amp;c=1119</t>
  </si>
  <si>
    <t>cpc-controldeskavon@algartech.com;joseasn@algartech.com;josiascdsj@algartech.com;marianadjc@algartech.com;paulacn@algartech.com;rafaelggs@algartech.com;viniciussg@algartech.com;</t>
  </si>
  <si>
    <t>cpc-controldeskavon@algartech.com,joseasn@algartech.com,josiascdsj@algartech.com,marianadjc@algartech.com,paulacn@algartech.com,rafaelggs@algartech.com,viniciussg@algartech.com</t>
  </si>
  <si>
    <t>mail.google.com/sync/u/0/i/s?hl=pt-BR&amp;c=1124</t>
  </si>
  <si>
    <t>mail.google.com/sync/u/0/i/s?hl=pt-BR&amp;c=1126</t>
  </si>
  <si>
    <t>mail.google.com/sync/u/0/i/s?hl=pt-BR&amp;c=1128</t>
  </si>
  <si>
    <t>mail.google.com/sync/u/0/i/s?hl=pt-BR&amp;c=1132</t>
  </si>
  <si>
    <t>mail.google.com/sync/u/0/i/s?hl=pt-BR&amp;c=1134</t>
  </si>
  <si>
    <t>mail.google.com/sync/u/0/i/s?hl=pt-BR&amp;c=1136</t>
  </si>
  <si>
    <t>mail.google.com/sync/u/0/i/s?hl=pt-BR&amp;c=1138</t>
  </si>
  <si>
    <t>78e38917-df0f-4a28-b4d8-bba466f4af73.tmp</t>
  </si>
  <si>
    <t>\\acsfs\profiles$\deborahsi\Downloads\78e38917-df0f-4a28-b4d8-bba466f4af73.tmp</t>
  </si>
  <si>
    <t>1fb351c2-d255-44c3-895b-5e852ade102b.tmp</t>
  </si>
  <si>
    <t>\\acsfs\profiles$\inarajst\Downloads\1fb351c2-d255-44c3-895b-5e852ade102b.tmp</t>
  </si>
  <si>
    <t>26afebcb-5ae8-4777-b17c-7c471d5e4393.tmp</t>
  </si>
  <si>
    <t>\\acsfs\profiles$\alessandraan\Downloads\26afebcb-5ae8-4777-b17c-7c471d5e4393.tmp</t>
  </si>
  <si>
    <t>\\acsfs\profiles$\MARILIAFPLB\ATIVO\</t>
  </si>
  <si>
    <t>\\acsfs\profiles$\MARILIAFPLB\ATIVO\.~lock.ATIVO ATT.ods#</t>
  </si>
  <si>
    <t>1ae299d5-ec44-499e-bfb7-69cfc6f8fcbd.tmp</t>
  </si>
  <si>
    <t>\\acsfs\profiles$\geovannasm\Downloads\1ae299d5-ec44-499e-bfb7-69cfc6f8fcbd.tmp</t>
  </si>
  <si>
    <t>2c657fed-1414-4fcb-a483-2cfe856df948.tmp</t>
  </si>
  <si>
    <t>\\acsfs\profiles$\lorraynevam\Downloads\2c657fed-1414-4fcb-a483-2cfe856df948.tmp</t>
  </si>
  <si>
    <t>4fc4de03-ad9b-43c7-a47b-4265561630b7.tmp</t>
  </si>
  <si>
    <t>\\acsfs\profiles$\henriqueco\Downloads\4fc4de03-ad9b-43c7-a47b-4265561630b7.tmp</t>
  </si>
  <si>
    <t>3f80e137-d314-4563-9655-0d5afc9f57a1.tmp</t>
  </si>
  <si>
    <t>\\acsfs\profiles$\jalilebds\Downloads\3f80e137-d314-4563-9655-0d5afc9f57a1.tmp</t>
  </si>
  <si>
    <t>9d3bc2e5-f181-4414-a34c-19053c134ef1.tmp</t>
  </si>
  <si>
    <t>\\acsfs\profiles$\geovannasm\Downloads\9d3bc2e5-f181-4414-a34c-19053c134ef1.tmp</t>
  </si>
  <si>
    <t>b8b9daae-f5da-43af-81da-937279dcb7ee.tmp</t>
  </si>
  <si>
    <t>\\acsfs\profiles$\geovannasm\Downloads\b8b9daae-f5da-43af-81da-937279dcb7ee.tmp</t>
  </si>
  <si>
    <t>27671f28-ac6a-4bd8-84ed-d42e57985f7a.tmp</t>
  </si>
  <si>
    <t>\\acsfs\profiles$\alinepp\Downloads\27671f28-ac6a-4bd8-84ed-d42e57985f7a.tmp</t>
  </si>
  <si>
    <t>10ebbbff-b9b1-4005-98cb-53a93c79c0d3.tmp</t>
  </si>
  <si>
    <t>\\acsfs\profiles$\alinepp\Downloads\10ebbbff-b9b1-4005-98cb-53a93c79c0d3.tmp</t>
  </si>
  <si>
    <t>ba92c81b-a750-4e80-be24-25117face5c6.tmp</t>
  </si>
  <si>
    <t>\\acsfs\profiles$\gabriellalpr\Downloads\ba92c81b-a750-4e80-be24-25117face5c6.tmp</t>
  </si>
  <si>
    <t>BDBV.xlsm</t>
  </si>
  <si>
    <t>\\acsfs\ACS\Gabriel da Silva\Contemporânea\BDBV.xlsm</t>
  </si>
  <si>
    <t>lu73196bfyt5l.tmp</t>
  </si>
  <si>
    <t>\\acsfs\DEPTOS\Operacao\Banco_Votorantim\Supervisao\SUPERS BV CARTÕES\ANA VITORIA\APOIO\lu73196bfyt5l.tmp</t>
  </si>
  <si>
    <t>\\acsfs\DEPTOS\Operacao\Banco_Votorantim\Supervisao\SUPERS BV CARTÕES\ANA VITORIA\APOIO\lu73196bfyt5l.tmp\</t>
  </si>
  <si>
    <t>\\acsfs\DEPTOS\Operacao\Banco_Votorantim\Supervisao\SUPERS BV CARTÕES\ANA VITORIA\APOIO\lu73196bfyt5l.tmp\META-INF\</t>
  </si>
  <si>
    <t>\\acsfs\DEPTOS\Operacao\Banco_Votorantim\Supervisao\SUPERS BV CARTÕES\ANA VITORIA\APOIO\lu73196bfyt5l.tmp\Thumbnails\</t>
  </si>
  <si>
    <t>\\acsfs\DEPTOS\Operacao\Banco_Votorantim\Supervisao\SUPERS BV CARTÕES\ANA VITORIA\APOIO\Thumbs.db</t>
  </si>
  <si>
    <t>\\acsfs\DEPTOS\Operacao\Banco_Votorantim\Supervisao\SUPERS BV CARTÕES\ANA VITORIA\APOIO\.~lock.Status Filas.xlsx#</t>
  </si>
  <si>
    <t>mail.google.com/sync/u/0/i/s?hl=pt-BR&amp;c=1153</t>
  </si>
  <si>
    <t>mail.google.com/sync/u/0/i/s?hl=pt-BR&amp;c=1155</t>
  </si>
  <si>
    <t>mail.google.com/sync/u/0/i/s?hl=pt-BR&amp;c=1157</t>
  </si>
  <si>
    <t>mail.google.com/sync/u/0/i/s?hl=pt-BR&amp;c=1159</t>
  </si>
  <si>
    <t>mail.google.com/sync/u/0/i/s?hl=pt-BR&amp;c=1161</t>
  </si>
  <si>
    <t>mail.google.com/sync/u/0/i/s?hl=pt-BR&amp;c=1163</t>
  </si>
  <si>
    <t>mail.google.com/sync/u/0/i/s?hl=pt-BR&amp;c=1167</t>
  </si>
  <si>
    <t>mail.google.com/sync/u/0/i/s?hl=pt-BR&amp;c=1169</t>
  </si>
  <si>
    <t>mail.google.com/sync/u/0/i/s?hl=pt-BR&amp;c=1175</t>
  </si>
  <si>
    <t>mail.google.com/sync/u/0/i/s?hl=pt-BR&amp;c=1177</t>
  </si>
  <si>
    <t>mail.google.com/sync/u/0/i/s?hl=pt-BR&amp;c=1179</t>
  </si>
  <si>
    <t>mail.google.com/sync/u/0/i/s?hl=pt-BR&amp;c=1186</t>
  </si>
  <si>
    <t>383ba521-8288-4686-92ab-845153fca714.tmp</t>
  </si>
  <si>
    <t>\\acsfs\profiles$\mariajra\Downloads\383ba521-8288-4686-92ab-845153fca714.tmp</t>
  </si>
  <si>
    <t>7ec05520-2223-4a27-bfc5-acc43c126893.tmp</t>
  </si>
  <si>
    <t>\\acsfs\profiles$\inarajst\Downloads\7ec05520-2223-4a27-bfc5-acc43c126893.tmp</t>
  </si>
  <si>
    <t>818759c5-299b-437a-86ed-f3f0c3543e48.tmp</t>
  </si>
  <si>
    <t>\\acsfs\profiles$\andreapdsg\Downloads\818759c5-299b-437a-86ed-f3f0c3543e48.tmp</t>
  </si>
  <si>
    <t>Q29udHJvbGxlci5JRS1JbmZvQlY- (22).ica</t>
  </si>
  <si>
    <t>\\acsfs\profiles$\andreapdsg\Downloads\Q29udHJvbGxlci5JRS1JbmZvQlY- (22).ica</t>
  </si>
  <si>
    <t>1b59f413-fa4a-4840-83f8-4939436288f8.tmp</t>
  </si>
  <si>
    <t>\\acsfs\profiles$\andreapdsg\Downloads\1b59f413-fa4a-4840-83f8-4939436288f8.tmp</t>
  </si>
  <si>
    <t>724622cb-46eb-4ef1-b093-4c25ad7246cc.tmp</t>
  </si>
  <si>
    <t>\\acsfs\profiles$\andreapdsg\Downloads\724622cb-46eb-4ef1-b093-4c25ad7246cc.tmp</t>
  </si>
  <si>
    <t>a7478b2a-4a36-41ce-a065-7e6314b7edc8.tmp</t>
  </si>
  <si>
    <t>\\acsfs\profiles$\andreapdsg\Downloads\a7478b2a-4a36-41ce-a065-7e6314b7edc8.tmp</t>
  </si>
  <si>
    <t>1e220ff2-5dd6-4712-a8fe-4cea46dbe99a.tmp</t>
  </si>
  <si>
    <t>\\acsfs\profiles$\andreapdsg\Downloads\1e220ff2-5dd6-4712-a8fe-4cea46dbe99a.tmp</t>
  </si>
  <si>
    <t>cde4a75e-ec09-4cd9-a3ff-3801e9077cbe.tmp</t>
  </si>
  <si>
    <t>\\acsfs\profiles$\wedersonbadr\My Documents\My Music\cde4a75e-ec09-4cd9-a3ff-3801e9077cbe.tmp</t>
  </si>
  <si>
    <t>a9244ec5-411c-413a-b3df-701e4db41fbf.tmp</t>
  </si>
  <si>
    <t>\\acsfs\profiles$\myllenardl\Downloads\a9244ec5-411c-413a-b3df-701e4db41fbf.tmp</t>
  </si>
  <si>
    <t>b035ca89-992b-4ab5-894f-8ad4de9bcf82.tmp</t>
  </si>
  <si>
    <t>\\acsfs\profiles$\gabrielarb\Downloads\b035ca89-992b-4ab5-894f-8ad4de9bcf82.tmp</t>
  </si>
  <si>
    <t>48e46020-164a-4752-8936-b6bb183309b3.tmp</t>
  </si>
  <si>
    <t>\\acsfs\profiles$\gabrielarb\Downloads\48e46020-164a-4752-8936-b6bb183309b3.tmp</t>
  </si>
  <si>
    <t>15959e6c-954a-4144-b1de-370392df7927.tmp</t>
  </si>
  <si>
    <t>\\acsfs\profiles$\gabrielarb\Downloads\15959e6c-954a-4144-b1de-370392df7927.tmp</t>
  </si>
  <si>
    <t>8fa4b520-11e5-4414-85be-afa450363895.tmp</t>
  </si>
  <si>
    <t>\\acsfs\profiles$\gabrielarb\Downloads\8fa4b520-11e5-4414-85be-afa450363895.tmp</t>
  </si>
  <si>
    <t>1856abd9-b0fe-4504-9d37-7e92b9418828.tmp</t>
  </si>
  <si>
    <t>\\acsfs\profiles$\gabrielsma\Downloads\1856abd9-b0fe-4504-9d37-7e92b9418828.tmp</t>
  </si>
  <si>
    <t>\\acsfs\profiles$\gabrielsma\Downloads\1856abd9-b0fe-4504-9d37-7e92b9418828.tmp\</t>
  </si>
  <si>
    <t>attachment</t>
  </si>
  <si>
    <t>attachment-01</t>
  </si>
  <si>
    <t>attachment-02</t>
  </si>
  <si>
    <t>attachment-03</t>
  </si>
  <si>
    <t>attachment-04</t>
  </si>
  <si>
    <t>attachment-05</t>
  </si>
  <si>
    <t>attachment-06</t>
  </si>
  <si>
    <t>attachment-07</t>
  </si>
  <si>
    <t>attachment-08</t>
  </si>
  <si>
    <t>attachment-09</t>
  </si>
  <si>
    <t>attachment-10</t>
  </si>
  <si>
    <t>attachment-11</t>
  </si>
  <si>
    <t>attachment-12</t>
  </si>
  <si>
    <t>attachment-13</t>
  </si>
  <si>
    <t>attachment-14</t>
  </si>
  <si>
    <t>attachment-15</t>
  </si>
  <si>
    <t>attachment-16</t>
  </si>
  <si>
    <t>attachment-17</t>
  </si>
  <si>
    <t>attachment-18</t>
  </si>
  <si>
    <t>attachment-19</t>
  </si>
  <si>
    <t>attachment-20</t>
  </si>
  <si>
    <t>attachment-21</t>
  </si>
  <si>
    <t>attachment-22</t>
  </si>
  <si>
    <t>attachment-23</t>
  </si>
  <si>
    <t>attachment-24</t>
  </si>
  <si>
    <t>attachment-25</t>
  </si>
  <si>
    <t>attachment-26</t>
  </si>
  <si>
    <t>attachment-27</t>
  </si>
  <si>
    <t>attachment-28</t>
  </si>
  <si>
    <t>attachment-29</t>
  </si>
  <si>
    <t>attachment-30</t>
  </si>
  <si>
    <t>attachment-31</t>
  </si>
  <si>
    <t>attachment-32</t>
  </si>
  <si>
    <t>attachment-33</t>
  </si>
  <si>
    <t>898da91c-452d-4aea-b78d-1c4f9ed7b17f.tmp</t>
  </si>
  <si>
    <t>\\acsfs\profiles$\gabrielsma\Downloads\898da91c-452d-4aea-b78d-1c4f9ed7b17f.tmp</t>
  </si>
  <si>
    <t>\\acsfs\profiles$\gabrielsma\Downloads\898da91c-452d-4aea-b78d-1c4f9ed7b17f.tmp\</t>
  </si>
  <si>
    <t>\\acsfs\deptos\Operacao\PCP\5 - Comum\CONTROL DESK\2 - DAC2\Control Desk AVON\Relatorios\WHATSAPP\2020\</t>
  </si>
  <si>
    <t>Report PA Digital_TOPS_Janeiro.xlsm</t>
  </si>
  <si>
    <t>\\acsfs\deptos\Operacao\PCP\5 - Comum\CONTROL DESK\2 - DAC2\Control Desk AVON\Relatorios\WHATSAPP\2020\Report PA Digital_TOPS_Janeiro.xlsm</t>
  </si>
  <si>
    <t>\\acsfs\DEPTOS\Operacao\PCP\5 - Comum\PLANEJAMENTO BV\23 - EXTRAÇÕES\Agent utilization\2020\</t>
  </si>
  <si>
    <t>Agent utilization 01.01.2020 a 02.01.2020.xlsx</t>
  </si>
  <si>
    <t>\\acsfs\DEPTOS\Operacao\PCP\5 - Comum\PLANEJAMENTO BV\23 - EXTRAÇÕES\Agent utilization\2020\Agent utilization 01.01.2020 a 02.01.2020.xlsx</t>
  </si>
  <si>
    <t>Q29udHJvbGxlci5QYXl3YXJl (24).ica</t>
  </si>
  <si>
    <t>\\acsfs\profiles$\andreapdsg\Downloads\Q29udHJvbGxlci5QYXl3YXJl (24).ica</t>
  </si>
  <si>
    <t>54b5aa3c-236c-4aff-9597-572db070272d.tmp</t>
  </si>
  <si>
    <t>\\acsfs\profiles$\larissaad\Downloads\54b5aa3c-236c-4aff-9597-572db070272d.tmp</t>
  </si>
  <si>
    <t>XLOG_vanessacgs_03012020_090722.log</t>
  </si>
  <si>
    <t>\\acsfs\profiles$\vanessacgs\My Documents\xworkcenter\logs\XLOG_vanessacgs_03012020_090722.log</t>
  </si>
  <si>
    <t>21777c3c-c2de-4c89-ab37-6760e593fe6b.tmp</t>
  </si>
  <si>
    <t>\\acsfs\profiles$\rafaelahpn\Downloads\21777c3c-c2de-4c89-ab37-6760e593fe6b.tmp</t>
  </si>
  <si>
    <t>fb09bc4a-423f-41d4-8577-63ddeabf23b8.tmp</t>
  </si>
  <si>
    <t>\\acsfs\profiles$\myllenardl\Downloads\fb09bc4a-423f-41d4-8577-63ddeabf23b8.tmp</t>
  </si>
  <si>
    <t>a48fa127-a5a5-4eb6-8df4-3e830d9bd789.tmp</t>
  </si>
  <si>
    <t>\\acsfs\profiles$\myllenardl\Downloads\a48fa127-a5a5-4eb6-8df4-3e830d9bd789.tmp</t>
  </si>
  <si>
    <t>95613ee8-caad-4b37-a693-212383936a38.tmp</t>
  </si>
  <si>
    <t>\\acsfs\profiles$\gabrielarb\Downloads\95613ee8-caad-4b37-a693-212383936a38.tmp</t>
  </si>
  <si>
    <t>af1789fe-d5a6-4b56-b12e-dad9875c735b.tmp</t>
  </si>
  <si>
    <t>\\acsfs\profiles$\anafsb\Downloads\af1789fe-d5a6-4b56-b12e-dad9875c735b.tmp</t>
  </si>
  <si>
    <t>mail.google.com/sync/u/0/i/s?hl=pt-BR&amp;c=1197</t>
  </si>
  <si>
    <t>0;algartechcpcbv@algartech.com;andrelpsa@algartech.com;catianalv@algartech.com;cpc-controldeskavon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0,algartechcpcbv@algartech.com,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209</t>
  </si>
  <si>
    <t>catianalv@algartech.com;cpc-controldeskavon@algartech.com;joseasn@algartech.com;josiascdsj@algartech.com;lucianarsantos@algartech.com;luiz.henriquesantos@avon.com;marianadjc@algartech.com;paulacn@algartech.com;rafaelggs@algartech.com;senildapdo@algartecnologia.com.br;viniciussg@algartech.com;</t>
  </si>
  <si>
    <t>catianalv@algartech.com,cpc-controldeskavon@algartech.com,joseasn@algartech.com,josiascdsj@algartech.com,lucianarsantos@algartech.com,luiz.henriquesantos@avon.com,marianadjc@algartech.com,paulacn@algartech.com,rafaelggs@algartech.com,senildapdo@algartecnologia.com.br,viniciussg@algartech.com</t>
  </si>
  <si>
    <t>catianalv@algartech.com;cpc-controldeskavon@algartech.com;joseasn@algartech.com;josiascdsj@algartech.com;lucianarsantos@algartech.com;marianadjc@algartech.com;paulacn@algartech.com;rafaelggs@algartech.com;senildapdo@algartecnologia.com.br;viniciussg@algartech.com;</t>
  </si>
  <si>
    <t>catianalv@algartech.com,cpc-controldeskavon@algartech.com,joseasn@algartech.com,josiascdsj@algartech.com,lucianarsantos@algartech.com,marianadjc@algartech.com,paulacn@algartech.com,rafaelggs@algartech.com,senildapdo@algartecnologia.com.br,viniciussg@algartech.com</t>
  </si>
  <si>
    <t>mail.google.com/sync/u/0/i/s?hl=pt-BR&amp;c=1217</t>
  </si>
  <si>
    <t>47fe9f9e-d09d-40ef-b938-8c16bafe53b2.tmp</t>
  </si>
  <si>
    <t>\\acsfs\profiles$\andreapdsg\Downloads\47fe9f9e-d09d-40ef-b938-8c16bafe53b2.tmp</t>
  </si>
  <si>
    <t>d182e87e-9bd4-4210-a7c1-a81f59ceb860.tmp</t>
  </si>
  <si>
    <t>\\acsfs\profiles$\andreapdsg\Downloads\d182e87e-9bd4-4210-a7c1-a81f59ceb860.tmp</t>
  </si>
  <si>
    <t>1eb3bbb1-988a-409f-9eae-ea7f3162c7f5.tmp</t>
  </si>
  <si>
    <t>\\acsfs\profiles$\ayalabfi\Downloads\1eb3bbb1-988a-409f-9eae-ea7f3162c7f5.tmp</t>
  </si>
  <si>
    <t>363e9e51-95d0-40a4-bf9c-fcd1b35f1c7c.tmp</t>
  </si>
  <si>
    <t>\\acsfs\profiles$\gabrielarb\Downloads\363e9e51-95d0-40a4-bf9c-fcd1b35f1c7c.tmp</t>
  </si>
  <si>
    <t>3094fccc-9fb3-440a-8541-809c912957da.tmp</t>
  </si>
  <si>
    <t>\\acsfs\profiles$\gabrielarb\Downloads\3094fccc-9fb3-440a-8541-809c912957da.tmp</t>
  </si>
  <si>
    <t>49b713a9-c2ae-48c1-8f2c-9b0d268355df.tmp</t>
  </si>
  <si>
    <t>\\acsfs\profiles$\gabrielarb\Downloads\49b713a9-c2ae-48c1-8f2c-9b0d268355df.tmp</t>
  </si>
  <si>
    <t>6fd5146a-1199-49f5-aa1c-b3f42c95352c.tmp</t>
  </si>
  <si>
    <t>\\acsfs\profiles$\gabrielarb\Downloads\6fd5146a-1199-49f5-aa1c-b3f42c95352c.tmp</t>
  </si>
  <si>
    <t>2fe754fb-cd31-4042-96bb-86874df40fbb.tmp</t>
  </si>
  <si>
    <t>\\acsfs\profiles$\gabrielsma\Downloads\2fe754fb-cd31-4042-96bb-86874df40fbb.tmp</t>
  </si>
  <si>
    <t>\\acsfs\profiles$\gabrielsma\Downloads\2fe754fb-cd31-4042-96bb-86874df40fbb.tmp\</t>
  </si>
  <si>
    <t>lu89032bw1z1x.tmp</t>
  </si>
  <si>
    <t>\\acsfs\DEPTOS\Operacao\Banco_Votorantim\Supervisao\SUPERS BV CARTÕES\ANA VITORIA\APOIO\lu89032bw1z1x.tmp</t>
  </si>
  <si>
    <t>mail.google.com/sync/u/0/i/s?hl=pt-BR&amp;c=1219</t>
  </si>
  <si>
    <t>mail.google.com/sync/u/0/i/s?hl=pt-BR&amp;c=1224</t>
  </si>
  <si>
    <t>da972378-5652-49ab-baba-329bcab4776c.tmp</t>
  </si>
  <si>
    <t>\\acsfs\profiles$\geovannasm\Downloads\da972378-5652-49ab-baba-329bcab4776c.tmp</t>
  </si>
  <si>
    <t>c:\users\harunams\downloads\</t>
  </si>
  <si>
    <t>kit_pre_deslig_ant_term_contrato_empregado_124299_wesley andrade santos.pdf</t>
  </si>
  <si>
    <t>2e693b65-cbe2-4f37-a8d5-2efc3a1a8fef.tmp</t>
  </si>
  <si>
    <t>\\acsfs\profiles$\nayarasds\Downloads\2e693b65-cbe2-4f37-a8d5-2efc3a1a8fef.tmp</t>
  </si>
  <si>
    <t>97763869-69c9-4751-975a-fc695aba4e60.tmp</t>
  </si>
  <si>
    <t>\\acsfs\profiles$\nayarasds\Downloads\97763869-69c9-4751-975a-fc695aba4e60.tmp</t>
  </si>
  <si>
    <t>77f54601-14f7-48d4-b4aa-52b42bc3c124.tmp</t>
  </si>
  <si>
    <t>\\acsfs\profiles$\geovannasm\Downloads\77f54601-14f7-48d4-b4aa-52b42bc3c124.tmp</t>
  </si>
  <si>
    <t>8142fd0f-7ea5-4459-a557-2b520398eabb.tmp</t>
  </si>
  <si>
    <t>\\acsfs\profiles$\lorrainerdl\Downloads\8142fd0f-7ea5-4459-a557-2b520398eabb.tmp</t>
  </si>
  <si>
    <t>abb7394a-05f6-46fe-b8db-5440b69c1ead.tmp</t>
  </si>
  <si>
    <t>\\acsfs\profiles$\gabrielarb\Downloads\abb7394a-05f6-46fe-b8db-5440b69c1ead.tmp</t>
  </si>
  <si>
    <t>fb894048-d4f1-43bc-a529-bc4c43b251f8.tmp</t>
  </si>
  <si>
    <t>\\acsfs\profiles$\gabrielarb\Downloads\fb894048-d4f1-43bc-a529-bc4c43b251f8.tmp</t>
  </si>
  <si>
    <t>0760ac39-749c-40c4-b374-dd3ea1660c81.tmp</t>
  </si>
  <si>
    <t>\\acsfs\profiles$\gabrielarb\Downloads\0760ac39-749c-40c4-b374-dd3ea1660c81.tmp</t>
  </si>
  <si>
    <t>XLOG_tiagosno_03012020_083001.log</t>
  </si>
  <si>
    <t>\\acsfs\profiles$\tiagosno\My Documents\xworkcenter\logs\XLOG_tiagosno_03012020_083001.log</t>
  </si>
  <si>
    <t>XLOG_ellencds_03012020_081637.log</t>
  </si>
  <si>
    <t>\\acsfs\profiles$\ellencds\My Documents\xworkcenter\logs\XLOG_ellencds_03012020_081637.log</t>
  </si>
  <si>
    <t>84928b49-e391-4549-9071-052b7a8636b3.tmp</t>
  </si>
  <si>
    <t>\\acsfs\profiles$\lucasgpe\Downloads\84928b49-e391-4549-9071-052b7a8636b3.tmp</t>
  </si>
  <si>
    <t>71e8bef1-f492-473b-b631-b65e6a3d121c.tmp</t>
  </si>
  <si>
    <t>\\acsfs\profiles$\brendadsl\Downloads\71e8bef1-f492-473b-b631-b65e6a3d121c.tmp</t>
  </si>
  <si>
    <t>10.200.67.194</t>
  </si>
  <si>
    <t>78-2B-CB-C1-04-48</t>
  </si>
  <si>
    <t>VOTORANT-MB003</t>
  </si>
  <si>
    <t>LEYDIANE APARECIDA MOREIRA DUARTE (33).contact</t>
  </si>
  <si>
    <t>\\acsfs\profiles$\leydianeamd\Contacts\LEYDIANE APARECIDA MOREIRA DUARTE (33).contact</t>
  </si>
  <si>
    <t>\\acsfs\profiles$\leydianeamd\Favorites\</t>
  </si>
  <si>
    <t>\\acsfs\profiles$\leydianeamd\Favorites\desktop.ini</t>
  </si>
  <si>
    <t>\\acsfs\profiles$\leydianeamd\Downloads\</t>
  </si>
  <si>
    <t>\\acsfs\profiles$\leydianeamd\Downloads\desktop.ini</t>
  </si>
  <si>
    <t>\\acsfs\profiles$\leydianeamd\Favorites\Links for Brasil\</t>
  </si>
  <si>
    <t>\\acsfs\profiles$\leydianeamd\Favorites\Links for Brasil\desktop.ini</t>
  </si>
  <si>
    <t>\\acsfs\profiles$\leydianeamd\Favorites\Links for Brasil\Microsoft Brasil.url</t>
  </si>
  <si>
    <t>\\acsfs\profiles$\leydianeamd\Favorites\Links for Brasil\Windows Brasil.url</t>
  </si>
  <si>
    <t>\\acsfs\profiles$\leydianeamd\Favorites\Links for Brasil\MSN Brasil.url</t>
  </si>
  <si>
    <t>100021477525818;</t>
  </si>
  <si>
    <t>https://100021477525818</t>
  </si>
  <si>
    <t>4f81039f-5d31-4e07-a85a-a285466bc19a.tmp</t>
  </si>
  <si>
    <t>\\acsfs\profiles$\gabrielsma\Downloads\4f81039f-5d31-4e07-a85a-a285466bc19a.tmp</t>
  </si>
  <si>
    <t>Q29udHJvbGxlci5JbnRyYW5ldC1DaHJvbWU-.ica.crdownload</t>
  </si>
  <si>
    <t>\\acsfs\ACS\Gabriel da Silva\Contemporânea\BDBV\Q29udHJvbGxlci5JbnRyYW5ldC1DaHJvbWU-.ica.crdownload</t>
  </si>
  <si>
    <t>Q29udHJvbGxlci5JbnRyYW5ldC1DaHJvbWU-.ica:Zone.Identifier</t>
  </si>
  <si>
    <t>\\acsfs\ACS\Gabriel da Silva\Contemporânea\BDBV\Q29udHJvbGxlci5JbnRyYW5ldC1DaHJvbWU-.ica:Zone.Identifier</t>
  </si>
  <si>
    <t>f533113b-9231-4093-812a-fa6c31421b5e.tmp</t>
  </si>
  <si>
    <t>\\acsfs\profiles$\mariagsg\Downloads\f533113b-9231-4093-812a-fa6c31421b5e.tmp</t>
  </si>
  <si>
    <t>\\acsfs\profiles$\leydianeamd\My Documents\xworkcenter\logs\</t>
  </si>
  <si>
    <t>XLOG_leydianeamd_30122019_130214.log</t>
  </si>
  <si>
    <t>\\acsfs\profiles$\leydianeamd\My Documents\xworkcenter\logs\XLOG_leydianeamd_30122019_130214.log</t>
  </si>
  <si>
    <t>\\acsfs\profiles$\leydianeamd\My Documents\xworkcenter\logs\wrapper.log</t>
  </si>
  <si>
    <t>2cf04b83-eae3-4c4b-bb36-4d60a2162a1b.tmp</t>
  </si>
  <si>
    <t>\\acsfs\profiles$\geovannasm\Downloads\2cf04b83-eae3-4c4b-bb36-4d60a2162a1b.tmp</t>
  </si>
  <si>
    <t>21088dff-549e-4caf-b84e-3b94215830c4.tmp</t>
  </si>
  <si>
    <t>\\acsfs\profiles$\wedersonbadr\My Documents\My Music\21088dff-549e-4caf-b84e-3b94215830c4.tmp</t>
  </si>
  <si>
    <t>outlook.office.com/owa/service.svc?action=CreateItem&amp;app=Mail&amp;n=420</t>
  </si>
  <si>
    <t>outlook.office.com/owa/service.svc?action=UpdateItem&amp;app=Mail&amp;n=422</t>
  </si>
  <si>
    <t>outlook.office.com/owa/service.svc?action=UpdateItem&amp;app=Mail&amp;n=423</t>
  </si>
  <si>
    <t>outlook.office.com/owa/service.svc?action=UpdateItem&amp;app=Mail&amp;n=424</t>
  </si>
  <si>
    <t>outlook.office.com/owa/service.svc?action=UpdateItem&amp;app=Mail&amp;n=435</t>
  </si>
  <si>
    <t>926654fb-ed9b-4979-8956-d41fc7c76b6b.tmp</t>
  </si>
  <si>
    <t>\\acsfs\profiles$\gabrielamdp\Downloads\926654fb-ed9b-4979-8956-d41fc7c76b6b.tmp</t>
  </si>
  <si>
    <t>77c2c207-e702-4528-82bb-a251753fa832.tmp</t>
  </si>
  <si>
    <t>\\acsfs\profiles$\gabrielamdp\Downloads\77c2c207-e702-4528-82bb-a251753fa832.tmp</t>
  </si>
  <si>
    <t>6f5bc599-a116-4681-a9c2-ea9dcd1b8161.tmp</t>
  </si>
  <si>
    <t>\\acsfs\profiles$\gabrielamdp\Downloads\6f5bc599-a116-4681-a9c2-ea9dcd1b8161.tmp</t>
  </si>
  <si>
    <t>43b6cba8-de16-4cfc-a130-fc5108331f5d.tmp</t>
  </si>
  <si>
    <t>\\acsfs\profiles$\gabrielamdp\Downloads\43b6cba8-de16-4cfc-a130-fc5108331f5d.tmp</t>
  </si>
  <si>
    <t>c207af58-4bed-4c61-a03d-c8051810ae7b.tmp</t>
  </si>
  <si>
    <t>\\acsfs\profiles$\ingridsm\Downloads\c207af58-4bed-4c61-a03d-c8051810ae7b.tmp</t>
  </si>
  <si>
    <t>eedcb2d1-1a71-43fa-a9b5-0172efd6e983.tmp</t>
  </si>
  <si>
    <t>\\acsfs\profiles$\joycemmdl\Downloads\eedcb2d1-1a71-43fa-a9b5-0172efd6e983.tmp</t>
  </si>
  <si>
    <t>c44174fc-c4bd-4b2a-9121-b52f83cae59f.tmp</t>
  </si>
  <si>
    <t>\\acsfs\profiles$\laylaams\Downloads\c44174fc-c4bd-4b2a-9121-b52f83cae59f.tmp</t>
  </si>
  <si>
    <t>outlook.office.com/owa/service.svc?action=UpdateItem&amp;app=Mail&amp;n=436</t>
  </si>
  <si>
    <t>outlook.office.com/owa/service.svc?action=UpdateItem&amp;app=Mail&amp;n=438</t>
  </si>
  <si>
    <t>8a899268-4c0b-4261-a8b2-17368f1e1304.tmp</t>
  </si>
  <si>
    <t>\\acsfs\profiles$\ingridsm\Downloads\8a899268-4c0b-4261-a8b2-17368f1e1304.tmp</t>
  </si>
  <si>
    <t>bea9e132-68be-4bc8-a0f0-9d677048dc4b.tmp</t>
  </si>
  <si>
    <t>\\acsfs\profiles$\ingridsm\Downloads\bea9e132-68be-4bc8-a0f0-9d677048dc4b.tmp</t>
  </si>
  <si>
    <t>lu244523tm7ws.tmp</t>
  </si>
  <si>
    <t>\\acsfs\profiles$\victoriaksr\Downloads\lu244523tm7ws.tmp</t>
  </si>
  <si>
    <t>lu289844qt9pp.tmp</t>
  </si>
  <si>
    <t>\\acsfs\profiles$\jalilebds\Downloads\lu289844qt9pp.tmp</t>
  </si>
  <si>
    <t>2de92570-1f33-4c6b-8f3d-e9b5d9da78f7.tmp</t>
  </si>
  <si>
    <t>\\acsfs\profiles$\gabrielsma\Downloads\2de92570-1f33-4c6b-8f3d-e9b5d9da78f7.tmp</t>
  </si>
  <si>
    <t>\\udpavonfs01\avon\00 - ACOMPANHAMENTO AVON\05 - OCUPAÇÃO BKO\2019\12 - Dezembro\ABONO\</t>
  </si>
  <si>
    <t>CATIANA.xlsx</t>
  </si>
  <si>
    <t>\\udpavonfs01\avon\00 - ACOMPANHAMENTO AVON\05 - OCUPAÇÃO BKO\2020\1 - JANEIRO\ABONO\CATIANA.xlsx</t>
  </si>
  <si>
    <t>LUCIANA.xlsx</t>
  </si>
  <si>
    <t>\\udpavonfs01\avon\00 - ACOMPANHAMENTO AVON\05 - OCUPAÇÃO BKO\2020\1 - JANEIRO\ABONO\LUCIANA.xlsx</t>
  </si>
  <si>
    <t>TAYSE.xlsx</t>
  </si>
  <si>
    <t>\\udpavonfs01\avon\00 - ACOMPANHAMENTO AVON\05 - OCUPAÇÃO BKO\2020\1 - JANEIRO\ABONO\TAYSE.xlsx</t>
  </si>
  <si>
    <t>\\udpavonfs01\avon\00 - ACOMPANHAMENTO AVON\05 - OCUPAÇÃO BKO\2019\12 - Dezembro\MÁSCARA\</t>
  </si>
  <si>
    <t>Análise Backoffice_Dezembro_2019.xlsx</t>
  </si>
  <si>
    <t>\\udpavonfs01\avon\00 - ACOMPANHAMENTO AVON\05 - OCUPAÇÃO BKO\2020\1 - JANEIRO\MÁSCARA\Análise Backoffice_Dezembro_2019.xlsx</t>
  </si>
  <si>
    <t>\\udpavonfs01\avon\00 - ACOMPANHAMENTO AVON\05 - OCUPAÇÃO BKO\2019\12 - Dezembro\RELATÓRIO\02.12.2019\</t>
  </si>
  <si>
    <t>\\udpavonfs01\avon\00 - ACOMPANHAMENTO AVON\05 - OCUPAÇÃO BKO\2020\1 - JANEIRO\RELATÓRIO\02.12.2019\Análise Backoffice_Dezembro_2019.xlsx</t>
  </si>
  <si>
    <t>\\udpavonfs01\avon\00 - ACOMPANHAMENTO AVON\05 - OCUPAÇÃO BKO\2019\12 - Dezembro\RELATÓRIO\05.12.2019\</t>
  </si>
  <si>
    <t>\\udpavonfs01\avon\00 - ACOMPANHAMENTO AVON\05 - OCUPAÇÃO BKO\2020\1 - JANEIRO\RELATÓRIO\05.12.2019\Análise Backoffice_Dezembro_2019.xlsx</t>
  </si>
  <si>
    <t>\\udpavonfs01\avon\00 - ACOMPANHAMENTO AVON\05 - OCUPAÇÃO BKO\2019\12 - Dezembro\RELATÓRIO\09.12.2019\</t>
  </si>
  <si>
    <t>\\udpavonfs01\avon\00 - ACOMPANHAMENTO AVON\05 - OCUPAÇÃO BKO\2020\1 - JANEIRO\RELATÓRIO\09.12.2019\Análise Backoffice_Dezembro_2019.xlsx</t>
  </si>
  <si>
    <t>\\udpavonfs01\avon\00 - ACOMPANHAMENTO AVON\05 - OCUPAÇÃO BKO\2019\12 - Dezembro\RELATÓRIO\12.12.2019\</t>
  </si>
  <si>
    <t>\\udpavonfs01\avon\00 - ACOMPANHAMENTO AVON\05 - OCUPAÇÃO BKO\2020\1 - JANEIRO\RELATÓRIO\12.12.2019\Análise Backoffice_Dezembro_2019.xlsx</t>
  </si>
  <si>
    <t>\\udpavonfs01\avon\00 - ACOMPANHAMENTO AVON\05 - OCUPAÇÃO BKO\2019\12 - Dezembro\RELATÓRIO\17.12.2019\</t>
  </si>
  <si>
    <t>\\udpavonfs01\avon\00 - ACOMPANHAMENTO AVON\05 - OCUPAÇÃO BKO\2020\1 - JANEIRO\RELATÓRIO\17.12.2019\Análise Backoffice_Dezembro_2019.xlsx</t>
  </si>
  <si>
    <t>\\udpavonfs01\avon\00 - ACOMPANHAMENTO AVON\05 - OCUPAÇÃO BKO\2019\12 - Dezembro\RELATÓRIO\19.12.2019\</t>
  </si>
  <si>
    <t>\\udpavonfs01\avon\00 - ACOMPANHAMENTO AVON\05 - OCUPAÇÃO BKO\2020\1 - JANEIRO\RELATÓRIO\19.12.2019\Análise Backoffice_Dezembro_2019.xlsx</t>
  </si>
  <si>
    <t>\\udpavonfs01\avon\00 - ACOMPANHAMENTO AVON\05 - OCUPAÇÃO BKO\2019\12 - Dezembro\RELATÓRIO\23.12.2019\</t>
  </si>
  <si>
    <t>\\udpavonfs01\avon\00 - ACOMPANHAMENTO AVON\05 - OCUPAÇÃO BKO\2020\1 - JANEIRO\RELATÓRIO\23.12.2019\Análise Backoffice_Dezembro_2019.xlsx</t>
  </si>
  <si>
    <t>0151c033-142f-45ee-b5d5-0001105b21c0.tmp</t>
  </si>
  <si>
    <t>\\acsfs\profiles$\ingridsm\Downloads\0151c033-142f-45ee-b5d5-0001105b21c0.tmp</t>
  </si>
  <si>
    <t>lu244523tm7x1.tmp</t>
  </si>
  <si>
    <t>\\acsfs\profiles$\victoriaksr\Downloads\lu244523tm7x1.tmp</t>
  </si>
  <si>
    <t>lu244523tm7x7.tmp</t>
  </si>
  <si>
    <t>\\acsfs\profiles$\victoriaksr\Downloads\lu244523tm7x7.tmp</t>
  </si>
  <si>
    <t>10.200.66.185</t>
  </si>
  <si>
    <t>78-2B-CB-C1-06-C0</t>
  </si>
  <si>
    <t>VOTORANT-SB007</t>
  </si>
  <si>
    <t>e8613d6d-f3f1-48d4-96bb-db96ef0cc186.tmp</t>
  </si>
  <si>
    <t>\\acsfs\profiles$\anafaes\Downloads\e8613d6d-f3f1-48d4-96bb-db96ef0cc186.tmp</t>
  </si>
  <si>
    <t>add3ca93-3b82-4375-9606-dd2f75ed6f96.tmp</t>
  </si>
  <si>
    <t>\\acsfs\profiles$\anafaes\Downloads\add3ca93-3b82-4375-9606-dd2f75ed6f96.tmp</t>
  </si>
  <si>
    <t>d81f48b6-47d8-44b5-a177-fa70d9623271.tmp</t>
  </si>
  <si>
    <t>\\acsfs\profiles$\anafaes\Downloads\d81f48b6-47d8-44b5-a177-fa70d9623271.tmp</t>
  </si>
  <si>
    <t>2b97f3d3-450a-4ee9-8515-a5f729381d21.tmp</t>
  </si>
  <si>
    <t>\\acsfs\profiles$\anafaes\Downloads\2b97f3d3-450a-4ee9-8515-a5f729381d21.tmp</t>
  </si>
  <si>
    <t>e9e59a21-156f-4059-a913-7396e9bea153.tmp</t>
  </si>
  <si>
    <t>\\acsfs\profiles$\lorenabmc\Downloads\e9e59a21-156f-4059-a913-7396e9bea153.tmp</t>
  </si>
  <si>
    <t>c4755a70-a753-4624-8e4b-86a049953a5b.tmp</t>
  </si>
  <si>
    <t>\\acsfs\profiles$\ingridsm\Downloads\c4755a70-a753-4624-8e4b-86a049953a5b.tmp</t>
  </si>
  <si>
    <t>XLOG_anacdos_03012020_082023.log</t>
  </si>
  <si>
    <t>\\acsfs\profiles$\anacdos\My Documents\xworkcenter\logs\XLOG_anacdos_03012020_082023.log</t>
  </si>
  <si>
    <t>10.200.67.186</t>
  </si>
  <si>
    <t>78-2B-CB-C1-05-4B</t>
  </si>
  <si>
    <t>VOTORANT-LB004</t>
  </si>
  <si>
    <t>WEDERSON BRUNO ALVES DOS REIS (7238).contact</t>
  </si>
  <si>
    <t>\\acsfs\profiles$\wedersonbadr\Contacts\WEDERSON BRUNO ALVES DOS REIS (7238).contact</t>
  </si>
  <si>
    <t>\\acsfs\profiles$\wedersonbadr\My Documents\My Videos\</t>
  </si>
  <si>
    <t>\\acsfs\profiles$\wedersonbadr\My Documents\My Videos\desktop.ini</t>
  </si>
  <si>
    <t>\\acsfs\profiles$\wedersonbadr\My Documents\My Pictures\</t>
  </si>
  <si>
    <t>\\acsfs\profiles$\wedersonbadr\My Documents\My Pictures\desktop.ini</t>
  </si>
  <si>
    <t>\\acsfs\profiles$\wedersonbadr\Contacts\desktop.ini</t>
  </si>
  <si>
    <t>\\acsfs\profiles$\wedersonbadr\Favorites\</t>
  </si>
  <si>
    <t>\\acsfs\profiles$\wedersonbadr\Favorites\desktop.ini</t>
  </si>
  <si>
    <t>\\acsfs\profiles$\wedersonbadr\My Documents\My Music\desktop.ini</t>
  </si>
  <si>
    <t>\\acsfs\profiles$\wedersonbadr\Searches\</t>
  </si>
  <si>
    <t>\\acsfs\profiles$\wedersonbadr\Searches\desktop.ini</t>
  </si>
  <si>
    <t>\\acsfs\profiles$\wedersonbadr\Downloads\desktop.ini</t>
  </si>
  <si>
    <t>\\acsfs\profiles$\wedersonbadr\My Documents\</t>
  </si>
  <si>
    <t>\\acsfs\profiles$\wedersonbadr\My Documents\desktop.ini</t>
  </si>
  <si>
    <t>\\acsfs\profiles$\wedersonbadr\Saved Games\</t>
  </si>
  <si>
    <t>\\acsfs\profiles$\wedersonbadr\Saved Games\desktop.ini</t>
  </si>
  <si>
    <t>\\acsfs\profiles$\wedersonbadr\Favorites\Links for Brasil\</t>
  </si>
  <si>
    <t>\\acsfs\profiles$\wedersonbadr\Favorites\Links for Brasil\desktop.ini</t>
  </si>
  <si>
    <t>\\acsfs\profiles$\wedersonbadr\Favorites\Links for Brasil\Microsoft Brasil.url</t>
  </si>
  <si>
    <t>\\acsfs\profiles$\wedersonbadr\Favorites\Links for Brasil\Windows Brasil.url</t>
  </si>
  <si>
    <t>\\acsfs\profiles$\wedersonbadr\Favorites\Links for Brasil\MSN Brasil.url</t>
  </si>
  <si>
    <t>fefcc651-7129-4312-b347-2c2d1a911dc4.tmp</t>
  </si>
  <si>
    <t>\\acsfs\profiles$\matheushds\Downloads\fefcc651-7129-4312-b347-2c2d1a911dc4.tmp</t>
  </si>
  <si>
    <t>FECHAMENTO 03-01-2020.png</t>
  </si>
  <si>
    <t>\\acsfs\DEPTOS\Operacao\Banco_Votorantim\Qualidade\Anderson\Jose\Atualizado\FECHAMENTO 03-01-2020.png</t>
  </si>
  <si>
    <t>5df96de3-a088-4f71-a6c3-4f8ce5e95cda.tmp</t>
  </si>
  <si>
    <t>\\acsfs\profiles$\gabriellalpr\Downloads\5df96de3-a088-4f71-a6c3-4f8ce5e95cda.tmp</t>
  </si>
  <si>
    <t>lu7484nh7k.tmp</t>
  </si>
  <si>
    <t>\\acsfs\profiles$\dhiulliananads\My Documents\lu7484nh7k.tmp</t>
  </si>
  <si>
    <t>\\acsfs\profiles$\dhiulliananads\My Documents\lu7484nh7k.tmp\</t>
  </si>
  <si>
    <t>\\acsfs\profiles$\dhiulliananads\My Documents\lu7484nh7k.tmp\META-INF\</t>
  </si>
  <si>
    <t>\\acsfs\profiles$\dhiulliananads\My Documents\lu7484nh7k.tmp\Thumbnails\</t>
  </si>
  <si>
    <t>\\acsfs\ACS\Gabriel da Silva\Contemporânea\BDBV\E4E537EB.tmp\</t>
  </si>
  <si>
    <t>\\acsfs\ACS\Gabriel da Silva\Contemporânea\BDBV\E4E537EB.tmp\:Zone.Identifier:$DATA</t>
  </si>
  <si>
    <t>\\acsfs\ACS\Gabriel da Silva\Contemporânea\BDBV\DBED7C7E.tmp\</t>
  </si>
  <si>
    <t>\\acsfs\ACS\Gabriel da Silva\Contemporânea\BDBV\DBED7C7E.tmp\:Zone.Identifier:$DATA</t>
  </si>
  <si>
    <t>\\acsfs\ACS\Gabriel da Silva\Contemporânea\BDBV\156240D.tmp\</t>
  </si>
  <si>
    <t>\\acsfs\ACS\Gabriel da Silva\Contemporânea\BDBV\156240D.tmp\:Zone.Identifier:$DATA</t>
  </si>
  <si>
    <t>ead748d0-f15c-41d4-aa6f-d1c93b46a464.tmp</t>
  </si>
  <si>
    <t>\\acsfs\profiles$\georgendsq\Downloads\ead748d0-f15c-41d4-aa6f-d1c93b46a464.tmp</t>
  </si>
  <si>
    <t>97584b21-dc32-4129-829e-3346ec098599.tmp</t>
  </si>
  <si>
    <t>\\acsfs\profiles$\ingridsm\Downloads\97584b21-dc32-4129-829e-3346ec098599.tmp</t>
  </si>
  <si>
    <t>4d22dc0b-f117-42c6-b10b-c6fd2461ec64.tmp</t>
  </si>
  <si>
    <t>\\acsfs\profiles$\ingridsm\Downloads\4d22dc0b-f117-42c6-b10b-c6fd2461ec64.tmp</t>
  </si>
  <si>
    <t>7051977d-f87d-4ebc-8f6c-c8c166ca7f5c.tmp</t>
  </si>
  <si>
    <t>\\acsfs\profiles$\ingridsm\Downloads\7051977d-f87d-4ebc-8f6c-c8c166ca7f5c.tmp</t>
  </si>
  <si>
    <t>a8f56fd9-56ad-45fd-8455-f69b1eaab29b.tmp</t>
  </si>
  <si>
    <t>\\acsfs\profiles$\anafaes\Downloads\a8f56fd9-56ad-45fd-8455-f69b1eaab29b.tmp</t>
  </si>
  <si>
    <t>ccbd742c-e427-4b3b-9f9e-aca6d6c07e28.tmp</t>
  </si>
  <si>
    <t>\\acsfs\profiles$\anafaes\Downloads\ccbd742c-e427-4b3b-9f9e-aca6d6c07e28.tmp</t>
  </si>
  <si>
    <t>67917e5e-e8d8-40d3-89a0-d49147fb9cc3.tmp</t>
  </si>
  <si>
    <t>\\acsfs\profiles$\larissaad\Downloads\67917e5e-e8d8-40d3-89a0-d49147fb9cc3.tmp</t>
  </si>
  <si>
    <t>9c69fa8d-dba7-4584-b505-4e93577ea1c7.tmp</t>
  </si>
  <si>
    <t>\\acsfs\profiles$\matheushds\Downloads\9c69fa8d-dba7-4584-b505-4e93577ea1c7.tmp</t>
  </si>
  <si>
    <t>ad0ce5c0-a6e1-4510-92c6-f76d4f4bfd2f.tmp</t>
  </si>
  <si>
    <t>\\acsfs\profiles$\matheushds\Downloads\ad0ce5c0-a6e1-4510-92c6-f76d4f4bfd2f.tmp</t>
  </si>
  <si>
    <t>92075925-7698-4bae-891c-bc7a65bad0cc.tmp</t>
  </si>
  <si>
    <t>\\acsfs\profiles$\matheushds\Downloads\92075925-7698-4bae-891c-bc7a65bad0cc.tmp</t>
  </si>
  <si>
    <t>lu255284csfx0.tmp</t>
  </si>
  <si>
    <t>\\acsfs\profiles$\LORRAYNEVAM\lu255284csfx0.tmp</t>
  </si>
  <si>
    <t>\\acsfs\profiles$\LORRAYNEVAM\lu255284csfx0.tmp\</t>
  </si>
  <si>
    <t>\\acsfs\profiles$\LORRAYNEVAM\lu255284csfx0.tmp\META-INF\</t>
  </si>
  <si>
    <t>\\acsfs\profiles$\LORRAYNEVAM\lu255284csfx0.tmp\Thumbnails\</t>
  </si>
  <si>
    <t>527a2935-3ffa-44d4-b28a-83b2b23b08cd.tmp</t>
  </si>
  <si>
    <t>\\acsfs\profiles$\gabriellalpr\Downloads\527a2935-3ffa-44d4-b28a-83b2b23b08cd.tmp</t>
  </si>
  <si>
    <t>\\acsfs\ACS\Gabriel da Silva\Contemporânea\Acessos\66924048.tmp\</t>
  </si>
  <si>
    <t>\\acsfs\ACS\Gabriel da Silva\Contemporânea\Acessos\66924048.tmp\:Zone.Identifier:$DATA</t>
  </si>
  <si>
    <t>16a73204-bc67-4cdb-9a70-13ffac5c62d9.tmp</t>
  </si>
  <si>
    <t>\\acsfs\profiles$\gabrielsma\Downloads\16a73204-bc67-4cdb-9a70-13ffac5c62d9.tmp</t>
  </si>
  <si>
    <t>Metlife_V.csv.crdownload</t>
  </si>
  <si>
    <t>\\acsfs\ACS\Gabriel da Silva\Contemporânea\VENDAS\Metlife_V.csv.crdownload</t>
  </si>
  <si>
    <t>Metlife_V.csv:Zone.Identifier</t>
  </si>
  <si>
    <t>\\acsfs\ACS\Gabriel da Silva\Contemporânea\VENDAS\Metlife_V.csv:Zone.Identifier</t>
  </si>
  <si>
    <t>d53a229d-b253-4dc5-a090-8253ff416c2c.tmp</t>
  </si>
  <si>
    <t>\\acsfs\profiles$\ingridsm\Downloads\d53a229d-b253-4dc5-a090-8253ff416c2c.tmp</t>
  </si>
  <si>
    <t>53a3f612-437e-4ef4-b35a-f8567bb0930d.tmp</t>
  </si>
  <si>
    <t>\\acsfs\profiles$\matheushds\Downloads\53a3f612-437e-4ef4-b35a-f8567bb0930d.tmp</t>
  </si>
  <si>
    <t>100014251170101;fabriciadc@algartech.com.br;joaogvc@algartech.com;josiascdsj@algartech.com;marianadjc@algartech.com;rafaelggs@algartech.com;taysdss@algartech.com;viniciussg@algartech.com;</t>
  </si>
  <si>
    <t>100014251170101,fabriciadc@algartech.com.br,joaogvc@algartech.com,josiascdsj@algartech.com,marianadjc@algartech.com,rafaelggs@algartech.com,taysdss@algartech.com,viniciussg@algartech.com</t>
  </si>
  <si>
    <t>6475d722-8ff7-43ac-a1ff-38c4c2798111.tmp</t>
  </si>
  <si>
    <t>\\acsfs\profiles$\brendadsl\Downloads\6475d722-8ff7-43ac-a1ff-38c4c2798111.tmp</t>
  </si>
  <si>
    <t>a1e44de8-aa81-4e5d-8878-962c9e7bcad0.tmp</t>
  </si>
  <si>
    <t>\\acsfs\profiles$\brendadsl\Downloads\a1e44de8-aa81-4e5d-8878-962c9e7bcad0.tmp</t>
  </si>
  <si>
    <t>c2c64873-b0dc-4805-9938-50ab488456e3.tmp</t>
  </si>
  <si>
    <t>\\acsfs\profiles$\marcosvnds\Downloads\c2c64873-b0dc-4805-9938-50ab488456e3.tmp</t>
  </si>
  <si>
    <t>45563684-a6a2-4185-b0c9-ed67decc0008.tmp</t>
  </si>
  <si>
    <t>\\acsfs\profiles$\marcosvnds\Downloads\45563684-a6a2-4185-b0c9-ed67decc0008.tmp</t>
  </si>
  <si>
    <t>3cab8ff6-1c43-470e-ae08-94f5bceb42a6.tmp</t>
  </si>
  <si>
    <t>\\acsfs\profiles$\anafaes\Downloads\3cab8ff6-1c43-470e-ae08-94f5bceb42a6.tmp</t>
  </si>
  <si>
    <t>116de51f-bcf8-40c1-b164-92bbcdfc088e.tmp</t>
  </si>
  <si>
    <t>\\acsfs\profiles$\nathaliarmr\Downloads\116de51f-bcf8-40c1-b164-92bbcdfc088e.tmp</t>
  </si>
  <si>
    <t>\\acsfs\DEPTOS\Operacao\Banco_Votorantim\Comum\Thumbs.db</t>
  </si>
  <si>
    <t>9f6d2372-c083-43b6-b51c-e26513cbedc0.tmp</t>
  </si>
  <si>
    <t>\\acsfs\profiles$\nathaliarmr\Downloads\9f6d2372-c083-43b6-b51c-e26513cbedc0.tmp</t>
  </si>
  <si>
    <t>foto taynara.jpg</t>
  </si>
  <si>
    <t>https://algartechcpcbv@algartech.com,andrelpsa@algartech.com,catianalv@algartech.com,cpc-controldeskavon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273</t>
  </si>
  <si>
    <t>mail.google.com/sync/u/0/i/s?hl=pt-BR&amp;c=1275</t>
  </si>
  <si>
    <t>mail.google.com/sync/u/0/i/s?hl=pt-BR&amp;c=1278</t>
  </si>
  <si>
    <t>mail.google.com/sync/u/0/i/s?hl=pt-BR&amp;c=1280</t>
  </si>
  <si>
    <t>mail.google.com/sync/u/0/i/s?hl=pt-BR&amp;c=1289</t>
  </si>
  <si>
    <t>Relatorio de Vendas - Auditoria BV Cartoes (Dezembro) SUPERVISAO.xlsx</t>
  </si>
  <si>
    <t>\\acsfs\DEPTOS\Operacao\Banco_Votorantim\Qualidade\Anderson\Jose\Atualizado\Relatorio de Vendas - Auditoria BV Cartoes (Dezembro) SUPERVISAO.xlsx</t>
  </si>
  <si>
    <t>10.200.66.37</t>
  </si>
  <si>
    <t>78-2B-CB-C1-07-6E</t>
  </si>
  <si>
    <t>VOTORANT-JB005</t>
  </si>
  <si>
    <t>WEDERSON BRUNO ALVES DOS REIS (6539).contact</t>
  </si>
  <si>
    <t>\\acsfs\profiles$\wedersonbadr\Contacts\WEDERSON BRUNO ALVES DOS REIS (6539).contact</t>
  </si>
  <si>
    <t>10.200.66.167</t>
  </si>
  <si>
    <t>Template_folha_retificadora 1.xlsx</t>
  </si>
  <si>
    <t>59df2c08-a623-45bf-a7d1-3e93f9c33ee8.tmp</t>
  </si>
  <si>
    <t>\\acsfs\profiles$\gabrielarb\Downloads\59df2c08-a623-45bf-a7d1-3e93f9c33ee8.tmp</t>
  </si>
  <si>
    <t>e03cb374-70ba-4480-8cd9-01d280ad3659.tmp</t>
  </si>
  <si>
    <t>\\acsfs\profiles$\regisedsj\Downloads\e03cb374-70ba-4480-8cd9-01d280ad3659.tmp</t>
  </si>
  <si>
    <t>1572498279&amp;gjid=1573134908&amp;_gid=447469688.1577975665&amp;_u=aacaamaaaaaaac~&amp;z=1344760736 http</t>
  </si>
  <si>
    <t>1613;</t>
  </si>
  <si>
    <t>https://1613</t>
  </si>
  <si>
    <t>100014251170101;joaogvc@algartech.com;leonardoao@algartech.com;marianadjc@algartech.com;rafaelggs@algartech.com;taysdss@algartech.com;thiagordu@algartech.com;viniciussg@algartech.com;</t>
  </si>
  <si>
    <t>100014251170101,joaogvc@algartech.com,leonardoao@algartech.com,marianadjc@algartech.com,rafaelggs@algartech.com,taysdss@algartech.com,thiagordu@algartech.com,viniciussg@algartech.com</t>
  </si>
  <si>
    <t>https://100014251170101,fabriciadc@algartech.com.br,joaogvc@algartech.com,josiascdsj@algartech.com,marianadjc@algartech.com,rafaelggs@algartech.com,taysdss@algartech.com,viniciussg@algartech.com</t>
  </si>
  <si>
    <t>6561;</t>
  </si>
  <si>
    <t>Controle de Erros operacionais - Dezembro -ATUALIZADA (1) (1).xlsb</t>
  </si>
  <si>
    <t>http://6561</t>
  </si>
  <si>
    <t>lu289844qt9q0.tmp</t>
  </si>
  <si>
    <t>\\acsfs\profiles$\jalilebds\Downloads\lu289844qt9q0.tmp</t>
  </si>
  <si>
    <t>Nathalia Oliveira Souza (12).contact</t>
  </si>
  <si>
    <t>\\acsfs\profiles$\nathaliaos\Contacts\Nathalia Oliveira Souza (12).contact</t>
  </si>
  <si>
    <t>\\acsfs\profiles$\nathaliaos\Saved Games\</t>
  </si>
  <si>
    <t>\\acsfs\profiles$\NATHALIAOS\Favorites\Links for Brasil\</t>
  </si>
  <si>
    <t>\\acsfs\profiles$\NATHALIAOS\Favorites\Links for Brasil\desktop.ini</t>
  </si>
  <si>
    <t>\\acsfs\profiles$\NATHALIAOS\Favorites\Links for Brasil\Microsoft Brasil.url</t>
  </si>
  <si>
    <t>\\acsfs\profiles$\NATHALIAOS\Favorites\Links for Brasil\Windows Brasil.url</t>
  </si>
  <si>
    <t>\\acsfs\profiles$\NATHALIAOS\Favorites\Links for Brasil\MSN Brasil.url</t>
  </si>
  <si>
    <t>1e810663-ce53-48e0-935c-00787b70fb44.tmp</t>
  </si>
  <si>
    <t>\\acsfs\profiles$\nathaliaos\Downloads\1e810663-ce53-48e0-935c-00787b70fb44.tmp</t>
  </si>
  <si>
    <t>cb02e6b1-92f7-492e-b37d-50fb8d4aadd4.tmp</t>
  </si>
  <si>
    <t>\\acsfs\profiles$\nathaliaos\Downloads\cb02e6b1-92f7-492e-b37d-50fb8d4aadd4.tmp</t>
  </si>
  <si>
    <t>4909b8db-c544-49f1-a238-6d6489664f91.tmp</t>
  </si>
  <si>
    <t>\\acsfs\profiles$\cintiadjl\Downloads\4909b8db-c544-49f1-a238-6d6489664f91.tmp</t>
  </si>
  <si>
    <t>mail.google.com/sync/u/0/i/s?hl=pt-BR&amp;c=354</t>
  </si>
  <si>
    <t>mail.google.com/sync/u/0/i/s?hl=pt-BR&amp;c=356</t>
  </si>
  <si>
    <t>mail.google.com/sync/u/0/i/s?hl=pt-BR&amp;c=358</t>
  </si>
  <si>
    <t>andrelpsa@algartech.com;bvcartes-supervisores@algarnet.onmicrosoft.com;josiascdsj@algartech.com;karolynecj@algartech.com;leonardoao@algartech.com;marianadjc@algartech.com;supervisaobancovotorantim@algartech.com;thiagordu@algartech.com;</t>
  </si>
  <si>
    <t>andrelpsa@algartech.com,bvcartes-supervisores@algarnet.onmicrosoft.com,josiascdsj@algartech.com,karolynecj@algartech.com,leonardoao@algartech.com,marianadjc@algartech.com,supervisaobancovotorantim@algartech.com,thiagordu@algartech.com</t>
  </si>
  <si>
    <t>andrelpsa@algartech.com;bvcartes-supervisores@algarnet.onmicrosoft.com;fabriciadc@algartech.com.br;joaogvc@algartech.com;josiascdsj@algartech.com;karolynecj@algartech.com;leonardoao@algartech.com;marianadjc@algartech.com;rafaelggs@algartech.com;supervisaobancovotorantim@algartech.com;taysdss@algartech.com;thiagordu@algartech.com;viniciussg@algartech.com;</t>
  </si>
  <si>
    <t>andrelpsa@algartech.com,bvcartes-supervisores@algarnet.onmicrosoft.com,fabriciadc@algartech.com.br,joaogvc@algartech.com,josiascdsj@algartech.com,karolynecj@algartech.com,leonardoao@algartech.com,marianadjc@algartech.com,rafaelggs@algartech.com,supervisaobancovotorantim@algartech.com,taysdss@algartech.com,thiagordu@algartech.com,viniciussg@algartech.com</t>
  </si>
  <si>
    <t>9b6ec5ef-bbac-4a7a-b98d-2a7eec9d0e41.tmp</t>
  </si>
  <si>
    <t>\\acsfs\profiles$\vivianibfs\Downloads\9b6ec5ef-bbac-4a7a-b98d-2a7eec9d0e41.tmp</t>
  </si>
  <si>
    <t>ef24003e-0e91-4da4-929b-e3c369544498.tmp</t>
  </si>
  <si>
    <t>\\acsfs\profiles$\vivianibfs\Downloads\ef24003e-0e91-4da4-929b-e3c369544498.tmp</t>
  </si>
  <si>
    <t>1e111ecc-03de-482c-b343-729580dad959.tmp</t>
  </si>
  <si>
    <t>\\acsfs\profiles$\vivianibfs\Downloads\1e111ecc-03de-482c-b343-729580dad959.tmp</t>
  </si>
  <si>
    <t>harunams@algartech.com</t>
  </si>
  <si>
    <t>c5fe3015-2920-4171-ad8e-cfacf0a6c58f.tmp</t>
  </si>
  <si>
    <t>\\acsfs\profiles$\mariajaf\Downloads\c5fe3015-2920-4171-ad8e-cfacf0a6c58f.tmp</t>
  </si>
  <si>
    <t>297bb820-9dd1-46e7-84d2-8be72743fcec.tmp</t>
  </si>
  <si>
    <t>\\acsfs\profiles$\mariajaf\Downloads\297bb820-9dd1-46e7-84d2-8be72743fcec.tmp</t>
  </si>
  <si>
    <t>e706f2e8-8d86-4368-b8e9-792e495044f7.tmp</t>
  </si>
  <si>
    <t>\\acsfs\profiles$\gabrieleods\Downloads\e706f2e8-8d86-4368-b8e9-792e495044f7.tmp</t>
  </si>
  <si>
    <t>100014251170101;andrelpsa@algartech.com;josiascdsj@algartech.com;karolynecj@algartech.com;leonardoao@algartech.com;marianadjc@algartech.com;supervisaobancovotorantim@algartech.com;</t>
  </si>
  <si>
    <t>100014251170101,andrelpsa@algartech.com,josiascdsj@algartech.com,karolynecj@algartech.com,leonardoao@algartech.com,marianadjc@algartech.com,supervisaobancovotorantim@algartech.com</t>
  </si>
  <si>
    <t>andrelpsa@algartech.com;josiascdsj@algartech.com;karolynecj@algartech.com;leonardoao@algartech.com;marianadjc@algartech.com;matheuscm@;supervisaobancovotorantim@algartech.com;</t>
  </si>
  <si>
    <t>andrelpsa@algartech.com,josiascdsj@algartech.com,karolynecj@algartech.com,leonardoao@algartech.com,marianadjc@algartech.com,matheuscm@,supervisaobancovotorantim@algartech.com</t>
  </si>
  <si>
    <t>100014251170101;andrelpsa@algartech.com;josiascdsj@algartech.com;karolynecj@algartech.com;leonardoao@algartech.com;marianadjc@algartech.com;matheuscm@algartech.com.br;supervisaobancovotorantim@algartech.com;</t>
  </si>
  <si>
    <t>100014251170101,andrelpsa@algartech.com,josiascdsj@algartech.com,karolynecj@algartech.com,leonardoao@algartech.com,marianadjc@algartech.com,matheuscm@algartech.com.br,supervisaobancovotorantim@algartech.com</t>
  </si>
  <si>
    <t>andrelpsa@algartech.com;bvcartes-supervisores@algarnet.onmicrosoft.com;josiascdsj@algartech.com;karolynecj@algartech.com;leonardoao@algartech.com;marianadjc@algartech.com;matheuscm@algartech.com.br;supervisaobancovotorantim@algartech.com;thiagordu@algartech.com;</t>
  </si>
  <si>
    <t>andrelpsa@algartech.com,bvcartes-supervisores@algarnet.onmicrosoft.com,josiascdsj@algartech.com,karolynecj@algartech.com,leonardoao@algartech.com,marianadjc@algartech.com,matheuscm@algartech.com.br,supervisaobancovotorantim@algartech.com,thiagordu@algartech.com</t>
  </si>
  <si>
    <t>andrelpsa@algartech.com;bvcartes-supervisores@algarnet.onmicrosoft.com;fabriciadc@algartech.com.br;joaogvc@algartech.com;josiascdsj@algartech.com;karolynecj@algartech.com;leonardoao@algartech.com;marianadjc@algartech.com;matheuscm@algartech.com.br;rafaelggs@algartech.com;supervisaobancovotorantim@algartech.com;taysdss@algartech.com;thiagordu@algartech.com;viniciussg@algartech.com;</t>
  </si>
  <si>
    <t>andrelpsa@algartech.com,bvcartes-supervisores@algarnet.onmicrosoft.com,fabriciadc@algartech.com.br,joaogvc@algartech.com,josiascdsj@algartech.com,karolynecj@algartech.com,leonardoao@algartech.com,marianadjc@algartech.com,matheuscm@algartech.com.br,rafaelggs@algartech.com,supervisaobancovotorantim@algartech.com,taysdss@algartech.com,thiagordu@algartech.com,viniciussg@algartech.com</t>
  </si>
  <si>
    <t>andrelpsa@algartech.com;josiascdsj@algartech.com;karolynecj@algartech.com;leonardoao@algartech.com;marianadjc@algartech.com;matheuscm@;matheuscm@algartech.com.br;supervisaobancovotorantim@algartech.com;</t>
  </si>
  <si>
    <t>andrelpsa@algartech.com,josiascdsj@algartech.com,karolynecj@algartech.com,leonardoao@algartech.com,marianadjc@algartech.com,matheuscm@,matheuscm@algartech.com.br,supervisaobancovotorantim@algartech.com</t>
  </si>
  <si>
    <t>andrelpsa@algartech.com;fabriciadc@algartech.com.br;joaogvc@algartech.com;josiascdsj@algartech.com;karolynecj@algartech.com;leonardoao@algartech.com;marianadjc@algartech.com;matheuscm@algartech.com.br;rafaelggs@algartech.com;supervisaobancovotorantim@algartech.com;taysdss@algartech.com;viniciussg@algartech.com;</t>
  </si>
  <si>
    <t>andrelpsa@algartech.com,fabriciadc@algartech.com.br,joaogvc@algartech.com,josiascdsj@algartech.com,karolynecj@algartech.com,leonardoao@algartech.com,marianadjc@algartech.com,matheuscm@algartech.com.br,rafaelggs@algartech.com,supervisaobancovotorantim@algartech.com,taysdss@algartech.com,viniciussg@algartech.com</t>
  </si>
  <si>
    <t>e2b7ebe0-5da2-42b3-a22a-7c62fbf53871.tmp</t>
  </si>
  <si>
    <t>\\acsfs\profiles$\regisedsj\Downloads\e2b7ebe0-5da2-42b3-a22a-7c62fbf53871.tmp</t>
  </si>
  <si>
    <t>cf5a6b70-594e-4243-b4a8-bf912d81fb76.tmp</t>
  </si>
  <si>
    <t>\\acsfs\profiles$\taylaedoa\Downloads\cf5a6b70-594e-4243-b4a8-bf912d81fb76.tmp</t>
  </si>
  <si>
    <t>f1b8127f-caa7-49a9-9358-881cd970c337.tmp</t>
  </si>
  <si>
    <t>\\acsfs\profiles$\taylaedoa\Downloads\f1b8127f-caa7-49a9-9358-881cd970c337.tmp</t>
  </si>
  <si>
    <t>d3d22427-836d-483c-befd-9a69acbe90a6.tmp</t>
  </si>
  <si>
    <t>\\acsfs\profiles$\leonardocb\Downloads\d3d22427-836d-483c-befd-9a69acbe90a6.tmp</t>
  </si>
  <si>
    <t>bf95de36-977d-4c0b-ada6-5ca1c01fa1ef.tmp</t>
  </si>
  <si>
    <t>\\acsfs\profiles$\leonardocb\Downloads\bf95de36-977d-4c0b-ada6-5ca1c01fa1ef.tmp</t>
  </si>
  <si>
    <t>\\acsfs\profiles$\Adrieledgc\My Documents\My Pictures\</t>
  </si>
  <si>
    <t>\\acsfs\profiles$\Adrieledgc\My Documents\My Videos\desktop.ini</t>
  </si>
  <si>
    <t>\\acsfs\profiles$\Adrieledgc\My Documents\My Videos\</t>
  </si>
  <si>
    <t>\\acsfs\profiles$\Adrieledgc\My Documents\My Music\</t>
  </si>
  <si>
    <t>\\acsfs\profiles$\Adrieledgc\My Documents\My Pictures\desktop.ini</t>
  </si>
  <si>
    <t>\\acsfs\profiles$\Adrieledgc\Contacts\</t>
  </si>
  <si>
    <t>\\acsfs\profiles$\Adrieledgc\Contacts\desktop.ini</t>
  </si>
  <si>
    <t>\\acsfs\profiles$\Adrieledgc\My Documents\</t>
  </si>
  <si>
    <t>\\acsfs\profiles$\Adrieledgc\Favorites\desktop.ini</t>
  </si>
  <si>
    <t>\\acsfs\profiles$\Adrieledgc\My Documents\My Music\desktop.ini</t>
  </si>
  <si>
    <t>\\acsfs\profiles$\Adrieledgc\Searches\</t>
  </si>
  <si>
    <t>\\acsfs\profiles$\Adrieledgc\Searches\desktop.ini</t>
  </si>
  <si>
    <t>d6dd967d-543e-4f2d-a9ae-3c793160e262.tmp</t>
  </si>
  <si>
    <t>\\acsfs\profiles$\leandromsa\Downloads\d6dd967d-543e-4f2d-a9ae-3c793160e262.tmp</t>
  </si>
  <si>
    <t>$IV1ON27.txt</t>
  </si>
  <si>
    <t>\\acsfs\profiles$\alessandraan\My Documents\$RECYCLE.BIN\$IV1ON27.txt</t>
  </si>
  <si>
    <t>100014251170101;andrelpsa@algartech.com;bvcartes-supervisores@algarnet.onmicrosoft.com;josiascdsj@algartech.com;karolynecj@algartech.com;leonardoao@algartech.com;marianadjc@algartech.com;matheuscm@algartech.com.br;supervisaobancovotorantim@algartech.com;thiagordu@algartech.com;</t>
  </si>
  <si>
    <t>100014251170101,andrelpsa@algartech.com,bvcartes-supervisores@algarnet.onmicrosoft.com,josiascdsj@algartech.com,karolynecj@algartech.com,leonardoao@algartech.com,marianadjc@algartech.com,matheuscm@algartech.com.br,supervisaobancovotorantim@algartech.com,thiagordu@algartech.com</t>
  </si>
  <si>
    <t>lu2592yr8bj.tmp</t>
  </si>
  <si>
    <t>\\acsfs\profiles$\edicarlosdl\My Documents\lu2592yr8bj.tmp</t>
  </si>
  <si>
    <t>\\acsfs\profiles$\edicarlosdl\My Documents\lu2592yr8bj.tmp\</t>
  </si>
  <si>
    <t>\\acsfs\profiles$\edicarlosdl\My Documents\lu2592yr8bj.tmp\META-INF\</t>
  </si>
  <si>
    <t>\\acsfs\profiles$\edicarlosdl\My Documents\lu2592yr8bj.tmp\Thumbnails\</t>
  </si>
  <si>
    <t>\\acsfs\profiles$\Adrieledgc\Downloads\desktop.ini</t>
  </si>
  <si>
    <t>\\acsfs\profiles$\Adrieledgc\Favorites\</t>
  </si>
  <si>
    <t>\\acsfs\profiles$\Adrieledgc\My Documents\desktop.ini</t>
  </si>
  <si>
    <t>\\acsfs\profiles$\Adrieledgc\Saved Games\desktop.ini</t>
  </si>
  <si>
    <t>39b43acf-9548-4e35-bc9b-4ddc87ae2059.tmp</t>
  </si>
  <si>
    <t>\\acsfs\profiles$\Adrieledgc\Downloads\39b43acf-9548-4e35-bc9b-4ddc87ae2059.tmp</t>
  </si>
  <si>
    <t>321b9d56-028b-4dcb-9f92-b3442c493382.tmp</t>
  </si>
  <si>
    <t>\\acsfs\profiles$\fabianafv\Downloads\321b9d56-028b-4dcb-9f92-b3442c493382.tmp</t>
  </si>
  <si>
    <t>https://100014251170101,andrelpsa@algartech.com,josiascdsj@algartech.com,karolynecj@algartech.com,leonardoao@algartech.com,marianadjc@algartech.com,matheuscm@algartech.com.br,supervisaobancovotorantim@algartech.com</t>
  </si>
  <si>
    <t>\\acsfs\DEPTOS\EDUCACAO EMPRESARIAL\2 - Operações\0 - BV\1 - TREINADORES\Haruna\</t>
  </si>
  <si>
    <t>\\acsfs\DEPTOS\EDUCACAO EMPRESARIAL\2 - Operações\0 - BV\1 - TREINADORES\Haruna\Thumbs.db</t>
  </si>
  <si>
    <t>\\acsfs\DEPTOS\EDUCACAO EMPRESARIAL\2 - Operações\0 - BV\1 - TREINADORES\Haruna\BV NA ESSENCIA\</t>
  </si>
  <si>
    <t>\\acsfs\DEPTOS\EDUCACAO EMPRESARIAL\2 - Operações\0 - BV\1 - TREINADORES\Haruna\BV NA ESSENCIA\Thumbs.db</t>
  </si>
  <si>
    <t>C:\Users\harunams\Documents\</t>
  </si>
  <si>
    <t>image2020-01-03-173553.zip</t>
  </si>
  <si>
    <t>C:\Users\harunams\Documents\image2020-01-03-173553.zip\</t>
  </si>
  <si>
    <t>image2020-01-03-173553.pdf</t>
  </si>
  <si>
    <t>https://algar.folhasinergyrh.com.br/rescisao/upload?id=0&amp;idsolicitacao=17979&amp;idprerescisao=0</t>
  </si>
  <si>
    <t>47da0c2d-7d27-40e3-bff1-eccc4d9354e4.tmp</t>
  </si>
  <si>
    <t>\\acsfs\profiles$\Adrieledgc\Downloads\47da0c2d-7d27-40e3-bff1-eccc4d9354e4.tmp</t>
  </si>
  <si>
    <t>\\acsfs\profiles$\flaviacdst\Favorites\Welcome - 1.url:favicon</t>
  </si>
  <si>
    <t>53bf07c7-d590-4b8c-8c77-804d246250a3.tmp</t>
  </si>
  <si>
    <t>\\acsfs\profiles$\cintiadjl\Downloads\53bf07c7-d590-4b8c-8c77-804d246250a3.tmp</t>
  </si>
  <si>
    <t>10.200.66.55</t>
  </si>
  <si>
    <t>78-2B-CB-C1-07-72</t>
  </si>
  <si>
    <t>VOTORANT-IB020</t>
  </si>
  <si>
    <t>cassianogc</t>
  </si>
  <si>
    <t>\\acsfs\profiles$\cassianogc\Downloads\</t>
  </si>
  <si>
    <t>Holerite_122019_2138841.pdf.b54rgwp.partial</t>
  </si>
  <si>
    <t>\\acsfs\profiles$\cassianogc\Downloads\Holerite_122019_2138841.pdf.b54rgwp.partial</t>
  </si>
  <si>
    <t>\\acsfs\Deptos\Operacao\Banco_Votorantim\Supervisao\Karine\</t>
  </si>
  <si>
    <t>\\acsfs\Deptos\Operacao\Banco_Votorantim\Supervisao\Thumbs.db</t>
  </si>
  <si>
    <t>3073dcd1-2553-4793-9015-9a561d3b8efc.tmp</t>
  </si>
  <si>
    <t>\\acsfs\profiles$\leandromsa\Downloads\3073dcd1-2553-4793-9015-9a561d3b8efc.tmp</t>
  </si>
  <si>
    <t>b64eac2a-9f00-453d-85c3-f4fbcba31722.tmp</t>
  </si>
  <si>
    <t>\\acsfs\profiles$\lorenabmc\Downloads\b64eac2a-9f00-453d-85c3-f4fbcba31722.tmp</t>
  </si>
  <si>
    <t>10d7d69f-0afd-462c-b198-3207cb67ca91.tmp</t>
  </si>
  <si>
    <t>\\acsfs\profiles$\lorenabmc\Downloads\10d7d69f-0afd-462c-b198-3207cb67ca91.tmp</t>
  </si>
  <si>
    <t>.~lock.Close The Loop.ods#</t>
  </si>
  <si>
    <t>\\acsfs\profiles$\wedersonbadr\Downloads\.~lock.Close The Loop.ods#</t>
  </si>
  <si>
    <t>.~lock.close the loop.ods#</t>
  </si>
  <si>
    <t>\\acsfs\profiles$\wedersonbadr\Downloads\.~lock.close the loop.ods#</t>
  </si>
  <si>
    <t>close the loop.ods</t>
  </si>
  <si>
    <t>\\acsfs\profiles$\wedersonbadr\Downloads\close the loop.ods</t>
  </si>
  <si>
    <t>\\acsfs\profiles$\wedersonbadr\Downloads\close the loop.ods\</t>
  </si>
  <si>
    <t>\\acsfs\profiles$\wedersonbadr\Downloads\close the loop.ods\META-INF\</t>
  </si>
  <si>
    <t>\\acsfs\profiles$\wedersonbadr\Downloads\close the loop.ods\Thumbnails\</t>
  </si>
  <si>
    <t>XLOG_kamilamrc_03012020_101215.log</t>
  </si>
  <si>
    <t>\\acsfs\profiles$\kamilamrc\My Documents\xworkcenter\logs\XLOG_kamilamrc_03012020_101215.log</t>
  </si>
  <si>
    <t>lu7484nh7u.tmp</t>
  </si>
  <si>
    <t>\\acsfs\profiles$\dhiulliananads\My Documents\lu7484nh7u.tmp</t>
  </si>
  <si>
    <t>\\acsfs\profiles$\dhiulliananads\My Documents\lu7484nh7u.tmp\</t>
  </si>
  <si>
    <t>\\acsfs\profiles$\dhiulliananads\My Documents\lu7484nh7u.tmp\META-INF\</t>
  </si>
  <si>
    <t>\\acsfs\profiles$\dhiulliananads\My Documents\lu7484nh7u.tmp\Thumbnails\</t>
  </si>
  <si>
    <t>b1b3c202-5c48-453f-a8fb-e42a0a2d01a1.tmp</t>
  </si>
  <si>
    <t>\\acsfs\profiles$\leandromsa\Downloads\b1b3c202-5c48-453f-a8fb-e42a0a2d01a1.tmp</t>
  </si>
  <si>
    <t>\\acsfs\DEPTOS\Operacao\PCP\5 - Comum\Mariana De Jesus\Passo a Passo relatórios.xlsx</t>
  </si>
  <si>
    <t>03-01 RELATORIO DE LOGIN AVON.xlsm</t>
  </si>
  <si>
    <t>\\acsfs\deptos\Operacao\PCP\5 - Comum\CONTROL DESK\2 - DAC2\Control Desk AVON\Relatorios\Status de login\2020\03-01 RELATORIO DE LOGIN AVON.xlsm</t>
  </si>
  <si>
    <t>lu2601d0btr.tmp</t>
  </si>
  <si>
    <t>\\acsfs\profiles$\fabianafv\My Documents\lu2601d0btr.tmp</t>
  </si>
  <si>
    <t>\\acsfs\profiles$\fabianafv\My Documents\lu2601d0btr.tmp\</t>
  </si>
  <si>
    <t>\\acsfs\profiles$\fabianafv\My Documents\lu2601d0btr.tmp\META-INF\</t>
  </si>
  <si>
    <t>\\acsfs\profiles$\fabianafv\My Documents\lu2601d0btr.tmp\Thumbnails\</t>
  </si>
  <si>
    <t>lu2601d0btx.tmp</t>
  </si>
  <si>
    <t>\\acsfs\profiles$\fabianafv\My Documents\lu2601d0btx.tmp</t>
  </si>
  <si>
    <t>\\acsfs\profiles$\fabianafv\My Documents\lu2601d0btx.tmp\</t>
  </si>
  <si>
    <t>\\acsfs\profiles$\fabianafv\My Documents\lu2601d0btx.tmp\META-INF\</t>
  </si>
  <si>
    <t>\\acsfs\profiles$\fabianafv\My Documents\lu2601d0btx.tmp\Thumbnails\</t>
  </si>
  <si>
    <t>https://andrelpsa@algartech.com,fabriciadc@algartech.com.br,joaogvc@algartech.com,josiascdsj@algartech.com,karolynecj@algartech.com,leonardoao@algartech.com,marianadjc@algartech.com,matheuscm@algartech.com.br,rafaelggs@algartech.com,supervisaobancovotorantim@algartech.com,taysdss@algartech.com,viniciussg@algartech.com</t>
  </si>
  <si>
    <t>https://algar.folhasinergyrh.com.br/dependente/upload?id=0&amp;idsolicitacao=17987&amp;nomedependente=izabela maria ferreira diniz</t>
  </si>
  <si>
    <t>C:\Users\harunams\Downloads\</t>
  </si>
  <si>
    <t>image2020-01-03-175417.zip</t>
  </si>
  <si>
    <t>C:\Users\harunams\Downloads\image2020-01-03-175417.zip\</t>
  </si>
  <si>
    <t>image2020-01-03-175417.pdf</t>
  </si>
  <si>
    <t>mail.google.com/sync/u/0/i/s?hl=pt-BR&amp;c=470</t>
  </si>
  <si>
    <t>fabriciadc@algartech.com.br;joaogvc@algartech.com;josiascdsj@algartech.com;marianadjc@algartech.com;matheuscm@algartech.com.br;rafaelggs@algartech.com;taysdss@algartech.com;viniciussg@algartech.com;</t>
  </si>
  <si>
    <t>fabriciadc@algartech.com.br,joaogvc@algartech.com,josiascdsj@algartech.com,marianadjc@algartech.com,matheuscm@algartech.com.br,rafaelggs@algartech.com,taysdss@algartech.com,viniciussg@algartech.com</t>
  </si>
  <si>
    <t>https://andrelpsa@algartech.com,bvcartes-supervisores@algarnet.onmicrosoft.com,josiascdsj@algartech.com,karolynecj@algartech.com,leonardoao@algartech.com,marianadjc@algartech.com,supervisaobancovotorantim@algartech.com,thiagordu@algartech.com</t>
  </si>
  <si>
    <t>1a4f3e62-6ae1-4bcf-88fb-792d59e70d5c.tmp</t>
  </si>
  <si>
    <t>\\acsfs\profiles$\leonardocb\Downloads\1a4f3e62-6ae1-4bcf-88fb-792d59e70d5c.tmp</t>
  </si>
  <si>
    <t>lu289844qt9qf.tmp</t>
  </si>
  <si>
    <t>\\acsfs\profiles$\jalilebds\Downloads\lu289844qt9qf.tmp</t>
  </si>
  <si>
    <t>4b8d698d-1c94-458c-8053-69b1c58dde0d.tmp</t>
  </si>
  <si>
    <t>\\acsfs\profiles$\victorgl\Downloads\4b8d698d-1c94-458c-8053-69b1c58dde0d.tmp</t>
  </si>
  <si>
    <t>5debd3b0-c37f-43d2-a5e6-e7eb70700ba6.tmp</t>
  </si>
  <si>
    <t>\\acsfs\profiles$\taylaedoa\Downloads\5debd3b0-c37f-43d2-a5e6-e7eb70700ba6.tmp</t>
  </si>
  <si>
    <t>6fc40427-7fa8-48b5-9782-74776b5c98e9.tmp</t>
  </si>
  <si>
    <t>\\acsfs\profiles$\nathaliaos\Downloads\6fc40427-7fa8-48b5-9782-74776b5c98e9.tmp</t>
  </si>
  <si>
    <t>e1726ea7-d211-4058-ab3f-f063b5b9452f.tmp</t>
  </si>
  <si>
    <t>\\acsfs\profiles$\nathaliaos\Downloads\e1726ea7-d211-4058-ab3f-f063b5b9452f.tmp</t>
  </si>
  <si>
    <t>10.200.67.67</t>
  </si>
  <si>
    <t>https://vimeo.com</t>
  </si>
  <si>
    <t>57df0a14-0e41-436e-bde6-317c5f60a1db.tmp</t>
  </si>
  <si>
    <t>\\acsfs\profiles$\henriqueco\Downloads\57df0a14-0e41-436e-bde6-317c5f60a1db.tmp</t>
  </si>
  <si>
    <t>01e83279-993c-4af9-a61c-54763710a860.tmp</t>
  </si>
  <si>
    <t>\\acsfs\profiles$\nathaliaos\Downloads\01e83279-993c-4af9-a61c-54763710a860.tmp</t>
  </si>
  <si>
    <t>Template_folha_retificadora mês de dezembro.xlsx</t>
  </si>
  <si>
    <t>81e7eadf-88f3-4d4c-ae73-16992653851b.tmp</t>
  </si>
  <si>
    <t>\\acsfs\profiles$\gabrielamdp\Downloads\81e7eadf-88f3-4d4c-ae73-16992653851b.tmp</t>
  </si>
  <si>
    <t>acd4e1be-7356-42a0-8ba2-f31bd57f4609.tmp</t>
  </si>
  <si>
    <t>\\acsfs\profiles$\brendadsl\Downloads\acd4e1be-7356-42a0-8ba2-f31bd57f4609.tmp</t>
  </si>
  <si>
    <t>mail.google.com/sync/u/0/i/s?hl=pt-BR&amp;c=539</t>
  </si>
  <si>
    <t>100014251170101;algartechcpcbv@algartech.com;andrelpsa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251170101,algartechcpcbv@algartech.com,andrelpsa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14251170101;algartechcpcbv@algartech.com;andrelpsa@algartech.com;bvcartes-supervisores@algarnet.onmicrosoft.com;fabriciadc@algartech.com.br;josiascdsj@algartech.com;karolynecj@algartech.com;leonardoao@algartech.com;marianadjc@algartech.com;maristelavodq@bv.algartech.com;matheuscm@algartech.com.br;paulacn@algartech.com;qualidadealgarbv@algartech.com;rafaelggs@algartech.com;supervisaobancovotorantim@algartech.com;taysdss@algartech.com;thiagolrc@bv.algartech.com;thiagordu@algartech.com;viniciussg@algartech.com;</t>
  </si>
  <si>
    <t>100014251170101,algartechcpcbv@algartech.com,andrelpsa@algartech.com,bvcartes-supervisores@algarnet.onmicrosoft.com,fabriciadc@algartech.com.br,josiascdsj@algartech.com,karolynec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thiagordu@algartech.com,viniciussg@algartech.com</t>
  </si>
  <si>
    <t>4817871d-ab47-431d-8d39-d41f65f09ea2.tmp</t>
  </si>
  <si>
    <t>\\acsfs\profiles$\gabrielarb\Downloads\4817871d-ab47-431d-8d39-d41f65f09ea2.tmp</t>
  </si>
  <si>
    <t>fbccdb30-7db4-462d-9328-419d46c45486.tmp</t>
  </si>
  <si>
    <t>\\acsfs\profiles$\gabriellalpr\Downloads\fbccdb30-7db4-462d-9328-419d46c45486.tmp</t>
  </si>
  <si>
    <t>mail.google.com/sync/u/0/i/s?hl=pt-BR&amp;c=1374</t>
  </si>
  <si>
    <t>mail.google.com/sync/u/0/i/s?hl=pt-BR&amp;c=1376</t>
  </si>
  <si>
    <t>mail.google.com/sync/u/0/i/s?hl=pt-BR&amp;c=1378</t>
  </si>
  <si>
    <t>mail.google.com/sync/u/0/i/s?hl=pt-BR&amp;c=1380</t>
  </si>
  <si>
    <t>mail.google.com/sync/u/0/i/s?hl=pt-BR&amp;c=1384</t>
  </si>
  <si>
    <t>mail.google.com/sync/u/0/i/s?hl=pt-BR&amp;c=1386</t>
  </si>
  <si>
    <t>mail.google.com/sync/u/0/i/s?hl=pt-BR&amp;c=1389</t>
  </si>
  <si>
    <t>mail.google.com/sync/u/0/i/s?hl=pt-BR&amp;c=1391</t>
  </si>
  <si>
    <t>mail.google.com/sync/u/0/i/s?hl=pt-BR&amp;c=1394</t>
  </si>
  <si>
    <t>mail.google.com/sync/u/0/i/s?hl=pt-BR&amp;c=1399</t>
  </si>
  <si>
    <t>mail.google.com/sync/u/0/i/s?hl=pt-BR&amp;c=1405</t>
  </si>
  <si>
    <t>mail.google.com/sync/u/0/i/s?hl=pt-BR&amp;c=1410</t>
  </si>
  <si>
    <t>mail.google.com/sync/u/0/i/s?hl=pt-BR&amp;c=1415</t>
  </si>
  <si>
    <t>mail.google.com/sync/u/0/i/s?hl=pt-BR&amp;c=1420</t>
  </si>
  <si>
    <t>mail.google.com/sync/u/0/i/s?hl=pt-BR&amp;c=1425</t>
  </si>
  <si>
    <t>mail.google.com/sync/u/0/i/s?hl=pt-BR&amp;c=1430</t>
  </si>
  <si>
    <t>algartechcpcbv@algartech.com;andrelpsa@algartech.com;cpc-controldeskavon@algartech.com;joseasn@algartech.com;josiascdsj@algartech.com;leonardoao@algartech.com;marianadjc@algartech.com;maristelavodq@bv.algartech.com;paulacn@algartech.com;pdf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joseasn@algartech.com,josiascdsj@algartech.com,leonardoao@algartech.com,marianadjc@algartech.com,maristelavodq@bv.algartech.com,paulacn@algartech.com,pdf,qualidadealgarbv@algartech.com,rafaelggs@algartech.com,supervisaobancovotorantim@algartech.com,taysdss@algartech.com,thiagolrc@bv.algartech.com,viniciussg@algartech.com</t>
  </si>
  <si>
    <t>mail.google.com/sync/u/0/i/s?hl=pt-BR&amp;c=1435</t>
  </si>
  <si>
    <t>mail.google.com/sync/u/0/i/s?hl=pt-BR&amp;c=1440</t>
  </si>
  <si>
    <t>mail.google.com/sync/u/0/i/s?hl=pt-BR&amp;c=1446</t>
  </si>
  <si>
    <t>https://100014251170101,andrelpsa@algartech.com,bvcartes-supervisores@algarnet.onmicrosoft.com,josiascdsj@algartech.com,karolynecj@algartech.com,leonardoao@algartech.com,marianadjc@algartech.com,matheuscm@algartech.com.br,supervisaobancovotorantim@algartech.com,thiagordu@algartech.com</t>
  </si>
  <si>
    <t>04627af8-8d69-4c71-86db-cf5311fb4d9c.tmp</t>
  </si>
  <si>
    <t>\\acsfs\profiles$\gabriellalpr\Downloads\04627af8-8d69-4c71-86db-cf5311fb4d9c.tmp</t>
  </si>
  <si>
    <t>mail.google.com/sync/u/0/i/s?hl=pt-BR&amp;c=1465</t>
  </si>
  <si>
    <t>algartechcpcbv@algartech.com;andrelpsa@algartech.com;catianalv@algartech.com;cpc-controldeskavon@algartech.com;fabianacscg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lgartechcpcbv@algartech.com,andrelpsa@algartech.com,catianalv@algartech.com,cpc-controldeskavon@algartech.com,fabianacscg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467</t>
  </si>
  <si>
    <t>mail.google.com/sync/u/0/i/s?hl=pt-BR&amp;c=1469</t>
  </si>
  <si>
    <t>algartechcpcbv@algartech.com;andrelpsa@algartech.com;cpc-controldeskavon@algartech.com;fabianacscg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fabianacscg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mail.google.com/sync/u/0/i/s?hl=pt-BR&amp;c=1471</t>
  </si>
  <si>
    <t>algartechcpcbv@algartech.com;andrelpsa@algartech.com;cpc-controldeskavon@algartech.com;fabianacscg@algartech.com;joseasn@algartech.com;josiascdsj@algartech.com;leonardoao@algartech.com;marianadjc@algartech.com;maristelavodq@bv.algartech.com;paulacn@algartech.com;pdf;qualidadealgarbv@algartech.com;rafaelggs@algartech.com;supervisaobancovotorantim@algartech.com;taysdss@algartech.com;thiagolrc@bv.algartech.com;viniciussg@algartech.com;</t>
  </si>
  <si>
    <t>algartechcpcbv@algartech.com,andrelpsa@algartech.com,cpc-controldeskavon@algartech.com,fabianacscg@algartech.com,joseasn@algartech.com,josiascdsj@algartech.com,leonardoao@algartech.com,marianadjc@algartech.com,maristelavodq@bv.algartech.com,paulacn@algartech.com,pdf,qualidadealgarbv@algartech.com,rafaelggs@algartech.com,supervisaobancovotorantim@algartech.com,taysdss@algartech.com,thiagolrc@bv.algartech.com,viniciussg@algartech.com</t>
  </si>
  <si>
    <t>mail.google.com/sync/u/0/i/s?hl=pt-BR&amp;c=1473</t>
  </si>
  <si>
    <t>mail.google.com/sync/u/0/i/s?hl=pt-BR&amp;c=1476</t>
  </si>
  <si>
    <t>mail.google.com/sync/u/0/i/s?hl=pt-BR&amp;c=1478</t>
  </si>
  <si>
    <t>mail.google.com/sync/u/0/i/s?hl=pt-BR&amp;c=1480</t>
  </si>
  <si>
    <t>mail.google.com/sync/u/0/i/s?hl=pt-BR&amp;c=1482</t>
  </si>
  <si>
    <t>mail.google.com/sync/u/0/i/s?hl=pt-BR&amp;c=1484</t>
  </si>
  <si>
    <t>adriana.oliveira@avon.com;alessandragdsb@algartech.com;alexmarques.silva@avon.com;anderson.negrisoli@avon.com;andrelpsa@algartech.com;catianalv@algartech.com;cpc-controldeskavon@algartech.com;edelvan.reginaldo@avon.com;fabianacscg@algartech.com;joseasn@algartech.com;josiascdsj@algartech.com;juan.lopes@avon.com;leonardoao@algartech.com;lucianarsantos@algartech.com;marianadjc@algartech.com;maristelavodq@bv.algartech.com;paulacn@algartech.com;qualidadealgarbv@algartech.com;rafaelggs@algartech.com;rosana.scalabrin@avon.com;senildapdo@algartecnologia.com.br;supervisaobancovotorantim@algartech.com;taysdss@algartech.com;thiagolrc@bv.algartech.com;viniciussg@algartech.com;</t>
  </si>
  <si>
    <t>adriana.oliveira@avon.com,alessandragdsb@algartech.com,alexmarques.silva@avon.com,anderson.negrisoli@avon.com,andrelpsa@algartech.com,catianalv@algartech.com,cpc-controldeskavon@algartech.com,edelvan.reginaldo@avon.com,fabianacscg@algartech.com,joseasn@algartech.com,josiascdsj@algartech.com,juan.lopes@avon.com,leonardoao@algartech.com,lucianarsantos@algartech.com,marianadjc@algartech.com,maristelavodq@bv.algartech.com,paulacn@algartech.com,qualidadealgarbv@algartech.com,rafaelggs@algartech.com,rosana.scalabrin@avon.com,senildapdo@algartecnologia.com.br,supervisaobancovotorantim@algartech.com,taysdss@algartech.com,thiagolrc@bv.algartech.com,viniciussg@algartech.com</t>
  </si>
  <si>
    <t>mail.google.com/sync/u/0/i/s?hl=pt-BR&amp;c=1487</t>
  </si>
  <si>
    <t>mail.google.com/sync/u/0/i/s?hl=pt-BR&amp;c=1490</t>
  </si>
  <si>
    <t>mail.google.com/sync/u/0/i/s?hl=pt-BR&amp;c=1492</t>
  </si>
  <si>
    <t>mail.google.com/sync/u/0/i/s?hl=pt-BR&amp;c=1494</t>
  </si>
  <si>
    <t>mail.google.com/sync/u/0/i/s?hl=pt-BR&amp;c=1496</t>
  </si>
  <si>
    <t>algartechcpcbv@algartech.com;andrelpsa@algartech.com;fabianacscg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fabianacscg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ba241f49-7177-4d77-b641-65ec97105648.tmp</t>
  </si>
  <si>
    <t>\\acsfs\profiles$\henriqueco\Downloads\ba241f49-7177-4d77-b641-65ec97105648.tmp</t>
  </si>
  <si>
    <t>db6f0987-8ee9-435c-9284-61e9e43dc763.tmp</t>
  </si>
  <si>
    <t>\\acsfs\profiles$\vivianibfs\Downloads\db6f0987-8ee9-435c-9284-61e9e43dc763.tmp</t>
  </si>
  <si>
    <t>bba91ce2-9e6b-4c3e-9cfe-488c9308a43e.tmp</t>
  </si>
  <si>
    <t>\\acsfs\profiles$\leonardobb\Downloads\bba91ce2-9e6b-4c3e-9cfe-488c9308a43e.tmp</t>
  </si>
  <si>
    <t>123d1f7b-3fab-459f-8beb-bd53a2ad9331.tmp</t>
  </si>
  <si>
    <t>\\acsfs\profiles$\leonardobb\Downloads\123d1f7b-3fab-459f-8beb-bd53a2ad9331.tmp</t>
  </si>
  <si>
    <t>a1a39392-d5a7-4a20-aadb-c7f70f6c76c4.tmp</t>
  </si>
  <si>
    <t>\\acsfs\profiles$\leonardobb\Downloads\a1a39392-d5a7-4a20-aadb-c7f70f6c76c4.tmp</t>
  </si>
  <si>
    <t>472de6f4-f6a2-4a89-b2bc-cd330670598e.tmp</t>
  </si>
  <si>
    <t>\\acsfs\profiles$\leonardobb\Downloads\472de6f4-f6a2-4a89-b2bc-cd330670598e.tmp</t>
  </si>
  <si>
    <t>11e779b1-3a82-4ec4-8467-26415e34e1aa.tmp</t>
  </si>
  <si>
    <t>\\acsfs\profiles$\leonardobb\Downloads\11e779b1-3a82-4ec4-8467-26415e34e1aa.tmp</t>
  </si>
  <si>
    <t>andrelpsa@algartech.com;joaopsan@algartech.com;maristelavodq@bv.algartech.com;raicdf@algartech.com;supervisaobancovotorantim@algartech.com;thiagolrc@bv.algartech.com;</t>
  </si>
  <si>
    <t>andrelpsa@algartech.com,joaopsan@algartech.com,maristelavodq@bv.algartech.com,raicdf@algartech.com,supervisaobancovotorantim@algartech.com,thiagolrc@bv.algartech.com</t>
  </si>
  <si>
    <t>3614df6b-43b4-4120-b15b-48f5e6d73c2d.tmp</t>
  </si>
  <si>
    <t>\\acsfs\profiles$\ingridsm\Downloads\3614df6b-43b4-4120-b15b-48f5e6d73c2d.tmp</t>
  </si>
  <si>
    <t>https://fabriciadc@algartech.com.br,joaogvc@algartech.com,josiascdsj@algartech.com,marianadjc@algartech.com,matheuscm@algartech.com.br,rafaelggs@algartech.com,taysdss@algartech.com,viniciussg@algartech.com</t>
  </si>
  <si>
    <t>7f45b068-76f1-4540-a7ae-6041decb67f3.tmp</t>
  </si>
  <si>
    <t>\\acsfs\profiles$\leonardobb\Downloads\7f45b068-76f1-4540-a7ae-6041decb67f3.tmp</t>
  </si>
  <si>
    <t>Agent utilization Consignado Dez.2019.xlsx</t>
  </si>
  <si>
    <t>\\acsfs\DEPTOS\Operacao\PCP\5 - Comum\PLANEJAMENTO BV\23 - EXTRAÇÕES\Agent utilization Consignado Dez.2019.xlsx</t>
  </si>
  <si>
    <t>Detalhado transferencia dez.2019.xlsx</t>
  </si>
  <si>
    <t>\\acsfs\DEPTOS\Operacao\PCP\5 - Comum\PLANEJAMENTO BV\23 - EXTRAÇÕES\Detalhado transferencia dez.2019.xlsx</t>
  </si>
  <si>
    <t>4b163dfe-f121-4f0c-b424-a399aa890c20.tmp</t>
  </si>
  <si>
    <t>\\acsfs\profiles$\philipegsf\Downloads\4b163dfe-f121-4f0c-b424-a399aa890c20.tmp</t>
  </si>
  <si>
    <t>e6d6630a-de7b-4377-bc37-203a3cd94957.tmp</t>
  </si>
  <si>
    <t>\\acsfs\profiles$\brendadsl\Downloads\e6d6630a-de7b-4377-bc37-203a3cd94957.tmp</t>
  </si>
  <si>
    <t>a2497c6b-bce1-4579-8d7e-ba27b25fb208.tmp</t>
  </si>
  <si>
    <t>\\acsfs\profiles$\joycemmdl\Downloads\a2497c6b-bce1-4579-8d7e-ba27b25fb208.tmp</t>
  </si>
  <si>
    <t>fe633bd5-0a7c-4be5-a146-88016fc37f58.tmp</t>
  </si>
  <si>
    <t>\\acsfs\profiles$\leonardobb\Downloads\fe633bd5-0a7c-4be5-a146-88016fc37f58.tmp</t>
  </si>
  <si>
    <t>078fa82d-a4eb-416c-a25c-be7c509fc8eb.tmp</t>
  </si>
  <si>
    <t>\\acsfs\profiles$\ingridsm\Downloads\078fa82d-a4eb-416c-a25c-be7c509fc8eb.tmp</t>
  </si>
  <si>
    <t>mail.google.com/sync/u/0/i/s?hl=pt-BR&amp;c=1507</t>
  </si>
  <si>
    <t>mail.google.com/sync/u/0/i/s?hl=pt-BR&amp;c=1510</t>
  </si>
  <si>
    <t>mail.google.com/sync/u/0/i/s?hl=pt-BR&amp;c=1513</t>
  </si>
  <si>
    <t>mail.google.com/sync/u/0/i/s?hl=pt-BR&amp;c=1515</t>
  </si>
  <si>
    <t>mail.google.com/sync/u/0/i/s?hl=pt-BR&amp;c=1517</t>
  </si>
  <si>
    <t>mail.google.com/sync/u/0/i/s?hl=pt-BR&amp;c=1519</t>
  </si>
  <si>
    <t>mail.google.com/sync/u/0/i/s?hl=pt-BR&amp;c=1522</t>
  </si>
  <si>
    <t>mail.google.com/sync/u/0/i/s?hl=pt-BR&amp;c=1524</t>
  </si>
  <si>
    <t>mail.google.com/sync/u/0/i/s?hl=pt-BR&amp;c=1526</t>
  </si>
  <si>
    <t>mail.google.com/sync/u/0/i/s?hl=pt-BR&amp;c=1528</t>
  </si>
  <si>
    <t>bc0ed524-fac3-4a6d-a766-f0adb3095e57.tmp</t>
  </si>
  <si>
    <t>\\acsfs\profiles$\nathaliaos\Downloads\bc0ed524-fac3-4a6d-a766-f0adb3095e57.tmp</t>
  </si>
  <si>
    <t>17789afd-df80-4e0a-b0b2-cafd04b99ab6.tmp</t>
  </si>
  <si>
    <t>\\acsfs\profiles$\nathaliaos\Downloads\17789afd-df80-4e0a-b0b2-cafd04b99ab6.tmp</t>
  </si>
  <si>
    <t>3881aefc-f0e5-42cf-919e-767c09ee0299.tmp</t>
  </si>
  <si>
    <t>\\acsfs\profiles$\leonardobb\Downloads\3881aefc-f0e5-42cf-919e-767c09ee0299.tmp</t>
  </si>
  <si>
    <t>851c9836-ceec-4139-b859-59842d9d875c.tmp</t>
  </si>
  <si>
    <t>\\acsfs\profiles$\leonardobb\Downloads\851c9836-ceec-4139-b859-59842d9d875c.tmp</t>
  </si>
  <si>
    <t>fb01b8ad-2b17-4cd1-9b97-038e7206caae.tmp</t>
  </si>
  <si>
    <t>\\acsfs\profiles$\leonardobb\Downloads\fb01b8ad-2b17-4cd1-9b97-038e7206caae.tmp</t>
  </si>
  <si>
    <t>2235afef-fc14-40ff-9614-c4daddfeffd6.tmp</t>
  </si>
  <si>
    <t>\\acsfs\profiles$\ingridsm\Downloads\2235afef-fc14-40ff-9614-c4daddfeffd6.tmp</t>
  </si>
  <si>
    <t>c7939757-b00e-43b7-ac59-08d091ef2ddc.tmp</t>
  </si>
  <si>
    <t>\\acsfs\profiles$\cintiadjl\Downloads\c7939757-b00e-43b7-ac59-08d091ef2ddc.tmp</t>
  </si>
  <si>
    <t>494b15e6-6e99-49a2-80cd-0684ac7b3cba.tmp</t>
  </si>
  <si>
    <t>\\acsfs\profiles$\gabrielarb\Downloads\494b15e6-6e99-49a2-80cd-0684ac7b3cba.tmp</t>
  </si>
  <si>
    <t>\\acsfs\profiles$\lorenabmc\Contacts\</t>
  </si>
  <si>
    <t>LORENA BIANCA MARTINS COSTA (21660).contact</t>
  </si>
  <si>
    <t>\\acsfs\profiles$\lorenabmc\Contacts\LORENA BIANCA MARTINS COSTA (21660).contact</t>
  </si>
  <si>
    <t>\\acsfs\profiles$\lorenabmc\My Documents\My Videos\</t>
  </si>
  <si>
    <t>\\acsfs\profiles$\lorenabmc\My Documents\My Videos\desktop.ini</t>
  </si>
  <si>
    <t>https://100014251170101,algartechcpcbv@algartech.com,andrelpsa@algartech.com,bvcartes-supervisores@algarnet.onmicrosoft.com,fabriciadc@algartech.com.br,josiascdsj@algartech.com,karolynec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thiagordu@algartech.com,viniciussg@algartech.com</t>
  </si>
  <si>
    <t>\\acsfs\profiles$\lorenabmc\My Documents\My Pictures\</t>
  </si>
  <si>
    <t>\\acsfs\profiles$\lorenabmc\My Documents\My Pictures\desktop.ini</t>
  </si>
  <si>
    <t>\\acsfs\profiles$\lorenabmc\Contacts\desktop.ini</t>
  </si>
  <si>
    <t>\\acsfs\profiles$\lorenabmc\Favorites\</t>
  </si>
  <si>
    <t>\\acsfs\profiles$\lorenabmc\Favorites\desktop.ini</t>
  </si>
  <si>
    <t>\\acsfs\profiles$\lorenabmc\My Documents\My Music\</t>
  </si>
  <si>
    <t>\\acsfs\profiles$\lorenabmc\My Documents\My Music\desktop.ini</t>
  </si>
  <si>
    <t>\\acsfs\profiles$\lorenabmc\Searches\</t>
  </si>
  <si>
    <t>\\acsfs\profiles$\lorenabmc\Searches\desktop.ini</t>
  </si>
  <si>
    <t>\\acsfs\profiles$\lorenabmc\Downloads\desktop.ini</t>
  </si>
  <si>
    <t>\\acsfs\profiles$\lorenabmc\My Documents\</t>
  </si>
  <si>
    <t>\\acsfs\profiles$\lorenabmc\My Documents\desktop.ini</t>
  </si>
  <si>
    <t>\\acsfs\profiles$\lorenabmc\Saved Games\</t>
  </si>
  <si>
    <t>\\acsfs\profiles$\lorenabmc\Saved Games\desktop.ini</t>
  </si>
  <si>
    <t>\\acsfs\profiles$\lorenabmc\Favorites\Links for Brasil\</t>
  </si>
  <si>
    <t>\\acsfs\profiles$\lorenabmc\Favorites\Links for Brasil\desktop.ini</t>
  </si>
  <si>
    <t>\\acsfs\profiles$\lorenabmc\Favorites\Links for Brasil\Microsoft Brasil.url</t>
  </si>
  <si>
    <t>\\acsfs\profiles$\lorenabmc\Favorites\Links for Brasil\Windows Brasil.url</t>
  </si>
  <si>
    <t>\\acsfs\profiles$\lorenabmc\Favorites\Links for Brasil\MSN Brasil.url</t>
  </si>
  <si>
    <t>cb78605e-66c0-4ea8-b7cf-68a7154c4bf6.tmp</t>
  </si>
  <si>
    <t>\\acsfs\profiles$\alinepp\Downloads\cb78605e-66c0-4ea8-b7cf-68a7154c4bf6.tmp</t>
  </si>
  <si>
    <t>09da0c55-60c1-45ad-9a14-76462f81ce1e.tmp</t>
  </si>
  <si>
    <t>\\acsfs\profiles$\ingridsm\Downloads\09da0c55-60c1-45ad-9a14-76462f81ce1e.tmp</t>
  </si>
  <si>
    <t>d5889b39-0f10-4611-b10d-3202f64642e2.tmp</t>
  </si>
  <si>
    <t>\\acsfs\profiles$\brunalas\Downloads\d5889b39-0f10-4611-b10d-3202f64642e2.tmp</t>
  </si>
  <si>
    <t>dc6c45b8-73a2-4536-aca4-634ba9e9f061.tmp</t>
  </si>
  <si>
    <t>\\acsfs\profiles$\brendadsl\Downloads\dc6c45b8-73a2-4536-aca4-634ba9e9f061.tmp</t>
  </si>
  <si>
    <t>6888998a-c583-42f1-a179-4da05f0d3c44.tmp</t>
  </si>
  <si>
    <t>\\acsfs\profiles$\anafaes\Downloads\6888998a-c583-42f1-a179-4da05f0d3c44.tmp</t>
  </si>
  <si>
    <t>09a80257-8070-4c6e-bf6f-11b8dffae690.tmp</t>
  </si>
  <si>
    <t>\\acsfs\profiles$\alinepp\Downloads\09a80257-8070-4c6e-bf6f-11b8dffae690.tmp</t>
  </si>
  <si>
    <t>d5af40ef-1d46-4c41-afa4-6a92d83e617e.tmp</t>
  </si>
  <si>
    <t>\\acsfs\profiles$\gabrielarb\Downloads\d5af40ef-1d46-4c41-afa4-6a92d83e617e.tmp</t>
  </si>
  <si>
    <t>f53df3c1-ba14-4f8c-8990-2bca2a9c1da4.tmp</t>
  </si>
  <si>
    <t>\\acsfs\profiles$\dhiulliananads\Downloads\f53df3c1-ba14-4f8c-8990-2bca2a9c1da4.tmp</t>
  </si>
  <si>
    <t>a6215b94-e295-4c5b-80a1-87d85c4e94be.tmp</t>
  </si>
  <si>
    <t>\\acsfs\profiles$\dhiulliananads\Downloads\a6215b94-e295-4c5b-80a1-87d85c4e94be.tmp</t>
  </si>
  <si>
    <t>28acdb12-21c3-49d5-a479-e04e37a69936.tmp</t>
  </si>
  <si>
    <t>\\acsfs\profiles$\andreapdsg\Downloads\28acdb12-21c3-49d5-a479-e04e37a69936.tmp</t>
  </si>
  <si>
    <t>8f39f74f-6d85-42c0-9184-4ab72ca9cb89.tmp</t>
  </si>
  <si>
    <t>\\acsfs\profiles$\henriqueco\Downloads\8f39f74f-6d85-42c0-9184-4ab72ca9cb89.tmp</t>
  </si>
  <si>
    <t>75cd7077-8492-4fe2-912c-55dfd9879850.tmp</t>
  </si>
  <si>
    <t>\\acsfs\profiles$\fabianafv\Downloads\75cd7077-8492-4fe2-912c-55dfd9879850.tmp</t>
  </si>
  <si>
    <t>97485a4c-0505-4e8e-a262-4659fc50e5b6.tmp</t>
  </si>
  <si>
    <t>\\acsfs\profiles$\brendadsl\Downloads\97485a4c-0505-4e8e-a262-4659fc50e5b6.tmp</t>
  </si>
  <si>
    <t>9b94b4ce-c755-4f9a-972a-edfe439421e5.tmp</t>
  </si>
  <si>
    <t>\\acsfs\profiles$\gabrielamdp\Downloads\9b94b4ce-c755-4f9a-972a-edfe439421e5.tmp</t>
  </si>
  <si>
    <t>bada8271-d7b6-4b28-a70e-fef72f891b98.tmp</t>
  </si>
  <si>
    <t>\\acsfs\profiles$\taylaedoa\Downloads\bada8271-d7b6-4b28-a70e-fef72f891b98.tmp</t>
  </si>
  <si>
    <t>e3d88d4a-faa4-4127-97c1-78db1e1a645a.tmp</t>
  </si>
  <si>
    <t>\\acsfs\profiles$\edicarlosdl\Downloads\e3d88d4a-faa4-4127-97c1-78db1e1a645a.tmp</t>
  </si>
  <si>
    <t>\\acsfs\DEPTOS\Operacao\Banco_Votorantim\Comum\LINK PARA PESQUISA\</t>
  </si>
  <si>
    <t>LINK PESQUISA.txt</t>
  </si>
  <si>
    <t>\\acsfs\DEPTOS\Operacao\Banco_Votorantim\Comum\LINK PARA PESQUISA\LINK PESQUISA.txt</t>
  </si>
  <si>
    <t>100035125381406;andrelpsa@algartech.com;fabriciadc@algartech.com.br;joaogvc@algartech.com;josiascdsj@algartech.com;karolynecj@algartech.com;leonardoao@algartech.com;marianadjc@algartech.com;matheuscm@algartech.com.br;rafaelggs@algartech.com;supervisaobancovotorantim@algartech.com;taysdss@algartech.com;viniciussg@algartech.com;</t>
  </si>
  <si>
    <t>https://100035125381406,andrelpsa@algartech.com,fabriciadc@algartech.com.br,joaogvc@algartech.com,josiascdsj@algartech.com,karolynecj@algartech.com,leonardoao@algartech.com,marianadjc@algartech.com,matheuscm@algartech.com.br,rafaelggs@algartech.com,supervisaobancovotorantim@algartech.com,taysdss@algartech.com,viniciussg@algartech.com</t>
  </si>
  <si>
    <t>c69b40c1-68f2-4650-82a3-5732f669fc0f.tmp</t>
  </si>
  <si>
    <t>\\acsfs\profiles$\brendadsl\Downloads\c69b40c1-68f2-4650-82a3-5732f669fc0f.tmp</t>
  </si>
  <si>
    <t>Aniversariantes Dezembro (1).xlsx</t>
  </si>
  <si>
    <t>Folga 1.PNG</t>
  </si>
  <si>
    <t>Folga 2.PNG</t>
  </si>
  <si>
    <t>vendas feitas ja em janeiro.txt</t>
  </si>
  <si>
    <t>\\acsfs\profiles$\thaynaracsl\My Documents\vendas feitas ja em janeiro.txt</t>
  </si>
  <si>
    <t>mail.google.com/sync/u/0/i/s?hl=pt-BR&amp;c=655</t>
  </si>
  <si>
    <t>andrelpsa@algartech.com;fabriciadc@algartech.com.br;joaogvc@algartech.com;josiascdsj@algartech.com;karolynecj@algartech.com;leonardoao@algartech.com;marianadjc@algartech.com;matheuscm@;matheuscm@algartech.com.br;rafaelggs@algartech.com;supervisaobancovotorantim@algartech.com;taysdss@algartech.com;viniciussg@algartech.com;</t>
  </si>
  <si>
    <t>andrelpsa@algartech.com,fabriciadc@algartech.com.br,joaogvc@algartech.com,josiascdsj@algartech.com,karolynecj@algartech.com,leonardoao@algartech.com,marianadjc@algartech.com,matheuscm@,matheuscm@algartech.com.br,rafaelggs@algartech.com,supervisaobancovotorantim@algartech.com,taysdss@algartech.com,viniciussg@algartech.com</t>
  </si>
  <si>
    <t>473b3d42-39c2-490e-85c9-557f8a75f78e.tmp</t>
  </si>
  <si>
    <t>\\acsfs\profiles$\philipegsf\Downloads\473b3d42-39c2-490e-85c9-557f8a75f78e.tmp</t>
  </si>
  <si>
    <t>596e5ab4-fc42-4c53-bebc-b84a277078a2.tmp</t>
  </si>
  <si>
    <t>\\acsfs\profiles$\brendadsl\Downloads\596e5ab4-fc42-4c53-bebc-b84a277078a2.tmp</t>
  </si>
  <si>
    <t>7755e62d-b5ed-426e-b2d9-0ca02fbbe88b.tmp</t>
  </si>
  <si>
    <t>\\acsfs\profiles$\marcosvnds\Downloads\7755e62d-b5ed-426e-b2d9-0ca02fbbe88b.tmp</t>
  </si>
  <si>
    <t>https://andrelpsa@algartech.com,bvcartes-supervisores@algarnet.onmicrosoft.com,fabriciadc@algartech.com.br,joaogvc@algartech.com,josiascdsj@algartech.com,karolynecj@algartech.com,leonardoao@algartech.com,marianadjc@algartech.com,matheuscm@algartech.com.br,rafaelggs@algartech.com,supervisaobancovotorantim@algartech.com,taysdss@algartech.com,thiagordu@algartech.com,viniciussg@algartech.com</t>
  </si>
  <si>
    <t>f0f11aaa-5d90-46bd-a3bd-4cac4d3fc899.tmp</t>
  </si>
  <si>
    <t>\\acsfs\profiles$\Adrieledgc\Downloads\f0f11aaa-5d90-46bd-a3bd-4cac4d3fc899.tmp</t>
  </si>
  <si>
    <t>a8af9d7f-d954-4238-8807-b4052946aaa0.tmp</t>
  </si>
  <si>
    <t>\\acsfs\profiles$\ingridsm\Downloads\a8af9d7f-d954-4238-8807-b4052946aaa0.tmp</t>
  </si>
  <si>
    <t>Formulário TTV - Criação de Agente.xlsx</t>
  </si>
  <si>
    <t>bab981d0-dd52-4678-bf9f-a451935a7f19.tmp</t>
  </si>
  <si>
    <t>\\acsfs\profiles$\brendadsl\Downloads\bab981d0-dd52-4678-bf9f-a451935a7f19.tmp</t>
  </si>
  <si>
    <t>ddccfb66-f60e-4b16-96a8-b689e6fa46cb.tmp</t>
  </si>
  <si>
    <t>\\acsfs\profiles$\nathaliaos\Downloads\ddccfb66-f60e-4b16-96a8-b689e6fa46cb.tmp</t>
  </si>
  <si>
    <t>574dae3d-a172-4399-bd62-8f071486cf65.tmp</t>
  </si>
  <si>
    <t>\\acsfs\profiles$\gabrielamdp\Downloads\574dae3d-a172-4399-bd62-8f071486cf65.tmp</t>
  </si>
  <si>
    <t>XLOG_anakcs_03012020_124730.log</t>
  </si>
  <si>
    <t>\\acsfs\profiles$\anakcs\My Documents\xworkcenter\logs\XLOG_anakcs_03012020_124730.log</t>
  </si>
  <si>
    <t>2018ae5c-03ee-4678-af44-958df70280fd.tmp</t>
  </si>
  <si>
    <t>\\acsfs\profiles$\brunalas\Downloads\2018ae5c-03ee-4678-af44-958df70280fd.tmp</t>
  </si>
  <si>
    <t>3fddc51f-2f35-4bb9-baaa-7d2535c711eb.tmp</t>
  </si>
  <si>
    <t>\\acsfs\profiles$\joycemmdl\Downloads\3fddc51f-2f35-4bb9-baaa-7d2535c711eb.tmp</t>
  </si>
  <si>
    <t>Unconfirmed 854201.crdownload</t>
  </si>
  <si>
    <t>\\acsfs\profiles$\joycemmdl\Downloads\Unconfirmed 854201.crdownload</t>
  </si>
  <si>
    <t>94a231f7-0770-44b7-ba7d-38d4d0a218be.tmp</t>
  </si>
  <si>
    <t>\\acsfs\profiles$\henriqueco\Downloads\94a231f7-0770-44b7-ba7d-38d4d0a218be.tmp</t>
  </si>
  <si>
    <t>fdf4009f-e8df-4a61-9a2b-08492006c9af.tmp</t>
  </si>
  <si>
    <t>\\acsfs\profiles$\joycemmdl\Downloads\fdf4009f-e8df-4a61-9a2b-08492006c9af.tmp</t>
  </si>
  <si>
    <t>5689bbe5-2d61-4f70-a36e-c0ec6b352b9a.tmp</t>
  </si>
  <si>
    <t>\\acsfs\profiles$\leonardocb\Downloads\5689bbe5-2d61-4f70-a36e-c0ec6b352b9a.tmp</t>
  </si>
  <si>
    <t>mail.google.com/sync/u/0/i/s?hl=pt-BR&amp;c=389</t>
  </si>
  <si>
    <t>Divisão Supervisores.xlsx</t>
  </si>
  <si>
    <t>c659f109-cb49-4852-a610-6510d1aecbdc.tmp</t>
  </si>
  <si>
    <t>\\acsfs\profiles$\brendadsl\Downloads\c659f109-cb49-4852-a610-6510d1aecbdc.tmp</t>
  </si>
  <si>
    <t>algartechcpcbv@algartech.com;andrelpsa@algartech.com;fabriciadc@algartech.com.br;joaogvc@algartech.com;josiascdsj@algartech.com;leonardoao@algartech.com;marianadjc@algartech.com;maristelavodq@bv.algartech.com;matheuscm@algartech.com.br;paulacn@algartech.com;qualidadealgarbv@algartech.com;rafaelggs@algartech.com;supervisaobancovotorantim@algartech.com;taysdss@algartech.com;thiagolrc@bv.algartech.com;viniciussg@algartech.com;</t>
  </si>
  <si>
    <t>algartechcpcbv@algartech.com,andrelpsa@algartech.com,fabriciadc@algartech.com.br,joaogvc@algartech.com,josiascds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viniciussg@algartech.com</t>
  </si>
  <si>
    <t>algartechcpcbv@algartech.com;andrelpsa@algartech.com;fabriciadc@algartech.com.br;joaogvc@algartech.com;josiascdsj@algartech.com;karolynecj@algartech.com;leonardoao@algartech.com;marianadjc@algartech.com;maristelavodq@bv.algartech.com;matheuscm@;matheuscm@algartech.com.br;paulacn@algartech.com;qualidadealgarbv@algartech.com;rafaelggs@algartech.com;supervisaobancovotorantim@algartech.com;taysdss@algartech.com;thiagolrc@bv.algartech.com;viniciussg@algartech.com;</t>
  </si>
  <si>
    <t>algartechcpcbv@algartech.com,andrelpsa@algartech.com,fabriciadc@algartech.com.br,joaogvc@algartech.com,josiascdsj@algartech.com,karolynecj@algartech.com,leonardoao@algartech.com,marianadjc@algartech.com,maristelavodq@bv.algartech.com,matheuscm@,matheuscm@algartech.com.br,paulacn@algartech.com,qualidadealgarbv@algartech.com,rafaelggs@algartech.com,supervisaobancovotorantim@algartech.com,taysdss@algartech.com,thiagolrc@bv.algartech.com,viniciussg@algartech.com</t>
  </si>
  <si>
    <t>2ef94a91-c514-4708-8421-22815c246799;</t>
  </si>
  <si>
    <t>4ec8a2ec-6e91-43e9-8ef0-ff6798da5e07.tmp</t>
  </si>
  <si>
    <t>\\acsfs\profiles$\leandromsa\Downloads\4ec8a2ec-6e91-43e9-8ef0-ff6798da5e07.tmp</t>
  </si>
  <si>
    <t>935e4fcc-84e1-44ae-8194-23e89c7ca130.tmp</t>
  </si>
  <si>
    <t>\\acsfs\profiles$\leonardocb\Downloads\935e4fcc-84e1-44ae-8194-23e89c7ca130.tmp</t>
  </si>
  <si>
    <t>1bb220f0-f919-4dba-862b-079aa7af0048.tmp</t>
  </si>
  <si>
    <t>\\acsfs\profiles$\leonardocb\Downloads\1bb220f0-f919-4dba-862b-079aa7af0048.tmp</t>
  </si>
  <si>
    <t>e6637446-fba9-4430-ba6b-d3ac30acae89.tmp</t>
  </si>
  <si>
    <t>\\acsfs\profiles$\edicarlosdl\Downloads\e6637446-fba9-4430-ba6b-d3ac30acae89.tmp</t>
  </si>
  <si>
    <t>b1b18376-f8c6-438d-8a3f-4b4fb0910424.tmp</t>
  </si>
  <si>
    <t>\\acsfs\profiles$\gabrielamdp\Downloads\b1b18376-f8c6-438d-8a3f-4b4fb0910424.tmp</t>
  </si>
  <si>
    <t>df87511f-2fba-408f-82c9-ddbf431426c4.tmp</t>
  </si>
  <si>
    <t>\\acsfs\profiles$\gabrielamdp\Downloads\df87511f-2fba-408f-82c9-ddbf431426c4.tmp</t>
  </si>
  <si>
    <t>34516a22-eb09-41c3-8956-4994d2ae6e46.tmp</t>
  </si>
  <si>
    <t>\\acsfs\profiles$\gabrielamdp\Downloads\34516a22-eb09-41c3-8956-4994d2ae6e46.tmp</t>
  </si>
  <si>
    <t>100014251170101;100035125381406;</t>
  </si>
  <si>
    <t>55904566-a017-453d-a37b-9a93ccfb6bb8.tmp</t>
  </si>
  <si>
    <t>\\acsfs\profiles$\nathaliaos\Downloads\55904566-a017-453d-a37b-9a93ccfb6bb8.tmp</t>
  </si>
  <si>
    <t>137a1832-e01d-4049-af82-dbf11b1e163d.tmp</t>
  </si>
  <si>
    <t>\\acsfs\profiles$\nathaliaos\Downloads\137a1832-e01d-4049-af82-dbf11b1e163d.tmp</t>
  </si>
  <si>
    <t>Metlifes.xlsx</t>
  </si>
  <si>
    <t>\\acsfs\ACS\Gabriel da Silva\Contemporânea\VENDAS\Metlifes.xlsx</t>
  </si>
  <si>
    <t>5a28fa51-6dd4-423d-ac9b-72379d68dee8.tmp</t>
  </si>
  <si>
    <t>\\acsfs\profiles$\gabrielamdp\Downloads\5a28fa51-6dd4-423d-ac9b-72379d68dee8.tmp</t>
  </si>
  <si>
    <t>88b29834-36d0-4cfb-8db6-69c5f9b4d678.tmp</t>
  </si>
  <si>
    <t>\\acsfs\profiles$\gabrielamdp\Downloads\88b29834-36d0-4cfb-8db6-69c5f9b4d678.tmp</t>
  </si>
  <si>
    <t>ddaad1f9-57fb-4a56-956d-a9752157a49d.tmp</t>
  </si>
  <si>
    <t>\\acsfs\profiles$\gabrielamdp\Downloads\ddaad1f9-57fb-4a56-956d-a9752157a49d.tmp</t>
  </si>
  <si>
    <t>a42f183d-8e0b-41a7-a4ab-59a82e845dad.tmp</t>
  </si>
  <si>
    <t>\\acsfs\profiles$\gabrielamdp\Downloads\a42f183d-8e0b-41a7-a4ab-59a82e845dad.tmp</t>
  </si>
  <si>
    <t>74-86-7A-FB-17-67</t>
  </si>
  <si>
    <t>VOTORANT-IB013</t>
  </si>
  <si>
    <t>GABRIELE OLIVEIRA DE SOUSA (25443).contact</t>
  </si>
  <si>
    <t>\\acsfs\profiles$\gabrieleods\Contacts\GABRIELE OLIVEIRA DE SOUSA (25443).contact</t>
  </si>
  <si>
    <t>https://algartechcpcbv@algartech.com,andrelpsa@algartech.com,fabriciadc@algartech.com.br,joaogvc@algartech.com,josiascdsj@algartech.com,leonardoao@algartech.com,marianadjc@algartech.com,maristelavodq@bv.algartech.com,matheuscm@algartech.com.br,paulacn@algartech.com,qualidadealgarbv@algartech.com,rafaelggs@algartech.com,supervisaobancovotorantim@algartech.com,taysdss@algartech.com,thiagolrc@bv.algartech.com,viniciussg@algartech.com</t>
  </si>
  <si>
    <t>14b6b89b-d7a8-4490-b5e9-303c5348a746.tmp</t>
  </si>
  <si>
    <t>\\acsfs\profiles$\edicarlosdl\Downloads\14b6b89b-d7a8-4490-b5e9-303c5348a746.tmp</t>
  </si>
  <si>
    <t>XLOG_marcosvnds_03012020_150434.log</t>
  </si>
  <si>
    <t>\\acsfs\profiles$\marcosvnds\My Documents\xworkcenter\logs\XLOG_marcosvnds_03012020_150434.log</t>
  </si>
  <si>
    <t>915fae0f-9445-42a7-ab7b-125bbe3eabda.tmp</t>
  </si>
  <si>
    <t>\\acsfs\profiles$\nathaliaos\Downloads\915fae0f-9445-42a7-ab7b-125bbe3eabda.tmp</t>
  </si>
  <si>
    <t>e3612174-080a-455e-9150-14373c97bee8.tmp</t>
  </si>
  <si>
    <t>\\acsfs\profiles$\leonardocb\Downloads\e3612174-080a-455e-9150-14373c97bee8.tmp</t>
  </si>
  <si>
    <t>lu2592yr8c2.tmp</t>
  </si>
  <si>
    <t>\\acsfs\profiles$\edicarlosdl\My Documents\lu2592yr8c2.tmp</t>
  </si>
  <si>
    <t>\\acsfs\profiles$\edicarlosdl\My Documents\lu2592yr8c2.tmp\</t>
  </si>
  <si>
    <t>\\acsfs\profiles$\edicarlosdl\My Documents\lu2592yr8c2.tmp\META-INF\</t>
  </si>
  <si>
    <t>\\acsfs\profiles$\edicarlosdl\My Documents\lu2592yr8c2.tmp\Thumbnails\</t>
  </si>
  <si>
    <t>57e1af8d-1d7f-4648-9a55-720996fd3c99.tmp</t>
  </si>
  <si>
    <t>\\acsfs\profiles$\nathaliaos\Downloads\57e1af8d-1d7f-4648-9a55-720996fd3c99.tmp</t>
  </si>
  <si>
    <t>71231c5e-c4bd-4fc4-b46b-ad6c1656c3b6.tmp</t>
  </si>
  <si>
    <t>\\acsfs\profiles$\marlyannegdls\Downloads\71231c5e-c4bd-4fc4-b46b-ad6c1656c3b6.tmp</t>
  </si>
  <si>
    <t>698bb366-e3f5-4f10-869a-d2680e914dc7.tmp</t>
  </si>
  <si>
    <t>\\acsfs\profiles$\marlyannegdls\Downloads\698bb366-e3f5-4f10-869a-d2680e914dc7.tmp</t>
  </si>
  <si>
    <t>7d8588c4-e285-49e8-a9ca-cd5554eea857.tmp</t>
  </si>
  <si>
    <t>\\acsfs\profiles$\leonardocb\Downloads\7d8588c4-e285-49e8-a9ca-cd5554eea857.tmp</t>
  </si>
  <si>
    <t>dd54a503-f474-43b6-a5b2-98d6a2adf508.tmp</t>
  </si>
  <si>
    <t>\\acsfs\profiles$\marlyannegdls\Downloads\dd54a503-f474-43b6-a5b2-98d6a2adf508.tmp</t>
  </si>
  <si>
    <t>78b1cd66-7d02-482f-b32f-0d18d3cf99eb.tmp</t>
  </si>
  <si>
    <t>\\acsfs\profiles$\marlyannegdls\Downloads\78b1cd66-7d02-482f-b32f-0d18d3cf99eb.tmp</t>
  </si>
  <si>
    <t>0ec5dde6-5a2c-4c45-9862-88b1cfdb4419.tmp</t>
  </si>
  <si>
    <t>\\acsfs\profiles$\andressagr\Downloads\0ec5dde6-5a2c-4c45-9862-88b1cfdb4419.tmp</t>
  </si>
  <si>
    <t>61103415-b4fc-4586-bcc8-1abde96aec8e.tmp</t>
  </si>
  <si>
    <t>\\acsfs\profiles$\andressagr\Downloads\61103415-b4fc-4586-bcc8-1abde96aec8e.tmp</t>
  </si>
  <si>
    <t>95d2e46e-0b6a-4f13-b4a1-8183f716720f.tmp</t>
  </si>
  <si>
    <t>\\acsfs\profiles$\andressagr\Downloads\95d2e46e-0b6a-4f13-b4a1-8183f716720f.tmp</t>
  </si>
  <si>
    <t>080c4a67-925a-4030-b10a-411c5dd11c64.tmp</t>
  </si>
  <si>
    <t>\\acsfs\profiles$\andressagr\Downloads\080c4a67-925a-4030-b10a-411c5dd11c64.tmp</t>
  </si>
  <si>
    <t>lu479526qdn7r.tmp</t>
  </si>
  <si>
    <t>\\acsfs\profiles$\ALYNYA\My Documents\lu479526qdn7r.tmp</t>
  </si>
  <si>
    <t>\\acsfs\profiles$\ALYNYA\My Documents\lu479526qdn7r.tmp\</t>
  </si>
  <si>
    <t>\\acsfs\profiles$\ALYNYA\My Documents\lu479526qdn7r.tmp\META-INF\</t>
  </si>
  <si>
    <t>\\acsfs\profiles$\ALYNYA\My Documents\lu479526qdn7r.tmp\Thumbnails\</t>
  </si>
  <si>
    <t>60de711f-6751-437a-8c42-fb14682a774c.tmp</t>
  </si>
  <si>
    <t>\\acsfs\profiles$\ALYNYA\Downloads\60de711f-6751-437a-8c42-fb14682a774c.tmp</t>
  </si>
  <si>
    <t>9fd5ff37-bb71-4c74-a4e4-504fb9e80349.tmp</t>
  </si>
  <si>
    <t>\\acsfs\profiles$\ALYNYA\Downloads\9fd5ff37-bb71-4c74-a4e4-504fb9e80349.tmp</t>
  </si>
  <si>
    <t>89cbaa51-2c57-4453-af12-a06f42fa6857.tmp</t>
  </si>
  <si>
    <t>\\acsfs\profiles$\ALYNYA\Downloads\89cbaa51-2c57-4453-af12-a06f42fa6857.tmp</t>
  </si>
  <si>
    <t>6805581f-3be6-4f9c-a31f-10a05c16b760.tmp</t>
  </si>
  <si>
    <t>\\acsfs\profiles$\BRUNAAR\Downloads\6805581f-3be6-4f9c-a31f-10a05c16b760.tmp</t>
  </si>
  <si>
    <t>5532d79e-0512-47c7-ac22-e1561b2793b3.tmp</t>
  </si>
  <si>
    <t>\\acsfs\profiles$\BRUNAAR\Downloads\5532d79e-0512-47c7-ac22-e1561b2793b3.tmp</t>
  </si>
  <si>
    <t>f433a153-129b-4efa-b40c-4e87512d8c2a.tmp</t>
  </si>
  <si>
    <t>\\acsfs\profiles$\cintiadcf\Downloads\f433a153-129b-4efa-b40c-4e87512d8c2a.tmp</t>
  </si>
  <si>
    <t>487f1a68-7909-4591-a56c-858ec711729a.tmp</t>
  </si>
  <si>
    <t>\\acsfs\profiles$\cintiadcf\Downloads\487f1a68-7909-4591-a56c-858ec711729a.tmp</t>
  </si>
  <si>
    <t>0d5ae447-d004-49e3-888f-283360bd26d2.tmp</t>
  </si>
  <si>
    <t>\\acsfs\profiles$\cintiadcf\Downloads\0d5ae447-d004-49e3-888f-283360bd26d2.tmp</t>
  </si>
  <si>
    <t>a0242c9c-ac8c-4742-96e3-65c4f4f1073e.tmp</t>
  </si>
  <si>
    <t>\\acsfs\profiles$\LAISLG\Downloads\a0242c9c-ac8c-4742-96e3-65c4f4f1073e.tmp</t>
  </si>
  <si>
    <t>da5c83e4-2f26-48dc-9604-3eabef529e82.tmp</t>
  </si>
  <si>
    <t>\\acsfs\profiles$\LAISLG\Downloads\da5c83e4-2f26-48dc-9604-3eabef529e82.tmp</t>
  </si>
  <si>
    <t>f66ecb72-c852-4912-b3a6-e989e3d83fea.tmp</t>
  </si>
  <si>
    <t>\\acsfs\profiles$\paulovadc\Downloads\f66ecb72-c852-4912-b3a6-e989e3d83fea.tmp</t>
  </si>
  <si>
    <t>MARIANACGS</t>
  </si>
  <si>
    <t>\\acsfs\DEPTOS\Operacao\Banco_Votorantim\Comum\Provas Regulamentação\Thumbs.db</t>
  </si>
  <si>
    <t>205b87b6-a504-4433-89a2-d558edca7bb4.tmp</t>
  </si>
  <si>
    <t>\\acsfs\profiles$\mariliafplb\Downloads\205b87b6-a504-4433-89a2-d558edca7bb4.tmp</t>
  </si>
  <si>
    <t>a7f9355a-6979-4059-be8b-9f47f00255d1.tmp</t>
  </si>
  <si>
    <t>\\acsfs\profiles$\mariliafplb\Downloads\a7f9355a-6979-4059-be8b-9f47f00255d1.tmp</t>
  </si>
  <si>
    <t>a6660545-1416-4450-8378-c7edf0a72a99.tmp</t>
  </si>
  <si>
    <t>\\acsfs\profiles$\mariliafplb\Downloads\a6660545-1416-4450-8378-c7edf0a72a99.tmp</t>
  </si>
  <si>
    <t>16d431e4-7159-4ebb-b210-2e4157c6e0e7.tmp</t>
  </si>
  <si>
    <t>\\acsfs\profiles$\paulovadc\Downloads\16d431e4-7159-4ebb-b210-2e4157c6e0e7.tmp</t>
  </si>
  <si>
    <t>lu103668cwn60y.tmp</t>
  </si>
  <si>
    <t>\\acsfs\profiles$\BRUNAAR\Numero\lu103668cwn60y.tmp</t>
  </si>
  <si>
    <t>86b94ce0-7bb3-4384-b0d8-1c112cacce51.tmp</t>
  </si>
  <si>
    <t>\\acsfs\profiles$\marcellewdl\Downloads\86b94ce0-7bb3-4384-b0d8-1c112cacce51.tmp</t>
  </si>
  <si>
    <t>0d8c1a17-5ff2-4fd2-b1b5-302c0fc190bb.tmp</t>
  </si>
  <si>
    <t>\\acsfs\profiles$\marcellewdl\Downloads\0d8c1a17-5ff2-4fd2-b1b5-302c0fc190bb.tmp</t>
  </si>
  <si>
    <t>\\acsfs\profiles$\luanarda\My Documents\My Pictures\</t>
  </si>
  <si>
    <t>\\acsfs\profiles$\luanarda\My Documents\My Videos\desktop.ini</t>
  </si>
  <si>
    <t>\\acsfs\profiles$\luanarda\My Documents\My Videos\</t>
  </si>
  <si>
    <t>\\acsfs\profiles$\luanarda\My Documents\My Music\</t>
  </si>
  <si>
    <t>\\acsfs\profiles$\luanarda\My Documents\My Pictures\desktop.ini</t>
  </si>
  <si>
    <t>\\acsfs\profiles$\luanarda\Contacts\</t>
  </si>
  <si>
    <t>\\acsfs\profiles$\luanarda\Contacts\desktop.ini</t>
  </si>
  <si>
    <t>\\acsfs\profiles$\luanarda\My Documents\</t>
  </si>
  <si>
    <t>\\acsfs\profiles$\luanarda\Favorites\desktop.ini</t>
  </si>
  <si>
    <t>\\acsfs\profiles$\luanarda\My Documents\My Music\desktop.ini</t>
  </si>
  <si>
    <t>\\acsfs\profiles$\luanarda\Searches\</t>
  </si>
  <si>
    <t>\\acsfs\profiles$\luanarda\Searches\desktop.ini</t>
  </si>
  <si>
    <t>\\acsfs\profiles$\luanarda\Downloads\desktop.ini</t>
  </si>
  <si>
    <t>\\acsfs\profiles$\luanarda\Favorites\</t>
  </si>
  <si>
    <t>\\acsfs\profiles$\luanarda\My Documents\desktop.ini</t>
  </si>
  <si>
    <t>\\acsfs\profiles$\luanarda\Saved Games\desktop.ini</t>
  </si>
  <si>
    <t>winrt--{S-1-5-21-602162358-764733703-839522115-358565}-.searchconnector-ms</t>
  </si>
  <si>
    <t>\\acsfs\profiles$\luanarda\Searches\winrt--{S-1-5-21-602162358-764733703-839522115-358565}-.searchconnector-ms</t>
  </si>
  <si>
    <t>bb2f6488-06a9-4b65-be74-44aa3931574a.tmp</t>
  </si>
  <si>
    <t>\\acsfs\profiles$\LUCASBS\Downloads\bb2f6488-06a9-4b65-be74-44aa3931574a.tmp</t>
  </si>
  <si>
    <t>9e0a3079-2bbc-43ea-9274-c92d73a6f9e1.tmp</t>
  </si>
  <si>
    <t>\\acsfs\profiles$\LUCASBS\Downloads\9e0a3079-2bbc-43ea-9274-c92d73a6f9e1.tmp</t>
  </si>
  <si>
    <t>de8530a9-d217-44ef-9620-0cfe33426332.tmp</t>
  </si>
  <si>
    <t>\\acsfs\profiles$\eduardofss\Downloads\de8530a9-d217-44ef-9620-0cfe33426332.tmp</t>
  </si>
  <si>
    <t>445f9dce-b51f-4a20-b2e1-0bd95df2b295.tmp</t>
  </si>
  <si>
    <t>\\acsfs\profiles$\luanarda\Downloads\445f9dce-b51f-4a20-b2e1-0bd95df2b295.tmp</t>
  </si>
  <si>
    <t>93eb7b56-5a16-4685-ac7e-e2bdaafe2aa3.tmp</t>
  </si>
  <si>
    <t>\\acsfs\profiles$\luanarda\Downloads\93eb7b56-5a16-4685-ac7e-e2bdaafe2aa3.tmp</t>
  </si>
  <si>
    <t>94cc470f-4b88-419c-aea6-583db0266e27.tmp</t>
  </si>
  <si>
    <t>\\acsfs\profiles$\YASMINSC\Downloads\94cc470f-4b88-419c-aea6-583db0266e27.tmp</t>
  </si>
  <si>
    <t>1880c8a8-5631-43c3-a4b4-f6319c10bab4.tmp</t>
  </si>
  <si>
    <t>\\acsfs\profiles$\YASMINSC\Downloads\1880c8a8-5631-43c3-a4b4-f6319c10bab4.tmp</t>
  </si>
  <si>
    <t>f198bfdc-85bb-44ea-a09d-5926ce7f217a.tmp</t>
  </si>
  <si>
    <t>\\acsfs\profiles$\LUCASBS\Downloads\f198bfdc-85bb-44ea-a09d-5926ce7f217a.tmp</t>
  </si>
  <si>
    <t>a0f9a231-1496-4393-a8c5-d288404dd281.tmp</t>
  </si>
  <si>
    <t>\\acsfs\profiles$\eduardofss\Downloads\a0f9a231-1496-4393-a8c5-d288404dd281.tmp</t>
  </si>
  <si>
    <t>lu553089oadey.tmp</t>
  </si>
  <si>
    <t>\\acsfs\profiles$\LUCASBS\Planilhas\lu553089oadey.tmp</t>
  </si>
  <si>
    <t>lu553089oadf4.tmp</t>
  </si>
  <si>
    <t>\\acsfs\profiles$\LUCASBS\Planilhas\lu553089oadf4.tmp</t>
  </si>
  <si>
    <t>0d57b376-1827-4040-8c50-be7741888377.tmp</t>
  </si>
  <si>
    <t>\\acsfs\profiles$\felipetds\Downloads\0d57b376-1827-4040-8c50-be7741888377.tmp</t>
  </si>
  <si>
    <t>a7a9da91-7fe7-4428-b711-335747094cd2.tmp</t>
  </si>
  <si>
    <t>\\acsfs\profiles$\geovanaasa\Downloads\a7a9da91-7fe7-4428-b711-335747094cd2.tmp</t>
  </si>
  <si>
    <t>0eef90fb-52f4-4131-9a6c-01423c7d7cab.tmp</t>
  </si>
  <si>
    <t>\\acsfs\profiles$\isabellegtds\Downloads\0eef90fb-52f4-4131-9a6c-01423c7d7cab.tmp</t>
  </si>
  <si>
    <t>249f1063-4fea-4b60-af2d-84aae8e69f8e.tmp</t>
  </si>
  <si>
    <t>\\acsfs\profiles$\felipetds\Downloads\249f1063-4fea-4b60-af2d-84aae8e69f8e.tmp</t>
  </si>
  <si>
    <t>663aaf9f-3e9c-4c55-b690-e5d6eec9c2f6.tmp</t>
  </si>
  <si>
    <t>\\acsfs\profiles$\francislayneads\Downloads\663aaf9f-3e9c-4c55-b690-e5d6eec9c2f6.tmp</t>
  </si>
  <si>
    <t>b26294b1-6aaa-475f-b096-997aa93b847f.tmp</t>
  </si>
  <si>
    <t>\\acsfs\profiles$\francislayneads\Downloads\b26294b1-6aaa-475f-b096-997aa93b847f.tmp</t>
  </si>
  <si>
    <t>30249c39-18ad-469b-b0b8-da8b382907d0.tmp</t>
  </si>
  <si>
    <t>\\acsfs\profiles$\geovanaasa\Downloads\30249c39-18ad-469b-b0b8-da8b382907d0.tmp</t>
  </si>
  <si>
    <t>7c9eec16-6a87-49bb-9d67-a474947f329a.tmp</t>
  </si>
  <si>
    <t>\\acsfs\profiles$\geovanaasa\Downloads\7c9eec16-6a87-49bb-9d67-a474947f329a.tmp</t>
  </si>
  <si>
    <t>3a151df9-f949-4582-876e-c2fc3cf768f9.tmp</t>
  </si>
  <si>
    <t>\\acsfs\profiles$\isabellegtds\Downloads\3a151df9-f949-4582-876e-c2fc3cf768f9.tmp</t>
  </si>
  <si>
    <t>11c412c6-73b6-4bba-9d1c-6fed0d3fce70.tmp</t>
  </si>
  <si>
    <t>\\acsfs\profiles$\isabellegtds\Downloads\11c412c6-73b6-4bba-9d1c-6fed0d3fce70.tmp</t>
  </si>
  <si>
    <t>97978092-6501-4667-ad3c-ae334ad94355.tmp</t>
  </si>
  <si>
    <t>\\acsfs\profiles$\isabellegtds\Downloads\97978092-6501-4667-ad3c-ae334ad94355.tmp</t>
  </si>
  <si>
    <t>739e3604-a923-41a4-a7fb-947b1b09bd7b.tmp</t>
  </si>
  <si>
    <t>\\acsfs\profiles$\BRUNAAR\Downloads\739e3604-a923-41a4-a7fb-947b1b09bd7b.tmp</t>
  </si>
  <si>
    <t>c717826c-8f59-432c-8d5f-edea098784fe.tmp</t>
  </si>
  <si>
    <t>\\acsfs\profiles$\BRUNAAR\Downloads\c717826c-8f59-432c-8d5f-edea098784fe.tmp</t>
  </si>
  <si>
    <t>b2ff092a-66d5-4891-9eb2-a0b667be63dc.tmp</t>
  </si>
  <si>
    <t>\\acsfs\profiles$\felipetds\Downloads\b2ff092a-66d5-4891-9eb2-a0b667be63dc.tmp</t>
  </si>
  <si>
    <t>65b52877-a48c-4194-84ba-2b7fd5661d19.tmp</t>
  </si>
  <si>
    <t>\\acsfs\profiles$\kellzylenneasr\Downloads\65b52877-a48c-4194-84ba-2b7fd5661d19.tmp</t>
  </si>
  <si>
    <t>d4d37444-4474-4143-afbc-930657f680da.tmp</t>
  </si>
  <si>
    <t>\\acsfs\profiles$\kellzylenneasr\Downloads\d4d37444-4474-4143-afbc-930657f680da.tmp</t>
  </si>
  <si>
    <t>516a5b8d-911a-4a3d-a936-305869588582.tmp</t>
  </si>
  <si>
    <t>\\acsfs\profiles$\isabellegtds\Downloads\516a5b8d-911a-4a3d-a936-305869588582.tmp</t>
  </si>
  <si>
    <t>lu103668cwn612.tmp</t>
  </si>
  <si>
    <t>\\acsfs\profiles$\BRUNAAR\Numero\lu103668cwn612.tmp</t>
  </si>
  <si>
    <t>lu103668cwn615.tmp</t>
  </si>
  <si>
    <t>\\acsfs\profiles$\BRUNAAR\Numero\lu103668cwn615.tmp</t>
  </si>
  <si>
    <t>9cc59c85-1ae3-467a-bd48-017f45ae0447.tmp</t>
  </si>
  <si>
    <t>\\acsfs\profiles$\isabellegtds\Downloads\9cc59c85-1ae3-467a-bd48-017f45ae0447.tmp</t>
  </si>
  <si>
    <t>95e8aab6-5335-4ab0-83f3-2d7f45363ffa.tmp</t>
  </si>
  <si>
    <t>\\acsfs\profiles$\eduardofss\Downloads\95e8aab6-5335-4ab0-83f3-2d7f45363ffa.tmp</t>
  </si>
  <si>
    <t>7dfb0a1c-ec43-4f8b-b1c0-658d38c0bd23.tmp</t>
  </si>
  <si>
    <t>\\acsfs\profiles$\dhiulliananads\Downloads\7dfb0a1c-ec43-4f8b-b1c0-658d38c0bd23.tmp</t>
  </si>
  <si>
    <t>b60ec156-03eb-409b-bac1-ac4e69ee86e5.tmp</t>
  </si>
  <si>
    <t>\\acsfs\profiles$\dhiulliananads\Downloads\b60ec156-03eb-409b-bac1-ac4e69ee86e5.tmp</t>
  </si>
  <si>
    <t>ad98005a-6ffe-45a2-820e-a81982842292.tmp</t>
  </si>
  <si>
    <t>\\acsfs\profiles$\kellzylenneasr\Downloads\ad98005a-6ffe-45a2-820e-a81982842292.tmp</t>
  </si>
  <si>
    <t>adc8ea72-2c40-4183-938b-62597bd50dd1.tmp</t>
  </si>
  <si>
    <t>\\acsfs\profiles$\felipetds\Downloads\adc8ea72-2c40-4183-938b-62597bd50dd1.tmp</t>
  </si>
  <si>
    <t>lu103668cwn618.tmp</t>
  </si>
  <si>
    <t>\\acsfs\profiles$\BRUNAAR\Numero\lu103668cwn618.tmp</t>
  </si>
  <si>
    <t>lu103668cwn61b.tmp</t>
  </si>
  <si>
    <t>\\acsfs\profiles$\BRUNAAR\Numero\lu103668cwn61b.tmp</t>
  </si>
  <si>
    <t>a026842d-e276-4ccb-86c1-76776ef943dc.tmp</t>
  </si>
  <si>
    <t>\\acsfs\profiles$\isabellegtds\Downloads\a026842d-e276-4ccb-86c1-76776ef943dc.tmp</t>
  </si>
  <si>
    <t>TALITA SANTOS SILVA CASTRO (27226).contact</t>
  </si>
  <si>
    <t>\\acsfs\profiles$\talitassc\Contacts\TALITA SANTOS SILVA CASTRO (27226).contact</t>
  </si>
  <si>
    <t>7698375a-b7c3-4ad7-aa1a-7df863a11227.tmp</t>
  </si>
  <si>
    <t>\\acsfs\profiles$\LAISLG\Downloads\7698375a-b7c3-4ad7-aa1a-7df863a11227.tmp</t>
  </si>
  <si>
    <t>09203a83-b107-4916-aced-4e1ebf01d474.tmp</t>
  </si>
  <si>
    <t>\\acsfs\profiles$\LUCASBS\Downloads\09203a83-b107-4916-aced-4e1ebf01d474.tmp</t>
  </si>
  <si>
    <t>andrelpsa@algartech.com;joaogvc@algartech.com;leonardoao@algartech.com;marianadjc@algartech.com;maristelavodq@bv.algartech.com;paulacn@algartech.com;rafaelggs@algartech.com;taysdss@algartech.com;viniciussg@algartech.com;</t>
  </si>
  <si>
    <t>andrelpsa@algartech.com,joaogvc@algartech.com,leonardoao@algartech.com,marianadjc@algartech.com,maristelavodq@bv.algartech.com,paulacn@algartech.com,rafaelggs@algartech.com,taysdss@algartech.com,viniciussg@algartech.com</t>
  </si>
  <si>
    <t>lu27002kzlvf.tmp</t>
  </si>
  <si>
    <t>\\acsfs\profiles$\dhiulliananads\My Documents\lu27002kzlvf.tmp</t>
  </si>
  <si>
    <t>\\acsfs\profiles$\dhiulliananads\My Documents\lu27002kzlvf.tmp\</t>
  </si>
  <si>
    <t>\\acsfs\profiles$\dhiulliananads\My Documents\lu27002kzlvf.tmp\META-INF\</t>
  </si>
  <si>
    <t>\\acsfs\profiles$\dhiulliananads\My Documents\lu27002kzlvf.tmp\Thumbnails\</t>
  </si>
  <si>
    <t>00c30723-f996-4c93-ac2f-cb8d0a573f2b.tmp</t>
  </si>
  <si>
    <t>\\acsfs\profiles$\mariliafplb\Downloads\00c30723-f996-4c93-ac2f-cb8d0a573f2b.tmp</t>
  </si>
  <si>
    <t>352907e9-ae48-49ed-abda-4096e2795fdc.tmp</t>
  </si>
  <si>
    <t>\\acsfs\profiles$\mariliafplb\Downloads\352907e9-ae48-49ed-abda-4096e2795fdc.tmp</t>
  </si>
  <si>
    <t>Pausas - FINANCEIRA.xlsx</t>
  </si>
  <si>
    <t>\\acsfs\DEPTOS\Operacao\PCP\5 - Comum\PLANEJAMENTO BV\14 - ACOMPANHAMENTO\1 - REPORT ACOMPANHAMENTO\2020\1 - JANEIRO\FINANCEIRA\Pausas - FINANCEIRA.xlsx</t>
  </si>
  <si>
    <t>ca6002d0-a3c1-4f60-9ab5-bb339ba9be43.tmp</t>
  </si>
  <si>
    <t>\\acsfs\profiles$\francislayneads\Downloads\ca6002d0-a3c1-4f60-9ab5-bb339ba9be43.tmp</t>
  </si>
  <si>
    <t>1c437696-43e7-42cd-8f84-d542a2533180.tmp</t>
  </si>
  <si>
    <t>\\acsfs\profiles$\geovanaasa\Downloads\1c437696-43e7-42cd-8f84-d542a2533180.tmp</t>
  </si>
  <si>
    <t>lu27002kzlvk.tmp</t>
  </si>
  <si>
    <t>\\acsfs\profiles$\dhiulliananads\My Documents\lu27002kzlvk.tmp</t>
  </si>
  <si>
    <t>\\acsfs\profiles$\dhiulliananads\My Documents\lu27002kzlvk.tmp\</t>
  </si>
  <si>
    <t>\\acsfs\profiles$\dhiulliananads\My Documents\lu27002kzlvk.tmp\META-INF\</t>
  </si>
  <si>
    <t>\\acsfs\profiles$\dhiulliananads\My Documents\lu27002kzlvk.tmp\Thumbnails\</t>
  </si>
  <si>
    <t>923273e1-1060-4b35-8924-28d8d58040a5.tmp</t>
  </si>
  <si>
    <t>\\acsfs\profiles$\isabellegtds\Downloads\923273e1-1060-4b35-8924-28d8d58040a5.tmp</t>
  </si>
  <si>
    <t>lu553089oadg5.tmp</t>
  </si>
  <si>
    <t>\\acsfs\profiles$\LUCASBS\Planilhas\lu553089oadg5.tmp</t>
  </si>
  <si>
    <t>5d1032eb-f0c5-47cc-9ca7-07293ad445ae.tmp</t>
  </si>
  <si>
    <t>\\acsfs\profiles$\marcellewdl\Downloads\5d1032eb-f0c5-47cc-9ca7-07293ad445ae.tmp</t>
  </si>
  <si>
    <t>760c3ee0-c9e6-45e1-861f-1e35c2c6c714.tmp</t>
  </si>
  <si>
    <t>\\acsfs\profiles$\ALYNYA\Downloads\760c3ee0-c9e6-45e1-861f-1e35c2c6c714.tmp</t>
  </si>
  <si>
    <t>Shortcalls.xlsb</t>
  </si>
  <si>
    <t>\\acsfs\DEPTOS\Operacao\PCP\5 - Comum\PLANEJAMENTO BV\14 - ACOMPANHAMENTO\1 - REPORT ACOMPANHAMENTO\2020\1 - JANEIRO\CARTÕES\SHORTCALLS\Shortcalls.xlsb</t>
  </si>
  <si>
    <t>ab40e89a-a5ae-48a7-9e0b-02a3ade508c5.tmp</t>
  </si>
  <si>
    <t>\\acsfs\profiles$\paulovadc\Downloads\ab40e89a-a5ae-48a7-9e0b-02a3ade508c5.tmp</t>
  </si>
  <si>
    <t>7b0829f7-8882-4e7d-843e-92b665e07f38.tmp</t>
  </si>
  <si>
    <t>\\acsfs\profiles$\marcellewdl\Downloads\7b0829f7-8882-4e7d-843e-92b665e07f38.tmp</t>
  </si>
  <si>
    <t>\\acsfs\profiles$\mateusjm\My Documents\My Pictures\</t>
  </si>
  <si>
    <t>\\acsfs\profiles$\MATEUSJM\My Documents\My Videos\desktop.ini</t>
  </si>
  <si>
    <t>\\acsfs\profiles$\MATEUSJM\My Documents\My Videos\</t>
  </si>
  <si>
    <t>\\acsfs\profiles$\mateusjm\My Documents\My Music\</t>
  </si>
  <si>
    <t>\\acsfs\profiles$\MATEUSJM\My Documents\My Pictures\desktop.ini</t>
  </si>
  <si>
    <t>\\acsfs\profiles$\mateusjm\My Documents\My Videos\</t>
  </si>
  <si>
    <t>\\acsfs\profiles$\MATEUSJM\Contacts\</t>
  </si>
  <si>
    <t>\\acsfs\profiles$\MATEUSJM\Contacts\desktop.ini</t>
  </si>
  <si>
    <t>f9726a0f-44ea-4908-b15b-e4779e68bc43.tmp</t>
  </si>
  <si>
    <t>\\acsfs\profiles$\cintiadcf\Downloads\f9726a0f-44ea-4908-b15b-e4779e68bc43.tmp</t>
  </si>
  <si>
    <t>76bd1af4-d9e2-4363-8dd6-3c5c68d17194.tmp</t>
  </si>
  <si>
    <t>\\acsfs\profiles$\LAISLG\Downloads\76bd1af4-d9e2-4363-8dd6-3c5c68d17194.tmp</t>
  </si>
  <si>
    <t>lu103668cwn61f.tmp</t>
  </si>
  <si>
    <t>\\acsfs\profiles$\BRUNAAR\Numero\lu103668cwn61f.tmp</t>
  </si>
  <si>
    <t>\\acsfs\profiles$\mateusjm\My Documents\</t>
  </si>
  <si>
    <t>\\acsfs\profiles$\MATEUSJM\Favorites\desktop.ini</t>
  </si>
  <si>
    <t>\\acsfs\profiles$\MATEUSJM\My Documents\My Music\desktop.ini</t>
  </si>
  <si>
    <t>\\acsfs\profiles$\MATEUSJM\My Documents\My Music\</t>
  </si>
  <si>
    <t>\\acsfs\profiles$\MATEUSJM\Searches\</t>
  </si>
  <si>
    <t>\\acsfs\profiles$\MATEUSJM\Searches\desktop.ini</t>
  </si>
  <si>
    <t>\\acsfs\profiles$\MATEUSJM\Downloads\desktop.ini</t>
  </si>
  <si>
    <t>\\acsfs\profiles$\mateusjm\Favorites\</t>
  </si>
  <si>
    <t>\\acsfs\profiles$\MATEUSJM\My Documents\desktop.ini</t>
  </si>
  <si>
    <t>\\acsfs\profiles$\MATEUSJM\My Documents\</t>
  </si>
  <si>
    <t>\\acsfs\profiles$\mateusjm\Downloads\</t>
  </si>
  <si>
    <t>\\acsfs\profiles$\MATEUSJM\Saved Games\desktop.ini</t>
  </si>
  <si>
    <t>winrt--{S-1-5-21-602162358-764733703-839522115-331520}-.searchconnector-ms</t>
  </si>
  <si>
    <t>\\acsfs\profiles$\MATEUSJM\Searches\winrt--{S-1-5-21-602162358-764733703-839522115-331520}-.searchconnector-ms</t>
  </si>
  <si>
    <t>c648a655-2e7b-45e7-9e79-ef20b8d8c26b.tmp</t>
  </si>
  <si>
    <t>\\acsfs\profiles$\MATEUSJM\Downloads\c648a655-2e7b-45e7-9e79-ef20b8d8c26b.tmp</t>
  </si>
  <si>
    <t>Unconfirmed 731368.crdownload</t>
  </si>
  <si>
    <t>\\acsfs\profiles$\MATEUSJM\Downloads\Unconfirmed 731368.crdownload</t>
  </si>
  <si>
    <t>8ae56caf-b519-4072-b000-73c8cd22e112.tmp</t>
  </si>
  <si>
    <t>\\acsfs\profiles$\MATEUSJM\Downloads\8ae56caf-b519-4072-b000-73c8cd22e112.tmp</t>
  </si>
  <si>
    <t>34187069-97ad-456a-aa2a-471a76e02fd2.tmp</t>
  </si>
  <si>
    <t>\\acsfs\profiles$\MATEUSJM\Downloads\34187069-97ad-456a-aa2a-471a76e02fd2.tmp</t>
  </si>
  <si>
    <t>6dc08492-2973-4790-9fed-40e261bfde99.tmp</t>
  </si>
  <si>
    <t>\\acsfs\profiles$\MATEUSJM\Downloads\6dc08492-2973-4790-9fed-40e261bfde99.tmp</t>
  </si>
  <si>
    <t>954fc361-fc6c-4f67-8463-85cb9accff6f.tmp</t>
  </si>
  <si>
    <t>\\acsfs\profiles$\LAISLG\Downloads\954fc361-fc6c-4f67-8463-85cb9accff6f.tmp</t>
  </si>
  <si>
    <t>mail.google.com/_/upload?authuser=0&amp;dcp=asu-n&amp;upload_id=AEnB2UoJueuPiukvlTcAjlT6BeoMCQ9U21saUyf_Y6JZbuUR7Oanav70EdVOzE8ZhBl311gY1sCx8q2JK_pzluCUQwR4KxtLXLnQFnSU4WuJS83bFH3RTic&amp;upload_protocol=resumable</t>
  </si>
  <si>
    <t>lu103668cwn61j.tmp</t>
  </si>
  <si>
    <t>\\acsfs\profiles$\BRUNAAR\Numero\lu103668cwn61j.tmp</t>
  </si>
  <si>
    <t>lu103668cwn61n.tmp</t>
  </si>
  <si>
    <t>\\acsfs\profiles$\BRUNAAR\Numero\lu103668cwn61n.tmp</t>
  </si>
  <si>
    <t>fe227b50-ee93-4dab-b135-2621c7f74447.tmp</t>
  </si>
  <si>
    <t>\\acsfs\profiles$\LUCASBS\Downloads\fe227b50-ee93-4dab-b135-2621c7f74447.tmp</t>
  </si>
  <si>
    <t>Pausas - CARTÕES.xlsb</t>
  </si>
  <si>
    <t>\\acsfs\DEPTOS\Operacao\PCP\5 - Comum\PLANEJAMENTO BV\14 - ACOMPANHAMENTO\1 - REPORT ACOMPANHAMENTO\2020\1 - JANEIRO\CARTÕES\Pausas CARTÕES\Pausas - CARTÕES.xlsb</t>
  </si>
  <si>
    <t>e168cf92-041e-4016-836b-d1cb895ad646.tmp</t>
  </si>
  <si>
    <t>\\acsfs\profiles$\geovanaasa\Downloads\e168cf92-041e-4016-836b-d1cb895ad646.tmp</t>
  </si>
  <si>
    <t>132a0cc7-80e6-4716-a6d3-8ac088a553e6.tmp</t>
  </si>
  <si>
    <t>\\acsfs\profiles$\eduardofss\Downloads\132a0cc7-80e6-4716-a6d3-8ac088a553e6.tmp</t>
  </si>
  <si>
    <t>31818670-0714-4b62-a0a3-09574858c01c.tmp</t>
  </si>
  <si>
    <t>\\acsfs\profiles$\eduardofss\Downloads\31818670-0714-4b62-a0a3-09574858c01c.tmp</t>
  </si>
  <si>
    <t>95bb7d39-640b-4718-b0cb-0f7ddbeb0f77.tmp</t>
  </si>
  <si>
    <t>\\acsfs\profiles$\eduardofss\Downloads\95bb7d39-640b-4718-b0cb-0f7ddbeb0f77.tmp</t>
  </si>
  <si>
    <t>mail.google.com/_/upload?authuser=0&amp;dcp=asu-n&amp;upload_id=AEnB2UpywaFwmZmFVxvMtVYSMSg92Nxxy9JLPbKxkp_9FT7q36xILs4a79MAxWKI82skrBDqdQLdSlUndDHm9z4FNAUWZFcSWCGSdI9bKwBrgS8nBxCyG5Y&amp;upload_protocol=resumable</t>
  </si>
  <si>
    <t>ce1461e6-ab6c-46cc-bc58-5afa9eab49ff.tmp</t>
  </si>
  <si>
    <t>\\acsfs\profiles$\mariliafplb\Downloads\ce1461e6-ab6c-46cc-bc58-5afa9eab49ff.tmp</t>
  </si>
  <si>
    <t>8684e3f5-5763-46f8-b311-d8c42e6a6ad8.tmp</t>
  </si>
  <si>
    <t>\\acsfs\profiles$\mariliafplb\Downloads\8684e3f5-5763-46f8-b311-d8c42e6a6ad8.tmp</t>
  </si>
  <si>
    <t>bcd79d16-d0cb-4179-bc52-978183f586e4.tmp</t>
  </si>
  <si>
    <t>\\acsfs\profiles$\mariliafplb\Downloads\bcd79d16-d0cb-4179-bc52-978183f586e4.tmp</t>
  </si>
  <si>
    <t>ac2fe2e1-64e9-43ad-aba0-e53aae773d7a.tmp</t>
  </si>
  <si>
    <t>\\acsfs\profiles$\mariliafplb\Downloads\ac2fe2e1-64e9-43ad-aba0-e53aae773d7a.tmp</t>
  </si>
  <si>
    <t>63cb5bef-4c18-4ba2-802c-6cda306e1522.tmp</t>
  </si>
  <si>
    <t>\\acsfs\profiles$\mariliafplb\Downloads\63cb5bef-4c18-4ba2-802c-6cda306e1522.tmp</t>
  </si>
  <si>
    <t>5b874287-6539-4b03-b99e-6167d1207d2c.tmp</t>
  </si>
  <si>
    <t>\\acsfs\profiles$\MATEUSJM\Downloads\5b874287-6539-4b03-b99e-6167d1207d2c.tmp</t>
  </si>
  <si>
    <t>ALBERTO FERREIRA NETO (30928).contact</t>
  </si>
  <si>
    <t>\\acsfs\profiles$\albertofn\Contacts\ALBERTO FERREIRA NETO (30928).contact</t>
  </si>
  <si>
    <t>andrelpsa@algartech.com;joaogvc@algartech.com;leonardoao@algartech.com;marianadjc@algartech.com;maristelavodq@bv.algartech.com;paulacn@algartech.com;planejamentodeoperacoesetrafego@bv.com.br;rafaelggs@algartech.com;taysdss@algartech.com;thiagordu@algartech.com;viniciussg@algartech.com;</t>
  </si>
  <si>
    <t>andrelpsa@algartech.com,joaogvc@algartech.com,leonardoao@algartech.com,marianadjc@algartech.com,maristelavodq@bv.algartech.com,paulacn@algartech.com,planejamentodeoperacoesetrafego@bv.com.br,rafaelggs@algartech.com,taysdss@algartech.com,thiagordu@algartech.com,viniciussg@algartech.com</t>
  </si>
  <si>
    <t>5c026f27-201d-42fa-a53b-0d5c74c32b40.tmp</t>
  </si>
  <si>
    <t>\\acsfs\profiles$\paulovadc\Downloads\5c026f27-201d-42fa-a53b-0d5c74c32b40.tmp</t>
  </si>
  <si>
    <t>2c6256d7-eb46-4fab-a243-5810ccd7a41d.tmp</t>
  </si>
  <si>
    <t>\\acsfs\profiles$\paulovadc\Downloads\2c6256d7-eb46-4fab-a243-5810ccd7a41d.tmp</t>
  </si>
  <si>
    <t>c35c7dec-afbb-45fd-9be1-65b86e5570c3.tmp</t>
  </si>
  <si>
    <t>\\acsfs\profiles$\luanarda\Downloads\c35c7dec-afbb-45fd-9be1-65b86e5570c3.tmp</t>
  </si>
  <si>
    <t>86da46b9-5caa-4862-ad70-d6add3328518.tmp</t>
  </si>
  <si>
    <t>\\acsfs\profiles$\mariliafplb\Downloads\86da46b9-5caa-4862-ad70-d6add3328518.tmp</t>
  </si>
  <si>
    <t>\\acsfs\DEPTOS\EDUCACAO EMPRESARIAL\2 - Operações\0 - BV\1 - TREINADORES\Haruna\FORMAÇÃO INICIAL\TURMA HARUNA\</t>
  </si>
  <si>
    <t>HARUNA_COMPLETO_(1).xlsx</t>
  </si>
  <si>
    <t>\\acsfs\DEPTOS\EDUCACAO EMPRESARIAL\2 - Operações\0 - BV\1 - TREINADORES\Haruna\FORMAÇÃO INICIAL\TURMA HARUNA\HARUNA_COMPLETO_(1).xlsx</t>
  </si>
  <si>
    <t>lu27002kzlvp.tmp</t>
  </si>
  <si>
    <t>\\acsfs\profiles$\dhiulliananads\My Documents\lu27002kzlvp.tmp</t>
  </si>
  <si>
    <t>\\acsfs\profiles$\dhiulliananads\My Documents\lu27002kzlvp.tmp\</t>
  </si>
  <si>
    <t>\\acsfs\profiles$\dhiulliananads\My Documents\lu27002kzlvp.tmp\META-INF\</t>
  </si>
  <si>
    <t>\\acsfs\profiles$\dhiulliananads\My Documents\lu27002kzlvp.tmp\Thumbnails\</t>
  </si>
  <si>
    <t>lu103668cwn61r.tmp</t>
  </si>
  <si>
    <t>\\acsfs\profiles$\BRUNAAR\Numero\lu103668cwn61r.tmp</t>
  </si>
  <si>
    <t>1157edbe-60b6-4a24-af4d-e8f6b2b9d716.tmp</t>
  </si>
  <si>
    <t>\\acsfs\profiles$\mariagsg\Downloads\1157edbe-60b6-4a24-af4d-e8f6b2b9d716.tmp</t>
  </si>
  <si>
    <t>66790337-2ff7-48e7-a27a-4fb604e8644e.tmp</t>
  </si>
  <si>
    <t>\\acsfs\profiles$\mariagsg\Downloads\66790337-2ff7-48e7-a27a-4fb604e8644e.tmp</t>
  </si>
  <si>
    <t>45c69681-85d7-499b-afc9-33c9e1d21d53.tmp</t>
  </si>
  <si>
    <t>\\acsfs\profiles$\luanarda\Downloads\45c69681-85d7-499b-afc9-33c9e1d21d53.tmp</t>
  </si>
  <si>
    <t>\\acsfs\profiles$\mariagsg\My Documents\Automation Anywhere Files\</t>
  </si>
  <si>
    <t>\\acsfs\profiles$\mariagsg\My Documents\Automation Anywhere Files\AA.Settings.xml</t>
  </si>
  <si>
    <t>\\acsfs\profiles$\mariagsg\My Documents\Automation Anywhere Files\AA.Settings.bak</t>
  </si>
  <si>
    <t>\\acsfs\profiles$\mariagsg\My Documents\Automation Anywhere Files\LogFiles\</t>
  </si>
  <si>
    <t>\\acsfs\profiles$\mariagsg\My Documents\Automation Anywhere Files\LogFiles\AAMain.log</t>
  </si>
  <si>
    <t>caf07b56-fe6f-47c9-9016-326100af6fb3.tmp</t>
  </si>
  <si>
    <t>\\acsfs\profiles$\luanarda\Downloads\caf07b56-fe6f-47c9-9016-326100af6fb3.tmp</t>
  </si>
  <si>
    <t>lu103668cwn61v.tmp</t>
  </si>
  <si>
    <t>\\acsfs\profiles$\BRUNAAR\Numero\lu103668cwn61v.tmp</t>
  </si>
  <si>
    <t>lu103668cwn61z.tmp</t>
  </si>
  <si>
    <t>\\acsfs\profiles$\BRUNAAR\Numero\lu103668cwn61z.tmp</t>
  </si>
  <si>
    <t>lu553089oadgq.tmp</t>
  </si>
  <si>
    <t>\\acsfs\profiles$\LUCASBS\Planilhas\lu553089oadgq.tmp</t>
  </si>
  <si>
    <t>lu553089oadgy.tmp</t>
  </si>
  <si>
    <t>\\acsfs\profiles$\LUCASBS\Planilhas\lu553089oadgy.tmp</t>
  </si>
  <si>
    <t>dc872716-fa8c-4542-8294-e492f5839f75.tmp</t>
  </si>
  <si>
    <t>\\acsfs\profiles$\felipetds\Downloads\dc872716-fa8c-4542-8294-e492f5839f75.tmp</t>
  </si>
  <si>
    <t>lu3078841xd8a.tmp</t>
  </si>
  <si>
    <t>\\acsfs\profiles$\CINTIADCF\lu3078841xd8a.tmp</t>
  </si>
  <si>
    <t>\\acsfs\profiles$\CINTIADCF\lu3078841xd8a.tmp\</t>
  </si>
  <si>
    <t>\\acsfs\profiles$\CINTIADCF\lu3078841xd8a.tmp\META-INF\</t>
  </si>
  <si>
    <t>\\acsfs\profiles$\CINTIADCF\lu3078841xd8a.tmp\Thumbnails\</t>
  </si>
  <si>
    <t>2c9c255a-3098-4fbb-a4fd-190e1f31d694.tmp</t>
  </si>
  <si>
    <t>\\acsfs\profiles$\BRUNAAR\Downloads\2c9c255a-3098-4fbb-a4fd-190e1f31d694.tmp</t>
  </si>
  <si>
    <t>lu553089oadh4.tmp</t>
  </si>
  <si>
    <t>\\acsfs\profiles$\LUCASBS\Planilhas\lu553089oadh4.tmp</t>
  </si>
  <si>
    <t>2bb21a96-1129-4241-8765-6744f257a1d3.tmp</t>
  </si>
  <si>
    <t>\\acsfs\profiles$\felipetds\Downloads\2bb21a96-1129-4241-8765-6744f257a1d3.tmp</t>
  </si>
  <si>
    <t>c42a39b7-0541-4cf7-8c31-9afc664d2a12.tmp</t>
  </si>
  <si>
    <t>\\acsfs\profiles$\luanarda\Downloads\c42a39b7-0541-4cf7-8c31-9afc664d2a12.tmp</t>
  </si>
  <si>
    <t>lu103668cwn623.tmp</t>
  </si>
  <si>
    <t>\\acsfs\profiles$\BRUNAAR\Numero\lu103668cwn623.tmp</t>
  </si>
  <si>
    <t>lu103668cwn627.tmp</t>
  </si>
  <si>
    <t>\\acsfs\profiles$\BRUNAAR\Numero\lu103668cwn627.tmp</t>
  </si>
  <si>
    <t>RELATORIO DE LOGIN - BV CARTÕES 02-01 - Cópia.xlsm</t>
  </si>
  <si>
    <t>\\acsfs\DEPTOS\Operacao\PCP\5 - Comum\PLANEJAMENTO BV\14 - ACOMPANHAMENTO\1 - REPORT ACOMPANHAMENTO\2020\1 - JANEIRO\CARTÕES\Login Logout Cartões\RELATORIO DE LOGIN - BV CARTÕES 02-01 - Cópia.xlsm</t>
  </si>
  <si>
    <t>\\acsfs\profiles$\cristianodab\My Documents\xworkcenter\logs\</t>
  </si>
  <si>
    <t>XLOG_cristianodab_04012020_134342.log</t>
  </si>
  <si>
    <t>\\acsfs\profiles$\cristianodab\My Documents\xworkcenter\logs\XLOG_cristianodab_04012020_134342.log</t>
  </si>
  <si>
    <t>RELATORIO DE LOGIN - BV CARTÕES 03-01.xlsm</t>
  </si>
  <si>
    <t>\\acsfs\DEPTOS\Operacao\PCP\5 - Comum\PLANEJAMENTO BV\14 - ACOMPANHAMENTO\1 - REPORT ACOMPANHAMENTO\2020\1 - JANEIRO\CARTÕES\Login Logout Cartões\RELATORIO DE LOGIN - BV CARTÕES 03-01.xlsm</t>
  </si>
  <si>
    <t>lu553089oadhf.tmp</t>
  </si>
  <si>
    <t>\\acsfs\profiles$\LUCASBS\Planilhas\lu553089oadhf.tmp</t>
  </si>
  <si>
    <t>25ed931f-926f-43d0-9a96-6ccd512a761c.tmp</t>
  </si>
  <si>
    <t>\\acsfs\profiles$\fabianafv\Downloads\25ed931f-926f-43d0-9a96-6ccd512a761c.tmp</t>
  </si>
  <si>
    <t>667f7187-ee8b-4509-897b-16b02e612ac4.tmp</t>
  </si>
  <si>
    <t>\\acsfs\profiles$\fabianafv\Downloads\667f7187-ee8b-4509-897b-16b02e612ac4.tmp</t>
  </si>
  <si>
    <t>668ab243-2904-44aa-b7c2-4d8207c19adf.tmp</t>
  </si>
  <si>
    <t>\\acsfs\profiles$\luanarda\Downloads\668ab243-2904-44aa-b7c2-4d8207c19adf.tmp</t>
  </si>
  <si>
    <t>e532e5f8-6fcf-4c9e-b7db-6fb024a07b10.tmp</t>
  </si>
  <si>
    <t>\\acsfs\profiles$\MATEUSJM\Downloads\e532e5f8-6fcf-4c9e-b7db-6fb024a07b10.tmp</t>
  </si>
  <si>
    <t>75bd99eb-ac2d-480e-9cbf-71c6cd32d8b4.tmp</t>
  </si>
  <si>
    <t>\\acsfs\profiles$\fabianafv\Downloads\75bd99eb-ac2d-480e-9cbf-71c6cd32d8b4.tmp</t>
  </si>
  <si>
    <t>a74a1cad-3c00-45dd-9420-0ad9e9dd46d3.tmp</t>
  </si>
  <si>
    <t>\\acsfs\profiles$\fabianafv\Downloads\a74a1cad-3c00-45dd-9420-0ad9e9dd46d3.tmp</t>
  </si>
  <si>
    <t>bvcartes-supervisores@algarnet.onmicrosoft.com;joaogvc@algartech.com;leonardoao@algartech.com;marianadjc@algartech.com;paulacn@algartech.com;planejamentodeoperacoesetrafego@bv.com.br;rafaelggs@algartech.com;taysdss@algartech.com;thiagordu@algartech.com;viniciussg@algartech.com;</t>
  </si>
  <si>
    <t>bvcartes-supervisores@algarnet.onmicrosoft.com,joaogvc@algartech.com,leonardoao@algartech.com,marianadjc@algartech.com,paulacn@algartech.com,planejamentodeoperacoesetrafego@bv.com.br,rafaelggs@algartech.com,taysdss@algartech.com,thiagordu@algartech.com,viniciussg@algartech.com</t>
  </si>
  <si>
    <t>lu274011v3ks.tmp</t>
  </si>
  <si>
    <t>\\acsfs\profiles$\marcellewdl\My Documents\lu274011v3ks.tmp</t>
  </si>
  <si>
    <t>\\acsfs\profiles$\marcellewdl\My Documents\lu274011v3ks.tmp\</t>
  </si>
  <si>
    <t>\\acsfs\profiles$\marcellewdl\My Documents\lu274011v3ks.tmp\META-INF\</t>
  </si>
  <si>
    <t>\\acsfs\profiles$\marcellewdl\My Documents\lu274011v3ks.tmp\Thumbnails\</t>
  </si>
  <si>
    <t>lu27002kzlvu.tmp</t>
  </si>
  <si>
    <t>\\acsfs\profiles$\dhiulliananads\My Documents\lu27002kzlvu.tmp</t>
  </si>
  <si>
    <t>\\acsfs\profiles$\dhiulliananads\My Documents\lu27002kzlvu.tmp\</t>
  </si>
  <si>
    <t>\\acsfs\profiles$\dhiulliananads\My Documents\lu27002kzlvu.tmp\META-INF\</t>
  </si>
  <si>
    <t>\\acsfs\profiles$\dhiulliananads\My Documents\lu27002kzlvu.tmp\Thumbnails\</t>
  </si>
  <si>
    <t>69c97bac-693b-4ca9-8373-f6f09f83b432.tmp</t>
  </si>
  <si>
    <t>\\acsfs\profiles$\isabellegtds\Downloads\69c97bac-693b-4ca9-8373-f6f09f83b432.tmp</t>
  </si>
  <si>
    <t>bdaac433-eb9a-4843-a505-0b1d9cf3b7ce.tmp</t>
  </si>
  <si>
    <t>\\acsfs\profiles$\philipegsf\Downloads\bdaac433-eb9a-4843-a505-0b1d9cf3b7ce.tmp</t>
  </si>
  <si>
    <t>12ba5c89-100c-48b3-a1e8-7cc8f27265a3.tmp</t>
  </si>
  <si>
    <t>\\acsfs\profiles$\philipegsf\Downloads\12ba5c89-100c-48b3-a1e8-7cc8f27265a3.tmp</t>
  </si>
  <si>
    <t>87e6d68e-d672-4e0a-8479-1d62ea3fd880.tmp</t>
  </si>
  <si>
    <t>\\acsfs\profiles$\MATEUSJM\Downloads\87e6d68e-d672-4e0a-8479-1d62ea3fd880.tmp</t>
  </si>
  <si>
    <t>755f1445-a4e3-497d-9116-7d2ab816b93d.tmp</t>
  </si>
  <si>
    <t>\\acsfs\profiles$\isabellegtds\Downloads\755f1445-a4e3-497d-9116-7d2ab816b93d.tmp</t>
  </si>
  <si>
    <t>ccf6dc46-05f4-49b2-b5b5-2c72a31418d4.tmp</t>
  </si>
  <si>
    <t>\\acsfs\profiles$\isabellegtds\Downloads\ccf6dc46-05f4-49b2-b5b5-2c72a31418d4.tmp</t>
  </si>
  <si>
    <t>eff2b3a7-3f08-44eb-9289-5ea2672b3707.tmp</t>
  </si>
  <si>
    <t>\\acsfs\profiles$\philipegsf\Downloads\eff2b3a7-3f08-44eb-9289-5ea2672b3707.tmp</t>
  </si>
  <si>
    <t>36dd419d-2be3-4868-953d-1d0b7c621a04.tmp</t>
  </si>
  <si>
    <t>\\acsfs\profiles$\welidicdj\Downloads\36dd419d-2be3-4868-953d-1d0b7c621a04.tmp</t>
  </si>
  <si>
    <t>319eebcb-2d8e-4c17-a223-4fe1ecdab20c.tmp</t>
  </si>
  <si>
    <t>\\acsfs\profiles$\welidicdj\Downloads\319eebcb-2d8e-4c17-a223-4fe1ecdab20c.tmp</t>
  </si>
  <si>
    <t>e1cfbd50-a7e6-444b-b7d4-223ba4065f71.tmp</t>
  </si>
  <si>
    <t>\\acsfs\profiles$\brunalas\Downloads\e1cfbd50-a7e6-444b-b7d4-223ba4065f71.tmp</t>
  </si>
  <si>
    <t>b0dcc5c0-b602-4dfe-9a2c-339c168db44b.tmp</t>
  </si>
  <si>
    <t>\\acsfs\profiles$\brunalas\Downloads\b0dcc5c0-b602-4dfe-9a2c-339c168db44b.tmp</t>
  </si>
  <si>
    <t>b5d1de02-1e6b-4f63-ba47-0fa65612df06.tmp</t>
  </si>
  <si>
    <t>\\acsfs\profiles$\henriqueco\Downloads\b5d1de02-1e6b-4f63-ba47-0fa65612df06.tmp</t>
  </si>
  <si>
    <t>ac7dbd91-f1dc-491d-8c8f-03ae2fc82ba8.tmp</t>
  </si>
  <si>
    <t>\\acsfs\profiles$\henriqueco\Downloads\ac7dbd91-f1dc-491d-8c8f-03ae2fc82ba8.tmp</t>
  </si>
  <si>
    <t>716fd480-4a36-43da-8753-dc792c5a3a12.tmp</t>
  </si>
  <si>
    <t>\\acsfs\profiles$\henriqueco\Downloads\716fd480-4a36-43da-8753-dc792c5a3a12.tmp</t>
  </si>
  <si>
    <t>fcb35847-f408-4340-b356-57fd94e9b271.tmp</t>
  </si>
  <si>
    <t>\\acsfs\profiles$\henriqueco\Downloads\fcb35847-f408-4340-b356-57fd94e9b271.tmp</t>
  </si>
  <si>
    <t>bb16d979-5e30-43cf-848b-c15c3510535c.tmp</t>
  </si>
  <si>
    <t>\\acsfs\profiles$\cintiadjl\Downloads\bb16d979-5e30-43cf-848b-c15c3510535c.tmp</t>
  </si>
  <si>
    <t>31e26e3d-50de-4560-941d-a1fe98bbee85.tmp</t>
  </si>
  <si>
    <t>\\acsfs\profiles$\cintiadjl\Downloads\31e26e3d-50de-4560-941d-a1fe98bbee85.tmp</t>
  </si>
  <si>
    <t>9fba6521-aae5-4b66-9a7d-d324f1d944cb.tmp</t>
  </si>
  <si>
    <t>\\acsfs\profiles$\philipegsf\Downloads\9fba6521-aae5-4b66-9a7d-d324f1d944cb.tmp</t>
  </si>
  <si>
    <t>91423fd8-46cc-493d-8ea9-40711aa2c1d1.tmp</t>
  </si>
  <si>
    <t>\\acsfs\profiles$\philipegsf\Downloads\91423fd8-46cc-493d-8ea9-40711aa2c1d1.tmp</t>
  </si>
  <si>
    <t>22fda69a-a44c-4f9e-b4a6-2c3d6bc68e9a.tmp</t>
  </si>
  <si>
    <t>\\acsfs\profiles$\brunalas\Downloads\22fda69a-a44c-4f9e-b4a6-2c3d6bc68e9a.tmp</t>
  </si>
  <si>
    <t>01815625-5af7-437f-bc9a-1fe7412c4318.tmp</t>
  </si>
  <si>
    <t>\\acsfs\profiles$\philipegsf\Downloads\01815625-5af7-437f-bc9a-1fe7412c4318.tmp</t>
  </si>
  <si>
    <t>7419ce24-6601-415b-8cb3-ba5cbe012da9.tmp</t>
  </si>
  <si>
    <t>\\acsfs\profiles$\henriqueco\Downloads\7419ce24-6601-415b-8cb3-ba5cbe012da9.tmp</t>
  </si>
  <si>
    <t>RAFAELA CRISTINA DE OLIVEIRA CLEMENTINO (11).contact</t>
  </si>
  <si>
    <t>\\acsfs\profiles$\rafaelacdoc\Contacts\RAFAELA CRISTINA DE OLIVEIRA CLEMENTINO (11).contact</t>
  </si>
  <si>
    <t>c5966618-f8ae-4027-b695-2dc74fff8490.tmp</t>
  </si>
  <si>
    <t>\\acsfs\profiles$\rafaelacdoc\Downloads\c5966618-f8ae-4027-b695-2dc74fff8490.tmp</t>
  </si>
  <si>
    <t>cfca082e-dd55-48e9-8fe7-be384f174e24.tmp</t>
  </si>
  <si>
    <t>\\acsfs\profiles$\rafaelacdoc\Downloads\cfca082e-dd55-48e9-8fe7-be384f174e24.tmp</t>
  </si>
  <si>
    <t>33e782ac-16da-44cb-89bc-b97dd28d7b1d.tmp</t>
  </si>
  <si>
    <t>\\acsfs\profiles$\rafaelacdoc\Downloads\33e782ac-16da-44cb-89bc-b97dd28d7b1d.tmp</t>
  </si>
  <si>
    <t>lu27002kzlvz.tmp</t>
  </si>
  <si>
    <t>\\acsfs\profiles$\dhiulliananads\My Documents\lu27002kzlvz.tmp</t>
  </si>
  <si>
    <t>\\acsfs\profiles$\dhiulliananads\My Documents\lu27002kzlvz.tmp\</t>
  </si>
  <si>
    <t>\\acsfs\profiles$\dhiulliananads\My Documents\lu27002kzlvz.tmp\META-INF\</t>
  </si>
  <si>
    <t>\\acsfs\profiles$\dhiulliananads\My Documents\lu27002kzlvz.tmp\Thumbnails\</t>
  </si>
  <si>
    <t>1f2edb05-9546-4e61-9755-14d469db48ab.tmp</t>
  </si>
  <si>
    <t>\\acsfs\profiles$\myllenardl\Downloads\1f2edb05-9546-4e61-9755-14d469db48ab.tmp</t>
  </si>
  <si>
    <t>6b66b35f-2f86-487f-b1fa-d4fd0d14e236.tmp</t>
  </si>
  <si>
    <t>\\acsfs\profiles$\myllenardl\Downloads\6b66b35f-2f86-487f-b1fa-d4fd0d14e236.tmp</t>
  </si>
  <si>
    <t>7f2c4ddd-6ee1-40fe-a3e5-1c59a480a051.tmp</t>
  </si>
  <si>
    <t>\\acsfs\profiles$\nycolleemdj\Downloads\7f2c4ddd-6ee1-40fe-a3e5-1c59a480a051.tmp</t>
  </si>
  <si>
    <t>Q29udHJvbGxlci5JRS1JbmZvQlY- (25).ica</t>
  </si>
  <si>
    <t>\\acsfs\profiles$\nycolleemdj\Downloads\Q29udHJvbGxlci5JRS1JbmZvQlY- (25).ica</t>
  </si>
  <si>
    <t>6fae9c12-b2d3-4880-96ab-47d63798cdc2.tmp</t>
  </si>
  <si>
    <t>\\acsfs\profiles$\nycolleemdj\Downloads\6fae9c12-b2d3-4880-96ab-47d63798cdc2.tmp</t>
  </si>
  <si>
    <t>Q29udHJvbGxlci5JRS1JbmZvQlY- (27).ica</t>
  </si>
  <si>
    <t>\\acsfs\profiles$\nycolleemdj\Downloads\Q29udHJvbGxlci5JRS1JbmZvQlY- (27).ica</t>
  </si>
  <si>
    <t>563b517c-41d1-4339-ac82-9dc8bcb15b68.tmp</t>
  </si>
  <si>
    <t>\\acsfs\profiles$\nycolleemdj\Downloads\563b517c-41d1-4339-ac82-9dc8bcb15b68.tmp</t>
  </si>
  <si>
    <t>3815dee3-7dec-401b-b4ea-b6a29dda1cdb.tmp</t>
  </si>
  <si>
    <t>\\acsfs\profiles$\cintiadjl\Downloads\3815dee3-7dec-401b-b4ea-b6a29dda1cdb.tmp</t>
  </si>
  <si>
    <t>c9324761-f100-42d8-adde-f82abacb8021.tmp</t>
  </si>
  <si>
    <t>\\acsfs\profiles$\paulohaf\Downloads\c9324761-f100-42d8-adde-f82abacb8021.tmp</t>
  </si>
  <si>
    <t>ae3de790-0609-47bd-9a59-87d8b375abea.tmp</t>
  </si>
  <si>
    <t>\\acsfs\profiles$\paulohaf\Downloads\ae3de790-0609-47bd-9a59-87d8b375abea.tmp</t>
  </si>
  <si>
    <t>9e20186a-2208-4ba6-b4c4-360ae08f385d.tmp</t>
  </si>
  <si>
    <t>\\acsfs\profiles$\paulohaf\Downloads\9e20186a-2208-4ba6-b4c4-360ae08f385d.tmp</t>
  </si>
  <si>
    <t>53603e4d-899f-4526-856d-83ba441cce58.tmp</t>
  </si>
  <si>
    <t>\\acsfs\profiles$\nathaliaos\Downloads\53603e4d-899f-4526-856d-83ba441cce58.tmp</t>
  </si>
  <si>
    <t>b0b6c57e-f2f3-449e-9ac3-83787d8ee2ca.tmp</t>
  </si>
  <si>
    <t>\\acsfs\profiles$\nathaliaos\Downloads\b0b6c57e-f2f3-449e-9ac3-83787d8ee2ca.tmp</t>
  </si>
  <si>
    <t>3d9b885a-71fa-49b5-a177-63d450f952c3.tmp</t>
  </si>
  <si>
    <t>\\acsfs\profiles$\leonardocb\Downloads\3d9b885a-71fa-49b5-a177-63d450f952c3.tmp</t>
  </si>
  <si>
    <t>977c0982-7332-491a-9ccb-9e9bb91dc2f6.tmp</t>
  </si>
  <si>
    <t>\\acsfs\profiles$\taylaedoa\Downloads\977c0982-7332-491a-9ccb-9e9bb91dc2f6.tmp</t>
  </si>
  <si>
    <t>3a13fca5-106d-475e-8452-fa3a3cc749ea.tmp</t>
  </si>
  <si>
    <t>\\acsfs\profiles$\leonardocb\Downloads\3a13fca5-106d-475e-8452-fa3a3cc749ea.tmp</t>
  </si>
  <si>
    <t>45e98791-e1d5-4c95-902a-5708758f993b.tmp</t>
  </si>
  <si>
    <t>\\acsfs\profiles$\cintiadjl\Downloads\45e98791-e1d5-4c95-902a-5708758f993b.tmp</t>
  </si>
  <si>
    <t>649e40f9-7206-4053-a4c1-7582f4c65f3c.tmp</t>
  </si>
  <si>
    <t>\\acsfs\profiles$\taylaedoa\Downloads\649e40f9-7206-4053-a4c1-7582f4c65f3c.tmp</t>
  </si>
  <si>
    <t>5f2c7c8e-249d-47ed-a53d-2d427a5ada0e.tmp</t>
  </si>
  <si>
    <t>\\acsfs\profiles$\fabianafv\Downloads\5f2c7c8e-249d-47ed-a53d-2d427a5ada0e.tmp</t>
  </si>
  <si>
    <t>33b6b9d3-da4e-4da5-be1a-26b07d84af73.tmp</t>
  </si>
  <si>
    <t>\\acsfs\profiles$\brunalas\Downloads\33b6b9d3-da4e-4da5-be1a-26b07d84af73.tmp</t>
  </si>
  <si>
    <t>4c8909ef-a4d5-4e7e-b8c9-d87136c15911.tmp</t>
  </si>
  <si>
    <t>\\acsfs\profiles$\brunalas\Downloads\4c8909ef-a4d5-4e7e-b8c9-d87136c15911.tmp</t>
  </si>
  <si>
    <t>4b361335-40bf-4589-b4ac-0d7190807573.tmp</t>
  </si>
  <si>
    <t>\\acsfs\profiles$\fabianafv\Downloads\4b361335-40bf-4589-b4ac-0d7190807573.tmp</t>
  </si>
  <si>
    <t>6254aa40-c2f3-4432-a1f7-ca2a03d5a2ee.tmp</t>
  </si>
  <si>
    <t>\\acsfs\profiles$\leonardocb\Downloads\6254aa40-c2f3-4432-a1f7-ca2a03d5a2ee.tmp</t>
  </si>
  <si>
    <t>bcb3d220-3916-4695-b6e4-2c7db095462c.tmp</t>
  </si>
  <si>
    <t>\\acsfs\profiles$\cintiadjl\Downloads\bcb3d220-3916-4695-b6e4-2c7db095462c.tmp</t>
  </si>
  <si>
    <t>64-1C-67-9C-84-71</t>
  </si>
  <si>
    <t>VOTORANT-JB020</t>
  </si>
  <si>
    <t>9612c543-431d-457c-80c9-a4a499f74631.tmp</t>
  </si>
  <si>
    <t>\\acsfs\profiles$\paulohaf\Downloads\9612c543-431d-457c-80c9-a4a499f74631.tmp</t>
  </si>
  <si>
    <t>bf48d3b1-5891-444f-8fb6-091cb1fa8d9d.tmp</t>
  </si>
  <si>
    <t>\\acsfs\profiles$\paulohaf\Downloads\bf48d3b1-5891-444f-8fb6-091cb1fa8d9d.tmp</t>
  </si>
  <si>
    <t>"application":"retail";"attributes":{"id":"r38v05-y886go-7uc44y-rcc0l2";"id":"r38v05-y886go-7uc44y-rcc0l2";"meaningful":"interactive";"messageid":"vs48c4-jt74m7-gy4ob5-8celz";"obfuscatedmarketplaceid":"art4wz8mwbx2y";"producerid":"csa";"requestid":"460e4adzekxgxgj42a2h";"schemaid":"csa.pageentity.1";"url":"https://www.amazon.com/ap/signin?accountstatuspolicy=p1;br accept-language: pt-br;deflate;en-us;q=0.8;en;q=0.7 cookie: session-id=130-1341236-8844039; session-id-time=2208897134l; lc-main-av=pt_br {"events":[{"data":{"timestamp":"2020-01-04t22:32:15.915z";https://www.primevideo.com/auth/return/ref=av_auth_ap?_encoding=utf8&amp;location=%2fsignup%2fref%3ddv_web_auth_no_re_sig%3f_encoding%3dutf8%26devicetypeid%3da13q6a55dbzb7m%26offer%3dpm accept-encoding: gzip;pt;q=0.9;version;</t>
  </si>
  <si>
    <t>https://"application":"retail","attributes":{"id":"r38v05-y886go-7uc44y-rcc0l2","id":"r38v05-y886go-7uc44y-rcc0l2","meaningful":"interactive","messageid":"vs48c4-jt74m7-gy4ob5-8celz","obfuscatedmarketplaceid":"art4wz8mwbx2y","producerid":"csa","requestid":"460e4adzekxgxgj42a2h","schemaid":"csa.pageentity.1","url":"https://www.amazon.com/ap/signin?accountstatuspolicy=p1,br accept-language: pt-br,deflate,en-us;q=0.8,en;q=0.7 cookie: session-id=130-1341236-8844039; session-id-time=2208897134l; lc-main-av=pt_br {"events":[{"data":{"timestamp":"2020-01-04t22:32:15.915z",https://www.primevideo.com/auth/return/ref=av_auth_ap?_encoding=utf8&amp;location=%2fsignup%2fref%3ddv_web_auth_no_re_sig%3f_encoding%3dutf8%26devicetypeid%3da13q6a55dbzb7m%26offer%3dpm accept-encoding: gzip,pt;q=0.9,version</t>
  </si>
  <si>
    <t>"application":"retail";"attributes":{"id":"r38v05-y886go-7uc44y-rcc0l2";"entities":{"page":{"id":"vu8wcj-5bsz7a-7y6mtj-igkdcp";"id":"r38v05-y886go-7uc44y-rcc0l2";"meaningful":"interactive";"messageid":"73al9s-1ussm0-nkf1cp-d4ezgb";"messageid":"vs48c4-jt74m7-gy4ob5-8celz";"obfuscatedmarketplaceid":"art4wz8mwbx2y";"path":"/ap/signin/130-1341236-8844039";"producerid":"csa";"referrer":"https://www.amazon.com/ap/signin?accountstatuspolicy=p1;"requestid":"460e4adzekxgxgj42a2h";"requestid":"9h3nnmw9xcakxjcher9p";"schemaid":"csa.pageentity.1";"schemaid":"csa.pagerender.3";"server":"www.amazon.com";"timestamp":"2020-01-04t22:32:55.751z";"title":"acessar amazon"}}};"url":"https://www.amazon.com/ap/signin/130-1341236-8844039";"url":"https://www.amazon.com/ap/signin?accountstatuspolicy=p1;br accept-language: pt-br;deflate;en-us;q=0.8;en;q=0.7 cookie: session-id=130-1341236-8844039; session-id-time=2208897134l; lc-main-av=pt_br {"events":[{"data":{"timestamp":"2020-01-04t22:32:15.915z";https://www.primevideo.com/auth/retu</t>
  </si>
  <si>
    <t>https://"application":"retail","attributes":{"id":"r38v05-y886go-7uc44y-rcc0l2","entities":{"page":{"id":"vu8wcj-5bsz7a-7y6mtj-igkdcp","id":"r38v05-y886go-7uc44y-rcc0l2","meaningful":"interactive","messageid":"73al9s-1ussm0-nkf1cp-d4ezgb","messageid":"vs48c4-jt74m7-gy4ob5-8celz","obfuscatedmarketplaceid":"art4wz8mwbx2y","path":"/ap/signin/130-1341236-8844039","producerid":"csa","referrer":"https://www.amazon.com/ap/signin?accountstatuspolicy=p1,"requestid":"460e4adzekxgxgj42a2h","requestid":"9h3nnmw9xcakxjcher9p","schemaid":"csa.pageentity.1","schemaid":"csa.pagerender.3","server":"www.amazon.com","timestamp":"2020-01-04t22:32:55.751z","title":"acessar amazon"}}},"url":"https://www.amazon.com/ap/signin/130-1341236-8844039","url":"https://www.amazon.com/ap/signin?accountstatuspolicy=p1,br accept-language: pt-br,deflate,en-us;q=0.8,en;q=0.7 cookie: session-id=130-1341236-8844039; session-id-time=2208897134l; lc-main-av=pt_br {"events":[{"data":{"timestamp":"2020-01-04t22:32:15.915z",https://www.primevideo.com/a</t>
  </si>
  <si>
    <t>"application":"retail";"attributes":{"id":"r38v05-y886go-7uc44y-rcc0l2";"entities":{"page":{"id":"vu8wcj-5bsz7a-7y6mtj-igkdcp";"id":"r38v05-y886go-7uc44y-rcc0l2";"meaningful":"interactive";"messageid":"73al9s-1ussm0-nkf1cp-d4ezgb";"messageid":"vs48c4-jt74m7-gy4ob5-8celz";"obfuscatedmarketplaceid":"art4wz8mwbx2y";"path":"/ap/signin/130-1341236-8844039";"producerid":"csa";"referrer":"https://www.amazon.com/ap/signin?accountstatuspolicy=p1;"requestid":"460e4adzekxgxgj42a2h";"requestid":"9h3nnmw9xcakxjcher9p";"schemaid":"csa.pageentity.1";"schemaid":"csa.pagerender.3";"server":"www.amazon.com";"timestamp":"2020-01-04t22:32:55.751z";"title":"acessar;"title":"acessar amazon"}}};"url":"https://www.amazon.com/ap/signin/130-1341236-8844039";"url":"https://www.amazon.com/ap/signin?accountstatuspolicy=p1;br accept-language: pt-br;deflate;en-us;q=0.8;en;q=0.7 cookie: session-id=130-1341236-8844039; session-id-time=2208897134l; lc-main-av=pt_br {"events":[{"data":{"timestamp":"2020-01-04t22:32:15.915z";https://www.primevi</t>
  </si>
  <si>
    <t>https://"application":"retail","attributes":{"id":"r38v05-y886go-7uc44y-rcc0l2","entities":{"page":{"id":"vu8wcj-5bsz7a-7y6mtj-igkdcp","id":"r38v05-y886go-7uc44y-rcc0l2","meaningful":"interactive","messageid":"73al9s-1ussm0-nkf1cp-d4ezgb","messageid":"vs48c4-jt74m7-gy4ob5-8celz","obfuscatedmarketplaceid":"art4wz8mwbx2y","path":"/ap/signin/130-1341236-8844039","producerid":"csa","referrer":"https://www.amazon.com/ap/signin?accountstatuspolicy=p1,"requestid":"460e4adzekxgxgj42a2h","requestid":"9h3nnmw9xcakxjcher9p","schemaid":"csa.pageentity.1","schemaid":"csa.pagerender.3","server":"www.amazon.com","timestamp":"2020-01-04t22:32:55.751z","title":"acessar,"title":"acessar amazon"}}},"url":"https://www.amazon.com/ap/signin/130-1341236-8844039","url":"https://www.amazon.com/ap/signin?accountstatuspolicy=p1,br accept-language: pt-br,deflate,en-us;q=0.8,en;q=0.7 cookie: session-id=130-1341236-8844039; session-id-time=2208897134l; lc-main-av=pt_br {"events":[{"data":{"timestamp":"2020-01-04t22:32:15.915z",https://www</t>
  </si>
  <si>
    <t>a4803afb-8cc8-46bb-b52b-2a988b70981e</t>
  </si>
  <si>
    <t>a4803afb-8cc8-46bb-b52b-2a988b70981e;</t>
  </si>
  <si>
    <t>5d76f4bc-21cf-4c56-b142-18670fa73c1b.tmp</t>
  </si>
  <si>
    <t>\\acsfs\profiles$\rafaelacdoc\Downloads\5d76f4bc-21cf-4c56-b142-18670fa73c1b.tmp</t>
  </si>
  <si>
    <t>71a30ef7-33b6-4d5f-b34d-16b796961571.tmp</t>
  </si>
  <si>
    <t>\\acsfs\profiles$\rafaelacdoc\Downloads\71a30ef7-33b6-4d5f-b34d-16b796961571.tmp</t>
  </si>
  <si>
    <t>661a9e46-57c4-467b-aa9d-b12e00655ded.tmp</t>
  </si>
  <si>
    <t>\\acsfs\profiles$\fabianafv\Downloads\661a9e46-57c4-467b-aa9d-b12e00655ded.tmp</t>
  </si>
  <si>
    <t>cb940e35-cd62-4207-8360-b94bdc224d4f.tmp</t>
  </si>
  <si>
    <t>\\acsfs\profiles$\rafaelacdoc\Downloads\cb940e35-cd62-4207-8360-b94bdc224d4f.tmp</t>
  </si>
  <si>
    <t>164a574b-c6c3-413d-bf96-ebecaa8b73ad; jsessionid=352611e3aa85ebffb417e9f58eb5c0db; glide_user_activity=u0n2mzpjegnmrzvxynljturqa2zxyuzrmmprn3vmvk1hastfdtpoz24wrm1nn3pevwtabxvwl2tauktqahbnwgvxrwzseitjq2pxtkqzwec4pq==; glide_session_store=1237c8db1b8284d4e80</t>
  </si>
  <si>
    <t>https://alunodigital.faculdadepitagoras.com.br/api/now/sp/rectangle/a2d05b34db15730087dc4410ba961974?id=pda_disciplinas</t>
  </si>
  <si>
    <t>accept-encoding: gzip;br accept-language: pt-br;deflate;en-us;q=0.8;en;q=0.7 cookie: glide_user_route=glide.5f40aac7111c5e3162f5d8ac8f69367e; bigipserverpool_kroton=192962314.33854.0000; glide_user_activity=u0n2mzptnklubuy2ddl3bmi2vkc5qmryq291uxvjzglgtmlsatoxumvey0tmtmg4d2hhzm5hcjhqzdzoz1j6afvgu3njcjvlzhrusi80tjfvpq==; _ga=ga1.3.628006740.1578176490; _gid=ga1.3.393176494.1578176490; ai_user=ik8pz|2020-01-04t22:21:29.782z; _hjid=164a574b-c6c3-413d-bf96-ebecaa8b73ad; adrum=s=1578177006151;pt;q=0.9;</t>
  </si>
  <si>
    <t>https:// accept-encoding: gzip,br accept-language: pt-br,deflate,en-us;q=0.8,en;q=0.7 cookie: glide_user_route=glide.5f40aac7111c5e3162f5d8ac8f69367e; bigipserverpool_kroton=192962314.33854.0000; glide_user_activity=u0n2mzptnklubuy2ddl3bmi2vkc5qmryq291uxvjzglgtmlsatoxumvey0tmtmg4d2hhzm5hcjhqzdzoz1j6afvgu3njcjvlzhrusi80tjfvpq==; _ga=ga1.3.628006740.1578176490; _gid=ga1.3.393176494.1578176490; ai_user=ik8pz|2020-01-04t22:21:29.782z; _hjid=164a574b-c6c3-413d-bf96-ebecaa8b73ad; adrum=s=1578177006151,pt;q=0.9</t>
  </si>
  <si>
    <t>b6cb6280-7a9b-422b-936f-1dc2ae70ac97.tmp</t>
  </si>
  <si>
    <t>\\acsfs\profiles$\rafaelacdoc\Downloads\b6cb6280-7a9b-422b-936f-1dc2ae70ac97.tmp</t>
  </si>
  <si>
    <t>ed0c1eac-279c-4156-a304-adb294e341c8.tmp</t>
  </si>
  <si>
    <t>\\acsfs\profiles$\taylaedoa\Downloads\ed0c1eac-279c-4156-a304-adb294e341c8.tmp</t>
  </si>
  <si>
    <t>8068769c-899a-410e-8f42-99b8367067fe.tmp</t>
  </si>
  <si>
    <t>\\acsfs\profiles$\taylaedoa\Downloads\8068769c-899a-410e-8f42-99b8367067fe.tmp</t>
  </si>
  <si>
    <t>1a4b6fcd-bced-480e-94ba-d54e2c022776.tmp</t>
  </si>
  <si>
    <t>\\acsfs\profiles$\taylaedoa\Downloads\1a4b6fcd-bced-480e-94ba-d54e2c022776.tmp</t>
  </si>
  <si>
    <t>fabriciadc@algartech.com.br;joaogvc@algartech.com;josiascdsj@algartech.com;leonardoao@algartech.com;marianadjc@algartech.com;matheuscm@algartech.com.br;rafaelggs@algartech.com;taysdss@algartech.com;thiagordu@algartech.com;viniciussg@algartech.com;</t>
  </si>
  <si>
    <t>fabriciadc@algartech.com.br,joaogvc@algartech.com,josiascdsj@algartech.com,leonardoao@algartech.com,marianadjc@algartech.com,matheuscm@algartech.com.br,rafaelggs@algartech.com,taysdss@algartech.com,thiagordu@algartech.com,viniciussg@algartech.com</t>
  </si>
  <si>
    <t>c5996b7d-8cf0-4856-b4a0-e19007a30b44.tmp</t>
  </si>
  <si>
    <t>\\acsfs\profiles$\taylaedoa\Downloads\c5996b7d-8cf0-4856-b4a0-e19007a30b44.tmp</t>
  </si>
  <si>
    <t>09fd01f3-c81d-4003-96b9-c1b4a5c26557.tmp</t>
  </si>
  <si>
    <t>\\acsfs\profiles$\leonardocb\Downloads\09fd01f3-c81d-4003-96b9-c1b4a5c26557.tmp</t>
  </si>
  <si>
    <t>eeadf59c-39b5-46e9-bc8c-b9f7f73b31ea.tmp</t>
  </si>
  <si>
    <t>\\acsfs\profiles$\rogeriofd\Downloads\eeadf59c-39b5-46e9-bc8c-b9f7f73b31ea.tmp</t>
  </si>
  <si>
    <t>\\acsfs\profiles$\georgendsq\My Documents\xworkcenter\logs\</t>
  </si>
  <si>
    <t>XLOG_georgendsq_20122019_210847.log</t>
  </si>
  <si>
    <t>\\acsfs\profiles$\georgendsq\My Documents\xworkcenter\logs\XLOG_georgendsq_20122019_210847.log</t>
  </si>
  <si>
    <t>ac17089d-f478-4e41-b462-094ccbec1e5d.tmp</t>
  </si>
  <si>
    <t>\\acsfs\profiles$\rogeriofd\Downloads\ac17089d-f478-4e41-b462-094ccbec1e5d.tmp</t>
  </si>
  <si>
    <t>86e3b020-3dc8-4cbd-b2c6-55e191dbe9c0.tmp</t>
  </si>
  <si>
    <t>\\acsfs\profiles$\ROBERTM\Downloads\86e3b020-3dc8-4cbd-b2c6-55e191dbe9c0.tmp</t>
  </si>
  <si>
    <t>69906d0e-14c6-4fdb-b722-08b1e578626f.tmp</t>
  </si>
  <si>
    <t>\\acsfs\profiles$\ROBERTM\Downloads\69906d0e-14c6-4fdb-b722-08b1e578626f.tmp</t>
  </si>
  <si>
    <t>765ee800-f9fe-4d80-bc88-0ea1bbdaf9a3.tmp</t>
  </si>
  <si>
    <t>\\acsfs\profiles$\ROBERTM\Downloads\765ee800-f9fe-4d80-bc88-0ea1bbdaf9a3.tmp</t>
  </si>
  <si>
    <t>23409f9d-641a-4317-a66b-32df1f20fd3f.tmp</t>
  </si>
  <si>
    <t>\\acsfs\profiles$\ROBERTM\Downloads\23409f9d-641a-4317-a66b-32df1f20fd3f.tmp</t>
  </si>
  <si>
    <t>ce3d5f49-a85b-4592-921b-6d2a28358c91.tmp</t>
  </si>
  <si>
    <t>\\acsfs\profiles$\ROBERTM\Downloads\ce3d5f49-a85b-4592-921b-6d2a28358c91.tmp</t>
  </si>
  <si>
    <t>b04ecc56-96e8-436b-b12d-959cac35fa1d.tmp</t>
  </si>
  <si>
    <t>\\acsfs\profiles$\ROBERTM\Downloads\b04ecc56-96e8-436b-b12d-959cac35fa1d.tmp</t>
  </si>
  <si>
    <t>ca50fc55-3ef9-45e0-a8d7-3c2c6a1b12d9.tmp</t>
  </si>
  <si>
    <t>\\acsfs\profiles$\ROBERTM\Downloads\ca50fc55-3ef9-45e0-a8d7-3c2c6a1b12d9.tmp</t>
  </si>
  <si>
    <t>317e1c2b-fdef-439a-bdae-2dbc69d404ac.tmp</t>
  </si>
  <si>
    <t>\\acsfs\profiles$\ROZENCAM\Downloads\317e1c2b-fdef-439a-bdae-2dbc69d404ac.tmp</t>
  </si>
  <si>
    <t>00337693-b638-467f-bec8-d7169b172efe.tmp</t>
  </si>
  <si>
    <t>\\acsfs\profiles$\ROZENCAM\Downloads\00337693-b638-467f-bec8-d7169b172efe.tmp</t>
  </si>
  <si>
    <t>b08ce349-99c7-462f-a1a5-0f77e02e97cc.tmp</t>
  </si>
  <si>
    <t>\\acsfs\profiles$\ROZENCAM\Downloads\b08ce349-99c7-462f-a1a5-0f77e02e97cc.tmp</t>
  </si>
  <si>
    <t>lu46292838xf7.tmp</t>
  </si>
  <si>
    <t>\\acsfs\profiles$\ALYNYA\My Documents\lu46292838xf7.tmp</t>
  </si>
  <si>
    <t>\\acsfs\profiles$\ALYNYA\My Documents\lu46292838xf7.tmp\</t>
  </si>
  <si>
    <t>\\acsfs\profiles$\ALYNYA\My Documents\lu46292838xf7.tmp\META-INF\</t>
  </si>
  <si>
    <t>\\acsfs\profiles$\ALYNYA\My Documents\lu46292838xf7.tmp\Thumbnails\</t>
  </si>
  <si>
    <t>7baf9db9-f4b3-4644-bcec-396af890ed89.tmp</t>
  </si>
  <si>
    <t>\\acsfs\profiles$\claudiajca\Downloads\7baf9db9-f4b3-4644-bcec-396af890ed89.tmp</t>
  </si>
  <si>
    <t>3eb41dfc-2ab6-4ee8-ad16-c904fc07009f.tmp</t>
  </si>
  <si>
    <t>\\acsfs\profiles$\claudiajca\Downloads\3eb41dfc-2ab6-4ee8-ad16-c904fc07009f.tmp</t>
  </si>
  <si>
    <t>6435eb20-6eca-4d21-b13c-97837ebfaa2f.tmp</t>
  </si>
  <si>
    <t>\\acsfs\profiles$\lucasqdss\Downloads\6435eb20-6eca-4d21-b13c-97837ebfaa2f.tmp</t>
  </si>
  <si>
    <t>7cbfe453-262a-4b37-885b-f3daaeb4efd0.tmp</t>
  </si>
  <si>
    <t>\\acsfs\profiles$\lucasqdss\Downloads\7cbfe453-262a-4b37-885b-f3daaeb4efd0.tmp</t>
  </si>
  <si>
    <t>10.200.67.41</t>
  </si>
  <si>
    <t>D0-94-66-B5-48-1D</t>
  </si>
  <si>
    <t>VOTORANT-YB017</t>
  </si>
  <si>
    <t>winrt--{S-1-5-21-602162358-764733703-839522115-358574}-.searchconnector-ms</t>
  </si>
  <si>
    <t>\\acsfs\profiles$\danielac\Searches\winrt--{S-1-5-21-602162358-764733703-839522115-358574}-.searchconnector-ms</t>
  </si>
  <si>
    <t>1b5395ba-356e-4988-8a5d-144bef6cbd3b.tmp</t>
  </si>
  <si>
    <t>\\acsfs\profiles$\danielac\Downloads\1b5395ba-356e-4988-8a5d-144bef6cbd3b.tmp</t>
  </si>
  <si>
    <t>1913da36-3e37-4663-b0ba-ed2c5ae5265a.tmp</t>
  </si>
  <si>
    <t>\\acsfs\profiles$\danielac\Downloads\1913da36-3e37-4663-b0ba-ed2c5ae5265a.tmp</t>
  </si>
  <si>
    <t>9a9113a4-f5b8-487d-85c8-8d187f3552e4.tmp</t>
  </si>
  <si>
    <t>\\acsfs\profiles$\vivianalds\Downloads\9a9113a4-f5b8-487d-85c8-8d187f3552e4.tmp</t>
  </si>
  <si>
    <t>b198d7a1-2636-400b-b1be-80fa808823a5.tmp</t>
  </si>
  <si>
    <t>\\acsfs\profiles$\vivianalds\Downloads\b198d7a1-2636-400b-b1be-80fa808823a5.tmp</t>
  </si>
  <si>
    <t>4dcfb981-e0d2-4e3c-9673-9ea7c73d3190.tmp</t>
  </si>
  <si>
    <t>\\acsfs\profiles$\danielac\Downloads\4dcfb981-e0d2-4e3c-9673-9ea7c73d3190.tmp</t>
  </si>
  <si>
    <t>4ecfef66-3282-4c04-b4b4-2a48ab9386ba.tmp</t>
  </si>
  <si>
    <t>\\acsfs\profiles$\vivianalds\Downloads\4ecfef66-3282-4c04-b4b4-2a48ab9386ba.tmp</t>
  </si>
  <si>
    <t>\\acsfs\profiles$\milenaas\Contacts\</t>
  </si>
  <si>
    <t>MILENA ANDREIA SOARES (8749).contact</t>
  </si>
  <si>
    <t>\\acsfs\profiles$\milenaas\Contacts\MILENA ANDREIA SOARES (8749).contact</t>
  </si>
  <si>
    <t>\\acsfs\profiles$\milenaas\My Documents\My Videos\</t>
  </si>
  <si>
    <t>\\acsfs\profiles$\milenaas\My Documents\My Videos\desktop.ini</t>
  </si>
  <si>
    <t>\\acsfs\profiles$\milenaas\My Documents\My Pictures\</t>
  </si>
  <si>
    <t>\\acsfs\profiles$\milenaas\My Documents\My Pictures\desktop.ini</t>
  </si>
  <si>
    <t>\\acsfs\profiles$\milenaas\Contacts\desktop.ini</t>
  </si>
  <si>
    <t>\\acsfs\profiles$\milenaas\Favorites\</t>
  </si>
  <si>
    <t>\\acsfs\profiles$\milenaas\Favorites\desktop.ini</t>
  </si>
  <si>
    <t>\\acsfs\profiles$\milenaas\My Documents\My Music\</t>
  </si>
  <si>
    <t>\\acsfs\profiles$\milenaas\My Documents\My Music\desktop.ini</t>
  </si>
  <si>
    <t>\\acsfs\profiles$\milenaas\Searches\</t>
  </si>
  <si>
    <t>\\acsfs\profiles$\milenaas\Searches\desktop.ini</t>
  </si>
  <si>
    <t>\\acsfs\profiles$\milenaas\Downloads\desktop.ini</t>
  </si>
  <si>
    <t>\\acsfs\profiles$\milenaas\My Documents\</t>
  </si>
  <si>
    <t>\\acsfs\profiles$\milenaas\My Documents\desktop.ini</t>
  </si>
  <si>
    <t>\\acsfs\profiles$\milenaas\Saved Games\</t>
  </si>
  <si>
    <t>\\acsfs\profiles$\milenaas\Saved Games\desktop.ini</t>
  </si>
  <si>
    <t>\\acsfs\profiles$\milenaas\Favorites\Links for Brasil\</t>
  </si>
  <si>
    <t>\\acsfs\profiles$\milenaas\Favorites\Links for Brasil\desktop.ini</t>
  </si>
  <si>
    <t>\\acsfs\profiles$\milenaas\Favorites\Links for Brasil\Microsoft Brasil.url</t>
  </si>
  <si>
    <t>\\acsfs\profiles$\milenaas\Favorites\Links for Brasil\Windows Brasil.url</t>
  </si>
  <si>
    <t>\\acsfs\profiles$\milenaas\Favorites\Links for Brasil\MSN Brasil.url</t>
  </si>
  <si>
    <t>fd35ce6e-10fc-4495-b9da-2d3367be10e3.tmp</t>
  </si>
  <si>
    <t>\\acsfs\profiles$\milenaas\Downloads\fd35ce6e-10fc-4495-b9da-2d3367be10e3.tmp</t>
  </si>
  <si>
    <t>a543749c-a6bd-4abe-86c3-2d02b7ec8864.tmp</t>
  </si>
  <si>
    <t>\\acsfs\profiles$\milenaas\Downloads\a543749c-a6bd-4abe-86c3-2d02b7ec8864.tmp</t>
  </si>
  <si>
    <t>318738c2-71ce-4da9-804b-b8b339ea2fd6.tmp</t>
  </si>
  <si>
    <t>\\acsfs\profiles$\milenaas\Downloads\318738c2-71ce-4da9-804b-b8b339ea2fd6.tmp</t>
  </si>
  <si>
    <t>40cb3946-4596-48fb-a137-869040105669.tmp</t>
  </si>
  <si>
    <t>\\acsfs\profiles$\milenaas\Downloads\40cb3946-4596-48fb-a137-869040105669.tmp</t>
  </si>
  <si>
    <t>86236772-de13-48b3-a9c1-4682af0440c7.tmp</t>
  </si>
  <si>
    <t>\\acsfs\profiles$\milenaas\Downloads\86236772-de13-48b3-a9c1-4682af0440c7.tmp</t>
  </si>
  <si>
    <t>Não confirmado 584014.crdownload</t>
  </si>
  <si>
    <t>\\acsfs\profiles$\milenaas\Downloads\Não confirmado 584014.crdownload</t>
  </si>
  <si>
    <t>61f148e9-203c-482b-9b6a-d4b8e4ff77e9.tmp</t>
  </si>
  <si>
    <t>\\acsfs\profiles$\henriquehmdo\Downloads\61f148e9-203c-482b-9b6a-d4b8e4ff77e9.tmp</t>
  </si>
  <si>
    <t>2d77031b-a197-4571-a974-fb0649c54975.tmp</t>
  </si>
  <si>
    <t>\\acsfs\profiles$\henriquehmdo\Downloads\2d77031b-a197-4571-a974-fb0649c54975.tmp</t>
  </si>
  <si>
    <t>fdf087f5-6219-4fb0-8eb0-05d31e8fda2c.tmp</t>
  </si>
  <si>
    <t>\\acsfs\profiles$\PEDROHAB\Downloads\fdf087f5-6219-4fb0-8eb0-05d31e8fda2c.tmp</t>
  </si>
  <si>
    <t>77a8e04f-19a9-4c2d-9cc2-958ce03ee320.tmp</t>
  </si>
  <si>
    <t>\\acsfs\profiles$\PEDROHAB\Downloads\77a8e04f-19a9-4c2d-9cc2-958ce03ee320.tmp</t>
  </si>
  <si>
    <t>3d4e49a6-267a-4992-b3ca-837c5722c757.tmp</t>
  </si>
  <si>
    <t>\\acsfs\profiles$\PEDROHAB\Downloads\3d4e49a6-267a-4992-b3ca-837c5722c757.tmp</t>
  </si>
  <si>
    <t>e2712f96-fec6-4f60-86b0-97eb6e45f205.tmp</t>
  </si>
  <si>
    <t>\\acsfs\profiles$\henriquehmdo\Downloads\e2712f96-fec6-4f60-86b0-97eb6e45f205.tmp</t>
  </si>
  <si>
    <t>ad4195e4-3eca-4138-b83a-a77e9ec450a8.tmp</t>
  </si>
  <si>
    <t>\\acsfs\profiles$\Flaviojmm\Downloads\ad4195e4-3eca-4138-b83a-a77e9ec450a8.tmp</t>
  </si>
  <si>
    <t>d83c2acf-9fb3-4268-976e-8f23ff7a181b.tmp</t>
  </si>
  <si>
    <t>\\acsfs\profiles$\Flaviojmm\Downloads\d83c2acf-9fb3-4268-976e-8f23ff7a181b.tmp</t>
  </si>
  <si>
    <t>461d685e-9760-46aa-bc9f-d5c92b25cdd1.tmp</t>
  </si>
  <si>
    <t>\\acsfs\profiles$\vivianalds\Downloads\461d685e-9760-46aa-bc9f-d5c92b25cdd1.tmp</t>
  </si>
  <si>
    <t>a56c07df-7c1f-44a4-9b16-77266750041a.tmp</t>
  </si>
  <si>
    <t>\\acsfs\profiles$\nataliacsl\Downloads\a56c07df-7c1f-44a4-9b16-77266750041a.tmp</t>
  </si>
  <si>
    <t>7a1d53c8-c5ea-4aff-a9e0-258ee4d38dbb.tmp</t>
  </si>
  <si>
    <t>\\acsfs\profiles$\danielmlds\Downloads\7a1d53c8-c5ea-4aff-a9e0-258ee4d38dbb.tmp</t>
  </si>
  <si>
    <t>cb2dbcc6-7108-4087-a8ac-d9e1c8516d48.tmp</t>
  </si>
  <si>
    <t>\\acsfs\profiles$\danielmlds\Downloads\cb2dbcc6-7108-4087-a8ac-d9e1c8516d48.tmp</t>
  </si>
  <si>
    <t>2b2434cb-7d54-45cf-a9c4-a744cf67ac4c.tmp</t>
  </si>
  <si>
    <t>\\acsfs\profiles$\danielmlds\Downloads\2b2434cb-7d54-45cf-a9c4-a744cf67ac4c.tmp</t>
  </si>
  <si>
    <t>b4bb1878-42de-4966-a102-2db61b357e0b.tmp</t>
  </si>
  <si>
    <t>\\acsfs\profiles$\claudiajca\Downloads\b4bb1878-42de-4966-a102-2db61b357e0b.tmp</t>
  </si>
  <si>
    <t>5c57e8f3-95b5-409f-875e-db61db781732.tmp</t>
  </si>
  <si>
    <t>\\acsfs\profiles$\Flaviojmm\Downloads\5c57e8f3-95b5-409f-875e-db61db781732.tmp</t>
  </si>
  <si>
    <t>b8a53f21-c5e0-4731-835f-e93a4de2c070.tmp</t>
  </si>
  <si>
    <t>\\acsfs\profiles$\nataliacsl\Downloads\b8a53f21-c5e0-4731-835f-e93a4de2c070.tmp</t>
  </si>
  <si>
    <t>8b7b029c-30c5-4ff0-8601-8796d3e03a8e.tmp</t>
  </si>
  <si>
    <t>\\acsfs\profiles$\danielac\Downloads\8b7b029c-30c5-4ff0-8601-8796d3e03a8e.tmp</t>
  </si>
  <si>
    <t>2e7c1f93-82ee-4627-b5f9-13a73ee652bb.tmp</t>
  </si>
  <si>
    <t>\\acsfs\profiles$\danielac\Downloads\2e7c1f93-82ee-4627-b5f9-13a73ee652bb.tmp</t>
  </si>
  <si>
    <t>lu175082bqk70.tmp</t>
  </si>
  <si>
    <t>\\acsfs\profiles$\ALEXANDREMM\lu175082bqk70.tmp</t>
  </si>
  <si>
    <t>\\acsfs\profiles$\ALEXANDREMM\lu175082bqk70.tmp\</t>
  </si>
  <si>
    <t>\\acsfs\profiles$\ALEXANDREMM\lu175082bqk70.tmp\META-INF\</t>
  </si>
  <si>
    <t>\\acsfs\profiles$\ALEXANDREMM\lu175082bqk70.tmp\Thumbnails\</t>
  </si>
  <si>
    <t>lu175082bqk75.tmp</t>
  </si>
  <si>
    <t>\\acsfs\profiles$\ALEXANDREMM\lu175082bqk75.tmp</t>
  </si>
  <si>
    <t>\\acsfs\profiles$\ALEXANDREMM\lu175082bqk75.tmp\</t>
  </si>
  <si>
    <t>\\acsfs\profiles$\ALEXANDREMM\lu175082bqk75.tmp\META-INF\</t>
  </si>
  <si>
    <t>\\acsfs\profiles$\ALEXANDREMM\lu175082bqk75.tmp\Thumbnails\</t>
  </si>
  <si>
    <t>lu175082bqk78.tmp</t>
  </si>
  <si>
    <t>\\acsfs\profiles$\ALEXANDREMM\lu175082bqk78.tmp</t>
  </si>
  <si>
    <t>\\acsfs\profiles$\ALEXANDREMM\lu175082bqk78.tmp\</t>
  </si>
  <si>
    <t>\\acsfs\profiles$\ALEXANDREMM\lu175082bqk78.tmp\META-INF\</t>
  </si>
  <si>
    <t>\\acsfs\profiles$\ALEXANDREMM\lu175082bqk78.tmp\Thumbnails\</t>
  </si>
  <si>
    <t>lu175082bqk7b.tmp</t>
  </si>
  <si>
    <t>\\acsfs\profiles$\ALEXANDREMM\lu175082bqk7b.tmp</t>
  </si>
  <si>
    <t>\\acsfs\profiles$\ALEXANDREMM\lu175082bqk7b.tmp\</t>
  </si>
  <si>
    <t>\\acsfs\profiles$\ALEXANDREMM\lu175082bqk7b.tmp\META-INF\</t>
  </si>
  <si>
    <t>\\acsfs\profiles$\ALEXANDREMM\lu175082bqk7b.tmp\Thumbnails\</t>
  </si>
  <si>
    <t>e6ccec93-fe99-433e-8f74-dbd8c079170c.tmp</t>
  </si>
  <si>
    <t>\\acsfs\profiles$\nataliacsl\Downloads\e6ccec93-fe99-433e-8f74-dbd8c079170c.tmp</t>
  </si>
  <si>
    <t>e8626e25-542c-4d91-bcd7-2f1e10c79b1d.tmp</t>
  </si>
  <si>
    <t>\\acsfs\profiles$\matheushds\Downloads\e8626e25-542c-4d91-bcd7-2f1e10c79b1d.tmp</t>
  </si>
  <si>
    <t>ed6fbe0c-e8a9-4685-890d-0e50cdc9a1c1.tmp</t>
  </si>
  <si>
    <t>\\acsfs\profiles$\matheushds\Downloads\ed6fbe0c-e8a9-4685-890d-0e50cdc9a1c1.tmp</t>
  </si>
  <si>
    <t>0fed091c-984d-4a6f-918c-b16521445ede.tmp</t>
  </si>
  <si>
    <t>\\acsfs\profiles$\matheushds\Downloads\0fed091c-984d-4a6f-918c-b16521445ede.tmp</t>
  </si>
  <si>
    <t>e8cab5c8-6784-4cf8-a637-f9bfc6f9daa9.tmp</t>
  </si>
  <si>
    <t>\\acsfs\profiles$\matheushds\Downloads\e8cab5c8-6784-4cf8-a637-f9bfc6f9daa9.tmp</t>
  </si>
  <si>
    <t>eb13a0bf-8ac3-44f9-a363-9da29752e258.tmp</t>
  </si>
  <si>
    <t>\\acsfs\profiles$\vivianalds\Downloads\eb13a0bf-8ac3-44f9-a363-9da29752e258.tmp</t>
  </si>
  <si>
    <t>10.200.67.127</t>
  </si>
  <si>
    <t>c31b622b-9381-401d-b4be-158b475f9844.tmp</t>
  </si>
  <si>
    <t>\\acsfs\profiles$\ANAPDSB\Downloads\c31b622b-9381-401d-b4be-158b475f9844.tmp</t>
  </si>
  <si>
    <t>c0e0171e-e3f4-4b05-a913-6a9857dcc844.tmp</t>
  </si>
  <si>
    <t>\\acsfs\profiles$\ANAPDSB\Downloads\c0e0171e-e3f4-4b05-a913-6a9857dcc844.tmp</t>
  </si>
  <si>
    <t>457c7f8a-632a-4faf-9851-a6910d14088c.tmp</t>
  </si>
  <si>
    <t>\\acsfs\profiles$\ANAPDSB\Downloads\457c7f8a-632a-4faf-9851-a6910d14088c.tmp</t>
  </si>
  <si>
    <t>KAMILLA CAROLINA RODRIGUES (15).contact</t>
  </si>
  <si>
    <t>\\acsfs\profiles$\kamillacr\Contacts\KAMILLA CAROLINA RODRIGUES (15).contact</t>
  </si>
  <si>
    <t>\\acsfs\profiles$\kamillacr\Saved Games\</t>
  </si>
  <si>
    <t>\\acsfs\profiles$\KAMILLACR\Favorites\Links for Brasil\</t>
  </si>
  <si>
    <t>\\acsfs\profiles$\KAMILLACR\Favorites\Links for Brasil\desktop.ini</t>
  </si>
  <si>
    <t>\\acsfs\profiles$\KAMILLACR\Favorites\Links for Brasil\Microsoft Brasil.url</t>
  </si>
  <si>
    <t>\\acsfs\profiles$\KAMILLACR\Favorites\Links for Brasil\Windows Brasil.url</t>
  </si>
  <si>
    <t>\\acsfs\profiles$\KAMILLACR\Favorites\Links for Brasil\MSN Brasil.url</t>
  </si>
  <si>
    <t>\\acsfs\profiles$\kamillacr\My Documents\Automation Anywhere Files\ConfigFiles\</t>
  </si>
  <si>
    <t>\\acsfs\profiles$\kamillacr\My Documents\Automation Anywhere Files\ConfigFiles\log4net-config.xml</t>
  </si>
  <si>
    <t>\\acsfs\profiles$\kamillacr\My Documents\Automation Anywhere Files\</t>
  </si>
  <si>
    <t>\\acsfs\profiles$\kamillacr\My Documents\Automation Anywhere Files\AA.Trigger.xml</t>
  </si>
  <si>
    <t>c1b14406-1e21-4c3e-a58c-946e05c65fc7.tmp</t>
  </si>
  <si>
    <t>\\acsfs\profiles$\PEDROHAB\Downloads\c1b14406-1e21-4c3e-a58c-946e05c65fc7.tmp</t>
  </si>
  <si>
    <t>74f1d0fd-fcbf-4797-9642-bda13964306d.tmp</t>
  </si>
  <si>
    <t>\\acsfs\profiles$\lucasqdss\Downloads\74f1d0fd-fcbf-4797-9642-bda13964306d.tmp</t>
  </si>
  <si>
    <t>lu175082bqk7i.tmp</t>
  </si>
  <si>
    <t>\\acsfs\profiles$\ALEXANDREMM\lu175082bqk7i.tmp</t>
  </si>
  <si>
    <t>\\acsfs\profiles$\ALEXANDREMM\lu175082bqk7i.tmp\</t>
  </si>
  <si>
    <t>\\acsfs\profiles$\ALEXANDREMM\lu175082bqk7i.tmp\META-INF\</t>
  </si>
  <si>
    <t>\\acsfs\profiles$\ALEXANDREMM\lu175082bqk7i.tmp\Thumbnails\</t>
  </si>
  <si>
    <t>lu175082bqk7l.tmp</t>
  </si>
  <si>
    <t>\\acsfs\profiles$\ALEXANDREMM\lu175082bqk7l.tmp</t>
  </si>
  <si>
    <t>\\acsfs\profiles$\ALEXANDREMM\lu175082bqk7l.tmp\</t>
  </si>
  <si>
    <t>\\acsfs\profiles$\ALEXANDREMM\lu175082bqk7l.tmp\META-INF\</t>
  </si>
  <si>
    <t>\\acsfs\profiles$\ALEXANDREMM\lu175082bqk7l.tmp\Thumbnails\</t>
  </si>
  <si>
    <t>5186d46e-e35a-410a-8389-bd11d2e73efa.tmp</t>
  </si>
  <si>
    <t>\\acsfs\profiles$\vivianalds\Downloads\5186d46e-e35a-410a-8389-bd11d2e73efa.tmp</t>
  </si>
  <si>
    <t>100014142553854;fabriciadc@algartech.com.br;joaogvc@algartech.com;josiascdsj@algartech.com;marianadjc@algartech.com;matheuscm@algartech.com.br;rafaelggs@algartech.com;taysdss@algartech.com;viniciussg@algartech.com;</t>
  </si>
  <si>
    <t>100014142553854,fabriciadc@algartech.com.br,joaogvc@algartech.com,josiascdsj@algartech.com,marianadjc@algartech.com,matheuscm@algartech.com.br,rafaelggs@algartech.com,taysdss@algartech.com,viniciussg@algartech.com</t>
  </si>
  <si>
    <t>de508c9a-19b6-4ef9-b6bd-0eeedc623f42.tmp</t>
  </si>
  <si>
    <t>\\acsfs\profiles$\nataliacsl\Downloads\de508c9a-19b6-4ef9-b6bd-0eeedc623f42.tmp</t>
  </si>
  <si>
    <t>lu175082bqk7q.tmp</t>
  </si>
  <si>
    <t>\\acsfs\profiles$\ALEXANDREMM\lu175082bqk7q.tmp</t>
  </si>
  <si>
    <t>\\acsfs\profiles$\ALEXANDREMM\lu175082bqk7q.tmp\</t>
  </si>
  <si>
    <t>\\acsfs\profiles$\ALEXANDREMM\lu175082bqk7q.tmp\META-INF\</t>
  </si>
  <si>
    <t>\\acsfs\profiles$\ALEXANDREMM\lu175082bqk7q.tmp\Thumbnails\</t>
  </si>
  <si>
    <t>7e7a38c8-f877-41b1-a144-1d87abb0b2eb.tmp</t>
  </si>
  <si>
    <t>\\acsfs\profiles$\lucasqdss\Downloads\7e7a38c8-f877-41b1-a144-1d87abb0b2eb.tmp</t>
  </si>
  <si>
    <t>6a6dc3d4-0c81-49c5-a6af-40c9877913f6.tmp</t>
  </si>
  <si>
    <t>\\acsfs\profiles$\ANAPDSB\Downloads\6a6dc3d4-0c81-49c5-a6af-40c9877913f6.tmp</t>
  </si>
  <si>
    <t>lu469769woc8k.tmp</t>
  </si>
  <si>
    <t>\\acsfs\profiles$\CLAUDIAJCA\lu469769woc8k.tmp</t>
  </si>
  <si>
    <t>\\acsfs\profiles$\CLAUDIAJCA\lu469769woc8k.tmp\</t>
  </si>
  <si>
    <t>\\acsfs\profiles$\CLAUDIAJCA\lu469769woc8k.tmp\META-INF\</t>
  </si>
  <si>
    <t>\\acsfs\profiles$\CLAUDIAJCA\lu469769woc8k.tmp\Thumbnails\</t>
  </si>
  <si>
    <t>.~lock.senhas.odt#</t>
  </si>
  <si>
    <t>\\acsfs\profiles$\laylaams\My Documents\.~lock.senhas.odt#</t>
  </si>
  <si>
    <t>43d2263f-cc6d-4a6c-ab3b-d54630e63e45.tmp</t>
  </si>
  <si>
    <t>\\acsfs\profiles$\laylaams\Downloads\43d2263f-cc6d-4a6c-ab3b-d54630e63e45.tmp</t>
  </si>
  <si>
    <t>a6f5f9a7-e020-4405-97f8-05bc96f60ef2.tmp</t>
  </si>
  <si>
    <t>\\acsfs\profiles$\laylaams\Downloads\a6f5f9a7-e020-4405-97f8-05bc96f60ef2.tmp</t>
  </si>
  <si>
    <t>jessicadag</t>
  </si>
  <si>
    <t>\\acsfs\profiles$\jessicadag\Contacts\</t>
  </si>
  <si>
    <t>JESSICA DE ALMEIDA GOMES (4).contact</t>
  </si>
  <si>
    <t>\\acsfs\profiles$\jessicadag\Contacts\JESSICA DE ALMEIDA GOMES (4).contact</t>
  </si>
  <si>
    <t>\\acsfs\profiles$\rafaelamsv\My Documents\My Pictures\</t>
  </si>
  <si>
    <t>\\acsfs\profiles$\rafaelamsv\My Documents\My Videos\desktop.ini</t>
  </si>
  <si>
    <t>\\acsfs\profiles$\rafaelamsv\My Documents\My Videos\</t>
  </si>
  <si>
    <t>\\acsfs\profiles$\rafaelamsv\My Documents\My Music\</t>
  </si>
  <si>
    <t>\\acsfs\profiles$\rafaelamsv\My Documents\My Pictures\desktop.ini</t>
  </si>
  <si>
    <t>\\acsfs\profiles$\rafaelamsv\Contacts\</t>
  </si>
  <si>
    <t>\\acsfs\profiles$\rafaelamsv\Contacts\desktop.ini</t>
  </si>
  <si>
    <t>\\acsfs\profiles$\rafaelamsv\My Documents\</t>
  </si>
  <si>
    <t>\\acsfs\profiles$\rafaelamsv\Favorites\desktop.ini</t>
  </si>
  <si>
    <t>\\acsfs\profiles$\rafaelamsv\My Documents\My Music\desktop.ini</t>
  </si>
  <si>
    <t>\\acsfs\profiles$\rafaelamsv\Searches\</t>
  </si>
  <si>
    <t>\\acsfs\profiles$\rafaelamsv\Searches\desktop.ini</t>
  </si>
  <si>
    <t>\\acsfs\profiles$\rafaelamsv\Downloads\desktop.ini</t>
  </si>
  <si>
    <t>\\acsfs\profiles$\rafaelamsv\Favorites\</t>
  </si>
  <si>
    <t>\\acsfs\profiles$\rafaelamsv\My Documents\desktop.ini</t>
  </si>
  <si>
    <t>\\acsfs\profiles$\rafaelamsv\Saved Games\desktop.ini</t>
  </si>
  <si>
    <t>winrt--{S-1-5-21-602162358-764733703-839522115-350558}-.searchconnector-ms</t>
  </si>
  <si>
    <t>\\acsfs\profiles$\rafaelamsv\Searches\winrt--{S-1-5-21-602162358-764733703-839522115-350558}-.searchconnector-ms</t>
  </si>
  <si>
    <t>b9abca8c-040a-4f29-8210-48d12b33eecb.tmp</t>
  </si>
  <si>
    <t>\\acsfs\profiles$\rafaelamsv\Downloads\b9abca8c-040a-4f29-8210-48d12b33eecb.tmp</t>
  </si>
  <si>
    <t>1694094d-21d2-426c-bd02-a894acb8c2ba.tmp</t>
  </si>
  <si>
    <t>\\acsfs\profiles$\rafaelamsv\Downloads\1694094d-21d2-426c-bd02-a894acb8c2ba.tmp</t>
  </si>
  <si>
    <t>pabliness</t>
  </si>
  <si>
    <t>bc7e783f-27ac-436a-ae2f-cdcdb7903359.tmp</t>
  </si>
  <si>
    <t>\\acsfs\profiles$\laylaams\Downloads\bc7e783f-27ac-436a-ae2f-cdcdb7903359.tmp</t>
  </si>
  <si>
    <t>1b4e4ec1-daae-4249-a3a2-9b0a21f27c3a.tmp</t>
  </si>
  <si>
    <t>\\acsfs\profiles$\laylaams\Downloads\1b4e4ec1-daae-4249-a3a2-9b0a21f27c3a.tmp</t>
  </si>
  <si>
    <t>lu175082bqk7x.tmp</t>
  </si>
  <si>
    <t>\\acsfs\profiles$\ALEXANDREMM\lu175082bqk7x.tmp</t>
  </si>
  <si>
    <t>\\acsfs\profiles$\ALEXANDREMM\lu175082bqk7x.tmp\</t>
  </si>
  <si>
    <t>\\acsfs\profiles$\ALEXANDREMM\lu175082bqk7x.tmp\META-INF\</t>
  </si>
  <si>
    <t>\\acsfs\profiles$\ALEXANDREMM\lu175082bqk7x.tmp\Thumbnails\</t>
  </si>
  <si>
    <t>lu175082bqk80.tmp</t>
  </si>
  <si>
    <t>\\acsfs\profiles$\ALEXANDREMM\lu175082bqk80.tmp</t>
  </si>
  <si>
    <t>\\acsfs\profiles$\ALEXANDREMM\lu175082bqk80.tmp\</t>
  </si>
  <si>
    <t>\\acsfs\profiles$\ALEXANDREMM\lu175082bqk80.tmp\META-INF\</t>
  </si>
  <si>
    <t>\\acsfs\profiles$\ALEXANDREMM\lu175082bqk80.tmp\Thumbnails\</t>
  </si>
  <si>
    <t>9af8285b-bf5b-4e1a-96c4-3875df7ed3cf.tmp</t>
  </si>
  <si>
    <t>\\acsfs\profiles$\ANAPDSB\Downloads\9af8285b-bf5b-4e1a-96c4-3875df7ed3cf.tmp</t>
  </si>
  <si>
    <t>beb4ac8e-2d81-4fc3-8c45-b77663730935.tmp</t>
  </si>
  <si>
    <t>\\acsfs\profiles$\ANAPDSB\Downloads\beb4ac8e-2d81-4fc3-8c45-b77663730935.tmp</t>
  </si>
  <si>
    <t>lu175082bqk83.tmp</t>
  </si>
  <si>
    <t>\\acsfs\profiles$\ALEXANDREMM\lu175082bqk83.tmp</t>
  </si>
  <si>
    <t>\\acsfs\profiles$\ALEXANDREMM\lu175082bqk83.tmp\</t>
  </si>
  <si>
    <t>\\acsfs\profiles$\ALEXANDREMM\lu175082bqk83.tmp\META-INF\</t>
  </si>
  <si>
    <t>\\acsfs\profiles$\ALEXANDREMM\lu175082bqk83.tmp\Thumbnails\</t>
  </si>
  <si>
    <t>lu175082bqk86.tmp</t>
  </si>
  <si>
    <t>\\acsfs\profiles$\ALEXANDREMM\lu175082bqk86.tmp</t>
  </si>
  <si>
    <t>\\acsfs\profiles$\ALEXANDREMM\lu175082bqk86.tmp\</t>
  </si>
  <si>
    <t>\\acsfs\profiles$\ALEXANDREMM\lu175082bqk86.tmp\META-INF\</t>
  </si>
  <si>
    <t>\\acsfs\profiles$\ALEXANDREMM\lu175082bqk86.tmp\Thumbnails\</t>
  </si>
  <si>
    <t>c4de83ff-2eb4-4697-9eb8-c9977dec5f97.tmp</t>
  </si>
  <si>
    <t>\\acsfs\profiles$\matheusmax\Downloads\c4de83ff-2eb4-4697-9eb8-c9977dec5f97.tmp</t>
  </si>
  <si>
    <t>48867d17-dac6-4639-a2f7-fb863616e5df.tmp</t>
  </si>
  <si>
    <t>\\acsfs\profiles$\matheusmax\Downloads\48867d17-dac6-4639-a2f7-fb863616e5df.tmp</t>
  </si>
  <si>
    <t>56fa3eff-e17a-496c-b817-3eca81c54d74.tmp</t>
  </si>
  <si>
    <t>\\acsfs\profiles$\fabianobmf\Downloads\56fa3eff-e17a-496c-b817-3eca81c54d74.tmp</t>
  </si>
  <si>
    <t>7808ece9-651d-42ca-854d-01dca577ee0f.tmp</t>
  </si>
  <si>
    <t>\\acsfs\profiles$\fabianobmf\Downloads\7808ece9-651d-42ca-854d-01dca577ee0f.tmp</t>
  </si>
  <si>
    <t>lu194442i5u4e.tmp</t>
  </si>
  <si>
    <t>\\acsfs\profiles$\jonathanwap\lu194442i5u4e.tmp</t>
  </si>
  <si>
    <t>\\acsfs\profiles$\jonathanwap\lu194442i5u4e.tmp\</t>
  </si>
  <si>
    <t>\\acsfs\profiles$\jonathanwap\lu194442i5u4e.tmp\META-INF\</t>
  </si>
  <si>
    <t>\\acsfs\profiles$\jonathanwap\lu194442i5u4e.tmp\Thumbnails\</t>
  </si>
  <si>
    <t>9d766ff3-cecd-4b20-8896-a2a056c320db.tmp</t>
  </si>
  <si>
    <t>\\acsfs\profiles$\laylaams\Downloads\9d766ff3-cecd-4b20-8896-a2a056c320db.tmp</t>
  </si>
  <si>
    <t>lu175082bqk89.tmp</t>
  </si>
  <si>
    <t>\\acsfs\profiles$\ALEXANDREMM\lu175082bqk89.tmp</t>
  </si>
  <si>
    <t>\\acsfs\profiles$\ALEXANDREMM\lu175082bqk89.tmp\</t>
  </si>
  <si>
    <t>\\acsfs\profiles$\ALEXANDREMM\lu175082bqk89.tmp\META-INF\</t>
  </si>
  <si>
    <t>\\acsfs\profiles$\ALEXANDREMM\lu175082bqk89.tmp\Thumbnails\</t>
  </si>
  <si>
    <t>b35e1f08-14ea-4857-8ead-c1956cc546e9.tmp</t>
  </si>
  <si>
    <t>\\acsfs\profiles$\matheusmax\Downloads\b35e1f08-14ea-4857-8ead-c1956cc546e9.tmp</t>
  </si>
  <si>
    <t>39537dee-6477-4909-b1d8-db63fd1a8f02.tmp</t>
  </si>
  <si>
    <t>\\acsfs\profiles$\vivianibfs\Downloads\39537dee-6477-4909-b1d8-db63fd1a8f02.tmp</t>
  </si>
  <si>
    <t>d1a247a1-500a-4e5b-9f4e-a84bc9827f98.tmp</t>
  </si>
  <si>
    <t>\\acsfs\profiles$\vivianibfs\Downloads\d1a247a1-500a-4e5b-9f4e-a84bc9827f98.tmp</t>
  </si>
  <si>
    <t>c0b28671-3b06-49d1-bb22-606b29b3ec1b.tmp</t>
  </si>
  <si>
    <t>\\acsfs\profiles$\vivianibfs\Downloads\c0b28671-3b06-49d1-bb22-606b29b3ec1b.tmp</t>
  </si>
  <si>
    <t>72bd8d24-5951-4a16-83a3-889e758ef9f8.tmp</t>
  </si>
  <si>
    <t>\\acsfs\profiles$\vivianibfs\Downloads\72bd8d24-5951-4a16-83a3-889e758ef9f8.tmp</t>
  </si>
  <si>
    <t>2b6c5f06-7a8e-451a-b4e2-566f81843325.tmp</t>
  </si>
  <si>
    <t>\\acsfs\profiles$\vivianibfs\Downloads\2b6c5f06-7a8e-451a-b4e2-566f81843325.tmp</t>
  </si>
  <si>
    <t>95da6c18-94c6-482e-a4fc-d379f9cd0a22.tmp</t>
  </si>
  <si>
    <t>\\acsfs\profiles$\andreapdsg\Downloads\95da6c18-94c6-482e-a4fc-d379f9cd0a22.tmp</t>
  </si>
  <si>
    <t>Nayaranao</t>
  </si>
  <si>
    <t>\\acsfs\profiles$\Nayaranao\Searches\winrt--{S-1-5-21-602162358-764733703-839522115-358573}-.searchconnector-ms</t>
  </si>
  <si>
    <t>499e7031-5fed-44da-8c1c-b44004bbcc95.tmp</t>
  </si>
  <si>
    <t>\\acsfs\profiles$\andreapdsg\Downloads\499e7031-5fed-44da-8c1c-b44004bbcc95.tmp</t>
  </si>
  <si>
    <t>\\acsfs\profiles$\julianeas\Saved Games\</t>
  </si>
  <si>
    <t>05246cb6-ee00-4bbe-a4f9-1cedc831899b.tmp</t>
  </si>
  <si>
    <t>\\acsfs\profiles$\Nayaranao\Downloads\05246cb6-ee00-4bbe-a4f9-1cedc831899b.tmp</t>
  </si>
  <si>
    <t>bb74e10a-075a-4077-90f6-2210a34b5269.tmp</t>
  </si>
  <si>
    <t>\\acsfs\profiles$\Nayaranao\Downloads\bb74e10a-075a-4077-90f6-2210a34b5269.tmp</t>
  </si>
  <si>
    <t>1d04eaa2-7082-4b60-8a44-57cac316b155.tmp</t>
  </si>
  <si>
    <t>\\acsfs\profiles$\andreapdsg\Downloads\1d04eaa2-7082-4b60-8a44-57cac316b155.tmp</t>
  </si>
  <si>
    <t>22ba79d8-81d4-4a79-8a35-5ded20db7bb4.tmp</t>
  </si>
  <si>
    <t>\\acsfs\profiles$\matheusmax\Downloads\22ba79d8-81d4-4a79-8a35-5ded20db7bb4.tmp</t>
  </si>
  <si>
    <t>3d6e400a-7a46-426a-965e-e2a5b0882acb.tmp</t>
  </si>
  <si>
    <t>\\acsfs\profiles$\andreapdsg\Downloads\3d6e400a-7a46-426a-965e-e2a5b0882acb.tmp</t>
  </si>
  <si>
    <t>f4d4bf5c-1985-4798-98a4-ec1b31ffa559.tmp</t>
  </si>
  <si>
    <t>\\acsfs\profiles$\julianeas\Downloads\f4d4bf5c-1985-4798-98a4-ec1b31ffa559.tmp</t>
  </si>
  <si>
    <t>Não confirmado 954539.crdownload</t>
  </si>
  <si>
    <t>\\acsfs\profiles$\julianeas\Downloads\Não confirmado 954539.crdownload</t>
  </si>
  <si>
    <t>c09fd2af-945e-4dee-ac96-995a1e95301b.tmp</t>
  </si>
  <si>
    <t>\\acsfs\profiles$\vivianibfs\Downloads\c09fd2af-945e-4dee-ac96-995a1e95301b.tmp</t>
  </si>
  <si>
    <t>06d6b9aa-66b7-4b1c-94b2-6a967495d4a7.tmp</t>
  </si>
  <si>
    <t>\\acsfs\profiles$\vivianibfs\Downloads\06d6b9aa-66b7-4b1c-94b2-6a967495d4a7.tmp</t>
  </si>
  <si>
    <t>9a26c48a-ef7b-472c-b96b-38a40408cc72.tmp</t>
  </si>
  <si>
    <t>\\acsfs\profiles$\andreapdsg\Downloads\9a26c48a-ef7b-472c-b96b-38a40408cc72.tmp</t>
  </si>
  <si>
    <t>JALILE BARBARA DA SILVA (15).contact</t>
  </si>
  <si>
    <t>\\acsfs\profiles$\jalilebds\Contacts\JALILE BARBARA DA SILVA (15).contact</t>
  </si>
  <si>
    <t>\\acsfs\profiles$\jalilebds\Saved Games\</t>
  </si>
  <si>
    <t>\\acsfs\profiles$\JALILEBDS\Favorites\Links for Brasil\</t>
  </si>
  <si>
    <t>\\acsfs\profiles$\JALILEBDS\Favorites\Links for Brasil\desktop.ini</t>
  </si>
  <si>
    <t>\\acsfs\profiles$\JALILEBDS\Favorites\Links for Brasil\Microsoft Brasil.url</t>
  </si>
  <si>
    <t>\\acsfs\profiles$\JALILEBDS\Favorites\Links for Brasil\Windows Brasil.url</t>
  </si>
  <si>
    <t>\\acsfs\profiles$\JALILEBDS\Favorites\Links for Brasil\MSN Brasil.url</t>
  </si>
  <si>
    <t>\\acsfs\profiles$\JALILEBDS\Downloads\</t>
  </si>
  <si>
    <t>filas 1721 1725 e 1724 a tratar (1).xlsx</t>
  </si>
  <si>
    <t>\\acsfs\profiles$\JALILEBDS\Downloads\filas 1721 1725 e 1724 a tratar (1).xlsx</t>
  </si>
  <si>
    <t>http:///batch/drive/v2internal?%24ct=multipart%2Fmixed%3B%20boundary%3D%22%3D%3D%3D%3D%3D2tu7uuyq68t2%3D%3D%3D%3D%3D%22&amp;key=AIzaSyAy9VVXHSpS2IJpptzYtGbLP3-3_l0aBk4</t>
  </si>
  <si>
    <t>ancestorhasaugmentedpermissions;containsunsubscribedchildren;displaynam;displayname;domain;emailaddress;filesize;hasthumbnail;hasvisitorpermissions;id;id);items(kind;ken;lastmodifyinguser(kind;lastviewedbymedate;modifiedbymedate;modifieddate;ontainsunsubscribedchildren;owners(kind;permissionid;picture;thumbnailversion;title;</t>
  </si>
  <si>
    <t>http://ancestorhasaugmentedpermissions,containsunsubscribedchildren,displaynam,displayname,domain,emailaddress,filesize,hasthumbnail,hasvisitorpermissions,id,id),items(kind,ken,lastmodifyinguser(kind,lastviewedbymedate,modifiedbymedate,modifieddate,ontainsunsubscribedchildren,owners(kind,permissionid,picture,thumbnailversion,title</t>
  </si>
  <si>
    <t>http:///batch/drive/v2internal?%24ct=multipart%2Fmixed%3B%20boundary%3D%22%3D%3D%3D%3D%3D2u85jo1j9x1%3D%3D%3D%3D%3D%22&amp;key=AIzaSyAy9VVXHSpS2IJpptzYtGbLP3-3_l0aBk4</t>
  </si>
  <si>
    <t>http:///batch/drive/v2internal?%24ct=multipart%2Fmixed%3B%20boundary%3D%22%3D%3D%3D%3D%3Da1jrlqbc5tly%3D%3D%3D%3D%3D%22&amp;key=AIzaSyAy9VVXHSpS2IJpptzYtGbLP3-3_l0aBk4</t>
  </si>
  <si>
    <t>ancestorhasaugmen;containsunsubscribedchildren;displayname;domain;emailaddress;emailaddress�;filesize;hasvisitorpermissions;id);items(kind;ken;lastmodifyinguser(kind;lastviewedbymedate;modifiedbymedate;modifieddate;ontainsunsubscribedchildren;owners(kind;permissionid;picture;</t>
  </si>
  <si>
    <t>http://ancestorhasaugmen,containsunsubscribedchildren,displayname,domain,emailaddress,emailaddress�,filesize,hasvisitorpermissions,id),items(kind,ken,lastmodifyinguser(kind,lastviewedbymedate,modifiedbymedate,modifieddate,ontainsunsubscribedchildren,owners(kind,permissionid,picture</t>
  </si>
  <si>
    <t>http:///batch/drive/v2internal?%24ct=multipart%2Fmixed%3B%20boundary%3D%22%3D%3D%3D%3D%3D9v7x3uf64yrh%3D%3D%3D%3D%3D%22&amp;key=AIzaSyAy9VVXHSpS2IJpptzYtGbLP3-3_l0aBk4</t>
  </si>
  <si>
    <t>ancestorhasaugmen;ancestorhasaugmentedpermissions;containsunsubscribedchildren;dis;displayname;domain;emailaddress;emailaddress�;explicitlytrashe;file(kind;fileid;filesize;hasthumbnail;hasvisitorpermissions;id;id);items(deleted;items(kind;ken;kind;lastmodifyinguser(kind;lastviewedbymedate;modifiedbymedate;modifieddate;ontainsunsubscribedchildren;owners(kind;permissionid;picture;shared;sharedwithmedate;thumbnailversion;title;userpermission(role);</t>
  </si>
  <si>
    <t>http://ancestorhasaugmen,ancestorhasaugmentedpermissions,containsunsubscribedchildren,dis,displayname,domain,emailaddress,emailaddress�,explicitlytrashe,file(kind,fileid,filesize,hasthumbnail,hasvisitorpermissions,id,id),items(deleted,items(kind,ken,kind,lastmodifyinguser(kind,lastviewedbymedate,modifiedbymedate,modifieddate,ontainsunsubscribedchildren,owners(kind,permissionid,picture,shared,sharedwithmedate,thumbnailversion,title,userpermission(role)</t>
  </si>
  <si>
    <t>http:///batch/drive/v2internal?%24ct=multipart%2Fmixed%3B%20boundary%3D%22%3D%3D%3D%3D%3D56bxdhjljjgp%3D%3D%3D%3D%3D%22&amp;key=AIzaSyAy9VVXHSpS2IJpptzYtGbLP3-3_l0aBk4</t>
  </si>
  <si>
    <t>ancestorhasaugmentedpermissions;containsunsubscribedchildren;dis;displayname;domain;emailaddress;explicitlytrashe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;</t>
  </si>
  <si>
    <t>http://ancestorhasaugmentedpermissions,containsunsubscribedchildren,dis,displayname,domain,emailaddress,explicitlytrashe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</t>
  </si>
  <si>
    <t>http:///batch/drive/v2internal?%24ct=multipart%2Fmixed%3B%20boundary%3D%22%3D%3D%3D%3D%3D5p22j9kw4dk5%3D%3D%3D%3D%3D%22&amp;key=AIzaSyAy9VVXHSpS2IJpptzYtGbLP3-3_l0aBk4</t>
  </si>
  <si>
    <t>matheuscm</t>
  </si>
  <si>
    <t>05afd278-8fcc-45ef-83d3-57dc100e99ad.tmp</t>
  </si>
  <si>
    <t>\\acsfs\profiles$\andreapdsg\Downloads\05afd278-8fcc-45ef-83d3-57dc100e99ad.tmp</t>
  </si>
  <si>
    <t>\\acsfs\profiles$\mariajaf\My Documents\My Videos\</t>
  </si>
  <si>
    <t>\\acsfs\profiles$\mariajaf\My Documents\My Videos\desktop.ini</t>
  </si>
  <si>
    <t>\\acsfs\profiles$\mariajaf\My Documents\My Pictures\</t>
  </si>
  <si>
    <t>\\acsfs\profiles$\mariajaf\My Documents\My Pictures\desktop.ini</t>
  </si>
  <si>
    <t>\\acsfs\profiles$\mariajaf\Contacts\</t>
  </si>
  <si>
    <t>\\acsfs\profiles$\mariajaf\Contacts\desktop.ini</t>
  </si>
  <si>
    <t>\\acsfs\profiles$\mariajaf\Favorites\</t>
  </si>
  <si>
    <t>\\acsfs\profiles$\mariajaf\Favorites\desktop.ini</t>
  </si>
  <si>
    <t>\\acsfs\profiles$\mariajaf\Searches\</t>
  </si>
  <si>
    <t>\\acsfs\profiles$\mariajaf\Searches\desktop.ini</t>
  </si>
  <si>
    <t>\\acsfs\profiles$\mariajaf\Downloads\desktop.ini</t>
  </si>
  <si>
    <t>\\acsfs\profiles$\mariajaf\My Documents\</t>
  </si>
  <si>
    <t>\\acsfs\profiles$\mariajaf\My Documents\desktop.ini</t>
  </si>
  <si>
    <t>\\acsfs\profiles$\mariajaf\Saved Games\</t>
  </si>
  <si>
    <t>\\acsfs\profiles$\mariajaf\Saved Games\desktop.ini</t>
  </si>
  <si>
    <t>winrt--{S-1-5-21-602162358-764733703-839522115-358564}-.searchconnector-ms</t>
  </si>
  <si>
    <t>\\acsfs\profiles$\mariajaf\Searches\winrt--{S-1-5-21-602162358-764733703-839522115-358564}-.searchconnector-ms</t>
  </si>
  <si>
    <t>78c4aadf-8bd8-40a0-b808-bf31e494bb67.tmp</t>
  </si>
  <si>
    <t>\\acsfs\profiles$\leandromsa\Downloads\78c4aadf-8bd8-40a0-b808-bf31e494bb67.tmp</t>
  </si>
  <si>
    <t>855596ae-14fc-4f0f-874a-593f9f48caee.tmp</t>
  </si>
  <si>
    <t>\\acsfs\profiles$\mariajaf\Downloads\855596ae-14fc-4f0f-874a-593f9f48caee.tmp</t>
  </si>
  <si>
    <t>ffc967e5-7ce0-4457-a05d-a0fecc588326.tmp</t>
  </si>
  <si>
    <t>\\acsfs\profiles$\mariajaf\Downloads\ffc967e5-7ce0-4457-a05d-a0fecc588326.tmp</t>
  </si>
  <si>
    <t>04fa815a-c570-44e3-80f2-afbc21c49b10.tmp</t>
  </si>
  <si>
    <t>\\acsfs\profiles$\leandromsa\Downloads\04fa815a-c570-44e3-80f2-afbc21c49b10.tmp</t>
  </si>
  <si>
    <t>\\acsfs\profiles$\adrieledgc\My Documents\My Pictures\</t>
  </si>
  <si>
    <t>\\acsfs\profiles$\adrieledgc\My Documents\My Videos\desktop.ini</t>
  </si>
  <si>
    <t>\\acsfs\profiles$\adrieledgc\My Documents\My Videos\</t>
  </si>
  <si>
    <t>\\acsfs\profiles$\adrieledgc\My Documents\My Music\</t>
  </si>
  <si>
    <t>\\acsfs\profiles$\adrieledgc\My Documents\My Pictures\desktop.ini</t>
  </si>
  <si>
    <t>\\acsfs\profiles$\adrieledgc\Contacts\</t>
  </si>
  <si>
    <t>\\acsfs\profiles$\adrieledgc\Contacts\desktop.ini</t>
  </si>
  <si>
    <t>\\acsfs\profiles$\adrieledgc\My Documents\</t>
  </si>
  <si>
    <t>\\acsfs\profiles$\adrieledgc\Favorites\desktop.ini</t>
  </si>
  <si>
    <t>\\acsfs\profiles$\adrieledgc\My Documents\My Music\desktop.ini</t>
  </si>
  <si>
    <t>\\acsfs\profiles$\adrieledgc\Searches\</t>
  </si>
  <si>
    <t>\\acsfs\profiles$\adrieledgc\Searches\desktop.ini</t>
  </si>
  <si>
    <t>C:\Users\adrieledgc\Desktop\</t>
  </si>
  <si>
    <t>\\acsfs\profiles$\adrieledgc\Downloads\desktop.ini</t>
  </si>
  <si>
    <t>\\acsfs\profiles$\adrieledgc\Favorites\</t>
  </si>
  <si>
    <t>\\acsfs\profiles$\adrieledgc\My Documents\desktop.ini</t>
  </si>
  <si>
    <t>\\acsfs\profiles$\adrieledgc\Downloads\</t>
  </si>
  <si>
    <t>\\acsfs\profiles$\adrieledgc\Saved Games\desktop.ini</t>
  </si>
  <si>
    <t>winrt--{S-1-5-21-602162358-764733703-839522115-342471}-.searchconnector-ms</t>
  </si>
  <si>
    <t>\\acsfs\profiles$\adrieledgc\Searches\winrt--{S-1-5-21-602162358-764733703-839522115-342471}-.searchconnector-ms</t>
  </si>
  <si>
    <t>10.200.67.225</t>
  </si>
  <si>
    <t>D0-94-66-B5-7F-81</t>
  </si>
  <si>
    <t>VOTORANT-PB018</t>
  </si>
  <si>
    <t>cfd7e925-862d-40f9-9491-b4f1ef03103f.tmp</t>
  </si>
  <si>
    <t>\\acsfs\profiles$\Adrieledgc\Downloads\cfd7e925-862d-40f9-9491-b4f1ef03103f.tmp</t>
  </si>
  <si>
    <t>09d3196a-ca81-4b92-8b11-d5f696efc6d0.tmp</t>
  </si>
  <si>
    <t>\\acsfs\profiles$\Adrieledgc\Downloads\09d3196a-ca81-4b92-8b11-d5f696efc6d0.tmp</t>
  </si>
  <si>
    <t>06ec25a2-275e-44d0-bd3d-0ffdb3ce2684.tmp</t>
  </si>
  <si>
    <t>\\acsfs\profiles$\Adrieledgc\Downloads\06ec25a2-275e-44d0-bd3d-0ffdb3ce2684.tmp</t>
  </si>
  <si>
    <t>4eab9781-e512-472d-a7d7-e0432d29f09d.tmp</t>
  </si>
  <si>
    <t>\\acsfs\profiles$\Adrieledgc\Downloads\4eab9781-e512-472d-a7d7-e0432d29f09d.tmp</t>
  </si>
  <si>
    <t>5a4097cd-5766-4f3d-9b55-ce0718370527.tmp</t>
  </si>
  <si>
    <t>\\acsfs\profiles$\leandromsa\Downloads\5a4097cd-5766-4f3d-9b55-ce0718370527.tmp</t>
  </si>
  <si>
    <t>7ed1ff9d-fd47-4df4-90f3-a39a5b4675f1.tmp</t>
  </si>
  <si>
    <t>\\acsfs\profiles$\matheusmax\Downloads\7ed1ff9d-fd47-4df4-90f3-a39a5b4675f1.tmp</t>
  </si>
  <si>
    <t>87950d27-c611-481b-9643-39ac49b57c92.tmp</t>
  </si>
  <si>
    <t>\\acsfs\profiles$\andreapdsg\Downloads\87950d27-c611-481b-9643-39ac49b57c92.tmp</t>
  </si>
  <si>
    <t>57580a53-2687-4ab4-b887-329aaf0e6239.tmp</t>
  </si>
  <si>
    <t>\\acsfs\profiles$\andreapdsg\Downloads\57580a53-2687-4ab4-b887-329aaf0e6239.tmp</t>
  </si>
  <si>
    <t>190b15b5-c935-4386-af09-0a0adc988f58.tmp</t>
  </si>
  <si>
    <t>\\acsfs\profiles$\Nayaranao\Downloads\190b15b5-c935-4386-af09-0a0adc988f58.tmp</t>
  </si>
  <si>
    <t>914bad0e-3a6a-4bfb-91a8-2c4ec06d9279.tmp</t>
  </si>
  <si>
    <t>\\acsfs\profiles$\matheusmax\Downloads\914bad0e-3a6a-4bfb-91a8-2c4ec06d9279.tmp</t>
  </si>
  <si>
    <t>ulog_AcroARM2_Reader_3b8210f9-3618-47e4-b9cc-5aaaba62831a_880e9851-7f95-4a00-8e7b-1aea022a2bb9_0.log</t>
  </si>
  <si>
    <t>C:\Users\flaviacno\AppData\Roaming\Adobe\LogTransport2\Logs\ulog_AcroARM2_Reader_3b8210f9-3618-47e4-b9cc-5aaaba62831a_880e9851-7f95-4a00-8e7b-1aea022a2bb9_0.log\</t>
  </si>
  <si>
    <t>bc1434a5-36a3-4569-957e-92d7d0f2282a.tmp</t>
  </si>
  <si>
    <t>\\acsfs\profiles$\fabianobmf\Downloads\bc1434a5-36a3-4569-957e-92d7d0f2282a.tmp</t>
  </si>
  <si>
    <t>120c035c-e6c0-4597-834c-d9b811ed4bf9.tmp</t>
  </si>
  <si>
    <t>\\acsfs\profiles$\fabianobmf\Downloads\120c035c-e6c0-4597-834c-d9b811ed4bf9.tmp</t>
  </si>
  <si>
    <t>32922437-b15b-4c93-973e-80e5dad47039.tmp</t>
  </si>
  <si>
    <t>\\acsfs\profiles$\Nayaranao\Downloads\32922437-b15b-4c93-973e-80e5dad47039.tmp</t>
  </si>
  <si>
    <t>eb1cabab-4fb9-41fd-a5c1-a63248eb2e72.tmp</t>
  </si>
  <si>
    <t>\\acsfs\profiles$\Adrieledgc\Downloads\eb1cabab-4fb9-41fd-a5c1-a63248eb2e72.tmp</t>
  </si>
  <si>
    <t>lu10920n27s.tmp</t>
  </si>
  <si>
    <t>\\acsfs\profiles$\MARILIAFPLB\ATIVO\lu10920n27s.tmp</t>
  </si>
  <si>
    <t>\\acsfs\profiles$\MARILIAFPLB\ATIVO\lu10920n27s.tmp\</t>
  </si>
  <si>
    <t>\\acsfs\profiles$\MARILIAFPLB\ATIVO\lu10920n27s.tmp\META-INF\</t>
  </si>
  <si>
    <t>\\acsfs\profiles$\MARILIAFPLB\ATIVO\lu10920n27s.tmp\Thumbnails\</t>
  </si>
  <si>
    <t>0bbff00a-8654-4c40-accb-b6e74cf8026e.tmp</t>
  </si>
  <si>
    <t>\\acsfs\profiles$\jalilebds\Downloads\0bbff00a-8654-4c40-accb-b6e74cf8026e.tmp</t>
  </si>
  <si>
    <t>cbda0f3c-40a1-451c-9e5b-5f4ee5b13642.tmp</t>
  </si>
  <si>
    <t>\\acsfs\profiles$\jalilebds\Downloads\cbda0f3c-40a1-451c-9e5b-5f4ee5b13642.tmp</t>
  </si>
  <si>
    <t>.~lock.filas 1721 1725 e 1724 a tratar (1) (1).xlsx#</t>
  </si>
  <si>
    <t>\\acsfs\profiles$\jalilebds\Downloads\.~lock.filas 1721 1725 e 1724 a tratar (1) (1).xlsx#</t>
  </si>
  <si>
    <t>lu1151628j4qr.tmp</t>
  </si>
  <si>
    <t>\\acsfs\profiles$\jalilebds\Downloads\lu1151628j4qr.tmp</t>
  </si>
  <si>
    <t>lu1151628j4qu.tmp</t>
  </si>
  <si>
    <t>\\acsfs\profiles$\jalilebds\Downloads\lu1151628j4qu.tmp</t>
  </si>
  <si>
    <t>lu1151628j4qx.tmp</t>
  </si>
  <si>
    <t>\\acsfs\profiles$\jalilebds\Downloads\lu1151628j4qx.tmp</t>
  </si>
  <si>
    <t>lu1151628j4r0.tmp</t>
  </si>
  <si>
    <t>\\acsfs\profiles$\jalilebds\Downloads\lu1151628j4r0.tmp</t>
  </si>
  <si>
    <t>lu1151628j4r3.tmp</t>
  </si>
  <si>
    <t>\\acsfs\profiles$\jalilebds\Downloads\lu1151628j4r3.tmp</t>
  </si>
  <si>
    <t>lu1151628j4r6.tmp</t>
  </si>
  <si>
    <t>\\acsfs\profiles$\jalilebds\Downloads\lu1151628j4r6.tmp</t>
  </si>
  <si>
    <t>lu1151628j4r9.tmp</t>
  </si>
  <si>
    <t>\\acsfs\profiles$\jalilebds\Downloads\lu1151628j4r9.tmp</t>
  </si>
  <si>
    <t>lu1151628j4rc.tmp</t>
  </si>
  <si>
    <t>\\acsfs\profiles$\jalilebds\Downloads\lu1151628j4rc.tmp</t>
  </si>
  <si>
    <t>lu1151628j4rf.tmp</t>
  </si>
  <si>
    <t>\\acsfs\profiles$\jalilebds\Downloads\lu1151628j4rf.tmp</t>
  </si>
  <si>
    <t>3c643532-8230-464a-8926-fd7f01bc3ba1.tmp</t>
  </si>
  <si>
    <t>\\acsfs\profiles$\Adrieledgc\Downloads\3c643532-8230-464a-8926-fd7f01bc3ba1.tmp</t>
  </si>
  <si>
    <t>75f23337-27ed-4235-8a09-cae4a33fb84f.tmp</t>
  </si>
  <si>
    <t>\\acsfs\profiles$\rogeriofd\Downloads\75f23337-27ed-4235-8a09-cae4a33fb84f.tmp</t>
  </si>
  <si>
    <t>ac15047b-6c01-4fcc-b796-05fa2bd80241.tmp</t>
  </si>
  <si>
    <t>\\acsfs\profiles$\rogeriofd\Downloads\ac15047b-6c01-4fcc-b796-05fa2bd80241.tmp</t>
  </si>
  <si>
    <t>01002a1c-1b1f-44dc-aecb-e6ea9d2e7778.tmp</t>
  </si>
  <si>
    <t>\\acsfs\profiles$\marlyannegdls\Downloads\01002a1c-1b1f-44dc-aecb-e6ea9d2e7778.tmp</t>
  </si>
  <si>
    <t>8e3a7272-674c-41e3-85c0-1439d641b625.tmp</t>
  </si>
  <si>
    <t>\\acsfs\profiles$\marlyannegdls\Downloads\8e3a7272-674c-41e3-85c0-1439d641b625.tmp</t>
  </si>
  <si>
    <t>lu1151628j4ri.tmp</t>
  </si>
  <si>
    <t>\\acsfs\profiles$\jalilebds\Downloads\lu1151628j4ri.tmp</t>
  </si>
  <si>
    <t>lu1151628j4rl.tmp</t>
  </si>
  <si>
    <t>\\acsfs\profiles$\jalilebds\Downloads\lu1151628j4rl.tmp</t>
  </si>
  <si>
    <t>84ef983f-9493-48e6-b820-d7770ff5158d.tmp</t>
  </si>
  <si>
    <t>\\acsfs\profiles$\jalilebds\Downloads\84ef983f-9493-48e6-b820-d7770ff5158d.tmp</t>
  </si>
  <si>
    <t>.~lock.filas 1721 1725 e 1724 a tratar (1) (1) (1).xlsx#</t>
  </si>
  <si>
    <t>\\acsfs\profiles$\jalilebds\Downloads\.~lock.filas 1721 1725 e 1724 a tratar (1) (1) (1).xlsx#</t>
  </si>
  <si>
    <t>db35c804-a4ed-466d-9898-e35bf1cd6c80.tmp</t>
  </si>
  <si>
    <t>\\acsfs\profiles$\jalilebds\Downloads\db35c804-a4ed-466d-9898-e35bf1cd6c80.tmp</t>
  </si>
  <si>
    <t>.~lock.filas 1721 1725 e 1724 a tratar (1) (2) (1).xlsx#</t>
  </si>
  <si>
    <t>\\acsfs\profiles$\jalilebds\Downloads\.~lock.filas 1721 1725 e 1724 a tratar (1) (2) (1).xlsx#</t>
  </si>
  <si>
    <t>752d896a-fff9-4a3e-a9a8-87bdc02f9745.tmp</t>
  </si>
  <si>
    <t>\\acsfs\profiles$\jalilebds\Downloads\752d896a-fff9-4a3e-a9a8-87bdc02f9745.tmp</t>
  </si>
  <si>
    <t>.~lock.filas 1721 1725 e 1724 a tratar (1) (3).xlsx#</t>
  </si>
  <si>
    <t>\\acsfs\profiles$\jalilebds\Downloads\.~lock.filas 1721 1725 e 1724 a tratar (1) (3).xlsx#</t>
  </si>
  <si>
    <t>35f7aafd-da05-4e3f-b113-bdf00bbc97b2.tmp</t>
  </si>
  <si>
    <t>\\acsfs\profiles$\Adrieledgc\Downloads\35f7aafd-da05-4e3f-b113-bdf00bbc97b2.tmp</t>
  </si>
  <si>
    <t>$IP8MW1P.xlsx</t>
  </si>
  <si>
    <t>\\acsfs\profiles$\jalilebds\Downloads\$RECYCLE.BIN\$IP8MW1P.xlsx</t>
  </si>
  <si>
    <t>$IYLTPK1.xlsx</t>
  </si>
  <si>
    <t>\\acsfs\profiles$\jalilebds\Downloads\$RECYCLE.BIN\$IYLTPK1.xlsx</t>
  </si>
  <si>
    <t>$IX5G46J.xlsx</t>
  </si>
  <si>
    <t>\\acsfs\profiles$\jalilebds\Downloads\$RECYCLE.BIN\$IX5G46J.xlsx</t>
  </si>
  <si>
    <t>$I6PJSH2.xlsx</t>
  </si>
  <si>
    <t>\\acsfs\profiles$\jalilebds\Downloads\$RECYCLE.BIN\$I6PJSH2.xlsx</t>
  </si>
  <si>
    <t>$IV21EL5.xlsx</t>
  </si>
  <si>
    <t>\\acsfs\profiles$\jalilebds\Downloads\$RECYCLE.BIN\$IV21EL5.xlsx</t>
  </si>
  <si>
    <t>$IYMAE7J.xlsx</t>
  </si>
  <si>
    <t>\\acsfs\profiles$\jalilebds\Downloads\$RECYCLE.BIN\$IYMAE7J.xlsx</t>
  </si>
  <si>
    <t>eeafed0f-1a77-4edb-8fef-691a73124521.tmp</t>
  </si>
  <si>
    <t>\\acsfs\profiles$\jalilebds\Downloads\eeafed0f-1a77-4edb-8fef-691a73124521.tmp</t>
  </si>
  <si>
    <t>.~lock.filas 1721 1725 e 1724 JA TRATADOS.xlsx#</t>
  </si>
  <si>
    <t>\\acsfs\profiles$\jalilebds\Downloads\.~lock.filas 1721 1725 e 1724 JA TRATADOS.xlsx#</t>
  </si>
  <si>
    <t>$INSIAIZ.xlsx</t>
  </si>
  <si>
    <t>\\acsfs\profiles$\jalilebds\Downloads\$RECYCLE.BIN\$INSIAIZ.xlsx</t>
  </si>
  <si>
    <t>1265008f-6957-4b77-97f5-f3e745d5c781.tmp</t>
  </si>
  <si>
    <t>\\acsfs\profiles$\ROBERTM\Downloads\1265008f-6957-4b77-97f5-f3e745d5c781.tmp</t>
  </si>
  <si>
    <t>21cc2e68-4fe9-40a3-83ad-dd81570d6651.tmp</t>
  </si>
  <si>
    <t>\\acsfs\profiles$\ROBERTM\Downloads\21cc2e68-4fe9-40a3-83ad-dd81570d6651.tmp</t>
  </si>
  <si>
    <t>63b78ce5-e42a-4208-b787-fcefcca7f440.tmp</t>
  </si>
  <si>
    <t>\\acsfs\profiles$\rogeriofd\Downloads\63b78ce5-e42a-4208-b787-fcefcca7f440.tmp</t>
  </si>
  <si>
    <t>a5694e1e-148a-4264-9846-b6c2ddffcc12.tmp</t>
  </si>
  <si>
    <t>\\acsfs\profiles$\marlyannegdls\Downloads\a5694e1e-148a-4264-9846-b6c2ddffcc12.tmp</t>
  </si>
  <si>
    <t>ef5a5e31-6b4b-4232-8a52-5f9ecb2ec1c0.tmp</t>
  </si>
  <si>
    <t>\\acsfs\profiles$\ROBERTM\Downloads\ef5a5e31-6b4b-4232-8a52-5f9ecb2ec1c0.tmp</t>
  </si>
  <si>
    <t>578846e3-3e08-4d10-8320-39371055ea3a.tmp</t>
  </si>
  <si>
    <t>\\acsfs\profiles$\ROZENCAM\Downloads\578846e3-3e08-4d10-8320-39371055ea3a.tmp</t>
  </si>
  <si>
    <t>e19a6b45-03ad-48e9-8a9e-fc323ac4a812.tmp</t>
  </si>
  <si>
    <t>\\acsfs\profiles$\ROZENCAM\Downloads\e19a6b45-03ad-48e9-8a9e-fc323ac4a812.tmp</t>
  </si>
  <si>
    <t>c42ae7a8-7a1a-4724-8394-018349a849c9.tmp</t>
  </si>
  <si>
    <t>\\acsfs\profiles$\marlyannegdls\Downloads\c42ae7a8-7a1a-4724-8394-018349a849c9.tmp</t>
  </si>
  <si>
    <t>b3d99f6f-b13c-4c38-9468-f3e770acbf52.tmp</t>
  </si>
  <si>
    <t>\\acsfs\profiles$\ROBERTM\Downloads\b3d99f6f-b13c-4c38-9468-f3e770acbf52.tmp</t>
  </si>
  <si>
    <t>2c7d9872-9ce3-4e94-a7d3-b57e0d41fa4e.tmp</t>
  </si>
  <si>
    <t>\\acsfs\profiles$\lucasqdss\Downloads\2c7d9872-9ce3-4e94-a7d3-b57e0d41fa4e.tmp</t>
  </si>
  <si>
    <t>351713be-97f0-4344-aff8-f6c32a0d77c6.tmp</t>
  </si>
  <si>
    <t>\\acsfs\profiles$\lucasqdss\Downloads\351713be-97f0-4344-aff8-f6c32a0d77c6.tmp</t>
  </si>
  <si>
    <t>9c9c179d-c928-465d-9706-553da8e422c8.tmp</t>
  </si>
  <si>
    <t>\\acsfs\profiles$\BRUNAAR\Downloads\9c9c179d-c928-465d-9706-553da8e422c8.tmp</t>
  </si>
  <si>
    <t>a14273a0-2ee3-43ad-9e31-de7c54b75480.tmp</t>
  </si>
  <si>
    <t>\\acsfs\profiles$\danielac\Downloads\a14273a0-2ee3-43ad-9e31-de7c54b75480.tmp</t>
  </si>
  <si>
    <t>92d75162-8868-4d24-b6ba-dcb039702c7d.tmp</t>
  </si>
  <si>
    <t>\\acsfs\profiles$\BRUNAAR\Downloads\92d75162-8868-4d24-b6ba-dcb039702c7d.tmp</t>
  </si>
  <si>
    <t>a327cb62-894f-41bd-89c3-676c4bc3f27f.tmp</t>
  </si>
  <si>
    <t>\\acsfs\profiles$\danielac\Downloads\a327cb62-894f-41bd-89c3-676c4bc3f27f.tmp</t>
  </si>
  <si>
    <t>39f40f04-d40b-48b8-a399-c74e48f8d5fd.tmp</t>
  </si>
  <si>
    <t>\\acsfs\profiles$\danielac\Downloads\39f40f04-d40b-48b8-a399-c74e48f8d5fd.tmp</t>
  </si>
  <si>
    <t>29ce8fc2-d23d-4aed-8159-345671c9f60f.tmp</t>
  </si>
  <si>
    <t>\\acsfs\profiles$\ALYNYA\Downloads\29ce8fc2-d23d-4aed-8159-345671c9f60f.tmp</t>
  </si>
  <si>
    <t>02c6590c-cc9e-41c9-a7d5-395cd253c521.tmp</t>
  </si>
  <si>
    <t>\\acsfs\profiles$\ALYNYA\Downloads\02c6590c-cc9e-41c9-a7d5-395cd253c521.tmp</t>
  </si>
  <si>
    <t>e36b99a8-ba9c-4d1d-a1fe-51b6fef23f6a.tmp</t>
  </si>
  <si>
    <t>\\acsfs\profiles$\sarahbal\Downloads\e36b99a8-ba9c-4d1d-a1fe-51b6fef23f6a.tmp</t>
  </si>
  <si>
    <t>10.200.66.155</t>
  </si>
  <si>
    <t>34-E6-D7-FC-B8-73</t>
  </si>
  <si>
    <t>VOTORANT-MB016</t>
  </si>
  <si>
    <t>esterasg</t>
  </si>
  <si>
    <t>\\acsfs\profiles$\esterasg\Contacts\</t>
  </si>
  <si>
    <t>ESTER APARECIDA SILVA GOULART (30470).contact</t>
  </si>
  <si>
    <t>\\acsfs\profiles$\esterasg\Contacts\ESTER APARECIDA SILVA GOULART (30470).contact</t>
  </si>
  <si>
    <t>\\acsfs\profiles$\esterasg\My Documents\My Videos\</t>
  </si>
  <si>
    <t>\\acsfs\profiles$\esterasg\My Documents\My Videos\desktop.ini</t>
  </si>
  <si>
    <t>\\acsfs\profiles$\esterasg\My Documents\My Pictures\</t>
  </si>
  <si>
    <t>\\acsfs\profiles$\esterasg\My Documents\My Pictures\desktop.ini</t>
  </si>
  <si>
    <t>\\acsfs\profiles$\esterasg\Contacts\desktop.ini</t>
  </si>
  <si>
    <t>\\acsfs\profiles$\esterasg\Favorites\</t>
  </si>
  <si>
    <t>\\acsfs\profiles$\esterasg\Favorites\desktop.ini</t>
  </si>
  <si>
    <t>\\acsfs\profiles$\esterasg\My Documents\My Music\</t>
  </si>
  <si>
    <t>\\acsfs\profiles$\esterasg\My Documents\My Music\desktop.ini</t>
  </si>
  <si>
    <t>\\acsfs\profiles$\esterasg\Searches\</t>
  </si>
  <si>
    <t>\\acsfs\profiles$\esterasg\Searches\desktop.ini</t>
  </si>
  <si>
    <t>\\acsfs\profiles$\esterasg\Downloads\</t>
  </si>
  <si>
    <t>\\acsfs\profiles$\esterasg\Downloads\desktop.ini</t>
  </si>
  <si>
    <t>\\acsfs\profiles$\esterasg\My Documents\</t>
  </si>
  <si>
    <t>\\acsfs\profiles$\esterasg\My Documents\desktop.ini</t>
  </si>
  <si>
    <t>\\acsfs\profiles$\esterasg\Saved Games\</t>
  </si>
  <si>
    <t>\\acsfs\profiles$\esterasg\Saved Games\desktop.ini</t>
  </si>
  <si>
    <t>\\acsfs\profiles$\esterasg\Favorites\Links for Brasil\</t>
  </si>
  <si>
    <t>\\acsfs\profiles$\esterasg\Favorites\Links for Brasil\desktop.ini</t>
  </si>
  <si>
    <t>\\acsfs\profiles$\esterasg\Favorites\Links for Brasil\Microsoft Brasil.url</t>
  </si>
  <si>
    <t>\\acsfs\profiles$\esterasg\Favorites\Links for Brasil\Windows Brasil.url</t>
  </si>
  <si>
    <t>\\acsfs\profiles$\esterasg\Favorites\Links for Brasil\MSN Brasil.url</t>
  </si>
  <si>
    <t>2c6a792e-c054-4c29-826d-d27f58f649dd.tmp</t>
  </si>
  <si>
    <t>\\acsfs\profiles$\anafsb\Downloads\2c6a792e-c054-4c29-826d-d27f58f649dd.tmp</t>
  </si>
  <si>
    <t>a1e55b6a-003b-41aa-91f0-004d8f69af59.tmp</t>
  </si>
  <si>
    <t>\\acsfs\profiles$\anafsb\Downloads\a1e55b6a-003b-41aa-91f0-004d8f69af59.tmp</t>
  </si>
  <si>
    <t>8d423a78-b6c1-43fd-ac23-8ce922083c91.tmp</t>
  </si>
  <si>
    <t>\\acsfs\profiles$\anafsb\Downloads\8d423a78-b6c1-43fd-ac23-8ce922083c91.tmp</t>
  </si>
  <si>
    <t>10.200.67.130</t>
  </si>
  <si>
    <t>78-2B-CB-C1-07-45</t>
  </si>
  <si>
    <t>VOTORANT-PB007</t>
  </si>
  <si>
    <t>46b928ab-d1db-4df9-8cc1-2bde9a3493a2.tmp</t>
  </si>
  <si>
    <t>\\acsfs\profiles$\sarahbal\Downloads\46b928ab-d1db-4df9-8cc1-2bde9a3493a2.tmp</t>
  </si>
  <si>
    <t>a06455ba-f607-4e7c-a3ae-312a24805c2f.tmp</t>
  </si>
  <si>
    <t>\\acsfs\profiles$\ALYNYA\Downloads\a06455ba-f607-4e7c-a3ae-312a24805c2f.tmp</t>
  </si>
  <si>
    <t>10ad303f-ab84-4592-bbd0-aabc9738473e.tmp</t>
  </si>
  <si>
    <t>\\acsfs\profiles$\vivianealda\Downloads\10ad303f-ab84-4592-bbd0-aabc9738473e.tmp</t>
  </si>
  <si>
    <t>06051b4d-5537-4ce0-a5e9-a996eb1b9c4d.tmp</t>
  </si>
  <si>
    <t>\\acsfs\profiles$\vivianealda\Downloads\06051b4d-5537-4ce0-a5e9-a996eb1b9c4d.tmp</t>
  </si>
  <si>
    <t>10daa1fc-76eb-4ab3-8e2d-77b5cb5b4d92.tmp</t>
  </si>
  <si>
    <t>\\acsfs\profiles$\vivianealda\Downloads\10daa1fc-76eb-4ab3-8e2d-77b5cb5b4d92.tmp</t>
  </si>
  <si>
    <t>13abbb27-9f47-4c66-affc-b2e64834efce.tmp</t>
  </si>
  <si>
    <t>\\acsfs\profiles$\sarahbal\Downloads\13abbb27-9f47-4c66-affc-b2e64834efce.tmp</t>
  </si>
  <si>
    <t>3ac0c1ce-57d7-4a20-845c-0965cd923462.tmp</t>
  </si>
  <si>
    <t>\\acsfs\profiles$\sarahbal\Downloads\3ac0c1ce-57d7-4a20-845c-0965cd923462.tmp</t>
  </si>
  <si>
    <t>d0143675-f514-4d44-b197-30aba285d0bc.tmp</t>
  </si>
  <si>
    <t>\\acsfs\profiles$\sarahbal\Downloads\d0143675-f514-4d44-b197-30aba285d0bc.tmp</t>
  </si>
  <si>
    <t>5c2e48c4-ee00-42b5-87a8-cfc1fe33fcb7.tmp</t>
  </si>
  <si>
    <t>\\acsfs\profiles$\sarahbal\Downloads\5c2e48c4-ee00-42b5-87a8-cfc1fe33fcb7.tmp</t>
  </si>
  <si>
    <t>c2085096-64fb-4c4a-8661-323044e15a80.tmp</t>
  </si>
  <si>
    <t>\\acsfs\profiles$\sarahbal\Downloads\c2085096-64fb-4c4a-8661-323044e15a80.tmp</t>
  </si>
  <si>
    <t>2ca43641-99d6-420a-949e-4271946a49c8.tmp</t>
  </si>
  <si>
    <t>\\acsfs\profiles$\claudiajca\Downloads\2ca43641-99d6-420a-949e-4271946a49c8.tmp</t>
  </si>
  <si>
    <t>8f5c6a17-f2a0-4a82-b04a-e839ddb9fd10.tmp</t>
  </si>
  <si>
    <t>\\acsfs\profiles$\claudiajca\Downloads\8f5c6a17-f2a0-4a82-b04a-e839ddb9fd10.tmp</t>
  </si>
  <si>
    <t>59246e45-207d-4497-9ba1-a34d2d64ed6b.tmp</t>
  </si>
  <si>
    <t>\\acsfs\profiles$\cintiadcf\Downloads\59246e45-207d-4497-9ba1-a34d2d64ed6b.tmp</t>
  </si>
  <si>
    <t>72118abd-80b4-4ec0-99d9-4bf9882cca41.tmp</t>
  </si>
  <si>
    <t>\\acsfs\profiles$\cintiadcf\Downloads\72118abd-80b4-4ec0-99d9-4bf9882cca41.tmp</t>
  </si>
  <si>
    <t>3ead35d8-24a4-4fda-bdbb-baafc3c59a21.tmp</t>
  </si>
  <si>
    <t>\\acsfs\profiles$\cintiadcf\Downloads\3ead35d8-24a4-4fda-bdbb-baafc3c59a21.tmp</t>
  </si>
  <si>
    <t>34291092-5806-42cd-b863-2b5be53e5805.tmp</t>
  </si>
  <si>
    <t>\\acsfs\profiles$\anafsb\Downloads\34291092-5806-42cd-b863-2b5be53e5805.tmp</t>
  </si>
  <si>
    <t>78f4b68e-46e9-41ca-9ecc-074c9bc63d85.tmp</t>
  </si>
  <si>
    <t>\\acsfs\profiles$\anafsb\Downloads\78f4b68e-46e9-41ca-9ecc-074c9bc63d85.tmp</t>
  </si>
  <si>
    <t>1d9a1b40-7fe3-4e45-8b54-610b0a8a0340.tmp</t>
  </si>
  <si>
    <t>\\acsfs\profiles$\lucasgpe\Downloads\1d9a1b40-7fe3-4e45-8b54-610b0a8a0340.tmp</t>
  </si>
  <si>
    <t>8d1a5a0f-5ff8-47ee-a6ff-8f5ff0e3d136.tmp</t>
  </si>
  <si>
    <t>\\acsfs\profiles$\lucasgpe\Downloads\8d1a5a0f-5ff8-47ee-a6ff-8f5ff0e3d136.tmp</t>
  </si>
  <si>
    <t>d1541d0b-58c4-42cd-8db8-6acf0b19917c.tmp</t>
  </si>
  <si>
    <t>\\acsfs\profiles$\lucasgpe\Downloads\d1541d0b-58c4-42cd-8db8-6acf0b19917c.tmp</t>
  </si>
  <si>
    <t>382051f9-a628-4890-bb02-060ab9e42151.tmp</t>
  </si>
  <si>
    <t>\\acsfs\profiles$\vivianealda\Downloads\382051f9-a628-4890-bb02-060ab9e42151.tmp</t>
  </si>
  <si>
    <t>98c43286-873e-4702-a983-4d42bc22edfa.tmp</t>
  </si>
  <si>
    <t>\\acsfs\profiles$\anafsb\Downloads\98c43286-873e-4702-a983-4d42bc22edfa.tmp</t>
  </si>
  <si>
    <t>lu11816xel64.tmp</t>
  </si>
  <si>
    <t>\\acsfs\profiles$\CLAUDIAJCA\lu11816xel64.tmp</t>
  </si>
  <si>
    <t>\\acsfs\profiles$\CLAUDIAJCA\lu11816xel64.tmp\</t>
  </si>
  <si>
    <t>\\acsfs\profiles$\CLAUDIAJCA\lu11816xel64.tmp\META-INF\</t>
  </si>
  <si>
    <t>\\acsfs\profiles$\CLAUDIAJCA\lu11816xel64.tmp\Thumbnails\</t>
  </si>
  <si>
    <t>lu261206l55r1.tmp</t>
  </si>
  <si>
    <t>\\acsfs\profiles$\CINTIADCF\lu261206l55r1.tmp</t>
  </si>
  <si>
    <t>\\acsfs\profiles$\CINTIADCF\lu261206l55r1.tmp\</t>
  </si>
  <si>
    <t>\\acsfs\profiles$\CINTIADCF\lu261206l55r1.tmp\META-INF\</t>
  </si>
  <si>
    <t>\\acsfs\profiles$\CINTIADCF\lu261206l55r1.tmp\Thumbnails\</t>
  </si>
  <si>
    <t>c56614a2-c345-4734-ac58-60aee6cf0dde.tmp</t>
  </si>
  <si>
    <t>\\acsfs\profiles$\inarajst\Downloads\c56614a2-c345-4734-ac58-60aee6cf0dde.tmp</t>
  </si>
  <si>
    <t>6e064d08-e312-49ea-adfd-656632e3e26e.tmp</t>
  </si>
  <si>
    <t>\\acsfs\profiles$\inarajst\Downloads\6e064d08-e312-49ea-adfd-656632e3e26e.tmp</t>
  </si>
  <si>
    <t>07b51033-9315-4ee4-8e84-2c2a79045fa6.tmp</t>
  </si>
  <si>
    <t>\\acsfs\profiles$\inarajst\Downloads\07b51033-9315-4ee4-8e84-2c2a79045fa6.tmp</t>
  </si>
  <si>
    <t>a4b39a92-bfc1-4552-ac8c-c35ec0272c79.tmp</t>
  </si>
  <si>
    <t>\\acsfs\profiles$\inarajst\Downloads\a4b39a92-bfc1-4552-ac8c-c35ec0272c79.tmp</t>
  </si>
  <si>
    <t>4904ce5d-64cd-480c-8bb7-a0c3c160ac8c.tmp</t>
  </si>
  <si>
    <t>\\acsfs\profiles$\inarajst\Downloads\4904ce5d-64cd-480c-8bb7-a0c3c160ac8c.tmp</t>
  </si>
  <si>
    <t>lu261206l55r4.tmp</t>
  </si>
  <si>
    <t>\\acsfs\profiles$\CINTIADCF\lu261206l55r4.tmp</t>
  </si>
  <si>
    <t>\\acsfs\profiles$\CINTIADCF\lu261206l55r4.tmp\</t>
  </si>
  <si>
    <t>\\acsfs\profiles$\CINTIADCF\lu261206l55r4.tmp\META-INF\</t>
  </si>
  <si>
    <t>\\acsfs\profiles$\CINTIADCF\lu261206l55r4.tmp\Thumbnails\</t>
  </si>
  <si>
    <t>lu261206l55r7.tmp</t>
  </si>
  <si>
    <t>\\acsfs\profiles$\CINTIADCF\lu261206l55r7.tmp</t>
  </si>
  <si>
    <t>\\acsfs\profiles$\CINTIADCF\lu261206l55r7.tmp\</t>
  </si>
  <si>
    <t>\\acsfs\profiles$\CINTIADCF\lu261206l55r7.tmp\META-INF\</t>
  </si>
  <si>
    <t>\\acsfs\profiles$\CINTIADCF\lu261206l55r7.tmp\Thumbnails\</t>
  </si>
  <si>
    <t>lu261206l55ra.tmp</t>
  </si>
  <si>
    <t>\\acsfs\profiles$\CINTIADCF\lu261206l55ra.tmp</t>
  </si>
  <si>
    <t>\\acsfs\profiles$\CINTIADCF\lu261206l55ra.tmp\</t>
  </si>
  <si>
    <t>\\acsfs\profiles$\CINTIADCF\lu261206l55ra.tmp\META-INF\</t>
  </si>
  <si>
    <t>\\acsfs\profiles$\CINTIADCF\lu261206l55ra.tmp\Thumbnails\</t>
  </si>
  <si>
    <t>379cfd7a-9bbd-49da-97bb-256e949a930f.tmp</t>
  </si>
  <si>
    <t>\\acsfs\profiles$\websondsa\Downloads\379cfd7a-9bbd-49da-97bb-256e949a930f.tmp</t>
  </si>
  <si>
    <t>fee06a1f-8707-40aa-8c54-5e2d2a9aaab6.tmp</t>
  </si>
  <si>
    <t>\\acsfs\profiles$\websondsa\Downloads\fee06a1f-8707-40aa-8c54-5e2d2a9aaab6.tmp</t>
  </si>
  <si>
    <t>6cf07170-eb4a-4aaf-b063-e9063f87ecfe.tmp</t>
  </si>
  <si>
    <t>\\acsfs\profiles$\websondsa\Downloads\6cf07170-eb4a-4aaf-b063-e9063f87ecfe.tmp</t>
  </si>
  <si>
    <t>32e12f64-4fdc-4f3b-9591-8f8c16b7ec44.tmp</t>
  </si>
  <si>
    <t>\\acsfs\profiles$\websondsa\Downloads\32e12f64-4fdc-4f3b-9591-8f8c16b7ec44.tmp</t>
  </si>
  <si>
    <t>e3246bb6-ee1b-403a-a62a-4bd43cf0fa72.tmp</t>
  </si>
  <si>
    <t>\\acsfs\profiles$\websondsa\Downloads\e3246bb6-ee1b-403a-a62a-4bd43cf0fa72.tmp</t>
  </si>
  <si>
    <t>5e317370-5d04-4065-a66c-980b2aa71d60.tmp</t>
  </si>
  <si>
    <t>\\acsfs\profiles$\mariajra\Downloads\5e317370-5d04-4065-a66c-980b2aa71d60.tmp</t>
  </si>
  <si>
    <t>lu261206l55rd.tmp</t>
  </si>
  <si>
    <t>\\acsfs\profiles$\CINTIADCF\lu261206l55rd.tmp</t>
  </si>
  <si>
    <t>\\acsfs\profiles$\CINTIADCF\lu261206l55rd.tmp\</t>
  </si>
  <si>
    <t>\\acsfs\profiles$\CINTIADCF\lu261206l55rd.tmp\META-INF\</t>
  </si>
  <si>
    <t>\\acsfs\profiles$\CINTIADCF\lu261206l55rd.tmp\Thumbnails\</t>
  </si>
  <si>
    <t>lu261206l55rg.tmp</t>
  </si>
  <si>
    <t>\\acsfs\profiles$\CINTIADCF\lu261206l55rg.tmp</t>
  </si>
  <si>
    <t>\\acsfs\profiles$\CINTIADCF\lu261206l55rg.tmp\</t>
  </si>
  <si>
    <t>\\acsfs\profiles$\CINTIADCF\lu261206l55rg.tmp\META-INF\</t>
  </si>
  <si>
    <t>\\acsfs\profiles$\CINTIADCF\lu261206l55rg.tmp\Thumbnails\</t>
  </si>
  <si>
    <t>lu111788tsw38f.tmp</t>
  </si>
  <si>
    <t>\\acsfs\profiles$\BRUNAAR\Numero\lu111788tsw38f.tmp</t>
  </si>
  <si>
    <t>d09ca2ae-ecf4-4e83-89c2-9c1cc472dda7.tmp</t>
  </si>
  <si>
    <t>\\acsfs\profiles$\mariajra\Downloads\d09ca2ae-ecf4-4e83-89c2-9c1cc472dda7.tmp</t>
  </si>
  <si>
    <t>cfa9c333-dbce-435b-83f7-7d5903b0a733.tmp</t>
  </si>
  <si>
    <t>\\acsfs\profiles$\mariajra\Downloads\cfa9c333-dbce-435b-83f7-7d5903b0a733.tmp</t>
  </si>
  <si>
    <t>15cb0d2d-f822-4b51-9b9e-14a7033d5f9f.tmp</t>
  </si>
  <si>
    <t>\\acsfs\profiles$\mariajra\Downloads\15cb0d2d-f822-4b51-9b9e-14a7033d5f9f.tmp</t>
  </si>
  <si>
    <t>28ca7807-edbd-4ac9-b992-6912d767e67d.tmp</t>
  </si>
  <si>
    <t>\\acsfs\profiles$\mariajra\Downloads\28ca7807-edbd-4ac9-b992-6912d767e67d.tmp</t>
  </si>
  <si>
    <t>.~lock.Layout TV Vendas 2.2.ppt#</t>
  </si>
  <si>
    <t>\\acsfs\DEPTOS\Operacao\Banco_Votorantim\Supervisao\SUPERS BV CARTÕES\.~lock.Layout TV Vendas 2.2.ppt#</t>
  </si>
  <si>
    <t>e3013d1d-6365-43a2-a912-5d7c87f2c3aa.tmp</t>
  </si>
  <si>
    <t>\\acsfs\profiles$\vivianalds\Downloads\e3013d1d-6365-43a2-a912-5d7c87f2c3aa.tmp</t>
  </si>
  <si>
    <t>88de39d4-af24-4c1b-8b0f-b20329b02a92.tmp</t>
  </si>
  <si>
    <t>\\acsfs\profiles$\vivianalds\Downloads\88de39d4-af24-4c1b-8b0f-b20329b02a92.tmp</t>
  </si>
  <si>
    <t>366aafe3-24b8-4290-81d3-bdfdc4f53f1f.tmp</t>
  </si>
  <si>
    <t>\\acsfs\profiles$\lucasgpe\Downloads\366aafe3-24b8-4290-81d3-bdfdc4f53f1f.tmp</t>
  </si>
  <si>
    <t>fbe09b2c-0bee-43d4-b9f4-67301c40f14e.tmp</t>
  </si>
  <si>
    <t>\\acsfs\profiles$\inarajst\Downloads\fbe09b2c-0bee-43d4-b9f4-67301c40f14e.tmp</t>
  </si>
  <si>
    <t>luizffn</t>
  </si>
  <si>
    <t>\\acsfs\profiles$\luizffn\Downloads\</t>
  </si>
  <si>
    <t>1c8d47bb-21a0-46e5-9a0e-4c7016c981aa.tmp</t>
  </si>
  <si>
    <t>\\acsfs\profiles$\luizffn\Downloads\1c8d47bb-21a0-46e5-9a0e-4c7016c981aa.tmp</t>
  </si>
  <si>
    <t>Cópia_de_Dados_consolidados_Laylla_28-12_(1)_(1).xlsx:Zone.Identifier</t>
  </si>
  <si>
    <t>\\acsfs\profiles$\luizffn\Downloads\Cópia_de_Dados_consolidados_Laylla_28-12_(1)_(1).xlsx:Zone.Identifier</t>
  </si>
  <si>
    <t>46fe4a43-02db-4cc8-af97-8dffd008b931.tmp</t>
  </si>
  <si>
    <t>\\acsfs\profiles$\dhiulliananads\Downloads\46fe4a43-02db-4cc8-af97-8dffd008b931.tmp</t>
  </si>
  <si>
    <t>d3a260f0-6d4e-4360-a424-fab003ae93bf.tmp</t>
  </si>
  <si>
    <t>\\acsfs\profiles$\dhiulliananads\Downloads\d3a260f0-6d4e-4360-a424-fab003ae93bf.tmp</t>
  </si>
  <si>
    <t>Backup de Cópia_de_Dados_consolidados_Laylla 06-01.xlk</t>
  </si>
  <si>
    <t>\\acsfs\profiles$\luizffn\Downloads\Backup de Cópia_de_Dados_consolidados_Laylla 06-01.xlk</t>
  </si>
  <si>
    <t>luizffn@algartech.com</t>
  </si>
  <si>
    <t>lu11816xel69.tmp</t>
  </si>
  <si>
    <t>\\acsfs\profiles$\CLAUDIAJCA\lu11816xel69.tmp</t>
  </si>
  <si>
    <t>\\acsfs\profiles$\CLAUDIAJCA\lu11816xel69.tmp\</t>
  </si>
  <si>
    <t>\\acsfs\profiles$\CLAUDIAJCA\lu11816xel69.tmp\META-INF\</t>
  </si>
  <si>
    <t>\\acsfs\profiles$\CLAUDIAJCA\lu11816xel69.tmp\Thumbnails\</t>
  </si>
  <si>
    <t>lu11816xel6e.tmp</t>
  </si>
  <si>
    <t>\\acsfs\profiles$\CLAUDIAJCA\lu11816xel6e.tmp</t>
  </si>
  <si>
    <t>\\acsfs\profiles$\CLAUDIAJCA\lu11816xel6e.tmp\</t>
  </si>
  <si>
    <t>\\acsfs\profiles$\CLAUDIAJCA\lu11816xel6e.tmp\META-INF\</t>
  </si>
  <si>
    <t>\\acsfs\profiles$\CLAUDIAJCA\lu11816xel6e.tmp\Thumbnails\</t>
  </si>
  <si>
    <t>a6d2bd75-d7c5-4687-9ae3-fd2d8dda1ae3.tmp</t>
  </si>
  <si>
    <t>\\acsfs\profiles$\dhiulliananads\Downloads\a6d2bd75-d7c5-4687-9ae3-fd2d8dda1ae3.tmp</t>
  </si>
  <si>
    <t>d7a6bdec-8ca3-4337-b20d-5603a8bf9d05.tmp</t>
  </si>
  <si>
    <t>\\acsfs\profiles$\nayarasds\Downloads\d7a6bdec-8ca3-4337-b20d-5603a8bf9d05.tmp</t>
  </si>
  <si>
    <t>200a693b-c164-471f-b2e0-dc1122264e65.tmp</t>
  </si>
  <si>
    <t>\\acsfs\profiles$\nayarasds\Downloads\200a693b-c164-471f-b2e0-dc1122264e65.tmp</t>
  </si>
  <si>
    <t>131ae8b2-3e39-4158-a9a1-47d5db088b93.tmp</t>
  </si>
  <si>
    <t>\\acsfs\profiles$\nayarasds\Downloads\131ae8b2-3e39-4158-a9a1-47d5db088b93.tmp</t>
  </si>
  <si>
    <t>a7e88920-e797-4e5c-aa74-5d4c225b7a52.tmp</t>
  </si>
  <si>
    <t>\\acsfs\profiles$\nayarasds\Downloads\a7e88920-e797-4e5c-aa74-5d4c225b7a52.tmp</t>
  </si>
  <si>
    <t>09730f49-7291-46f3-b0d5-856afc4bb084.tmp</t>
  </si>
  <si>
    <t>\\acsfs\profiles$\marcellewdl\Downloads\09730f49-7291-46f3-b0d5-856afc4bb084.tmp</t>
  </si>
  <si>
    <t>ba5588fd-dd75-4d64-9ac4-15d1b0a4cdf2.tmp</t>
  </si>
  <si>
    <t>\\acsfs\profiles$\marcellewdl\Downloads\ba5588fd-dd75-4d64-9ac4-15d1b0a4cdf2.tmp</t>
  </si>
  <si>
    <t>LEYDIANE APARECIDA MOREIRA DUARTE (34).contact</t>
  </si>
  <si>
    <t>\\acsfs\profiles$\leydianeamd\Contacts\LEYDIANE APARECIDA MOREIRA DUARTE (34).contact</t>
  </si>
  <si>
    <t>7e75230b-eb2a-480a-8743-9ff0bb7b5ba7.tmp</t>
  </si>
  <si>
    <t>\\acsfs\profiles$\luanarda\Downloads\7e75230b-eb2a-480a-8743-9ff0bb7b5ba7.tmp</t>
  </si>
  <si>
    <t>fcbbe283-33a6-4f98-9c41-9de10dbb3c15.tmp</t>
  </si>
  <si>
    <t>\\acsfs\profiles$\nayarasds\Downloads\fcbbe283-33a6-4f98-9c41-9de10dbb3c15.tmp</t>
  </si>
  <si>
    <t>a09eae98-7814-4d2a-9490-37baf0e356e4.tmp</t>
  </si>
  <si>
    <t>\\acsfs\profiles$\antoniosva\Downloads\a09eae98-7814-4d2a-9490-37baf0e356e4.tmp</t>
  </si>
  <si>
    <t>0298517f-f6f1-4ebe-a30f-ad5d6c628594.tmp</t>
  </si>
  <si>
    <t>\\acsfs\profiles$\antoniosva\Downloads\0298517f-f6f1-4ebe-a30f-ad5d6c628594.tmp</t>
  </si>
  <si>
    <t>85319cdd-d7e6-4925-88ce-94ceabd98f87.tmp</t>
  </si>
  <si>
    <t>\\acsfs\profiles$\wenderbnm\Downloads\85319cdd-d7e6-4925-88ce-94ceabd98f87.tmp</t>
  </si>
  <si>
    <t>a87f7f73-076a-4aa7-bba0-c1cb228cb278.tmp</t>
  </si>
  <si>
    <t>\\acsfs\profiles$\wenderbnm\Downloads\a87f7f73-076a-4aa7-bba0-c1cb228cb278.tmp</t>
  </si>
  <si>
    <t>10.200.66.56</t>
  </si>
  <si>
    <t>D0-67-E5-FF-1B-D2</t>
  </si>
  <si>
    <t>VOTORANT-AFB004</t>
  </si>
  <si>
    <t>ec418587-fb87-4070-af1e-00ffd455983c.tmp</t>
  </si>
  <si>
    <t>\\acsfs\profiles$\rafaelahpn\Downloads\ec418587-fb87-4070-af1e-00ffd455983c.tmp</t>
  </si>
  <si>
    <t>96005781-48a3-4301-9e40-ba06ef13718f.tmp</t>
  </si>
  <si>
    <t>\\acsfs\profiles$\luanarda\Downloads\96005781-48a3-4301-9e40-ba06ef13718f.tmp</t>
  </si>
  <si>
    <t>55968f0a-37a5-46f2-b5ec-c5a4bf215313.tmp</t>
  </si>
  <si>
    <t>\\acsfs\profiles$\valeriasda\Downloads\55968f0a-37a5-46f2-b5ec-c5a4bf215313.tmp</t>
  </si>
  <si>
    <t>869196d4-4083-4713-ab32-ac05145043a1.tmp</t>
  </si>
  <si>
    <t>\\acsfs\profiles$\valeriasda\Downloads\869196d4-4083-4713-ab32-ac05145043a1.tmp</t>
  </si>
  <si>
    <t>56b5cd04-2532-4b71-959f-e44828672352.tmp</t>
  </si>
  <si>
    <t>\\acsfs\profiles$\valeriasda\Downloads\56b5cd04-2532-4b71-959f-e44828672352.tmp</t>
  </si>
  <si>
    <t>10.200.66.45</t>
  </si>
  <si>
    <t>ulog_AcroARM2_Reader_22bb18ef-a0cc-4985-b2f1-d8449a05e1d0_9be42d93-33c0-4a90-9c65-9a109672263d_0.log</t>
  </si>
  <si>
    <t>C:\Users\Jordanarb\AppData\Roaming\Adobe\LogTransport2\Logs\ulog_AcroARM2_Reader_22bb18ef-a0cc-4985-b2f1-d8449a05e1d0_9be42d93-33c0-4a90-9c65-9a109672263d_0.log\</t>
  </si>
  <si>
    <t>lu111788tsw38j.tmp</t>
  </si>
  <si>
    <t>\\acsfs\profiles$\BRUNAAR\Numero\lu111788tsw38j.tmp</t>
  </si>
  <si>
    <t>lu111788tsw38n.tmp</t>
  </si>
  <si>
    <t>\\acsfs\profiles$\BRUNAAR\Numero\lu111788tsw38n.tmp</t>
  </si>
  <si>
    <t>lu111788tsw38r.tmp</t>
  </si>
  <si>
    <t>\\acsfs\profiles$\BRUNAAR\Numero\lu111788tsw38r.tmp</t>
  </si>
  <si>
    <t>0cdf4dcd-2330-462e-8207-f458a506a935.tmp</t>
  </si>
  <si>
    <t>\\acsfs\profiles$\antoniosva\Downloads\0cdf4dcd-2330-462e-8207-f458a506a935.tmp</t>
  </si>
  <si>
    <t>8043c647-9da0-4209-9e31-901df8b62afe.tmp</t>
  </si>
  <si>
    <t>\\acsfs\profiles$\antoniosva\Downloads\8043c647-9da0-4209-9e31-901df8b62afe.tmp</t>
  </si>
  <si>
    <t>2d566064-536a-49ea-9301-51c4a836a6f7.tmp</t>
  </si>
  <si>
    <t>\\acsfs\profiles$\rafaelahpn\Downloads\2d566064-536a-49ea-9301-51c4a836a6f7.tmp</t>
  </si>
  <si>
    <t>6a9b8968-af75-4525-aef3-0b062096f1fe.tmp</t>
  </si>
  <si>
    <t>\\acsfs\profiles$\rafaelahpn\Downloads\6a9b8968-af75-4525-aef3-0b062096f1fe.tmp</t>
  </si>
  <si>
    <t>d843f11b-1523-4876-8841-a99059fecb21.tmp</t>
  </si>
  <si>
    <t>\\acsfs\profiles$\rafaelahpn\Downloads\d843f11b-1523-4876-8841-a99059fecb21.tmp</t>
  </si>
  <si>
    <t>74cc2fdb-1871-4e86-8c88-af4e28102841.tmp</t>
  </si>
  <si>
    <t>\\acsfs\profiles$\rafaelahpn\Downloads\74cc2fdb-1871-4e86-8c88-af4e28102841.tmp</t>
  </si>
  <si>
    <t>1f8ad738-b261-4e2a-b2af-08aa0e45864e.tmp</t>
  </si>
  <si>
    <t>\\acsfs\profiles$\rafaelahpn\Downloads\1f8ad738-b261-4e2a-b2af-08aa0e45864e.tmp</t>
  </si>
  <si>
    <t>XLOG_leydianeamd_03012020_180103.log</t>
  </si>
  <si>
    <t>\\acsfs\profiles$\leydianeamd\My Documents\xworkcenter\logs\XLOG_leydianeamd_03012020_180103.log</t>
  </si>
  <si>
    <t>505cc0a1-bfde-4e2d-9ba1-ed93d743f8b2.tmp</t>
  </si>
  <si>
    <t>\\acsfs\profiles$\cintiadcf\Downloads\505cc0a1-bfde-4e2d-9ba1-ed93d743f8b2.tmp</t>
  </si>
  <si>
    <t>a100b16c-4f8a-49e8-9132-b8559fac119b.tmp</t>
  </si>
  <si>
    <t>\\acsfs\profiles$\THYAGOSP\Downloads\a100b16c-4f8a-49e8-9132-b8559fac119b.tmp</t>
  </si>
  <si>
    <t>69ec9011-e3ce-49d3-a4b2-4fcba3470cbb.tmp</t>
  </si>
  <si>
    <t>\\acsfs\profiles$\antoniosva\Downloads\69ec9011-e3ce-49d3-a4b2-4fcba3470cbb.tmp</t>
  </si>
  <si>
    <t>6655cca7-8cc2-4b3a-a0c3-e4cc96d61172.tmp</t>
  </si>
  <si>
    <t>\\acsfs\profiles$\antoniosva\Downloads\6655cca7-8cc2-4b3a-a0c3-e4cc96d61172.tmp</t>
  </si>
  <si>
    <t>1d06025a-0547-456a-86b7-8b33c138c5cb.tmp</t>
  </si>
  <si>
    <t>\\acsfs\profiles$\paulovadc\Downloads\1d06025a-0547-456a-86b7-8b33c138c5cb.tmp</t>
  </si>
  <si>
    <t>f79156c0-c767-4506-a130-5b7613b179ea.tmp</t>
  </si>
  <si>
    <t>\\acsfs\profiles$\paulovadc\Downloads\f79156c0-c767-4506-a130-5b7613b179ea.tmp</t>
  </si>
  <si>
    <t>55ff52a8-3e98-4dc9-a0fd-314cefd705f1.tmp</t>
  </si>
  <si>
    <t>\\acsfs\profiles$\inarajst\Downloads\55ff52a8-3e98-4dc9-a0fd-314cefd705f1.tmp</t>
  </si>
  <si>
    <t>lu261206l55rj.tmp</t>
  </si>
  <si>
    <t>\\acsfs\profiles$\CINTIADCF\lu261206l55rj.tmp</t>
  </si>
  <si>
    <t>\\acsfs\profiles$\CINTIADCF\lu261206l55rj.tmp\</t>
  </si>
  <si>
    <t>\\acsfs\profiles$\CINTIADCF\lu261206l55rj.tmp\META-INF\</t>
  </si>
  <si>
    <t>\\acsfs\profiles$\CINTIADCF\lu261206l55rj.tmp\Thumbnails\</t>
  </si>
  <si>
    <t>lu261206l55rm.tmp</t>
  </si>
  <si>
    <t>\\acsfs\profiles$\CINTIADCF\lu261206l55rm.tmp</t>
  </si>
  <si>
    <t>\\acsfs\profiles$\CINTIADCF\lu261206l55rm.tmp\</t>
  </si>
  <si>
    <t>\\acsfs\profiles$\CINTIADCF\lu261206l55rm.tmp\META-INF\</t>
  </si>
  <si>
    <t>\\acsfs\profiles$\CINTIADCF\lu261206l55rm.tmp\Thumbnails\</t>
  </si>
  <si>
    <t>3a9b4289-bf38-48fb-b5f4-ab145aad6393.tmp</t>
  </si>
  <si>
    <t>\\acsfs\profiles$\ANAPDSB\Downloads\3a9b4289-bf38-48fb-b5f4-ab145aad6393.tmp</t>
  </si>
  <si>
    <t>c1304cea-863e-44fc-a668-a4f5643f006b.tmp</t>
  </si>
  <si>
    <t>\\acsfs\profiles$\ANAPDSB\Downloads\c1304cea-863e-44fc-a668-a4f5643f006b.tmp</t>
  </si>
  <si>
    <t>d364e8fc-861a-45a8-a8f0-a4ff270434b8.tmp</t>
  </si>
  <si>
    <t>\\acsfs\profiles$\felipetds\Downloads\d364e8fc-861a-45a8-a8f0-a4ff270434b8.tmp</t>
  </si>
  <si>
    <t>8897b68a-37df-4a95-892c-f70918979cae.tmp</t>
  </si>
  <si>
    <t>\\acsfs\profiles$\felipetds\Downloads\8897b68a-37df-4a95-892c-f70918979cae.tmp</t>
  </si>
  <si>
    <t>b8f5f762-5e5c-4505-849b-d9503378d644.tmp</t>
  </si>
  <si>
    <t>\\acsfs\profiles$\THYAGOSP\Downloads\b8f5f762-5e5c-4505-849b-d9503378d644.tmp</t>
  </si>
  <si>
    <t>1d3d923a-4dfe-4dac-8cf1-8d0fc75301f6.tmp</t>
  </si>
  <si>
    <t>\\acsfs\profiles$\THYAGOSP\Downloads\1d3d923a-4dfe-4dac-8cf1-8d0fc75301f6.tmp</t>
  </si>
  <si>
    <t>camillaleb</t>
  </si>
  <si>
    <t>\\acsfs\profiles$\camillaleb\Contacts\</t>
  </si>
  <si>
    <t>Camila Lemos Borges (1).contact</t>
  </si>
  <si>
    <t>\\acsfs\profiles$\camillaleb\Contacts\Camila Lemos Borges (1).contact</t>
  </si>
  <si>
    <t>\\acsfs\profiles$\camillaleb\My Documents\My Videos\</t>
  </si>
  <si>
    <t>\\acsfs\profiles$\camillaleb\My Documents\My Videos\desktop.ini</t>
  </si>
  <si>
    <t>\\acsfs\profiles$\camillaleb\My Documents\My Pictures\</t>
  </si>
  <si>
    <t>\\acsfs\profiles$\camillaleb\My Documents\My Pictures\desktop.ini</t>
  </si>
  <si>
    <t>\\acsfs\profiles$\camillaleb\Contacts\desktop.ini</t>
  </si>
  <si>
    <t>\\acsfs\profiles$\camillaleb\Favorites\</t>
  </si>
  <si>
    <t>\\acsfs\profiles$\camillaleb\Favorites\desktop.ini</t>
  </si>
  <si>
    <t>\\acsfs\profiles$\camillaleb\My Documents\My Music\</t>
  </si>
  <si>
    <t>\\acsfs\profiles$\camillaleb\My Documents\My Music\desktop.ini</t>
  </si>
  <si>
    <t>\\acsfs\profiles$\camillaleb\Searches\</t>
  </si>
  <si>
    <t>\\acsfs\profiles$\camillaleb\Searches\desktop.ini</t>
  </si>
  <si>
    <t>\\acsfs\profiles$\camillaleb\Downloads\</t>
  </si>
  <si>
    <t>\\acsfs\profiles$\camillaleb\Downloads\desktop.ini</t>
  </si>
  <si>
    <t>\\acsfs\profiles$\camillaleb\My Documents\</t>
  </si>
  <si>
    <t>\\acsfs\profiles$\camillaleb\My Documents\desktop.ini</t>
  </si>
  <si>
    <t>\\acsfs\profiles$\camillaleb\Saved Games\</t>
  </si>
  <si>
    <t>\\acsfs\profiles$\camillaleb\Saved Games\desktop.ini</t>
  </si>
  <si>
    <t>\\acsfs\profiles$\camillaleb\Favorites\Links for Brasil\</t>
  </si>
  <si>
    <t>\\acsfs\profiles$\camillaleb\Favorites\Links for Brasil\desktop.ini</t>
  </si>
  <si>
    <t>\\acsfs\profiles$\camillaleb\Favorites\Links for Brasil\Microsoft Brasil.url</t>
  </si>
  <si>
    <t>\\acsfs\profiles$\camillaleb\Favorites\Links for Brasil\Windows Brasil.url</t>
  </si>
  <si>
    <t>\\acsfs\profiles$\camillaleb\Favorites\Links for Brasil\MSN Brasil.url</t>
  </si>
  <si>
    <t>gabrielaff</t>
  </si>
  <si>
    <t>\\acsfs\profiles$\gabrielaff\Downloads\</t>
  </si>
  <si>
    <t>f5303574-1f5e-4f04-8cab-1551b0996f6a.tmp</t>
  </si>
  <si>
    <t>\\acsfs\profiles$\gabrielaff\Downloads\f5303574-1f5e-4f04-8cab-1551b0996f6a.tmp</t>
  </si>
  <si>
    <t>6bd2c52d-54ee-440b-bd6f-e0c5dc085887.tmp</t>
  </si>
  <si>
    <t>\\acsfs\profiles$\ERICALSR\Downloads\6bd2c52d-54ee-440b-bd6f-e0c5dc085887.tmp</t>
  </si>
  <si>
    <t>b2738696-8b6b-4ef3-915e-323019dbdfa9.tmp</t>
  </si>
  <si>
    <t>\\acsfs\profiles$\ERICALSR\Downloads\b2738696-8b6b-4ef3-915e-323019dbdfa9.tmp</t>
  </si>
  <si>
    <t>19e8e3fb-a69b-4541-8915-12e003f52dc5.tmp</t>
  </si>
  <si>
    <t>\\acsfs\profiles$\quindaizaagds\Downloads\19e8e3fb-a69b-4541-8915-12e003f52dc5.tmp</t>
  </si>
  <si>
    <t>20cdea26-3062-4079-bdda-ddcd7e8eac62.tmp</t>
  </si>
  <si>
    <t>\\acsfs\profiles$\quindaizaagds\Downloads\20cdea26-3062-4079-bdda-ddcd7e8eac62.tmp</t>
  </si>
  <si>
    <t>f63a0cab-6fcb-4306-93ab-b25afb8b6e23.tmp</t>
  </si>
  <si>
    <t>\\acsfs\profiles$\websondsa\Downloads\f63a0cab-6fcb-4306-93ab-b25afb8b6e23.tmp</t>
  </si>
  <si>
    <t>e01b0c26-3527-4ec1-bf51-b9f18e4db37b.tmp</t>
  </si>
  <si>
    <t>\\acsfs\profiles$\laianear\Downloads\e01b0c26-3527-4ec1-bf51-b9f18e4db37b.tmp</t>
  </si>
  <si>
    <t>de69342d-4d6c-4e94-b871-67a10de5a8e2.tmp</t>
  </si>
  <si>
    <t>\\acsfs\profiles$\laianear\Downloads\de69342d-4d6c-4e94-b871-67a10de5a8e2.tmp</t>
  </si>
  <si>
    <t>88403afb-6339-49ca-a982-ac3e7b31e2ea.tmp</t>
  </si>
  <si>
    <t>\\acsfs\profiles$\laianear\Downloads\88403afb-6339-49ca-a982-ac3e7b31e2ea.tmp</t>
  </si>
  <si>
    <t>lu201881fq93s.tmp</t>
  </si>
  <si>
    <t>\\acsfs\profiles$\VIVIANALDS\My Documents\lu201881fq93s.tmp</t>
  </si>
  <si>
    <t>\\acsfs\profiles$\VIVIANALDS\My Documents\lu201881fq93s.tmp\</t>
  </si>
  <si>
    <t>\\acsfs\profiles$\VIVIANALDS\My Documents\lu201881fq93s.tmp\META-INF\</t>
  </si>
  <si>
    <t>\\acsfs\profiles$\VIVIANALDS\My Documents\lu201881fq93s.tmp\Thumbnails\</t>
  </si>
  <si>
    <t>lu201881fq93w.tmp</t>
  </si>
  <si>
    <t>\\acsfs\profiles$\VIVIANALDS\My Documents\lu201881fq93w.tmp</t>
  </si>
  <si>
    <t>\\acsfs\profiles$\VIVIANALDS\My Documents\lu201881fq93w.tmp\</t>
  </si>
  <si>
    <t>\\acsfs\profiles$\VIVIANALDS\My Documents\lu201881fq93w.tmp\META-INF\</t>
  </si>
  <si>
    <t>\\acsfs\profiles$\VIVIANALDS\My Documents\lu201881fq93w.tmp\Thumbnails\</t>
  </si>
  <si>
    <t>lu19764596hgm.tmp</t>
  </si>
  <si>
    <t>\\acsfs\profiles$\dhiulliananads\My Documents\lu19764596hgm.tmp</t>
  </si>
  <si>
    <t>\\acsfs\profiles$\dhiulliananads\My Documents\lu19764596hgm.tmp\</t>
  </si>
  <si>
    <t>\\acsfs\profiles$\dhiulliananads\My Documents\lu19764596hgm.tmp\META-INF\</t>
  </si>
  <si>
    <t>\\acsfs\profiles$\dhiulliananads\My Documents\lu19764596hgm.tmp\Thumbnails\</t>
  </si>
  <si>
    <t>10.200.66.11</t>
  </si>
  <si>
    <t>74-86-7A-FC-2A-B1</t>
  </si>
  <si>
    <t>VOTORANT-ACB005</t>
  </si>
  <si>
    <t>dennerldr</t>
  </si>
  <si>
    <t>https://parceiro.metlife.com.br/cotadorml/cotacoes/cadcotacao.aspx?novo=1</t>
  </si>
  <si>
    <t>__/__/____;</t>
  </si>
  <si>
    <t>https://__/__/____</t>
  </si>
  <si>
    <t>rafaeldsn</t>
  </si>
  <si>
    <t>31cfc9ba-3916-4c71-8555-702d77f2ac1d.tmp</t>
  </si>
  <si>
    <t>\\acsfs\profiles$\laianear\Downloads\31cfc9ba-3916-4c71-8555-702d77f2ac1d.tmp</t>
  </si>
  <si>
    <t>a7abce7d-8908-4d91-bf5a-a577ab6c8893.tmp</t>
  </si>
  <si>
    <t>\\acsfs\profiles$\vivianealda\Downloads\a7abce7d-8908-4d91-bf5a-a577ab6c8893.tmp</t>
  </si>
  <si>
    <t>381610b4-b6db-4040-866b-eb989af2ed26.tmp</t>
  </si>
  <si>
    <t>\\acsfs\profiles$\sarahbal\Downloads\381610b4-b6db-4040-866b-eb989af2ed26.tmp</t>
  </si>
  <si>
    <t>cb53a74f-7546-4858-867b-0b14616c83e6.tmp</t>
  </si>
  <si>
    <t>\\acsfs\profiles$\gabrielaff\Downloads\cb53a74f-7546-4858-867b-0b14616c83e6.tmp</t>
  </si>
  <si>
    <t>8c3f1a56-6f97-470b-add0-ed8f22dd41ed.tmp</t>
  </si>
  <si>
    <t>\\acsfs\profiles$\gabrielarb\Downloads\8c3f1a56-6f97-470b-add0-ed8f22dd41ed.tmp</t>
  </si>
  <si>
    <t>c4c779fa-32ef-4f34-9e3f-4a0bae5e2418.tmp</t>
  </si>
  <si>
    <t>\\acsfs\profiles$\gabrielarb\Downloads\c4c779fa-32ef-4f34-9e3f-4a0bae5e2418.tmp</t>
  </si>
  <si>
    <t>20dd69d8-bae5-4467-9699-37b78ea7f5a4.tmp</t>
  </si>
  <si>
    <t>\\acsfs\profiles$\gabrielarb\Downloads\20dd69d8-bae5-4467-9699-37b78ea7f5a4.tmp</t>
  </si>
  <si>
    <t>aa351b15-6b62-4181-9a54-b7e83b307858.tmp</t>
  </si>
  <si>
    <t>\\acsfs\profiles$\gabrielarb\Downloads\aa351b15-6b62-4181-9a54-b7e83b307858.tmp</t>
  </si>
  <si>
    <t>5fc2d2d6-af10-41ea-8fc5-bff3c1c24015.tmp</t>
  </si>
  <si>
    <t>\\acsfs\profiles$\gabrielarb\Downloads\5fc2d2d6-af10-41ea-8fc5-bff3c1c24015.tmp</t>
  </si>
  <si>
    <t>007f1d9d-d593-45cf-8549-a888b2695040.tmp</t>
  </si>
  <si>
    <t>\\acsfs\profiles$\gabrielarb\Downloads\007f1d9d-d593-45cf-8549-a888b2695040.tmp</t>
  </si>
  <si>
    <t>ce496331-08e5-4705-a402-bf0d48ac4f07.tmp</t>
  </si>
  <si>
    <t>\\acsfs\profiles$\marcellewdl\Downloads\ce496331-08e5-4705-a402-bf0d48ac4f07.tmp</t>
  </si>
  <si>
    <t>https://udpmailboxap01.acs.com.br:8443/h/search;jsessionid=yyf4cla4ws01jimqkte4v3id?si=0&amp;so=0&amp;sc=62410&amp;st=conversation&amp;action=compose</t>
  </si>
  <si>
    <t>e6ee4d50-2812-4d15-b49b-b09991ae02a4.tmp</t>
  </si>
  <si>
    <t>\\acsfs\profiles$\sarahbal\Downloads\e6ee4d50-2812-4d15-b49b-b09991ae02a4.tmp</t>
  </si>
  <si>
    <t>lu112632ts2a7t.tmp</t>
  </si>
  <si>
    <t>\\acsfs\DEPTOS\Operacao\Banco_Votorantim\Supervisao\SUPERS BV CARTÕES\ANA VITORIA\APOIO\lu112632ts2a7t.tmp</t>
  </si>
  <si>
    <t>\\acsfs\DEPTOS\Operacao\Banco_Votorantim\Supervisao\SUPERS BV CARTÕES\ANA VITORIA\APOIO\lu112632ts2a7t.tmp\</t>
  </si>
  <si>
    <t>\\acsfs\DEPTOS\Operacao\Banco_Votorantim\Supervisao\SUPERS BV CARTÕES\ANA VITORIA\APOIO\lu112632ts2a7t.tmp\META-INF\</t>
  </si>
  <si>
    <t>\\acsfs\DEPTOS\Operacao\Banco_Votorantim\Supervisao\SUPERS BV CARTÕES\ANA VITORIA\APOIO\lu112632ts2a7t.tmp\Thumbnails\</t>
  </si>
  <si>
    <t>1dbc2e81-7ec4-4494-948f-429741c1363c.tmp</t>
  </si>
  <si>
    <t>\\acsfs\profiles$\cintiadcf\Downloads\1dbc2e81-7ec4-4494-948f-429741c1363c.tmp</t>
  </si>
  <si>
    <t>a2a9e1c1-a13c-4efa-a5b8-f463cc0cc65c.tmp</t>
  </si>
  <si>
    <t>\\acsfs\profiles$\LUCASNS\Downloads\a2a9e1c1-a13c-4efa-a5b8-f463cc0cc65c.tmp</t>
  </si>
  <si>
    <t>2fc06668-448d-4a60-900d-dcf30a8ba26b.tmp</t>
  </si>
  <si>
    <t>\\acsfs\profiles$\LUCASNS\Downloads\2fc06668-448d-4a60-900d-dcf30a8ba26b.tmp</t>
  </si>
  <si>
    <t>c72fa3e7-8087-4346-82f4-afe30340e6a2.tmp</t>
  </si>
  <si>
    <t>\\acsfs\profiles$\LUCASNS\Downloads\c72fa3e7-8087-4346-82f4-afe30340e6a2.tmp</t>
  </si>
  <si>
    <t>67bb9f77-5efe-49d1-bafe-83c9845f4a59.tmp</t>
  </si>
  <si>
    <t>\\acsfs\profiles$\ALYNYA\Downloads\67bb9f77-5efe-49d1-bafe-83c9845f4a59.tmp</t>
  </si>
  <si>
    <t>b138ee5d-cfce-4126-a859-c0f1b347eb70.tmp</t>
  </si>
  <si>
    <t>\\acsfs\profiles$\larissaad\Downloads\b138ee5d-cfce-4126-a859-c0f1b347eb70.tmp</t>
  </si>
  <si>
    <t>37d5095e-3f20-426f-bf86-19c3a0f38b5a.tmp</t>
  </si>
  <si>
    <t>\\acsfs\profiles$\larissaad\Downloads\37d5095e-3f20-426f-bf86-19c3a0f38b5a.tmp</t>
  </si>
  <si>
    <t>lu307362wqyk4.tmp</t>
  </si>
  <si>
    <t>\\acsfs\profiles$\VIVIANALDS\My Documents\lu307362wqyk4.tmp</t>
  </si>
  <si>
    <t>\\acsfs\profiles$\VIVIANALDS\My Documents\lu307362wqyk4.tmp\</t>
  </si>
  <si>
    <t>f922bfc8-e855-4b57-a9d1-96903053eb65.tmp</t>
  </si>
  <si>
    <t>\\acsfs\profiles$\geovannasm\Downloads\f922bfc8-e855-4b57-a9d1-96903053eb65.tmp</t>
  </si>
  <si>
    <t>133018f8-adb9-48af-acba-741c089d9617.tmp</t>
  </si>
  <si>
    <t>\\acsfs\profiles$\geovannasm\Downloads\133018f8-adb9-48af-acba-741c089d9617.tmp</t>
  </si>
  <si>
    <t>52a111e4-37ac-404d-880c-6188beb73b78.tmp</t>
  </si>
  <si>
    <t>\\acsfs\profiles$\gabrielarb\Downloads\52a111e4-37ac-404d-880c-6188beb73b78.tmp</t>
  </si>
  <si>
    <t>6856f793-91e8-491d-8ee6-943343e1a64e.tmp</t>
  </si>
  <si>
    <t>\\acsfs\profiles$\larissaad\Downloads\6856f793-91e8-491d-8ee6-943343e1a64e.tmp</t>
  </si>
  <si>
    <t>\\acsfs\Deptos\Operacao\Banco_Votorantim\Qualidade\Print's contestações TSA\</t>
  </si>
  <si>
    <t>\\acsfs\Deptos\Operacao\Banco_Votorantim\Qualidade\Print's contestações TSA\Thumbs.db</t>
  </si>
  <si>
    <t>0155efc5-174f-4159-8abd-92130983c5fd.tmp</t>
  </si>
  <si>
    <t>\\acsfs\profiles$\milenaas\Downloads\0155efc5-174f-4159-8abd-92130983c5fd.tmp</t>
  </si>
  <si>
    <t>a0042a40-b9a7-412b-b3b9-211a564a7aab.tmp</t>
  </si>
  <si>
    <t>\\acsfs\profiles$\milenaas\Downloads\a0042a40-b9a7-412b-b3b9-211a564a7aab.tmp</t>
  </si>
  <si>
    <t>30e0aa0b-e576-46f1-8c89-0c40fddc0e26.tmp</t>
  </si>
  <si>
    <t>\\acsfs\profiles$\lorrainerdl\Downloads\30e0aa0b-e576-46f1-8c89-0c40fddc0e26.tmp</t>
  </si>
  <si>
    <t>cb896038-386c-4aaf-ad02-f37158c58ac4.tmp</t>
  </si>
  <si>
    <t>\\acsfs\profiles$\lorrainerdl\Downloads\cb896038-386c-4aaf-ad02-f37158c58ac4.tmp</t>
  </si>
  <si>
    <t>df9a5031-e625-4b74-b205-e7fc5bad42c9.tmp</t>
  </si>
  <si>
    <t>\\acsfs\profiles$\lorrainerdl\Downloads\df9a5031-e625-4b74-b205-e7fc5bad42c9.tmp</t>
  </si>
  <si>
    <t>\\acsfs\profiles$\nathaliarmr\Contacts\</t>
  </si>
  <si>
    <t>NATHALIA RIOS MODESTO RODRIGUES (12).contact</t>
  </si>
  <si>
    <t>\\acsfs\profiles$\nathaliarmr\Contacts\NATHALIA RIOS MODESTO RODRIGUES (12).contact</t>
  </si>
  <si>
    <t>\\acsfs\profiles$\nathaliarmr\My Documents\My Videos\</t>
  </si>
  <si>
    <t>\\acsfs\profiles$\nathaliarmr\My Documents\My Videos\desktop.ini</t>
  </si>
  <si>
    <t>\\acsfs\profiles$\nathaliarmr\My Documents\My Pictures\</t>
  </si>
  <si>
    <t>\\acsfs\profiles$\nathaliarmr\My Documents\My Pictures\desktop.ini</t>
  </si>
  <si>
    <t>\\acsfs\profiles$\nathaliarmr\Contacts\desktop.ini</t>
  </si>
  <si>
    <t>\\acsfs\profiles$\nathaliarmr\Favorites\</t>
  </si>
  <si>
    <t>\\acsfs\profiles$\nathaliarmr\Favorites\desktop.ini</t>
  </si>
  <si>
    <t>\\acsfs\profiles$\nathaliarmr\My Documents\My Music\</t>
  </si>
  <si>
    <t>\\acsfs\profiles$\nathaliarmr\My Documents\My Music\desktop.ini</t>
  </si>
  <si>
    <t>\\acsfs\profiles$\nathaliarmr\Searches\</t>
  </si>
  <si>
    <t>\\acsfs\profiles$\nathaliarmr\Searches\desktop.ini</t>
  </si>
  <si>
    <t>\\acsfs\profiles$\nathaliarmr\Downloads\desktop.ini</t>
  </si>
  <si>
    <t>\\acsfs\profiles$\nathaliarmr\My Documents\</t>
  </si>
  <si>
    <t>\\acsfs\profiles$\nathaliarmr\My Documents\desktop.ini</t>
  </si>
  <si>
    <t>\\acsfs\profiles$\nathaliarmr\Saved Games\</t>
  </si>
  <si>
    <t>\\acsfs\profiles$\nathaliarmr\Saved Games\desktop.ini</t>
  </si>
  <si>
    <t>\\acsfs\profiles$\nathaliarmr\Favorites\Links for Brasil\</t>
  </si>
  <si>
    <t>\\acsfs\profiles$\nathaliarmr\Favorites\Links for Brasil\desktop.ini</t>
  </si>
  <si>
    <t>\\acsfs\profiles$\nathaliarmr\Favorites\Links for Brasil\Microsoft Brasil.url</t>
  </si>
  <si>
    <t>\\acsfs\profiles$\nathaliarmr\Favorites\Links for Brasil\Windows Brasil.url</t>
  </si>
  <si>
    <t>\\acsfs\profiles$\nathaliarmr\Favorites\Links for Brasil\MSN Brasil.url</t>
  </si>
  <si>
    <t>43e986ca-08b2-4ad7-ba20-59822d5f386a.tmp</t>
  </si>
  <si>
    <t>\\acsfs\profiles$\nathaliarmr\Downloads\43e986ca-08b2-4ad7-ba20-59822d5f386a.tmp</t>
  </si>
  <si>
    <t>\\acsfs\profiles$\nathaliarmr\Downloads\Q29udHJvbGxlci5QYXl3YXJl (23).ica</t>
  </si>
  <si>
    <t>fb456cfe-f824-4c6b-bf66-b23cba888a21.tmp</t>
  </si>
  <si>
    <t>\\acsfs\profiles$\laianear\Downloads\fb456cfe-f824-4c6b-bf66-b23cba888a21.tmp</t>
  </si>
  <si>
    <t>06c42ab6-0adc-4402-a938-782247de5d07.tmp</t>
  </si>
  <si>
    <t>\\acsfs\profiles$\vivianalds\Downloads\06c42ab6-0adc-4402-a938-782247de5d07.tmp</t>
  </si>
  <si>
    <t>4733bbf2-a2a9-4e44-8049-ba02e7088b34.tmp</t>
  </si>
  <si>
    <t>\\acsfs\profiles$\vivianalds\Downloads\4733bbf2-a2a9-4e44-8049-ba02e7088b34.tmp</t>
  </si>
  <si>
    <t>\\acsfs\profiles$\VIVIANALDS\My Documents\lu307362wqyk4.tmp\META-INF\</t>
  </si>
  <si>
    <t>\\acsfs\profiles$\VIVIANALDS\My Documents\lu307362wqyk4.tmp\Thumbnails\</t>
  </si>
  <si>
    <t>lu307362wqyk8.tmp</t>
  </si>
  <si>
    <t>\\acsfs\profiles$\VIVIANALDS\My Documents\lu307362wqyk8.tmp</t>
  </si>
  <si>
    <t>\\acsfs\profiles$\VIVIANALDS\My Documents\lu307362wqyk8.tmp\</t>
  </si>
  <si>
    <t>\\acsfs\profiles$\VIVIANALDS\My Documents\lu307362wqyk8.tmp\META-INF\</t>
  </si>
  <si>
    <t>\\acsfs\profiles$\VIVIANALDS\My Documents\lu307362wqyk8.tmp\Thumbnails\</t>
  </si>
  <si>
    <t>45799cc8-67f7-40e5-acab-0f0a38fe28b2.tmp</t>
  </si>
  <si>
    <t>\\acsfs\profiles$\KARENDSR\Downloads\45799cc8-67f7-40e5-acab-0f0a38fe28b2.tmp</t>
  </si>
  <si>
    <t>37d029bd-4432-4670-8150-dec47a4e9d81.tmp</t>
  </si>
  <si>
    <t>\\acsfs\profiles$\KARENDSR\Downloads\37d029bd-4432-4670-8150-dec47a4e9d81.tmp</t>
  </si>
  <si>
    <t>a4a4bbdf-266f-4067-b940-642825570ea5.tmp</t>
  </si>
  <si>
    <t>\\acsfs\profiles$\KARENDSR\Downloads\a4a4bbdf-266f-4067-b940-642825570ea5.tmp</t>
  </si>
  <si>
    <t>c0d75121-bda4-4349-96cf-df15854ed612.tmp</t>
  </si>
  <si>
    <t>\\acsfs\profiles$\paulovadc\Downloads\c0d75121-bda4-4349-96cf-df15854ed612.tmp</t>
  </si>
  <si>
    <t>78122967-1e73-413c-a838-51b35ebd0089.tmp</t>
  </si>
  <si>
    <t>\\acsfs\profiles$\lucasgpe\Downloads\78122967-1e73-413c-a838-51b35ebd0089.tmp</t>
  </si>
  <si>
    <t>lu19764596hgr.tmp</t>
  </si>
  <si>
    <t>\\acsfs\profiles$\dhiulliananads\My Documents\lu19764596hgr.tmp</t>
  </si>
  <si>
    <t>\\acsfs\profiles$\dhiulliananads\My Documents\lu19764596hgr.tmp\</t>
  </si>
  <si>
    <t>\\acsfs\profiles$\dhiulliananads\My Documents\lu19764596hgr.tmp\META-INF\</t>
  </si>
  <si>
    <t>\\acsfs\profiles$\dhiulliananads\My Documents\lu19764596hgr.tmp\Thumbnails\</t>
  </si>
  <si>
    <t>8224f8d1-b135-45ba-8613-fb9910faeed4.tmp</t>
  </si>
  <si>
    <t>\\acsfs\profiles$\milenaas\Downloads\8224f8d1-b135-45ba-8613-fb9910faeed4.tmp</t>
  </si>
  <si>
    <t>a059864f-23c6-44e7-9f2d-7434cb5bf6d9.tmp</t>
  </si>
  <si>
    <t>\\acsfs\profiles$\milenaas\Downloads\a059864f-23c6-44e7-9f2d-7434cb5bf6d9.tmp</t>
  </si>
  <si>
    <t>4efc7183-e82b-4e8c-a96d-6146caedd0cd.tmp</t>
  </si>
  <si>
    <t>\\acsfs\profiles$\lorrainerdl\Downloads\4efc7183-e82b-4e8c-a96d-6146caedd0cd.tmp</t>
  </si>
  <si>
    <t>7a2ca877-209f-49f2-895c-57acc43b256b.tmp</t>
  </si>
  <si>
    <t>\\acsfs\profiles$\nathaliarmr\Downloads\7a2ca877-209f-49f2-895c-57acc43b256b.tmp</t>
  </si>
  <si>
    <t>Q29udHJvbGxlci5DYWxjdWxhZG9yYURlVmVuY2lt (15).ica</t>
  </si>
  <si>
    <t>\\acsfs\profiles$\nathaliarmr\Downloads\Q29udHJvbGxlci5DYWxjdWxhZG9yYURlVmVuY2lt (15).ica</t>
  </si>
  <si>
    <t>8e70e5f7-6334-4666-bd09-fb6766d148d0.tmp</t>
  </si>
  <si>
    <t>\\acsfs\profiles$\nathaliarmr\Downloads\8e70e5f7-6334-4666-bd09-fb6766d148d0.tmp</t>
  </si>
  <si>
    <t>\\acsfs\profiles$\nathaliarmr\</t>
  </si>
  <si>
    <t>\\acsfs\profiles$\nathaliarmr\Thumbs.db</t>
  </si>
  <si>
    <t>30579bc1-5ec7-42c9-808c-3afb21a7afa1.tmp</t>
  </si>
  <si>
    <t>\\acsfs\profiles$\vivianalds\Downloads\30579bc1-5ec7-42c9-808c-3afb21a7afa1.tmp</t>
  </si>
  <si>
    <t>8a1e50d4-4269-446a-87d3-28fb428c7173.tmp</t>
  </si>
  <si>
    <t>\\acsfs\profiles$\vivianalds\Downloads\8a1e50d4-4269-446a-87d3-28fb428c7173.tmp</t>
  </si>
  <si>
    <t>77985192-49bb-494e-8962-0f67555e6532.tmp</t>
  </si>
  <si>
    <t>\\acsfs\profiles$\vivianalds\Downloads\77985192-49bb-494e-8962-0f67555e6532.tmp</t>
  </si>
  <si>
    <t>8f2618fb-5ed9-44c5-8921-dc2102babf1a.tmp</t>
  </si>
  <si>
    <t>\\acsfs\profiles$\rafaelamsv\Downloads\8f2618fb-5ed9-44c5-8921-dc2102babf1a.tmp</t>
  </si>
  <si>
    <t>f87f13f5-9f08-4f89-892c-66cada86de74.tmp</t>
  </si>
  <si>
    <t>\\acsfs\profiles$\ERICALSR\Downloads\f87f13f5-9f08-4f89-892c-66cada86de74.tmp</t>
  </si>
  <si>
    <t>d11b6773-2846-4645-a4da-9f9da492b8df.tmp</t>
  </si>
  <si>
    <t>\\acsfs\profiles$\LUCASBS\Downloads\d11b6773-2846-4645-a4da-9f9da492b8df.tmp</t>
  </si>
  <si>
    <t>f81df371-d36f-4c6d-8738-333f0a7e95ed.tmp</t>
  </si>
  <si>
    <t>\\acsfs\profiles$\LUCASBS\Downloads\f81df371-d36f-4c6d-8738-333f0a7e95ed.tmp</t>
  </si>
  <si>
    <t>164314e1-5959-41b9-9699-5d35a3e34575.tmp</t>
  </si>
  <si>
    <t>\\acsfs\profiles$\nataliacsl\Downloads\164314e1-5959-41b9-9699-5d35a3e34575.tmp</t>
  </si>
  <si>
    <t>96ec4be6-685d-4ef7-bad7-fb7975917a72.tmp</t>
  </si>
  <si>
    <t>\\acsfs\profiles$\nataliacsl\Downloads\96ec4be6-685d-4ef7-bad7-fb7975917a72.tmp</t>
  </si>
  <si>
    <t>8447dc42-8601-4c18-9ae7-8bfa004d3892.tmp</t>
  </si>
  <si>
    <t>\\acsfs\profiles$\gabrielarb\Downloads\8447dc42-8601-4c18-9ae7-8bfa004d3892.tmp</t>
  </si>
  <si>
    <t>e562f12d-952b-45ce-a0e8-6ef8d0b8b0f8.tmp</t>
  </si>
  <si>
    <t>\\acsfs\profiles$\larissaad\Downloads\e562f12d-952b-45ce-a0e8-6ef8d0b8b0f8.tmp</t>
  </si>
  <si>
    <t>0dc0b21a-42b4-48e9-89ef-c5226232ea6a.tmp</t>
  </si>
  <si>
    <t>\\acsfs\profiles$\lorraynevam\Downloads\0dc0b21a-42b4-48e9-89ef-c5226232ea6a.tmp</t>
  </si>
  <si>
    <t>ec85c38c-f08c-4bd7-9f73-b9ec375bfcc2.tmp</t>
  </si>
  <si>
    <t>\\acsfs\profiles$\lorraynevam\Downloads\ec85c38c-f08c-4bd7-9f73-b9ec375bfcc2.tmp</t>
  </si>
  <si>
    <t>485e5d53-8971-4731-a1e9-d118394922d5.tmp</t>
  </si>
  <si>
    <t>\\acsfs\profiles$\lorraynevam\Downloads\485e5d53-8971-4731-a1e9-d118394922d5.tmp</t>
  </si>
  <si>
    <t>68280882-9ad4-4d47-b062-f0bc54262029.tmp</t>
  </si>
  <si>
    <t>\\acsfs\profiles$\luanaagl\Downloads\68280882-9ad4-4d47-b062-f0bc54262029.tmp</t>
  </si>
  <si>
    <t>18588c71-2399-4a9e-add1-6f41565f9133.tmp</t>
  </si>
  <si>
    <t>\\acsfs\profiles$\luanaagl\Downloads\18588c71-2399-4a9e-add1-6f41565f9133.tmp</t>
  </si>
  <si>
    <t>7b285994-2e22-40b1-b6af-1c72f45a4a0b.tmp</t>
  </si>
  <si>
    <t>\\acsfs\profiles$\luanaagl\Downloads\7b285994-2e22-40b1-b6af-1c72f45a4a0b.tmp</t>
  </si>
  <si>
    <t>c:\users\gustavodsil\appdata\local\google\chrome\user data\default\databases\https_mail.google.com_0\</t>
  </si>
  <si>
    <t>553bd284-4042-444a-a019-fdee251793c2.tmp</t>
  </si>
  <si>
    <t>\\acsfs\profiles$\antoniosva\Downloads\553bd284-4042-444a-a019-fdee251793c2.tmp</t>
  </si>
  <si>
    <t>fd528dde-e736-409f-b9f6-ac2b522b5ea9.tmp</t>
  </si>
  <si>
    <t>\\acsfs\profiles$\victoriaksr\Downloads\fd528dde-e736-409f-b9f6-ac2b522b5ea9.tmp</t>
  </si>
  <si>
    <t>cc8656f6-5a18-44e8-9f82-f0f2ab01734f.tmp</t>
  </si>
  <si>
    <t>\\acsfs\profiles$\victoriaksr\Downloads\cc8656f6-5a18-44e8-9f82-f0f2ab01734f.tmp</t>
  </si>
  <si>
    <t>cb00ba12-b03e-470c-8784-dd72e7096cc3.tmp</t>
  </si>
  <si>
    <t>\\acsfs\profiles$\geovannasm\Downloads\cb00ba12-b03e-470c-8784-dd72e7096cc3.tmp</t>
  </si>
  <si>
    <t>a8ef4881-0f3e-4b15-b2f9-0a6d96a2a663.tmp</t>
  </si>
  <si>
    <t>\\acsfs\profiles$\geovannasm\Downloads\a8ef4881-0f3e-4b15-b2f9-0a6d96a2a663.tmp</t>
  </si>
  <si>
    <t>mail.google.com/_/upload?authuser=0&amp;dcp=asu-n&amp;upload_id=AEnB2UrCKZ0b-tqzAw43ugsAeHMrDen6Dv_4lU24OSafaz9aLAmzbiRA87Hh9wRVaMwJlwLHehtlD0wMmwsB6xmH4bW3R4F4u0YFisocjPC8UF9gjjKX3rc&amp;upload_protocol=resumable</t>
  </si>
  <si>
    <t>4e37fbaf-b026-4c75-9acc-9d7ad3ad48a6.tmp</t>
  </si>
  <si>
    <t>\\acsfs\profiles$\nataliacsl\Downloads\4e37fbaf-b026-4c75-9acc-9d7ad3ad48a6.tmp</t>
  </si>
  <si>
    <t>3e159012-5003-41b7-8c4f-4758537c1aae.tmp</t>
  </si>
  <si>
    <t>\\acsfs\profiles$\wedersonbadr\My Documents\My Music\3e159012-5003-41b7-8c4f-4758537c1aae.tmp</t>
  </si>
  <si>
    <t>63ba2ca7-ac83-4c60-ae73-c95370af3888.tmp</t>
  </si>
  <si>
    <t>\\acsfs\profiles$\wedersonbadr\My Documents\My Music\63ba2ca7-ac83-4c60-ae73-c95370af3888.tmp</t>
  </si>
  <si>
    <t>17e8e2fd-70ab-4f82-9dce-c5e7d233c739.tmp</t>
  </si>
  <si>
    <t>\\acsfs\profiles$\paulovadc\Downloads\17e8e2fd-70ab-4f82-9dce-c5e7d233c739.tmp</t>
  </si>
  <si>
    <t>.~lock.Novo(a) Planilha do Microsoft Excel.xlsx#</t>
  </si>
  <si>
    <t>\\acsfs\profiles$\LUCASBS\Planilhas\.~lock.Novo(a) Planilha do Microsoft Excel.xlsx#</t>
  </si>
  <si>
    <t>\\acsfs\DEPTOS\Operacao\PCP\5 - Comum\ACOMPANHAMENTO TOYOTA\01 - INTRADIÁRIO\2020\01 - JANEIRO\CRC\</t>
  </si>
  <si>
    <t>TOYOTA FRONT - INTRADIARIO - JANEIRO.xlsm</t>
  </si>
  <si>
    <t>\\acsfs\DEPTOS\Operacao\PCP\5 - Comum\ACOMPANHAMENTO TOYOTA\01 - INTRADIÁRIO\2020\01 - JANEIRO\CRC\TOYOTA FRONT - INTRADIARIO - JANEIRO.xlsm</t>
  </si>
  <si>
    <t>5759;</t>
  </si>
  <si>
    <t>https://5759</t>
  </si>
  <si>
    <t>e9d54719-9db3-4671-a29c-d1c0be91bf06.tmp</t>
  </si>
  <si>
    <t>\\acsfs\profiles$\luanaagl\Downloads\e9d54719-9db3-4671-a29c-d1c0be91bf06.tmp</t>
  </si>
  <si>
    <t>121ff51d-b82c-4c9c-be37-27583ee7903f.tmp</t>
  </si>
  <si>
    <t>\\acsfs\profiles$\wedersonbadr\My Documents\My Music\121ff51d-b82c-4c9c-be37-27583ee7903f.tmp</t>
  </si>
  <si>
    <t>8112e5c0-d3e0-4ae4-bbea-1a9ce8133d67.tmp</t>
  </si>
  <si>
    <t>\\acsfs\profiles$\isabellegtds\Downloads\8112e5c0-d3e0-4ae4-bbea-1a9ce8133d67.tmp</t>
  </si>
  <si>
    <t>10fbb24f-b5f7-4967-837e-96de0e0f672c.tmp</t>
  </si>
  <si>
    <t>\\acsfs\profiles$\isabellegtds\Downloads\10fbb24f-b5f7-4967-837e-96de0e0f672c.tmp</t>
  </si>
  <si>
    <t>\\acsfs\profiles$\pamelamcmdsg\Contacts\</t>
  </si>
  <si>
    <t>PAMELA MARIA CRISTINA MACEDO DA SILVA GUEDES (7).contact</t>
  </si>
  <si>
    <t>\\acsfs\profiles$\pamelamcmdsg\Contacts\PAMELA MARIA CRISTINA MACEDO DA SILVA GUEDES (7).contact</t>
  </si>
  <si>
    <t>\\acsfs\profiles$\pamelamcmdsg\My Documents\My Videos\</t>
  </si>
  <si>
    <t>\\acsfs\profiles$\pamelamcmdsg\My Documents\My Videos\desktop.ini</t>
  </si>
  <si>
    <t>\\acsfs\profiles$\pamelamcmdsg\My Documents\My Pictures\</t>
  </si>
  <si>
    <t>\\acsfs\profiles$\pamelamcmdsg\My Documents\My Pictures\desktop.ini</t>
  </si>
  <si>
    <t>\\acsfs\profiles$\pamelamcmdsg\Contacts\desktop.ini</t>
  </si>
  <si>
    <t>\\acsfs\profiles$\pamelamcmdsg\Favorites\</t>
  </si>
  <si>
    <t>\\acsfs\profiles$\pamelamcmdsg\Favorites\desktop.ini</t>
  </si>
  <si>
    <t>\\acsfs\profiles$\pamelamcmdsg\My Documents\My Music\</t>
  </si>
  <si>
    <t>\\acsfs\profiles$\pamelamcmdsg\My Documents\My Music\desktop.ini</t>
  </si>
  <si>
    <t>\\acsfs\profiles$\pamelamcmdsg\Searches\</t>
  </si>
  <si>
    <t>\\acsfs\profiles$\pamelamcmdsg\Searches\desktop.ini</t>
  </si>
  <si>
    <t>\\acsfs\profiles$\pamelamcmdsg\Downloads\desktop.ini</t>
  </si>
  <si>
    <t>\\acsfs\profiles$\pamelamcmdsg\My Documents\desktop.ini</t>
  </si>
  <si>
    <t>\\acsfs\profiles$\pamelamcmdsg\Saved Games\</t>
  </si>
  <si>
    <t>\\acsfs\profiles$\pamelamcmdsg\Saved Games\desktop.ini</t>
  </si>
  <si>
    <t>\\acsfs\profiles$\pamelamcmdsg\Favorites\Links for Brasil\</t>
  </si>
  <si>
    <t>\\acsfs\profiles$\pamelamcmdsg\Favorites\Links for Brasil\desktop.ini</t>
  </si>
  <si>
    <t>\\acsfs\profiles$\pamelamcmdsg\Favorites\Links for Brasil\Microsoft Brasil.url</t>
  </si>
  <si>
    <t>\\acsfs\profiles$\pamelamcmdsg\Favorites\Links for Brasil\Windows Brasil.url</t>
  </si>
  <si>
    <t>\\acsfs\profiles$\pamelamcmdsg\Favorites\Links for Brasil\MSN Brasil.url</t>
  </si>
  <si>
    <t>.~lock.Novo(a) Documento do Microsoft Word.docx#</t>
  </si>
  <si>
    <t>\\acsfs\profiles$\LUCASBS\Planilhas\.~lock.Novo(a) Documento do Microsoft Word.docx#</t>
  </si>
  <si>
    <t>.~lock.Contatos Reneg 19.12.2019.rtf#</t>
  </si>
  <si>
    <t>\\acsfs\profiles$\LUCASBS\Planilhas\.~lock.Contatos Reneg 19.12.2019.rtf#</t>
  </si>
  <si>
    <t>.~lock.Vendas - Copia.xlsx#</t>
  </si>
  <si>
    <t>\\acsfs\profiles$\LUCASBS\Planilhas\.~lock.Vendas - Copia.xlsx#</t>
  </si>
  <si>
    <t>.~lock.Vendas Dezembro.xlsx#</t>
  </si>
  <si>
    <t>\\acsfs\profiles$\LUCASBS\Planilhas\.~lock.Vendas Dezembro.xlsx#</t>
  </si>
  <si>
    <t>\\acsfs\profiles$\LUCASBS\Planilhas\.~lock.Vendas.xlsx#</t>
  </si>
  <si>
    <t>af5a4b3f-4fc7-4e92-9cac-18ddd92d4acc.tmp</t>
  </si>
  <si>
    <t>\\acsfs\profiles$\BRUNAAR\Downloads\af5a4b3f-4fc7-4e92-9cac-18ddd92d4acc.tmp</t>
  </si>
  <si>
    <t>.~lock.top tv.pptx#</t>
  </si>
  <si>
    <t>\\acsfs\DEPTOS\Operacao\Banco_Votorantim\Supervisao\SUPERS BV CARTÕES\.~lock.top tv.pptx#</t>
  </si>
  <si>
    <t>.~lock.Layout TV Vendas 2.3.ppt#</t>
  </si>
  <si>
    <t>\\acsfs\DEPTOS\Operacao\Banco_Votorantim\Supervisao\SUPERS BV CARTÕES\.~lock.Layout TV Vendas 2.3.ppt#</t>
  </si>
  <si>
    <t>7edac86a-4c39-4ebf-9058-bac9424e05b0.tmp</t>
  </si>
  <si>
    <t>\\acsfs\profiles$\rafaelamsv\Downloads\7edac86a-4c39-4ebf-9058-bac9424e05b0.tmp</t>
  </si>
  <si>
    <t>winrt--{S-1-5-21-602162358-764733703-839522115-334917}-.searchconnector-ms</t>
  </si>
  <si>
    <t>\\acsfs\profiles$\Flaviojmm\Searches\winrt--{S-1-5-21-602162358-764733703-839522115-334917}-.searchconnector-ms</t>
  </si>
  <si>
    <t>b8b2e78a-db7d-404c-8031-5e7cabab8705.tmp</t>
  </si>
  <si>
    <t>\\acsfs\profiles$\larissaad\Downloads\b8b2e78a-db7d-404c-8031-5e7cabab8705.tmp</t>
  </si>
  <si>
    <t>786a968a-ade4-41c2-8bd4-ddd8c270a514.tmp</t>
  </si>
  <si>
    <t>\\acsfs\profiles$\luanaagl\Downloads\786a968a-ade4-41c2-8bd4-ddd8c270a514.tmp</t>
  </si>
  <si>
    <t>lu111788tsw38v.tmp</t>
  </si>
  <si>
    <t>\\acsfs\profiles$\BRUNAAR\Numero\lu111788tsw38v.tmp</t>
  </si>
  <si>
    <t>lu111788tsw38z.tmp</t>
  </si>
  <si>
    <t>\\acsfs\profiles$\BRUNAAR\Numero\lu111788tsw38z.tmp</t>
  </si>
  <si>
    <t>9a865447-5594-436f-80c9-229fbc1aaa53.tmp</t>
  </si>
  <si>
    <t>\\acsfs\profiles$\nathaliarmr\Downloads\9a865447-5594-436f-80c9-229fbc1aaa53.tmp</t>
  </si>
  <si>
    <t>\\acsfs\profiles$\JESSICAFC\ajuda\</t>
  </si>
  <si>
    <t>ajuda.txt</t>
  </si>
  <si>
    <t>\\acsfs\profiles$\JESSICAFC\ajuda\ajuda.txt</t>
  </si>
  <si>
    <t>e62b3c72-ed36-4762-877a-4a076abd358e.tmp</t>
  </si>
  <si>
    <t>\\acsfs\profiles$\geovannasm\Downloads\e62b3c72-ed36-4762-877a-4a076abd358e.tmp</t>
  </si>
  <si>
    <t>ea70080b-316d-4db8-aecb-d0aeb461fa53.tmp</t>
  </si>
  <si>
    <t>\\acsfs\profiles$\geovannasm\Downloads\ea70080b-316d-4db8-aecb-d0aeb461fa53.tmp</t>
  </si>
  <si>
    <t>it.cpau.script</t>
  </si>
  <si>
    <t>\\acsfs\Maquinas$\</t>
  </si>
  <si>
    <t>syncOffCrtlLog.txt</t>
  </si>
  <si>
    <t>\\acsfs\Maquinas$\syncOffCrtlLog.txt</t>
  </si>
  <si>
    <t>3406da0a-cece-4b2b-bc3d-94da49cf4af7.tmp</t>
  </si>
  <si>
    <t>\\acsfs\profiles$\danielmlds\Downloads\3406da0a-cece-4b2b-bc3d-94da49cf4af7.tmp</t>
  </si>
  <si>
    <t>f26cea6a-2fa6-4eef-a4ce-8c9ba0e55b06.tmp</t>
  </si>
  <si>
    <t>\\acsfs\profiles$\danielmlds\Downloads\f26cea6a-2fa6-4eef-a4ce-8c9ba0e55b06.tmp</t>
  </si>
  <si>
    <t>lu19764596hgw.tmp</t>
  </si>
  <si>
    <t>\\acsfs\profiles$\dhiulliananads\My Documents\lu19764596hgw.tmp</t>
  </si>
  <si>
    <t>lu17996zwcgc.tmp</t>
  </si>
  <si>
    <t>\\acsfs\profiles$\jonathanwap\lu17996zwcgc.tmp</t>
  </si>
  <si>
    <t>\\acsfs\profiles$\jonathanwap\lu17996zwcgc.tmp\</t>
  </si>
  <si>
    <t>\\acsfs\profiles$\dhiulliananads\My Documents\lu19764596hgw.tmp\</t>
  </si>
  <si>
    <t>\\acsfs\profiles$\jonathanwap\lu17996zwcgc.tmp\META-INF\</t>
  </si>
  <si>
    <t>\\acsfs\profiles$\jonathanwap\lu17996zwcgc.tmp\Thumbnails\</t>
  </si>
  <si>
    <t>\\acsfs\profiles$\dhiulliananads\My Documents\lu19764596hgw.tmp\META-INF\</t>
  </si>
  <si>
    <t>\\acsfs\profiles$\dhiulliananads\My Documents\lu19764596hgw.tmp\Thumbnails\</t>
  </si>
  <si>
    <t>rafaelggs@algartech.com;</t>
  </si>
  <si>
    <t>rafaelggs@algartech.com</t>
  </si>
  <si>
    <t>leonardoao@algartech.com;marianadjc@algartech.com;rafaelggs@algartech.com;</t>
  </si>
  <si>
    <t>leonardoao@algartech.com,marianadjc@algartech.com,rafaelggs@algartech.com</t>
  </si>
  <si>
    <t>leonardoao@algartech.com;marianadjc@algartech.com;rafaelggs@algartech.com;thiagordu@algartech.com;</t>
  </si>
  <si>
    <t>leonardoao@algartech.com,marianadjc@algartech.com,rafaelggs@algartech.com,thiagordu@algartech.com</t>
  </si>
  <si>
    <t>\\acsfs\DEPTOS\Operacao\PCP\5 - Comum\JUKA\</t>
  </si>
  <si>
    <t>Realizações Nr-17.xlsx</t>
  </si>
  <si>
    <t>\\acsfs\DEPTOS\Operacao\PCP\5 - Comum\JUKA\Realizações Nr-17.xlsx</t>
  </si>
  <si>
    <t>mail.google.com/_/upload?authuser=0&amp;dcp=asu-n&amp;upload_id=AEnB2Up5dRr8B0z87L5_OVSQ1PNTYoHYCDAEMsasJRPhJ--DdtCDaihMPJPP6PhOpKnAfTyA7QUHTeRXnrPwqr1ae-H7W4aZvQ&amp;upload_protocol=resumable</t>
  </si>
  <si>
    <t>277f1eb6-6300-44a1-ac1a-ab33ac9041a6.tmp</t>
  </si>
  <si>
    <t>\\acsfs\profiles$\Flaviojmm\Downloads\277f1eb6-6300-44a1-ac1a-ab33ac9041a6.tmp</t>
  </si>
  <si>
    <t>e51f442e-4cb0-4a68-8588-4dc503a5220c.tmp</t>
  </si>
  <si>
    <t>\\acsfs\profiles$\Flaviojmm\Downloads\e51f442e-4cb0-4a68-8588-4dc503a5220c.tmp</t>
  </si>
  <si>
    <t>0afb181c-2c29-4d79-a49d-9dfd2d67c9e9.tmp</t>
  </si>
  <si>
    <t>\\acsfs\profiles$\Flaviojmm\Downloads\0afb181c-2c29-4d79-a49d-9dfd2d67c9e9.tmp</t>
  </si>
  <si>
    <t>46cd85d9-bd47-4504-969b-ec67fecf4255.tmp</t>
  </si>
  <si>
    <t>\\acsfs\profiles$\PEDROHAB\Downloads\46cd85d9-bd47-4504-969b-ec67fecf4255.tmp</t>
  </si>
  <si>
    <t>0e4cbd2d-c074-47c1-9175-4cc27483c427.tmp</t>
  </si>
  <si>
    <t>\\acsfs\profiles$\PEDROHAB\Downloads\0e4cbd2d-c074-47c1-9175-4cc27483c427.tmp</t>
  </si>
  <si>
    <t>010b61f3-e326-415c-8724-b0abea0232c8.tmp</t>
  </si>
  <si>
    <t>\\acsfs\profiles$\gabriellalpr\Downloads\010b61f3-e326-415c-8724-b0abea0232c8.tmp</t>
  </si>
  <si>
    <t>a31d9f36-4461-4b7e-9770-ae23ab3771a4.tmp</t>
  </si>
  <si>
    <t>\\acsfs\profiles$\gabriellalpr\Downloads\a31d9f36-4461-4b7e-9770-ae23ab3771a4.tmp</t>
  </si>
  <si>
    <t>48aee694-88d9-4317-90c5-823886dde11e.tmp</t>
  </si>
  <si>
    <t>\\acsfs\profiles$\gabriellalpr\Downloads\48aee694-88d9-4317-90c5-823886dde11e.tmp</t>
  </si>
  <si>
    <t>\\acsfs\Deptos\Operacao\Banco_Votorantim\Qualidade\</t>
  </si>
  <si>
    <t>LINKS SAC.CONSIGNADO.txt</t>
  </si>
  <si>
    <t>\\acsfs\Deptos\Operacao\Banco_Votorantim\Qualidade\LINKS SAC.CONSIGNADO.txt</t>
  </si>
  <si>
    <t>9784e582-15f3-4d5d-987c-0bc7479f0913.tmp</t>
  </si>
  <si>
    <t>\\acsfs\profiles$\dhiulliananads\Downloads\9784e582-15f3-4d5d-987c-0bc7479f0913.tmp</t>
  </si>
  <si>
    <t>2b40d3bb-8c55-4af2-bd26-44e1a458c299.tmp</t>
  </si>
  <si>
    <t>\\acsfs\profiles$\dhiulliananads\Downloads\2b40d3bb-8c55-4af2-bd26-44e1a458c299.tmp</t>
  </si>
  <si>
    <t>1ed7d3c8-2331-4022-b3c4-4e7e2bf9217e.tmp</t>
  </si>
  <si>
    <t>\\acsfs\profiles$\gabrielsma\Downloads\1ed7d3c8-2331-4022-b3c4-4e7e2bf9217e.tmp</t>
  </si>
  <si>
    <t>\\acsfs\ACS\Gabriel da Silva\Contemporânea\VENDAS\Q29udHJvbGxlci5JbnRyYW5ldC1DaHJvbWU-.ica.crdownload</t>
  </si>
  <si>
    <t>.~lock.Controle de vendas.ods#</t>
  </si>
  <si>
    <t>\\acsfs\DEPTOS\Operacao\Banco_Votorantim\Supervisao\SUPERS BV CARTÕES\ANA VITORIA\APOIO\.~lock.Controle de vendas.ods#</t>
  </si>
  <si>
    <t>.~lock.Vendas Janeiro.xlsx#</t>
  </si>
  <si>
    <t>\\acsfs\profiles$\LUCASBS\Planilhas\.~lock.Vendas Janeiro.xlsx#</t>
  </si>
  <si>
    <t>9e402899-3822-4ef9-ba44-de2135df072b.tmp</t>
  </si>
  <si>
    <t>\\acsfs\profiles$\nataliacsl\Downloads\9e402899-3822-4ef9-ba44-de2135df072b.tmp</t>
  </si>
  <si>
    <t>837e4f37-6a38-439d-83ce-f086baa5797f.tmp</t>
  </si>
  <si>
    <t>\\acsfs\profiles$\gabrielarb\Downloads\837e4f37-6a38-439d-83ce-f086baa5797f.tmp</t>
  </si>
  <si>
    <t>0a8b023f-f163-4b2f-b236-59c6a7fa0816.tmp</t>
  </si>
  <si>
    <t>\\acsfs\profiles$\PEDROHAB\Downloads\0a8b023f-f163-4b2f-b236-59c6a7fa0816.tmp</t>
  </si>
  <si>
    <t>19664299-439b-49c6-9484-aaabaf28c3c3.tmp</t>
  </si>
  <si>
    <t>\\acsfs\profiles$\maxmillianosv\Downloads\19664299-439b-49c6-9484-aaabaf28c3c3.tmp</t>
  </si>
  <si>
    <t>661a669d-7669-4715-81a7-ca037863afec.tmp</t>
  </si>
  <si>
    <t>\\acsfs\profiles$\maxmillianosv\Downloads\661a669d-7669-4715-81a7-ca037863afec.tmp</t>
  </si>
  <si>
    <t>ef045c9d-f288-4d29-8e51-835eacc1f3ee.tmp</t>
  </si>
  <si>
    <t>\\acsfs\profiles$\gabriellalpr\Downloads\ef045c9d-f288-4d29-8e51-835eacc1f3ee.tmp</t>
  </si>
  <si>
    <t>39cb4986-e54a-498d-a949-86bf43c4f484.tmp</t>
  </si>
  <si>
    <t>\\acsfs\profiles$\gabrielarb\Downloads\39cb4986-e54a-498d-a949-86bf43c4f484.tmp</t>
  </si>
  <si>
    <t>22fe8a25-5421-4858-8990-0bcf6a9a85f2.tmp</t>
  </si>
  <si>
    <t>\\acsfs\profiles$\gabrielarb\Downloads\22fe8a25-5421-4858-8990-0bcf6a9a85f2.tmp</t>
  </si>
  <si>
    <t>405c83ed-37a6-41e0-bb8b-9b0adbfd8e62.tmp</t>
  </si>
  <si>
    <t>\\acsfs\profiles$\gabrielhca\Downloads\405c83ed-37a6-41e0-bb8b-9b0adbfd8e62.tmp</t>
  </si>
  <si>
    <t>244138fa-f142-40b9-9968-e9769076d268.tmp</t>
  </si>
  <si>
    <t>\\acsfs\profiles$\gabrielhca\Downloads\244138fa-f142-40b9-9968-e9769076d268.tmp</t>
  </si>
  <si>
    <t>8b0be395-a1bc-4de9-abdf-55a2b0773bb7.tmp</t>
  </si>
  <si>
    <t>\\acsfs\profiles$\gabrielhca\Downloads\8b0be395-a1bc-4de9-abdf-55a2b0773bb7.tmp</t>
  </si>
  <si>
    <t>40e363f9-6843-4bde-8807-3f1d69c326d5.tmp</t>
  </si>
  <si>
    <t>\\acsfs\profiles$\gabrielhca\Downloads\40e363f9-6843-4bde-8807-3f1d69c326d5.tmp</t>
  </si>
  <si>
    <t>580f31f7-ccec-4551-bedb-fc5422f6c999.tmp</t>
  </si>
  <si>
    <t>\\acsfs\profiles$\geovannasm\Downloads\580f31f7-ccec-4551-bedb-fc5422f6c999.tmp</t>
  </si>
  <si>
    <t>78e8409e-b638-4c2f-81a4-0fca735aca29.tmp</t>
  </si>
  <si>
    <t>\\acsfs\profiles$\geovannasm\Downloads\78e8409e-b638-4c2f-81a4-0fca735aca29.tmp</t>
  </si>
  <si>
    <t>lu112632ts2a8l.tmp</t>
  </si>
  <si>
    <t>\\acsfs\DEPTOS\Operacao\Banco_Votorantim\Supervisao\SUPERS BV CARTÕES\ANA VITORIA\APOIO\lu112632ts2a8l.tmp</t>
  </si>
  <si>
    <t>\\acsfs\DEPTOS\Operacao\Banco_Votorantim\Supervisao\SUPERS BV CARTÕES\ANA VITORIA\APOIO\lu112632ts2a8l.tmp\</t>
  </si>
  <si>
    <t>\\acsfs\DEPTOS\Operacao\Banco_Votorantim\Supervisao\SUPERS BV CARTÕES\ANA VITORIA\APOIO\lu112632ts2a8l.tmp\META-INF\</t>
  </si>
  <si>
    <t>\\acsfs\DEPTOS\Operacao\Banco_Votorantim\Supervisao\SUPERS BV CARTÕES\ANA VITORIA\APOIO\lu112632ts2a8l.tmp\Thumbnails\</t>
  </si>
  <si>
    <t>08aa44c9-3f0d-404e-b1d3-8cdb6e1369cb.tmp</t>
  </si>
  <si>
    <t>\\acsfs\profiles$\rafaelahpn\Downloads\08aa44c9-3f0d-404e-b1d3-8cdb6e1369cb.tmp</t>
  </si>
  <si>
    <t>lu263005cbqmz.tmp</t>
  </si>
  <si>
    <t>\\acsfs\profiles$\LUCASBS\Planilhas\lu263005cbqmz.tmp</t>
  </si>
  <si>
    <t>sofiamses@algartech.com</t>
  </si>
  <si>
    <t>762cac94-3e7a-4b7a-a12a-c797623c3e88.tmp</t>
  </si>
  <si>
    <t>\\acsfs\profiles$\maxmillianosv\Downloads\762cac94-3e7a-4b7a-a12a-c797623c3e88.tmp</t>
  </si>
  <si>
    <t>8f49e89e-52db-4671-8567-69d092e98dd2.tmp</t>
  </si>
  <si>
    <t>\\acsfs\profiles$\maxmillianosv\Downloads\8f49e89e-52db-4671-8567-69d092e98dd2.tmp</t>
  </si>
  <si>
    <t>0db03c18-ac59-4310-b2cc-bcfe3b31c6b3.tmp</t>
  </si>
  <si>
    <t>\\acsfs\profiles$\maxmillianosv\Downloads\0db03c18-ac59-4310-b2cc-bcfe3b31c6b3.tmp</t>
  </si>
  <si>
    <t>10.200.67.149</t>
  </si>
  <si>
    <t>\\acsfs\profiles$\raicabog\Contacts\</t>
  </si>
  <si>
    <t>RAICA BRUNA OLIVEIRA GAMA (37).contact</t>
  </si>
  <si>
    <t>\\acsfs\profiles$\raicabog\Contacts\RAICA BRUNA OLIVEIRA GAMA (37).contact</t>
  </si>
  <si>
    <t>\\acsfs\profiles$\raicabog\My Documents\My Videos\</t>
  </si>
  <si>
    <t>\\acsfs\profiles$\raicabog\My Documents\My Videos\desktop.ini</t>
  </si>
  <si>
    <t>\\acsfs\profiles$\raicabog\My Documents\My Pictures\</t>
  </si>
  <si>
    <t>\\acsfs\profiles$\raicabog\My Documents\My Pictures\desktop.ini</t>
  </si>
  <si>
    <t>\\acsfs\profiles$\raicabog\Contacts\desktop.ini</t>
  </si>
  <si>
    <t>\\acsfs\profiles$\raicabog\Favorites\</t>
  </si>
  <si>
    <t>\\acsfs\profiles$\raicabog\Favorites\desktop.ini</t>
  </si>
  <si>
    <t>\\acsfs\profiles$\raicabog\My Documents\My Music\</t>
  </si>
  <si>
    <t>\\acsfs\profiles$\raicabog\My Documents\My Music\desktop.ini</t>
  </si>
  <si>
    <t>\\acsfs\profiles$\raicabog\Searches\</t>
  </si>
  <si>
    <t>\\acsfs\profiles$\raicabog\Searches\desktop.ini</t>
  </si>
  <si>
    <t>\\acsfs\profiles$\raicabog\Downloads\desktop.ini</t>
  </si>
  <si>
    <t>\\acsfs\profiles$\raicabog\My Documents\</t>
  </si>
  <si>
    <t>\\acsfs\profiles$\raicabog\My Documents\desktop.ini</t>
  </si>
  <si>
    <t>\\acsfs\profiles$\raicabog\Saved Games\</t>
  </si>
  <si>
    <t>\\acsfs\profiles$\raicabog\Saved Games\desktop.ini</t>
  </si>
  <si>
    <t>\\acsfs\profiles$\raicabog\Favorites\Links for Brasil\</t>
  </si>
  <si>
    <t>\\acsfs\profiles$\raicabog\Favorites\Links for Brasil\desktop.ini</t>
  </si>
  <si>
    <t>\\acsfs\profiles$\raicabog\Favorites\Links for Brasil\Microsoft Brasil.url</t>
  </si>
  <si>
    <t>\\acsfs\profiles$\raicabog\Favorites\Links for Brasil\Windows Brasil.url</t>
  </si>
  <si>
    <t>\\acsfs\profiles$\raicabog\Favorites\Links for Brasil\MSN Brasil.url</t>
  </si>
  <si>
    <t>100014142553854;cpc-controldeskavon@algartech.com;joseasn@algartech.com;luiz.henriquesantos@avon.com;marianadjc@algartech.com;</t>
  </si>
  <si>
    <t>100014142553854,cpc-controldeskavon@algartech.com,joseasn@algartech.com,luiz.henriquesantos@avon.com,marianadjc@algartech.com</t>
  </si>
  <si>
    <t>075b1d7e-694d-4889-b5c3-7d7622e15ad6.tmp</t>
  </si>
  <si>
    <t>\\acsfs\profiles$\quindaizaagds\Downloads\075b1d7e-694d-4889-b5c3-7d7622e15ad6.tmp</t>
  </si>
  <si>
    <t>0103632b-801c-4b08-9298-50b82e792479.tmp</t>
  </si>
  <si>
    <t>\\acsfs\profiles$\quindaizaagds\Downloads\0103632b-801c-4b08-9298-50b82e792479.tmp</t>
  </si>
  <si>
    <t>c16df9fa-65a3-4ac6-b663-cf03f3fcc810.tmp</t>
  </si>
  <si>
    <t>\\acsfs\profiles$\larissaad\Downloads\c16df9fa-65a3-4ac6-b663-cf03f3fcc810.tmp</t>
  </si>
  <si>
    <t>127f197c-5ecc-49ac-9549-ee03f7ff2142.tmp</t>
  </si>
  <si>
    <t>\\acsfs\profiles$\PEDROHAB\Downloads\127f197c-5ecc-49ac-9549-ee03f7ff2142.tmp</t>
  </si>
  <si>
    <t>735a4eff-8c02-4d64-85c3-da4789cee5a1.tmp</t>
  </si>
  <si>
    <t>\\acsfs\profiles$\maxmillianosv\Downloads\735a4eff-8c02-4d64-85c3-da4789cee5a1.tmp</t>
  </si>
  <si>
    <t>ebff4f8f-dba5-4d87-a259-fa516862455f.tmp</t>
  </si>
  <si>
    <t>\\acsfs\profiles$\gabrielhca\Downloads\ebff4f8f-dba5-4d87-a259-fa516862455f.tmp</t>
  </si>
  <si>
    <t>https://trc.taboola.com/msn-display-brazil/log/3/perf?route=us:us:v&amp;lti=deflated</t>
  </si>
  <si>
    <t>c622e40e-376f-4f2d-a8ce-0d63c710815d.tmp</t>
  </si>
  <si>
    <t>\\acsfs\profiles$\mariajra\Downloads\c622e40e-376f-4f2d-a8ce-0d63c710815d.tmp</t>
  </si>
  <si>
    <t>739f6b11-09d4-4576-84f4-62c83db27ac1.tmp</t>
  </si>
  <si>
    <t>\\acsfs\profiles$\kamilamrc\Downloads\739f6b11-09d4-4576-84f4-62c83db27ac1.tmp</t>
  </si>
  <si>
    <t>\\acsfs\ACS\Gabriel da Silva\Contemporânea\NPS\NPS_Voz\Janeiro.20\</t>
  </si>
  <si>
    <t>Não confirmado 713223.crdownload</t>
  </si>
  <si>
    <t>\\acsfs\ACS\Gabriel da Silva\Contemporânea\NPS\NPS_Voz\Janeiro.20\Não confirmado 713223.crdownload</t>
  </si>
  <si>
    <t>100014142553854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42553854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14142553854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42553854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afaelggs@algartech.com,supervisaobancovotorantim@algartech.com,taysdss@algartech.com,thiagolrc@bv.algartech.com,viniciussg@algartech.com</t>
  </si>
  <si>
    <t>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88debe6-c0fe-4133-b6dd-5771f973d419.tmp</t>
  </si>
  <si>
    <t>\\acsfs\profiles$\maxmillianosv\Downloads\188debe6-c0fe-4133-b6dd-5771f973d419.tmp</t>
  </si>
  <si>
    <t>79e83cc3-3618-422d-9eac-bf624b1286c1.tmp</t>
  </si>
  <si>
    <t>\\acsfs\profiles$\nathaliarmr\Downloads\79e83cc3-3618-422d-9eac-bf624b1286c1.tmp</t>
  </si>
  <si>
    <t>camilavdcem</t>
  </si>
  <si>
    <t>C:\Users\it.manager\Contacts\</t>
  </si>
  <si>
    <t>C:\Users\it.manager\Desktop\</t>
  </si>
  <si>
    <t>C:\Users\it.manager\Documents\</t>
  </si>
  <si>
    <t>C:\Users\it.manager\Downloads\</t>
  </si>
  <si>
    <t>C:\Users\it.manager\Favorites\</t>
  </si>
  <si>
    <t>C:\Users\it.manager\Links\</t>
  </si>
  <si>
    <t>C:\Users\it.manager\Music\</t>
  </si>
  <si>
    <t>C:\Users\it.manager\Pictures\</t>
  </si>
  <si>
    <t>C:\Users\it.manager\Saved Games\</t>
  </si>
  <si>
    <t>C:\Users\it.manager\Searches\</t>
  </si>
  <si>
    <t>C:\Users\it.manager\Videos\</t>
  </si>
  <si>
    <t>C:\Users\it.manager\Favorites\Links\</t>
  </si>
  <si>
    <t>C:\Users\it.manager\Favorites\Links for Brasil\</t>
  </si>
  <si>
    <t>C:\Users\elianegr\Contacts\</t>
  </si>
  <si>
    <t>C:\Users\elianegr\Documents\</t>
  </si>
  <si>
    <t>C:\Users\elianegr\Favorites\</t>
  </si>
  <si>
    <t>C:\Users\elianegr\Links\</t>
  </si>
  <si>
    <t>C:\Users\elianegr\Music\</t>
  </si>
  <si>
    <t>C:\Users\elianegr\Pictures\</t>
  </si>
  <si>
    <t>C:\Users\elianegr\Saved Games\</t>
  </si>
  <si>
    <t>C:\Users\elianegr\Searches\</t>
  </si>
  <si>
    <t>C:\Users\elianegr\Videos\</t>
  </si>
  <si>
    <t>C:\Users\elianegr\Favorites\Links\</t>
  </si>
  <si>
    <t>C:\Users\elianegr\Favorites\Links for Brasil\</t>
  </si>
  <si>
    <t>lu11956u7mr.tmp</t>
  </si>
  <si>
    <t>\\acsfs\profiles$\VIVIANALDS\My Documents\lu11956u7mr.tmp</t>
  </si>
  <si>
    <t>\\acsfs\profiles$\VIVIANALDS\My Documents\lu11956u7mr.tmp\</t>
  </si>
  <si>
    <t>\\acsfs\profiles$\VIVIANALDS\My Documents\lu11956u7mr.tmp\META-INF\</t>
  </si>
  <si>
    <t>\\acsfs\profiles$\VIVIANALDS\My Documents\lu11956u7mr.tmp\Thumbnails\</t>
  </si>
  <si>
    <t>lu11956u7mv.tmp</t>
  </si>
  <si>
    <t>\\acsfs\profiles$\VIVIANALDS\My Documents\lu11956u7mv.tmp</t>
  </si>
  <si>
    <t>\\acsfs\profiles$\VIVIANALDS\My Documents\lu11956u7mv.tmp\</t>
  </si>
  <si>
    <t>\\acsfs\profiles$\VIVIANALDS\My Documents\lu11956u7mv.tmp\META-INF\</t>
  </si>
  <si>
    <t>\\acsfs\profiles$\VIVIANALDS\My Documents\lu11956u7mv.tmp\Thumbnails\</t>
  </si>
  <si>
    <t>dd2b122a-0ae9-4295-9efb-752cb75aa04d.tmp</t>
  </si>
  <si>
    <t>\\acsfs\profiles$\vivianalds\Downloads\dd2b122a-0ae9-4295-9efb-752cb75aa04d.tmp</t>
  </si>
  <si>
    <t>bfd47f23-5520-4624-a23b-011e5fc57eff.tmp</t>
  </si>
  <si>
    <t>\\acsfs\profiles$\kamilamrc\Downloads\bfd47f23-5520-4624-a23b-011e5fc57eff.tmp</t>
  </si>
  <si>
    <t>a200d347-f960-4a79-976b-1a50afa71ea5.tmp</t>
  </si>
  <si>
    <t>\\acsfs\profiles$\kamilamrc\Downloads\a200d347-f960-4a79-976b-1a50afa71ea5.tmp</t>
  </si>
  <si>
    <t>07779d13-7f09-4d42-9a0a-ac15c716b4de.tmp</t>
  </si>
  <si>
    <t>\\acsfs\profiles$\kamilamrc\Downloads\07779d13-7f09-4d42-9a0a-ac15c716b4de.tmp</t>
  </si>
  <si>
    <t>17e52fdd-b647-4b5f-8ff1-3f5b31366eb0.tmp</t>
  </si>
  <si>
    <t>\\acsfs\profiles$\kamilamrc\Downloads\17e52fdd-b647-4b5f-8ff1-3f5b31366eb0.tmp</t>
  </si>
  <si>
    <t>50b08e4f-b7f4-4b5b-b733-79972c733e9b.tmp</t>
  </si>
  <si>
    <t>\\acsfs\profiles$\kamilamrc\Downloads\50b08e4f-b7f4-4b5b-b733-79972c733e9b.tmp</t>
  </si>
  <si>
    <t>9193b321-d8b1-4e49-9098-e48bc3977464.tmp</t>
  </si>
  <si>
    <t>\\acsfs\profiles$\ERICALSR\Downloads\9193b321-d8b1-4e49-9098-e48bc3977464.tmp</t>
  </si>
  <si>
    <t>JOAO PEDRO NICOMEDES BERTOLDO GOMES (37).contact</t>
  </si>
  <si>
    <t>\\acsfs\profiles$\joaopnbg\Contacts\JOAO PEDRO NICOMEDES BERTOLDO GOMES (37).contact</t>
  </si>
  <si>
    <t>e519c219-d9df-4020-8057-95595d2b463c.tmp</t>
  </si>
  <si>
    <t>\\acsfs\profiles$\lorrainerdl\Downloads\e519c219-d9df-4020-8057-95595d2b463c.tmp</t>
  </si>
  <si>
    <t>\\acsfs\profiles$\jessicafc\My Documents\My Pictures\</t>
  </si>
  <si>
    <t>\\acsfs\profiles$\jessicafc\My Documents\My Videos\desktop.ini</t>
  </si>
  <si>
    <t>\\acsfs\profiles$\jessicafc\My Documents\My Videos\</t>
  </si>
  <si>
    <t>\\acsfs\profiles$\jessicafc\My Documents\My Music\</t>
  </si>
  <si>
    <t>\\acsfs\profiles$\jessicafc\My Documents\My Pictures\desktop.ini</t>
  </si>
  <si>
    <t>\\acsfs\profiles$\jessicafc\Contacts\</t>
  </si>
  <si>
    <t>\\acsfs\profiles$\jessicafc\Contacts\desktop.ini</t>
  </si>
  <si>
    <t>\\acsfs\profiles$\jessicafc\My Documents\</t>
  </si>
  <si>
    <t>\\acsfs\profiles$\jessicafc\Favorites\desktop.ini</t>
  </si>
  <si>
    <t>\\acsfs\profiles$\jessicafc\My Documents\My Music\desktop.ini</t>
  </si>
  <si>
    <t>\\acsfs\profiles$\jessicafc\Searches\</t>
  </si>
  <si>
    <t>\\acsfs\profiles$\jessicafc\Searches\desktop.ini</t>
  </si>
  <si>
    <t>\\acsfs\profiles$\jessicafc\Downloads\desktop.ini</t>
  </si>
  <si>
    <t>\\acsfs\profiles$\jessicafc\Favorites\</t>
  </si>
  <si>
    <t>\\acsfs\profiles$\jessicafc\My Documents\desktop.ini</t>
  </si>
  <si>
    <t>\\acsfs\profiles$\jessicafc\Saved Games\desktop.ini</t>
  </si>
  <si>
    <t>winrt--{S-1-5-21-602162358-764733703-839522115-354165}-.searchconnector-ms</t>
  </si>
  <si>
    <t>\\acsfs\profiles$\jessicafc\Searches\winrt--{S-1-5-21-602162358-764733703-839522115-354165}-.searchconnector-ms</t>
  </si>
  <si>
    <t>4ea410a5-2852-4b80-bb66-373f6a542479.tmp</t>
  </si>
  <si>
    <t>\\acsfs\profiles$\geovannasm\Downloads\4ea410a5-2852-4b80-bb66-373f6a542479.tmp</t>
  </si>
  <si>
    <t>XLOG_leydianeamd_06012020_075121.log</t>
  </si>
  <si>
    <t>\\acsfs\profiles$\leydianeamd\My Documents\xworkcenter\logs\XLOG_leydianeamd_06012020_075121.log</t>
  </si>
  <si>
    <t>676d8071-fcb3-478d-bfc9-524623b11388.tmp</t>
  </si>
  <si>
    <t>\\acsfs\profiles$\inarajst\Downloads\676d8071-fcb3-478d-bfc9-524623b11388.tmp</t>
  </si>
  <si>
    <t>7fef920e-0e75-4320-99f2-2dbfea088983.tmp</t>
  </si>
  <si>
    <t>\\acsfs\profiles$\adelvinsonle\Downloads\7fef920e-0e75-4320-99f2-2dbfea088983.tmp</t>
  </si>
  <si>
    <t>722b1dae-5b29-4f8b-a014-1e9d1bb33f57.tmp</t>
  </si>
  <si>
    <t>\\acsfs\profiles$\jhonatadss\Downloads\722b1dae-5b29-4f8b-a014-1e9d1bb33f57.tmp</t>
  </si>
  <si>
    <t>35a701a7-06c8-4b4f-8345-485406484197.tmp</t>
  </si>
  <si>
    <t>\\acsfs\profiles$\jhonatadss\Downloads\35a701a7-06c8-4b4f-8345-485406484197.tmp</t>
  </si>
  <si>
    <t>10.200.66.176</t>
  </si>
  <si>
    <t>8e304735-b9f4-4582-847f-c5f452a7da37.tmp</t>
  </si>
  <si>
    <t>\\acsfs\profiles$\wenderbnm\Downloads\8e304735-b9f4-4582-847f-c5f452a7da37.tmp</t>
  </si>
  <si>
    <t>e691aa92-6121-4968-a53f-40b3feb3ae5d.tmp</t>
  </si>
  <si>
    <t>\\acsfs\profiles$\mariajra\Downloads\e691aa92-6121-4968-a53f-40b3feb3ae5d.tmp</t>
  </si>
  <si>
    <t>lu263005cbqn5.tmp</t>
  </si>
  <si>
    <t>\\acsfs\profiles$\LUCASBS\Planilhas\lu263005cbqn5.tmp</t>
  </si>
  <si>
    <t>65e897bf-6b64-4e2b-bd3c-27c12b433e56.tmp</t>
  </si>
  <si>
    <t>\\acsfs\profiles$\adelvinsonle\Downloads\65e897bf-6b64-4e2b-bd3c-27c12b433e56.tmp</t>
  </si>
  <si>
    <t>bbaa1706-cca8-487a-b079-ab553a24517a.tmp</t>
  </si>
  <si>
    <t>\\acsfs\profiles$\jhonatadss\Downloads\bbaa1706-cca8-487a-b079-ab553a24517a.tmp</t>
  </si>
  <si>
    <t>4886c614-c512-449f-bfc1-cd73c145835e.tmp</t>
  </si>
  <si>
    <t>\\acsfs\profiles$\kellzylenneasr\Downloads\4886c614-c512-449f-bfc1-cd73c145835e.tmp</t>
  </si>
  <si>
    <t>b61d08c4-e490-4dd7-9aba-378729372970.tmp</t>
  </si>
  <si>
    <t>\\acsfs\profiles$\kellzylenneasr\Downloads\b61d08c4-e490-4dd7-9aba-378729372970.tmp</t>
  </si>
  <si>
    <t>22369405-f0be-4427-9ca3-1575dd71873b.tmp</t>
  </si>
  <si>
    <t>\\acsfs\profiles$\marcellewdl\Downloads\22369405-f0be-4427-9ca3-1575dd71873b.tmp</t>
  </si>
  <si>
    <t>7e99e9c8-a1be-42a4-9399-c8817ea91429.tmp</t>
  </si>
  <si>
    <t>\\acsfs\profiles$\JOAOVAL\Downloads\7e99e9c8-a1be-42a4-9399-c8817ea91429.tmp</t>
  </si>
  <si>
    <t>f77ea42b-6618-4c08-a388-f1f116e26997.tmp</t>
  </si>
  <si>
    <t>\\acsfs\profiles$\JOAOVAL\Downloads\f77ea42b-6618-4c08-a388-f1f116e26997.tmp</t>
  </si>
  <si>
    <t>daf6a2d8-8d71-4b35-a17f-00e0c40cbfcb.tmp</t>
  </si>
  <si>
    <t>\\acsfs\profiles$\jessicafc\Downloads\daf6a2d8-8d71-4b35-a17f-00e0c40cbfcb.tmp</t>
  </si>
  <si>
    <t>48b95ea8-68e8-4460-9da0-f870ed5324a5.tmp</t>
  </si>
  <si>
    <t>\\acsfs\profiles$\jessicafc\Downloads\48b95ea8-68e8-4460-9da0-f870ed5324a5.tmp</t>
  </si>
  <si>
    <t>6cd0c323-2ee0-4938-a983-d43acc7cff10.tmp</t>
  </si>
  <si>
    <t>\\acsfs\profiles$\jessicafc\Downloads\6cd0c323-2ee0-4938-a983-d43acc7cff10.tmp</t>
  </si>
  <si>
    <t>14ea47d6-c71c-46ac-9b79-6b9b2166e1aa.tmp</t>
  </si>
  <si>
    <t>\\acsfs\profiles$\jessicafc\Downloads\14ea47d6-c71c-46ac-9b79-6b9b2166e1aa.tmp</t>
  </si>
  <si>
    <t>96bbf22b-0f6b-4de4-87a2-f58c774c11da.tmp</t>
  </si>
  <si>
    <t>\\acsfs\profiles$\gabrielsma\Downloads\96bbf22b-0f6b-4de4-87a2-f58c774c11da.tmp</t>
  </si>
  <si>
    <t>\\acsfs\ACS\Gabriel da Silva\Contemporânea\VENDAS\Q29udHJvbGxlci5BQ09NLVNvdUJWXzE-.ica.crdownload</t>
  </si>
  <si>
    <t>6cfaf7f3-e001-4650-86c2-623025ebebe9.tmp</t>
  </si>
  <si>
    <t>\\acsfs\profiles$\rafaelahpn\Downloads\6cfaf7f3-e001-4650-86c2-623025ebebe9.tmp</t>
  </si>
  <si>
    <t>1° Ciclo Janeiro Tainara.txt</t>
  </si>
  <si>
    <t>\\acsfs\DEPTOS\Operacao\Banco_Votorantim\Qualidade\Eliane\Monitoria JANEIRO 2020\1° Ciclo Janeiro Tainara.txt</t>
  </si>
  <si>
    <t>\\acsfs\profiles$\henriquehmdo\Contacts\</t>
  </si>
  <si>
    <t>HENRIQUE HUMBERTO MARCELINO DE OLIVEIRA (4).contact</t>
  </si>
  <si>
    <t>\\acsfs\profiles$\henriquehmdo\Contacts\HENRIQUE HUMBERTO MARCELINO DE OLIVEIRA (4).contact</t>
  </si>
  <si>
    <t>\\acsfs\profiles$\henriquehmdo\My Documents\My Videos\</t>
  </si>
  <si>
    <t>\\acsfs\profiles$\henriquehmdo\My Documents\My Videos\desktop.ini</t>
  </si>
  <si>
    <t>\\acsfs\profiles$\henriquehmdo\My Documents\My Pictures\</t>
  </si>
  <si>
    <t>\\acsfs\profiles$\henriquehmdo\My Documents\My Pictures\desktop.ini</t>
  </si>
  <si>
    <t>\\acsfs\profiles$\henriquehmdo\Contacts\desktop.ini</t>
  </si>
  <si>
    <t>\\acsfs\profiles$\henriquehmdo\Favorites\</t>
  </si>
  <si>
    <t>\\acsfs\profiles$\henriquehmdo\Favorites\desktop.ini</t>
  </si>
  <si>
    <t>\\acsfs\profiles$\henriquehmdo\My Documents\My Music\</t>
  </si>
  <si>
    <t>\\acsfs\profiles$\henriquehmdo\My Documents\My Music\desktop.ini</t>
  </si>
  <si>
    <t>\\acsfs\profiles$\henriquehmdo\Searches\</t>
  </si>
  <si>
    <t>\\acsfs\profiles$\henriquehmdo\Searches\desktop.ini</t>
  </si>
  <si>
    <t>\\acsfs\profiles$\henriquehmdo\Downloads\desktop.ini</t>
  </si>
  <si>
    <t>\\acsfs\profiles$\henriquehmdo\My Documents\</t>
  </si>
  <si>
    <t>\\acsfs\profiles$\henriquehmdo\My Documents\desktop.ini</t>
  </si>
  <si>
    <t>\\acsfs\profiles$\henriquehmdo\Saved Games\</t>
  </si>
  <si>
    <t>\\acsfs\profiles$\henriquehmdo\Saved Games\desktop.ini</t>
  </si>
  <si>
    <t>\\acsfs\profiles$\HENRIQUEHMDO\Favorites\Links for Brasil\</t>
  </si>
  <si>
    <t>\\acsfs\profiles$\HENRIQUEHMDO\Favorites\Links for Brasil\desktop.ini</t>
  </si>
  <si>
    <t>\\acsfs\profiles$\HENRIQUEHMDO\Favorites\Links for Brasil\Microsoft Brasil.url</t>
  </si>
  <si>
    <t>\\acsfs\profiles$\HENRIQUEHMDO\Favorites\Links for Brasil\Windows Brasil.url</t>
  </si>
  <si>
    <t>\\acsfs\profiles$\HENRIQUEHMDO\Favorites\Links for Brasil\MSN Brasil.url</t>
  </si>
  <si>
    <t>e1e404cc-49a9-4c9c-aa5a-8e227d7e5aad.tmp</t>
  </si>
  <si>
    <t>\\acsfs\profiles$\henriquehmdo\Downloads\e1e404cc-49a9-4c9c-aa5a-8e227d7e5aad.tmp</t>
  </si>
  <si>
    <t>Não confirmado 518260.crdownload</t>
  </si>
  <si>
    <t>\\acsfs\profiles$\henriquehmdo\Downloads\Não confirmado 518260.crdownload</t>
  </si>
  <si>
    <t>b4ef9f2d-85f0-4888-a3ca-38328a89d771.tmp</t>
  </si>
  <si>
    <t>\\acsfs\profiles$\henriquehmdo\Downloads\b4ef9f2d-85f0-4888-a3ca-38328a89d771.tmp</t>
  </si>
  <si>
    <t>mail.google.com/_/upload?authuser=1&amp;dcp=asu-n&amp;upload_id=AEnB2Uqu-sW7sE4gUbQc5AKShADf8JvlRLHCV_IR3Sw4OAkn-TR29AmDu-p55FTZDzJprBEVzizKJtT8sWmwcNVycL6kLU256Q&amp;upload_protocol=resumable</t>
  </si>
  <si>
    <t>Reneg - Vcto 08-01-20.xlsx</t>
  </si>
  <si>
    <t>mail.google.com/_/upload?authuser=1&amp;dcp=asu-n&amp;upload_id=AEnB2UpyH4xa7NiXPGAjjh_oXOAOgSFEDQkpIXaxUy5dbUkOcrq8aOBonH2wZDnUqA90EyBbNyiMUXFgRKSIJqcbkv7TNq-h9Q&amp;upload_protocol=resumable</t>
  </si>
  <si>
    <t>Reneg - Vcto 11-01-20.xlsx</t>
  </si>
  <si>
    <t>71d4d236-bcef-4b8c-bbc6-34959c762d2e.tmp</t>
  </si>
  <si>
    <t>\\acsfs\profiles$\JOAOVAL\Downloads\71d4d236-bcef-4b8c-bbc6-34959c762d2e.tmp</t>
  </si>
  <si>
    <t>54dc922c-9c96-4541-b5b2-387b52085019.tmp</t>
  </si>
  <si>
    <t>\\acsfs\profiles$\JOAOVAL\Downloads\54dc922c-9c96-4541-b5b2-387b52085019.tmp</t>
  </si>
  <si>
    <t>1d32e860-ea9e-4d33-95e3-41636cf58d29.tmp</t>
  </si>
  <si>
    <t>\\acsfs\profiles$\luanaagl\Downloads\1d32e860-ea9e-4d33-95e3-41636cf58d29.tmp</t>
  </si>
  <si>
    <t>C:\Users\fernandaab\Downloads\</t>
  </si>
  <si>
    <t>monitoria 06-01.docx</t>
  </si>
  <si>
    <t>\\acsfs\Deptos\EDUCACAO EMPRESARIAL\KÉSIA\monitoria 06-01.docx</t>
  </si>
  <si>
    <t>\\acsfs\Deptos\EDUCACAO EMPRESARIAL\KÉSIA\monitoria 06-01.docx\</t>
  </si>
  <si>
    <t>\\acsfs\Deptos\EDUCACAO EMPRESARIAL\KÉSIA\monitoria 06-01.docx\:Zone.Identifier:$DATA</t>
  </si>
  <si>
    <t>8121216f-0969-4305-b770-46192580174d.tmp</t>
  </si>
  <si>
    <t>\\acsfs\profiles$\jhonatadss\Downloads\8121216f-0969-4305-b770-46192580174d.tmp</t>
  </si>
  <si>
    <t>4edf3f6f-6ed1-4390-b40b-d2e455f4c76b.tmp</t>
  </si>
  <si>
    <t>\\acsfs\profiles$\LAISLG\Downloads\4edf3f6f-6ed1-4390-b40b-d2e455f4c76b.tmp</t>
  </si>
  <si>
    <t>670e171c-4869-4ba0-b597-c56ca6851971.tmp</t>
  </si>
  <si>
    <t>\\acsfs\profiles$\victoriaksr\Downloads\670e171c-4869-4ba0-b597-c56ca6851971.tmp</t>
  </si>
  <si>
    <t>\\acsfs\profiles$\victoriaksr\Downloads\.~lock.Filas.xlsx#</t>
  </si>
  <si>
    <t>b0300e53-11a0-4f05-b3fe-b10c389c0f6e.tmp</t>
  </si>
  <si>
    <t>\\acsfs\profiles$\sarahbal\Downloads\b0300e53-11a0-4f05-b3fe-b10c389c0f6e.tmp</t>
  </si>
  <si>
    <t>6c895956-5947-4d0e-917c-b312f9c9fc04.tmp</t>
  </si>
  <si>
    <t>\\acsfs\profiles$\matheushds\Downloads\6c895956-5947-4d0e-917c-b312f9c9fc04.tmp</t>
  </si>
  <si>
    <t>151c2f96-9943-47c1-abe9-0aec1f515fb5.tmp</t>
  </si>
  <si>
    <t>\\acsfs\profiles$\matheushds\Downloads\151c2f96-9943-47c1-abe9-0aec1f515fb5.tmp</t>
  </si>
  <si>
    <t>a88c2eab-e885-4ade-9397-1c4bafbf1ba6.tmp</t>
  </si>
  <si>
    <t>\\acsfs\profiles$\gabrielsma\Downloads\a88c2eab-e885-4ade-9397-1c4bafbf1ba6.tmp</t>
  </si>
  <si>
    <t>rptEquipesAuditoria.csv.crdownload</t>
  </si>
  <si>
    <t>\\acsfs\ACS\Gabriel da Silva\Contemporânea\rptEquipesAuditoria.csv.crdownload</t>
  </si>
  <si>
    <t>785836b2-97d9-4ad6-b301-936c1d2b71bf.tmp</t>
  </si>
  <si>
    <t>\\acsfs\profiles$\inarajst\Downloads\785836b2-97d9-4ad6-b301-936c1d2b71bf.tmp</t>
  </si>
  <si>
    <t>bcfb8fb6-15f1-4d52-9eb4-b97a34a8f83d.tmp</t>
  </si>
  <si>
    <t>\\acsfs\profiles$\inarajst\Downloads\bcfb8fb6-15f1-4d52-9eb4-b97a34a8f83d.tmp</t>
  </si>
  <si>
    <t>bbe0aa25-e5ad-43e2-b53e-cc7aa3204826.tmp</t>
  </si>
  <si>
    <t>\\acsfs\profiles$\Flaviojmm\Downloads\bbe0aa25-e5ad-43e2-b53e-cc7aa3204826.tmp</t>
  </si>
  <si>
    <t>467d5635-7ff5-4bad-8f71-689f49663c80.tmp</t>
  </si>
  <si>
    <t>\\acsfs\profiles$\nataliacsl\Downloads\467d5635-7ff5-4bad-8f71-689f49663c80.tmp</t>
  </si>
  <si>
    <t>lu111788tsw393.tmp</t>
  </si>
  <si>
    <t>\\acsfs\profiles$\BRUNAAR\Numero\lu111788tsw393.tmp</t>
  </si>
  <si>
    <t>bf803edc-ec24-470d-a9cf-da4b3a2a7691.tmp</t>
  </si>
  <si>
    <t>\\acsfs\profiles$\LAISLG\Downloads\bf803edc-ec24-470d-a9cf-da4b3a2a7691.tmp</t>
  </si>
  <si>
    <t>3596f493-08e1-4f75-b448-dd16103149c1.tmp</t>
  </si>
  <si>
    <t>\\acsfs\profiles$\henriquehmdo\Downloads\3596f493-08e1-4f75-b448-dd16103149c1.tmp</t>
  </si>
  <si>
    <t>b7b39435-afaa-47b5-ac8e-5189da86302e.tmp</t>
  </si>
  <si>
    <t>\\acsfs\profiles$\nathaliarmr\Downloads\b7b39435-afaa-47b5-ac8e-5189da86302e.tmp</t>
  </si>
  <si>
    <t>e55458d6-63ce-4c50-b301-3122af7748bf.tmp</t>
  </si>
  <si>
    <t>\\acsfs\profiles$\matheushds\Downloads\e55458d6-63ce-4c50-b301-3122af7748bf.tmp</t>
  </si>
  <si>
    <t>31ba4fde-b510-4969-a9f2-e34203dd0bb4.tmp</t>
  </si>
  <si>
    <t>\\acsfs\profiles$\matheushds\Downloads\31ba4fde-b510-4969-a9f2-e34203dd0bb4.tmp</t>
  </si>
  <si>
    <t>lixo.csv.crdownload</t>
  </si>
  <si>
    <t>\\acsfs\ACS\Gabriel da Silva\Contemporânea\NPS\NPS_Voz\Janeiro.20\lixo.csv.crdownload</t>
  </si>
  <si>
    <t>~$rellPulse.xlsx</t>
  </si>
  <si>
    <t>\\acsfs\ACS\Gabriel da Silva\Contemporânea\Gen\~$rellPulse.xlsx</t>
  </si>
  <si>
    <t>f70a4da5-9fc2-4285-ae13-d38fd8d68c09.tmp</t>
  </si>
  <si>
    <t>\\acsfs\profiles$\luanaagl\Downloads\f70a4da5-9fc2-4285-ae13-d38fd8d68c09.tmp</t>
  </si>
  <si>
    <t>74-86-7A-FC-CF-A6</t>
  </si>
  <si>
    <t>VOTORANT-VB009</t>
  </si>
  <si>
    <t>LORENA BIANCA MARTINS COSTA (12709).contact</t>
  </si>
  <si>
    <t>\\acsfs\profiles$\lorenabmc\Contacts\LORENA BIANCA MARTINS COSTA (12709).contact</t>
  </si>
  <si>
    <t>1be022e9-05f2-49f7-9c47-b0ed67705625.tmp</t>
  </si>
  <si>
    <t>\\acsfs\profiles$\lorenabmc\Downloads\1be022e9-05f2-49f7-9c47-b0ed67705625.tmp</t>
  </si>
  <si>
    <t>5bcdf656-70a6-484c-b3f6-19e9e159ea46.tmp</t>
  </si>
  <si>
    <t>\\acsfs\profiles$\mariagsg\Downloads\5bcdf656-70a6-484c-b3f6-19e9e159ea46.tmp</t>
  </si>
  <si>
    <t>d4b27c7f-dd5e-4ef7-b075-aafbb647a3d0.tmp</t>
  </si>
  <si>
    <t>\\acsfs\profiles$\mariagsg\Downloads\d4b27c7f-dd5e-4ef7-b075-aafbb647a3d0.tmp</t>
  </si>
  <si>
    <t>0249591a-c71e-454f-ab22-11da12434cd7.tmp</t>
  </si>
  <si>
    <t>\\acsfs\profiles$\henriquehmdo\Downloads\0249591a-c71e-454f-ab22-11da12434cd7.tmp</t>
  </si>
  <si>
    <t>d906c197-c82e-4446-8a98-99686b5f4d5c.tmp</t>
  </si>
  <si>
    <t>\\acsfs\profiles$\sarahbal\Downloads\d906c197-c82e-4446-8a98-99686b5f4d5c.tmp</t>
  </si>
  <si>
    <t>lu263005cbqnh.tmp</t>
  </si>
  <si>
    <t>\\acsfs\profiles$\LUCASBS\Planilhas\lu263005cbqnh.tmp</t>
  </si>
  <si>
    <t>lu11816xel6j.tmp</t>
  </si>
  <si>
    <t>\\acsfs\profiles$\CLAUDIAJCA\lu11816xel6j.tmp</t>
  </si>
  <si>
    <t>\\acsfs\profiles$\CLAUDIAJCA\lu11816xel6j.tmp\</t>
  </si>
  <si>
    <t>\\acsfs\profiles$\CLAUDIAJCA\lu11816xel6j.tmp\META-INF\</t>
  </si>
  <si>
    <t>\\acsfs\profiles$\CLAUDIAJCA\lu11816xel6j.tmp\Thumbnails\</t>
  </si>
  <si>
    <t>8f821af7-3b28-4f96-9443-7fe94cb3f299.tmp</t>
  </si>
  <si>
    <t>\\acsfs\profiles$\lorraynevam\Downloads\8f821af7-3b28-4f96-9443-7fe94cb3f299.tmp</t>
  </si>
  <si>
    <t>\\acsfs\profiles$\lorraynevam\Downloads\8f821af7-3b28-4f96-9443-7fe94cb3f299.tmp\</t>
  </si>
  <si>
    <t>\\acsfs\profiles$\lorraynevam\Downloads\8f821af7-3b28-4f96-9443-7fe94cb3f299.tmp\META-INF\</t>
  </si>
  <si>
    <t>\\acsfs\profiles$\lorraynevam\Downloads\8f821af7-3b28-4f96-9443-7fe94cb3f299.tmp\Thumbnails\</t>
  </si>
  <si>
    <t>841805dc-24ae-4841-8672-00edb8eac29a.tmp</t>
  </si>
  <si>
    <t>\\acsfs\profiles$\lorenabmc\Downloads\841805dc-24ae-4841-8672-00edb8eac29a.tmp</t>
  </si>
  <si>
    <t>10.200.67.180</t>
  </si>
  <si>
    <t>78-2B-CB-C1-07-ED</t>
  </si>
  <si>
    <t>VOTORANT-LB006</t>
  </si>
  <si>
    <t>\\acsfs\profiles$\danielta\Contacts\</t>
  </si>
  <si>
    <t>DANIEL TOFINO ARAUJO (35).contact</t>
  </si>
  <si>
    <t>\\acsfs\profiles$\danielta\Contacts\DANIEL TOFINO ARAUJO (35).contact</t>
  </si>
  <si>
    <t>\\acsfs\profiles$\danielta\My Documents\My Videos\</t>
  </si>
  <si>
    <t>\\acsfs\profiles$\danielta\My Documents\My Videos\desktop.ini</t>
  </si>
  <si>
    <t>\\acsfs\profiles$\danielta\My Documents\My Pictures\</t>
  </si>
  <si>
    <t>\\acsfs\profiles$\danielta\My Documents\My Pictures\desktop.ini</t>
  </si>
  <si>
    <t>\\acsfs\profiles$\danielta\Contacts\desktop.ini</t>
  </si>
  <si>
    <t>\\acsfs\profiles$\danielta\Favorites\</t>
  </si>
  <si>
    <t>\\acsfs\profiles$\danielta\Favorites\desktop.ini</t>
  </si>
  <si>
    <t>\\acsfs\profiles$\danielta\My Documents\My Music\</t>
  </si>
  <si>
    <t>\\acsfs\profiles$\danielta\My Documents\My Music\desktop.ini</t>
  </si>
  <si>
    <t>\\acsfs\profiles$\danielta\Searches\</t>
  </si>
  <si>
    <t>\\acsfs\profiles$\danielta\Searches\desktop.ini</t>
  </si>
  <si>
    <t>\\acsfs\profiles$\danielta\Downloads\desktop.ini</t>
  </si>
  <si>
    <t>\\acsfs\profiles$\danielta\My Documents\</t>
  </si>
  <si>
    <t>\\acsfs\profiles$\danielta\My Documents\desktop.ini</t>
  </si>
  <si>
    <t>\\acsfs\profiles$\danielta\Saved Games\</t>
  </si>
  <si>
    <t>\\acsfs\profiles$\danielta\Saved Games\desktop.ini</t>
  </si>
  <si>
    <t>\\acsfs\profiles$\danielta\Favorites\Links for Brasil\</t>
  </si>
  <si>
    <t>\\acsfs\profiles$\danielta\Favorites\Links for Brasil\desktop.ini</t>
  </si>
  <si>
    <t>\\acsfs\profiles$\danielta\Favorites\Links for Brasil\Microsoft Brasil.url</t>
  </si>
  <si>
    <t>\\acsfs\profiles$\danielta\Favorites\Links for Brasil\Windows Brasil.url</t>
  </si>
  <si>
    <t>\\acsfs\profiles$\danielta\Favorites\Links for Brasil\MSN Brasil.url</t>
  </si>
  <si>
    <t>a5956b52-379e-4883-bea2-62c732011bbb.tmp</t>
  </si>
  <si>
    <t>\\acsfs\profiles$\Flaviojmm\Downloads\a5956b52-379e-4883-bea2-62c732011bbb.tmp</t>
  </si>
  <si>
    <t>0873aba6-5ec4-4b19-a667-8ac77d5241dc.tmp</t>
  </si>
  <si>
    <t>\\acsfs\profiles$\gabrielarb\Downloads\0873aba6-5ec4-4b19-a667-8ac77d5241dc.tmp</t>
  </si>
  <si>
    <t>052796cd-8988-40ae-bf7a-46f752b7a4c8.tmp</t>
  </si>
  <si>
    <t>\\acsfs\profiles$\claudiajca\Downloads\052796cd-8988-40ae-bf7a-46f752b7a4c8.tmp</t>
  </si>
  <si>
    <t>efcef35f-ee72-4796-a48a-807a8fe46b47.tmp</t>
  </si>
  <si>
    <t>\\acsfs\profiles$\claudiajca\Downloads\efcef35f-ee72-4796-a48a-807a8fe46b47.tmp</t>
  </si>
  <si>
    <t>\\acsfs\profiles$\lorraynevam\Downloads\.~lock.Controle de vendas.ods#</t>
  </si>
  <si>
    <t>10.200.60.87</t>
  </si>
  <si>
    <t>78-2B-CB-C3-48-C8</t>
  </si>
  <si>
    <t>VOTORANTE-YB021</t>
  </si>
  <si>
    <t>ec0601e4-121d-4e1d-8bd2-7430879c9cc5.tmp</t>
  </si>
  <si>
    <t>\\acsfs\profiles$\lorrainerdl\Downloads\ec0601e4-121d-4e1d-8bd2-7430879c9cc5.tmp</t>
  </si>
  <si>
    <t>fdc005cb-546e-49f6-ab83-dcd58443f9b1.tmp</t>
  </si>
  <si>
    <t>\\acsfs\profiles$\lorenabmc\Downloads\fdc005cb-546e-49f6-ab83-dcd58443f9b1.tmp</t>
  </si>
  <si>
    <t>46e70d1b-d6f3-42c0-84fa-c0e3f70ec4c4.tmp</t>
  </si>
  <si>
    <t>\\acsfs\profiles$\LUCASBS\Downloads\46e70d1b-d6f3-42c0-84fa-c0e3f70ec4c4.tmp</t>
  </si>
  <si>
    <t>851a2091-b039-4f27-b071-4a2f88cb8217.tmp</t>
  </si>
  <si>
    <t>\\acsfs\profiles$\sarahbal\Downloads\851a2091-b039-4f27-b071-4a2f88cb8217.tmp</t>
  </si>
  <si>
    <t>570ad2fc-7253-4dbe-9475-858a47c5b577.tmp</t>
  </si>
  <si>
    <t>\\acsfs\profiles$\Flaviojmm\Downloads\570ad2fc-7253-4dbe-9475-858a47c5b577.tmp</t>
  </si>
  <si>
    <t>c5021527-6db8-4711-8a6d-4ff37602cc30.tmp</t>
  </si>
  <si>
    <t>\\acsfs\profiles$\gabrielarb\Downloads\c5021527-6db8-4711-8a6d-4ff37602cc30.tmp</t>
  </si>
  <si>
    <t>c12cca1d-db2e-4bf7-81b0-ad233b9b233e.tmp</t>
  </si>
  <si>
    <t>\\acsfs\profiles$\gabrielarb\Downloads\c12cca1d-db2e-4bf7-81b0-ad233b9b233e.tmp</t>
  </si>
  <si>
    <t>8c39d649-4560-4d0a-8951-39d37f1c1289.tmp</t>
  </si>
  <si>
    <t>\\acsfs\profiles$\gabrielarb\Downloads\8c39d649-4560-4d0a-8951-39d37f1c1289.tmp</t>
  </si>
  <si>
    <t>365c4dd1-38b5-447a-a001-4a148e1fca50.tmp</t>
  </si>
  <si>
    <t>\\acsfs\profiles$\gabrielarb\Downloads\365c4dd1-38b5-447a-a001-4a148e1fca50.tmp</t>
  </si>
  <si>
    <t>e8b31ec3-d608-4e4f-830a-e63803652e8e.tmp</t>
  </si>
  <si>
    <t>\\acsfs\profiles$\gabrielarb\Downloads\e8b31ec3-d608-4e4f-830a-e63803652e8e.tmp</t>
  </si>
  <si>
    <t>30d4d183-99b4-44b0-93e2-60e52c8c6971.tmp</t>
  </si>
  <si>
    <t>\\acsfs\profiles$\gabrielarb\Downloads\30d4d183-99b4-44b0-93e2-60e52c8c6971.tmp</t>
  </si>
  <si>
    <t>8a56e505-a4fa-497f-bb7a-3d7b861ebe31.tmp</t>
  </si>
  <si>
    <t>\\acsfs\profiles$\claudiajca\Downloads\8a56e505-a4fa-497f-bb7a-3d7b861ebe31.tmp</t>
  </si>
  <si>
    <t>b066a8d7-d61b-462d-9a42-799035fea92a.tmp</t>
  </si>
  <si>
    <t>\\acsfs\profiles$\lorrainerdl\Downloads\b066a8d7-d61b-462d-9a42-799035fea92a.tmp</t>
  </si>
  <si>
    <t>505d5108-db89-4063-9431-6366cb34b5f1.tmp</t>
  </si>
  <si>
    <t>\\acsfs\profiles$\lorrainerdl\Downloads\505d5108-db89-4063-9431-6366cb34b5f1.tmp</t>
  </si>
  <si>
    <t>33199d51-e407-4320-a9ed-e92da2718e5c.tmp</t>
  </si>
  <si>
    <t>\\acsfs\profiles$\LAISLG\Downloads\33199d51-e407-4320-a9ed-e92da2718e5c.tmp</t>
  </si>
  <si>
    <t>59fc3a90-7104-401f-b581-31e989b8bb2f.tmp</t>
  </si>
  <si>
    <t>\\acsfs\profiles$\ANAPDSB\Downloads\59fc3a90-7104-401f-b581-31e989b8bb2f.tmp</t>
  </si>
  <si>
    <t>\\acsfs\deptos\Operacao\PCP\5 - Comum\PLANEJAMENTO BV\14 - ACOMPANHAMENTO\Report whatsapp\Vendas\2020\</t>
  </si>
  <si>
    <t>\\acsfs\deptos\Operacao\PCP\5 - Comum\PLANEJAMENTO BV\14 - ACOMPANHAMENTO\Report whatsapp\Vendas\2020\Atualiza VENDAS_JANEIRO.xlsm</t>
  </si>
  <si>
    <t>https://cpc-controldeskavon@algartech.com,joseasn@algartech.com,luiz.henriquesantos@avon.com,marianadjc@algartech.com</t>
  </si>
  <si>
    <t>08a58e8e-7150-43fc-9d8b-c7cb6ffc2bc0.tmp</t>
  </si>
  <si>
    <t>\\acsfs\profiles$\adelvinsonle\Downloads\08a58e8e-7150-43fc-9d8b-c7cb6ffc2bc0.tmp</t>
  </si>
  <si>
    <t>a1e55ac9-fe77-4fb3-8e7c-df304d34c45c.tmp</t>
  </si>
  <si>
    <t>\\acsfs\profiles$\valeriasda\Downloads\a1e55ac9-fe77-4fb3-8e7c-df304d34c45c.tmp</t>
  </si>
  <si>
    <t>1ac8659e-cd52-42bf-945b-2e18c44b5f22.tmp</t>
  </si>
  <si>
    <t>\\acsfs\profiles$\valeriasda\Downloads\1ac8659e-cd52-42bf-945b-2e18c44b5f22.tmp</t>
  </si>
  <si>
    <t>50389470-4a04-42c9-a8ba-814b9c6a5b73.tmp</t>
  </si>
  <si>
    <t>\\acsfs\profiles$\gabriellalpr\Downloads\50389470-4a04-42c9-a8ba-814b9c6a5b73.tmp</t>
  </si>
  <si>
    <t>https://outlook.office365.com/owa/qualidadealgarbv@algartech.com/service.svc?action=updateitem&amp;app=mail&amp;n=103</t>
  </si>
  <si>
    <t>0bb2adfb-bc7d-4f8f-9285-6ff9b5b3d166.tmp</t>
  </si>
  <si>
    <t>\\acsfs\profiles$\LUCASBS\Downloads\0bb2adfb-bc7d-4f8f-9285-6ff9b5b3d166.tmp</t>
  </si>
  <si>
    <t>\\acsfs\DEPTOS\Operacao\Banco_Votorantim\Comum\00 - COMUM - BV CARTÕES\EQUIPE ADILSON\Reneg\Reneg - Vcto 08-01-20.xlsx</t>
  </si>
  <si>
    <t>6eb38c83-fce9-41af-a15b-9be10b963a75.tmp</t>
  </si>
  <si>
    <t>\\acsfs\profiles$\lorrainerdl\Downloads\6eb38c83-fce9-41af-a15b-9be10b963a75.tmp</t>
  </si>
  <si>
    <t>AMOSTRAS NÃO LOCALIZADAS.docx</t>
  </si>
  <si>
    <t>\\acsfs\Deptos\EDUCACAO EMPRESARIAL\KÉSIA\AMOSTRAS NÃO LOCALIZADAS.docx</t>
  </si>
  <si>
    <t>98f16cf3-496e-4a13-bb65-48ad3a1b6c78.tmp</t>
  </si>
  <si>
    <t>\\acsfs\profiles$\lorrainerdl\Downloads\98f16cf3-496e-4a13-bb65-48ad3a1b6c78.tmp</t>
  </si>
  <si>
    <t>10.200.67.150</t>
  </si>
  <si>
    <t>LETICIA LIMA ALVES (29718).contact</t>
  </si>
  <si>
    <t>\\acsfs\profiles$\leticiala\Contacts\LETICIA LIMA ALVES (29718).contact</t>
  </si>
  <si>
    <t>4c88048f-ac6f-40de-8adc-a03b8d95791b.tmp</t>
  </si>
  <si>
    <t>\\acsfs\profiles$\gabrielarb\Downloads\4c88048f-ac6f-40de-8adc-a03b8d95791b.tmp</t>
  </si>
  <si>
    <t>de5b4321-eea1-4290-9341-fac8f1d5aae1.tmp</t>
  </si>
  <si>
    <t>\\acsfs\profiles$\ALYNYA\Downloads\de5b4321-eea1-4290-9341-fac8f1d5aae1.tmp</t>
  </si>
  <si>
    <t>95770936-a83e-4f88-9a3f-7a7596ad6372.tmp</t>
  </si>
  <si>
    <t>\\acsfs\profiles$\lorraynevam\Downloads\95770936-a83e-4f88-9a3f-7a7596ad6372.tmp</t>
  </si>
  <si>
    <t>\\acsfs\Deptos\EDUCACAO EMPRESARIAL\KÉSIA\5B6C2B45.tmp\</t>
  </si>
  <si>
    <t>\\acsfs\Deptos\EDUCACAO EMPRESARIAL\KÉSIA\5B6C2B45.tmp\:Zone.Identifier:$DATA</t>
  </si>
  <si>
    <t>gubert.png</t>
  </si>
  <si>
    <t>\\acsfs\DEPTOS\Operacao\Banco_Votorantim\Qualidade\Anderson\Jose\Atualizado\gubert.png</t>
  </si>
  <si>
    <t>gubert2.png</t>
  </si>
  <si>
    <t>\\acsfs\DEPTOS\Operacao\Banco_Votorantim\Qualidade\Anderson\Jose\Atualizado\gubert2.png</t>
  </si>
  <si>
    <t>gubert 3.png</t>
  </si>
  <si>
    <t>\\acsfs\DEPTOS\Operacao\Banco_Votorantim\Qualidade\Anderson\Jose\Atualizado\gubert 3.png</t>
  </si>
  <si>
    <t>fc9de6b2-325f-4bb2-aeaa-68bb7d661d3c.tmp</t>
  </si>
  <si>
    <t>\\acsfs\profiles$\lorrainerdl\Downloads\fc9de6b2-325f-4bb2-aeaa-68bb7d661d3c.tmp</t>
  </si>
  <si>
    <t>31669528.tmp</t>
  </si>
  <si>
    <t>\\acsfs\ACS\Gabriel da Silva\Contemporânea\Acessos\31669528.tmp</t>
  </si>
  <si>
    <t>BA4222FF.tmp</t>
  </si>
  <si>
    <t>\\acsfs\ACS\Gabriel da Silva\Contemporânea\Acessos\BA4222FF.tmp</t>
  </si>
  <si>
    <t>60E51722.tmp</t>
  </si>
  <si>
    <t>\\acsfs\ACS\Gabriel da Silva\Contemporânea\Acessos\60E51722.tmp</t>
  </si>
  <si>
    <t>6a6bde25-8a79-4922-84ad-57cab189f858.tmp</t>
  </si>
  <si>
    <t>\\acsfs\profiles$\leticiala\Downloads\6a6bde25-8a79-4922-84ad-57cab189f858.tmp</t>
  </si>
  <si>
    <t>Não confirmado 16588.crdownload</t>
  </si>
  <si>
    <t>\\acsfs\profiles$\leticiala\Downloads\Não confirmado 16588.crdownload</t>
  </si>
  <si>
    <t>dacd8485-d54f-43b7-8b1d-6afbe32d3ac0.tmp</t>
  </si>
  <si>
    <t>\\acsfs\profiles$\leticiala\Downloads\dacd8485-d54f-43b7-8b1d-6afbe32d3ac0.tmp</t>
  </si>
  <si>
    <t>811f358e-8728-4aab-86d8-e26870d3cd88.tmp</t>
  </si>
  <si>
    <t>\\acsfs\profiles$\leticiala\Downloads\811f358e-8728-4aab-86d8-e26870d3cd88.tmp</t>
  </si>
  <si>
    <t>bf4440d6-13a9-47ce-b27e-8774e61eb830.tmp</t>
  </si>
  <si>
    <t>\\acsfs\profiles$\quindaizaagds\Downloads\bf4440d6-13a9-47ce-b27e-8774e61eb830.tmp</t>
  </si>
  <si>
    <t>bed30f2c-c770-4829-a828-99e6eea62d4b.tmp</t>
  </si>
  <si>
    <t>\\acsfs\profiles$\quindaizaagds\Downloads\bed30f2c-c770-4829-a828-99e6eea62d4b.tmp</t>
  </si>
  <si>
    <t>lu166683u8jdd.tmp</t>
  </si>
  <si>
    <t>\\acsfs\profiles$\ALEXANDREMM\lu166683u8jdd.tmp</t>
  </si>
  <si>
    <t>\\acsfs\profiles$\ALEXANDREMM\lu166683u8jdd.tmp\</t>
  </si>
  <si>
    <t>\\acsfs\profiles$\ALEXANDREMM\lu166683u8jdd.tmp\META-INF\</t>
  </si>
  <si>
    <t>\\acsfs\profiles$\ALEXANDREMM\lu166683u8jdd.tmp\Thumbnails\</t>
  </si>
  <si>
    <t>4b103a87-5716-4ec0-9e90-da38cdbd7655.tmp</t>
  </si>
  <si>
    <t>\\acsfs\profiles$\luanaagl\Downloads\4b103a87-5716-4ec0-9e90-da38cdbd7655.tmp</t>
  </si>
  <si>
    <t>a880b2f5-34c2-4531-8272-b4a8d98343b9.tmp</t>
  </si>
  <si>
    <t>\\acsfs\profiles$\luanaagl\Downloads\a880b2f5-34c2-4531-8272-b4a8d98343b9.tmp</t>
  </si>
  <si>
    <t>01c873c6-6230-4fa1-ae45-9e795c35a009.tmp</t>
  </si>
  <si>
    <t>\\acsfs\profiles$\valeriasda\Downloads\01c873c6-6230-4fa1-ae45-9e795c35a009.tmp</t>
  </si>
  <si>
    <t>321ab173-62a4-40e7-9f32-4f2c3e3eca69.tmp</t>
  </si>
  <si>
    <t>\\acsfs\profiles$\valeriasda\Downloads\321ab173-62a4-40e7-9f32-4f2c3e3eca69.tmp</t>
  </si>
  <si>
    <t>gubert4.png</t>
  </si>
  <si>
    <t>\\acsfs\DEPTOS\Operacao\Banco_Votorantim\Qualidade\Anderson\Jose\Atualizado\gubert4.png</t>
  </si>
  <si>
    <t>LUCAS GUBERT 06-01-20 CASO FERNANDA_1_6777333972263308192_1_32.wav</t>
  </si>
  <si>
    <t>\\acsfs\DEPTOS\EDUCACAO EMPRESARIAL\2 - Operações\0 - BV\5 - QUALIDADE\Nova pasta\jose\LUCAS GUBERT 06-01-20 CASO FERNANDA_1_6777333972263308192_1_32.wav</t>
  </si>
  <si>
    <t>a2837264-9600-4867-a5cc-229c1abbae23.tmp</t>
  </si>
  <si>
    <t>\\acsfs\profiles$\henriquehmdo\Downloads\a2837264-9600-4867-a5cc-229c1abbae23.tmp</t>
  </si>
  <si>
    <t>711beca2-676c-428d-b199-8bd9f31cb0ed.tmp</t>
  </si>
  <si>
    <t>\\acsfs\profiles$\wenderbnm\Downloads\711beca2-676c-428d-b199-8bd9f31cb0ed.tmp</t>
  </si>
  <si>
    <t>e6c10f53-29e6-4b3f-931c-49a06560a056.tmp</t>
  </si>
  <si>
    <t>\\acsfs\profiles$\ROZENCAM\Downloads\e6c10f53-29e6-4b3f-931c-49a06560a056.tmp</t>
  </si>
  <si>
    <t>0c267abb-1afc-4f00-9d75-786962bf83b8.tmp</t>
  </si>
  <si>
    <t>\\acsfs\profiles$\Flaviojmm\Downloads\0c267abb-1afc-4f00-9d75-786962bf83b8.tmp</t>
  </si>
  <si>
    <t>799586d4-4523-4bfc-a14c-386836134bcb.tmp</t>
  </si>
  <si>
    <t>\\acsfs\profiles$\gabrielsma\Downloads\799586d4-4523-4bfc-a14c-386836134bcb.tmp</t>
  </si>
  <si>
    <t>Não confirmado 374396.crdownload</t>
  </si>
  <si>
    <t>\\acsfs\ACS\Gabriel da Silva\Contemporânea\Gen\Não confirmado 374396.crdownload</t>
  </si>
  <si>
    <t>Farol NR-17 - 40ª Parcial 2019.xlsb:Zone.Identifier</t>
  </si>
  <si>
    <t>\\acsfs\ACS\Gabriel da Silva\Contemporânea\Gen\Farol NR-17 - 40ª Parcial 2019.xlsb:Zone.Identifier</t>
  </si>
  <si>
    <t>5c56be9f-82dd-4df5-a222-19a6d5c7ab5c.tmp</t>
  </si>
  <si>
    <t>\\acsfs\profiles$\rafaelahpn\Downloads\5c56be9f-82dd-4df5-a222-19a6d5c7ab5c.tmp</t>
  </si>
  <si>
    <t>66f1a185-e3a1-48f8-9ec5-cbd61bc7c139.tmp</t>
  </si>
  <si>
    <t>\\acsfs\profiles$\leticiala\Downloads\66f1a185-e3a1-48f8-9ec5-cbd61bc7c139.tmp</t>
  </si>
  <si>
    <t>e8e447fd-45f3-448e-9e4e-e6117d82f185.tmp</t>
  </si>
  <si>
    <t>\\acsfs\profiles$\leticiala\Downloads\e8e447fd-45f3-448e-9e4e-e6117d82f185.tmp</t>
  </si>
  <si>
    <t>835e60f5-bf41-4e36-87c5-08897190be85.tmp</t>
  </si>
  <si>
    <t>\\acsfs\profiles$\gabrielarb\Downloads\835e60f5-bf41-4e36-87c5-08897190be85.tmp</t>
  </si>
  <si>
    <t>\\acsfs\profiles$\CLAUDIAJCA\Reneg 18-12\</t>
  </si>
  <si>
    <t>.~lock.Contato Reneg Vencimento 08-01.ods#</t>
  </si>
  <si>
    <t>\\acsfs\profiles$\CLAUDIAJCA\Reneg 18-12\.~lock.Contato Reneg Vencimento 08-01.ods#</t>
  </si>
  <si>
    <t>lu2060117b3.tmp</t>
  </si>
  <si>
    <t>\\acsfs\profiles$\CLAUDIAJCA\Reneg 18-12\lu2060117b3.tmp</t>
  </si>
  <si>
    <t>\\acsfs\profiles$\CLAUDIAJCA\Reneg 18-12\lu2060117b3.tmp\</t>
  </si>
  <si>
    <t>\\acsfs\profiles$\CLAUDIAJCA\Reneg 18-12\lu2060117b3.tmp\META-INF\</t>
  </si>
  <si>
    <t>\\acsfs\profiles$\CLAUDIAJCA\Reneg 18-12\lu2060117b3.tmp\Thumbnails\</t>
  </si>
  <si>
    <t>820b5afd-3775-4608-9bac-ad96c77a4d2e.tmp</t>
  </si>
  <si>
    <t>\\acsfs\profiles$\maxmillianosv\Downloads\820b5afd-3775-4608-9bac-ad96c77a4d2e.tmp</t>
  </si>
  <si>
    <t>81a64415-4219-4143-8cea-1ac69616f2ca.tmp</t>
  </si>
  <si>
    <t>\\acsfs\profiles$\lorenabmc\Downloads\81a64415-4219-4143-8cea-1ac69616f2ca.tmp</t>
  </si>
  <si>
    <t>b79f7cde-d7e9-4097-85d4-945f95af1f9d.tmp</t>
  </si>
  <si>
    <t>\\acsfs\profiles$\mariagsg\Downloads\b79f7cde-d7e9-4097-85d4-945f95af1f9d.tmp</t>
  </si>
  <si>
    <t>c16ed838-b561-4a28-ac58-1f56dc01a70d.tmp</t>
  </si>
  <si>
    <t>\\acsfs\profiles$\henriquehmdo\Downloads\c16ed838-b561-4a28-ac58-1f56dc01a70d.tmp</t>
  </si>
  <si>
    <t>0db27df1-4fc7-43ad-a7d0-ed76546a48e5.tmp</t>
  </si>
  <si>
    <t>\\acsfs\profiles$\henriquehmdo\Downloads\0db27df1-4fc7-43ad-a7d0-ed76546a48e5.tmp</t>
  </si>
  <si>
    <t>~$Farol NR-17 - 40ª Parcial 2019.xlsb</t>
  </si>
  <si>
    <t>\\acsfs\ACS\Gabriel da Silva\Contemporânea\Gen\~$Farol NR-17 - 40ª Parcial 2019.xlsb</t>
  </si>
  <si>
    <t>82c60d42-7493-40ec-a68c-250cf5c724e2.tmp</t>
  </si>
  <si>
    <t>\\acsfs\profiles$\inarajst\Downloads\82c60d42-7493-40ec-a68c-250cf5c724e2.tmp</t>
  </si>
  <si>
    <t>\\acsfs\deptos\Operacao\PCP\5 - Comum\PLANEJAMENTO BV\14 - ACOMPANHAMENTO\Report whatsapp\</t>
  </si>
  <si>
    <t>\\acsfs\deptos\Operacao\PCP\5 - Comum\PLANEJAMENTO BV\14 - ACOMPANHAMENTO\Report whatsapp\Report WhatsApp - JANEIRO.xlsx</t>
  </si>
  <si>
    <t>03dd12db-7be7-4f1e-b98b-bbadc7f564ed.tmp</t>
  </si>
  <si>
    <t>\\acsfs\profiles$\adelvinsonle\Downloads\03dd12db-7be7-4f1e-b98b-bbadc7f564ed.tmp</t>
  </si>
  <si>
    <t>.~lock.Reneg Vcto 08-01 Flavio.ods#</t>
  </si>
  <si>
    <t>\\acsfs\profiles$\Flaviojmm\My Documents\.~lock.Reneg Vcto 08-01 Flavio.ods#</t>
  </si>
  <si>
    <t>lu97481503y.tmp</t>
  </si>
  <si>
    <t>\\acsfs\profiles$\Flaviojmm\My Documents\lu97481503y.tmp</t>
  </si>
  <si>
    <t>\\acsfs\profiles$\Flaviojmm\My Documents\lu97481503y.tmp\</t>
  </si>
  <si>
    <t>\\acsfs\profiles$\Flaviojmm\My Documents\lu97481503y.tmp\META-INF\</t>
  </si>
  <si>
    <t>\\acsfs\profiles$\Flaviojmm\My Documents\lu97481503y.tmp\Thumbnails\</t>
  </si>
  <si>
    <t>a1fb60ee-8752-4d9f-b610-5d228655a4da.tmp</t>
  </si>
  <si>
    <t>\\acsfs\profiles$\lorrainerdl\Downloads\a1fb60ee-8752-4d9f-b610-5d228655a4da.tmp</t>
  </si>
  <si>
    <t>f74b9e6b-50dc-4629-8701-e127fb6aa634.tmp</t>
  </si>
  <si>
    <t>\\acsfs\profiles$\lorrainerdl\Downloads\f74b9e6b-50dc-4629-8701-e127fb6aa634.tmp</t>
  </si>
  <si>
    <t>e1363ede-33d9-4169-9674-331e0785da22.tmp</t>
  </si>
  <si>
    <t>\\acsfs\profiles$\matheushds\Downloads\e1363ede-33d9-4169-9674-331e0785da22.tmp</t>
  </si>
  <si>
    <t>7dd50fb8-f9e1-44b8-9f3e-a35dd0920967.tmp</t>
  </si>
  <si>
    <t>\\acsfs\profiles$\gabrielarb\Downloads\7dd50fb8-f9e1-44b8-9f3e-a35dd0920967.tmp</t>
  </si>
  <si>
    <t>Laudo 02-01-2020 Caso Fernanda.docx</t>
  </si>
  <si>
    <t>\\acsfs\DEPTOS\Operacao\Banco_Votorantim\Qualidade\Anderson\Jose\Atualizado\Laudo 02-01-2020 Caso Fernanda.docx</t>
  </si>
  <si>
    <t>LUCAS SCRIPT.txt</t>
  </si>
  <si>
    <t>\\acsfs\DEPTOS\Operacao\Banco_Votorantim\Qualidade\Anderson\Jose\Atualizado\LUCAS SCRIPT.txt</t>
  </si>
  <si>
    <t>\\acsfs\DEPTOS\Operacao\Banco_Votorantim\Qualidade\</t>
  </si>
  <si>
    <t>\\acsfs\DEPTOS\Operacao\Banco_Votorantim\Qualidade\Thumbs.db</t>
  </si>
  <si>
    <t>c9836494-422d-4dd0-9d43-dcbc9200cb66.tmp</t>
  </si>
  <si>
    <t>\\acsfs\profiles$\nathaliarmr\Downloads\c9836494-422d-4dd0-9d43-dcbc9200cb66.tmp</t>
  </si>
  <si>
    <t>lu228442gowaj.tmp</t>
  </si>
  <si>
    <t>\\acsfs\profiles$\dhiulliananads\My Documents\lu228442gowaj.tmp</t>
  </si>
  <si>
    <t>\\acsfs\profiles$\dhiulliananads\My Documents\lu228442gowaj.tmp\</t>
  </si>
  <si>
    <t>\\acsfs\profiles$\dhiulliananads\My Documents\lu228442gowaj.tmp\META-INF\</t>
  </si>
  <si>
    <t>\\acsfs\profiles$\dhiulliananads\My Documents\lu228442gowaj.tmp\Thumbnails\</t>
  </si>
  <si>
    <t>~$xdocxValidacao_0601.xlsx</t>
  </si>
  <si>
    <t>\\acsfs\ACS\Gabriel da Silva\Contemporânea\Acessos\~$xdocxValidacao_0601.xlsx</t>
  </si>
  <si>
    <t>\\acsfs\ACS\Gabriel da Silva\Contemporânea\NPS\NPS_Voz\</t>
  </si>
  <si>
    <t>~$trataBaseVoz.xlsm</t>
  </si>
  <si>
    <t>\\acsfs\ACS\Gabriel da Silva\Contemporânea\NPS\NPS_Voz\~$trataBaseVoz.xlsm</t>
  </si>
  <si>
    <t>\\acsfs\profiles$\gabrielafs\Contacts\</t>
  </si>
  <si>
    <t>GABRIELA FERREIRA SILVA (22442).contact</t>
  </si>
  <si>
    <t>\\acsfs\profiles$\gabrielafs\Contacts\GABRIELA FERREIRA SILVA (22442).contact</t>
  </si>
  <si>
    <t>\\acsfs\profiles$\gabrielafs\My Documents\My Videos\</t>
  </si>
  <si>
    <t>\\acsfs\profiles$\gabrielafs\My Documents\My Videos\desktop.ini</t>
  </si>
  <si>
    <t>\\acsfs\profiles$\gabrielafs\My Documents\My Pictures\</t>
  </si>
  <si>
    <t>\\acsfs\profiles$\gabrielafs\My Documents\My Pictures\desktop.ini</t>
  </si>
  <si>
    <t>\\acsfs\profiles$\gabrielafs\Contacts\desktop.ini</t>
  </si>
  <si>
    <t>\\acsfs\profiles$\gabrielafs\Favorites\</t>
  </si>
  <si>
    <t>\\acsfs\profiles$\gabrielafs\Favorites\desktop.ini</t>
  </si>
  <si>
    <t>\\acsfs\profiles$\gabrielafs\My Documents\My Music\</t>
  </si>
  <si>
    <t>\\acsfs\profiles$\gabrielafs\My Documents\My Music\desktop.ini</t>
  </si>
  <si>
    <t>\\acsfs\profiles$\gabrielafs\Searches\</t>
  </si>
  <si>
    <t>\\acsfs\profiles$\gabrielafs\Searches\desktop.ini</t>
  </si>
  <si>
    <t>\\acsfs\profiles$\gabrielafs\Downloads\desktop.ini</t>
  </si>
  <si>
    <t>\\acsfs\profiles$\gabrielafs\My Documents\desktop.ini</t>
  </si>
  <si>
    <t>\\acsfs\profiles$\gabrielafs\Saved Games\</t>
  </si>
  <si>
    <t>\\acsfs\profiles$\gabrielafs\Saved Games\desktop.ini</t>
  </si>
  <si>
    <t>\\acsfs\profiles$\gabrielafs\Favorites\Links for Brasil\</t>
  </si>
  <si>
    <t>\\acsfs\profiles$\gabrielafs\Favorites\Links for Brasil\desktop.ini</t>
  </si>
  <si>
    <t>\\acsfs\profiles$\gabrielafs\Favorites\Links for Brasil\Microsoft Brasil.url</t>
  </si>
  <si>
    <t>\\acsfs\profiles$\gabrielafs\Favorites\Links for Brasil\Windows Brasil.url</t>
  </si>
  <si>
    <t>\\acsfs\profiles$\gabrielafs\Favorites\Links for Brasil\MSN Brasil.url</t>
  </si>
  <si>
    <t>lu11956u7mz.tmp</t>
  </si>
  <si>
    <t>\\acsfs\profiles$\VIVIANALDS\My Documents\lu11956u7mz.tmp</t>
  </si>
  <si>
    <t>\\acsfs\profiles$\VIVIANALDS\My Documents\lu11956u7mz.tmp\</t>
  </si>
  <si>
    <t>\\acsfs\profiles$\VIVIANALDS\My Documents\lu11956u7mz.tmp\META-INF\</t>
  </si>
  <si>
    <t>\\acsfs\profiles$\VIVIANALDS\My Documents\lu11956u7mz.tmp\Thumbnails\</t>
  </si>
  <si>
    <t>9889a556-8547-495e-be09-294f6d5c1030.tmp</t>
  </si>
  <si>
    <t>\\acsfs\profiles$\lorrainerdl\Downloads\9889a556-8547-495e-be09-294f6d5c1030.tmp</t>
  </si>
  <si>
    <t>mirianppb</t>
  </si>
  <si>
    <t>C:\Users\mirianppb\Downloads\</t>
  </si>
  <si>
    <t>image2020-01-06-104154.pdf</t>
  </si>
  <si>
    <t>\\acsfs\DEPTOS\EDUCACAO EMPRESARIAL\2 - Operações\0 - BV\.PROVAS E ARQUIVOS DE TREINAMENTO\Formação CDC Laylla 02-12\Listas de presença\image2020-01-06-104154.pdf</t>
  </si>
  <si>
    <t>\\acsfs\DEPTOS\EDUCACAO EMPRESARIAL\2 - Operações\0 - BV\.PROVAS E ARQUIVOS DE TREINAMENTO\Formação CDC Laylla 02-12\Listas de presença\image2020-01-06-104154.pdf\</t>
  </si>
  <si>
    <t>\\acsfs\DEPTOS\EDUCACAO EMPRESARIAL\2 - Operações\0 - BV\.PROVAS E ARQUIVOS DE TREINAMENTO\Formação CDC Laylla 02-12\Listas de presença\image2020-01-06-104154.pdf\:Zone.Identifier:$DATA</t>
  </si>
  <si>
    <t>ff8718a6-f0c1-45e0-974c-e90c8a1c3525.tmp</t>
  </si>
  <si>
    <t>\\acsfs\profiles$\gabrielarb\Downloads\ff8718a6-f0c1-45e0-974c-e90c8a1c3525.tmp</t>
  </si>
  <si>
    <t>64dd94a3-eee4-4ab4-9cd3-bfbbcdb57085.tmp</t>
  </si>
  <si>
    <t>\\acsfs\profiles$\gabrielafs\Downloads\64dd94a3-eee4-4ab4-9cd3-bfbbcdb57085.tmp</t>
  </si>
  <si>
    <t>fbbc5d06-a664-4642-bfc6-49550e7b1ea9.tmp</t>
  </si>
  <si>
    <t>\\acsfs\profiles$\gabrielafs\Downloads\fbbc5d06-a664-4642-bfc6-49550e7b1ea9.tmp</t>
  </si>
  <si>
    <t>5d03b91a-586c-46f3-952e-340c11eee8d5.tmp</t>
  </si>
  <si>
    <t>\\acsfs\profiles$\gabrielafs\Downloads\5d03b91a-586c-46f3-952e-340c11eee8d5.tmp</t>
  </si>
  <si>
    <t>0de5a574-4efc-46bc-82df-9d29a7ebfca4.tmp</t>
  </si>
  <si>
    <t>\\acsfs\profiles$\gabrielafs\Downloads\0de5a574-4efc-46bc-82df-9d29a7ebfca4.tmp</t>
  </si>
  <si>
    <t>0ffe434c-736d-4027-95bf-313c7e390146.tmp</t>
  </si>
  <si>
    <t>\\acsfs\profiles$\gabrielafs\Downloads\0ffe434c-736d-4027-95bf-313c7e390146.tmp</t>
  </si>
  <si>
    <t>e791887a-898a-42b2-a496-065f670a3f11.tmp</t>
  </si>
  <si>
    <t>\\acsfs\profiles$\luanaagl\Downloads\e791887a-898a-42b2-a496-065f670a3f11.tmp</t>
  </si>
  <si>
    <t>10.200.67.195</t>
  </si>
  <si>
    <t>74-86-7A-FB-1A-B8</t>
  </si>
  <si>
    <t>VOTORANT-MB004</t>
  </si>
  <si>
    <t>LEONARDO BORGES BARCELOS (39).contact</t>
  </si>
  <si>
    <t>\\acsfs\profiles$\leonardobb\Contacts\LEONARDO BORGES BARCELOS (39).contact</t>
  </si>
  <si>
    <t>\\acsfs\profiles$\leonardobb\My Documents\My Videos\</t>
  </si>
  <si>
    <t>\\acsfs\profiles$\leonardobb\My Documents\My Videos\desktop.ini</t>
  </si>
  <si>
    <t>\\acsfs\profiles$\leonardobb\My Documents\My Pictures\</t>
  </si>
  <si>
    <t>\\acsfs\profiles$\leonardobb\My Documents\My Pictures\desktop.ini</t>
  </si>
  <si>
    <t>\\acsfs\profiles$\leonardobb\Contacts\desktop.ini</t>
  </si>
  <si>
    <t>\\acsfs\profiles$\leonardobb\Favorites\</t>
  </si>
  <si>
    <t>\\acsfs\profiles$\leonardobb\Favorites\desktop.ini</t>
  </si>
  <si>
    <t>\\acsfs\profiles$\leonardobb\My Documents\My Music\</t>
  </si>
  <si>
    <t>\\acsfs\profiles$\leonardobb\My Documents\My Music\desktop.ini</t>
  </si>
  <si>
    <t>\\acsfs\profiles$\leonardobb\Searches\</t>
  </si>
  <si>
    <t>\\acsfs\profiles$\leonardobb\Searches\desktop.ini</t>
  </si>
  <si>
    <t>\\acsfs\profiles$\leonardobb\Downloads\desktop.ini</t>
  </si>
  <si>
    <t>\\acsfs\profiles$\leonardobb\My Documents\</t>
  </si>
  <si>
    <t>\\acsfs\profiles$\leonardobb\My Documents\desktop.ini</t>
  </si>
  <si>
    <t>\\acsfs\profiles$\leonardobb\Saved Games\</t>
  </si>
  <si>
    <t>\\acsfs\profiles$\leonardobb\Saved Games\desktop.ini</t>
  </si>
  <si>
    <t>\\acsfs\profiles$\leonardobb\Favorites\Links for Brasil\</t>
  </si>
  <si>
    <t>\\acsfs\profiles$\leonardobb\Favorites\Links for Brasil\desktop.ini</t>
  </si>
  <si>
    <t>\\acsfs\profiles$\leonardobb\Favorites\Links for Brasil\Microsoft Brasil.url</t>
  </si>
  <si>
    <t>\\acsfs\profiles$\leonardobb\Favorites\Links for Brasil\Windows Brasil.url</t>
  </si>
  <si>
    <t>\\acsfs\profiles$\leonardobb\Favorites\Links for Brasil\MSN Brasil.url</t>
  </si>
  <si>
    <t>2893F0A6.tmp</t>
  </si>
  <si>
    <t>\\acsfs\ACS\Gabriel da Silva\Contemporânea\2893F0A6.tmp</t>
  </si>
  <si>
    <t>96294F55.tmp</t>
  </si>
  <si>
    <t>\\acsfs\ACS\Gabriel da Silva\Contemporânea\96294F55.tmp</t>
  </si>
  <si>
    <t>D4B34130.tmp</t>
  </si>
  <si>
    <t>\\acsfs\ACS\Gabriel da Silva\Contemporânea\D4B34130.tmp</t>
  </si>
  <si>
    <t>lu261206l55rp.tmp</t>
  </si>
  <si>
    <t>\\acsfs\profiles$\CINTIADCF\lu261206l55rp.tmp</t>
  </si>
  <si>
    <t>\\acsfs\profiles$\CINTIADCF\lu261206l55rp.tmp\</t>
  </si>
  <si>
    <t>\\acsfs\profiles$\CINTIADCF\lu261206l55rp.tmp\META-INF\</t>
  </si>
  <si>
    <t>\\acsfs\profiles$\CINTIADCF\lu261206l55rp.tmp\Thumbnails\</t>
  </si>
  <si>
    <t>2179f0e6-2ed4-4cde-9913-f460fa279953.tmp</t>
  </si>
  <si>
    <t>\\acsfs\profiles$\gabrielafs\Downloads\2179f0e6-2ed4-4cde-9913-f460fa279953.tmp</t>
  </si>
  <si>
    <t>aaebbdbf-3fcb-4ef2-adde-8b90ec846bb8.tmp</t>
  </si>
  <si>
    <t>\\acsfs\profiles$\leonardobb\Downloads\aaebbdbf-3fcb-4ef2-adde-8b90ec846bb8.tmp</t>
  </si>
  <si>
    <t>d7019ae9-78d1-4312-a8c6-af42aeb75a96.tmp</t>
  </si>
  <si>
    <t>\\acsfs\profiles$\leonardobb\Downloads\d7019ae9-78d1-4312-a8c6-af42aeb75a96.tmp</t>
  </si>
  <si>
    <t>00ef6c3d-1e6f-4181-a48b-26bae96d4a89.tmp</t>
  </si>
  <si>
    <t>\\acsfs\profiles$\leonardobb\Downloads\00ef6c3d-1e6f-4181-a48b-26bae96d4a89.tmp</t>
  </si>
  <si>
    <t>e01b96ce-7516-43a7-a235-365eb35f15cb.tmp</t>
  </si>
  <si>
    <t>\\acsfs\profiles$\leonardobb\Downloads\e01b96ce-7516-43a7-a235-365eb35f15cb.tmp</t>
  </si>
  <si>
    <t>formulário - aviso de suspensão disciplinar falta valeria.doc</t>
  </si>
  <si>
    <t>formulário - aviso de 1ª advertência disciplinar falta em horas quind.doc</t>
  </si>
  <si>
    <t>4AE293A7.tmp</t>
  </si>
  <si>
    <t>\\acsfs\ACS\Gabriel da Silva\Contemporânea\4AE293A7.tmp</t>
  </si>
  <si>
    <t>CA9538EA.tmp</t>
  </si>
  <si>
    <t>\\acsfs\ACS\Gabriel da Silva\Contemporânea\CA9538EA.tmp</t>
  </si>
  <si>
    <t>~$Pesquisa_Satisfação_0101_0501.xlsx</t>
  </si>
  <si>
    <t>\\acsfs\ACS\Gabriel da Silva\Contemporânea\NPS\NPS_Voz\Janeiro.20\~$Pesquisa_Satisfação_0101_0501.xlsx</t>
  </si>
  <si>
    <t>image2020-01-06-104232 (1).pdf</t>
  </si>
  <si>
    <t>\\acsfs\DEPTOS\EDUCACAO EMPRESARIAL\2 - Operações\0 - BV\.PROVAS E ARQUIVOS DE TREINAMENTO\Formação CDC Laylla 02-12\Listas de presença\image2020-01-06-104232 (1).pdf</t>
  </si>
  <si>
    <t>\\acsfs\DEPTOS\EDUCACAO EMPRESARIAL\2 - Operações\0 - BV\.PROVAS E ARQUIVOS DE TREINAMENTO\Formação CDC Laylla 02-12\Listas de presença\image2020-01-06-104232 (1).pdf\</t>
  </si>
  <si>
    <t>\\acsfs\DEPTOS\EDUCACAO EMPRESARIAL\2 - Operações\0 - BV\.PROVAS E ARQUIVOS DE TREINAMENTO\Formação CDC Laylla 02-12\Listas de presença\image2020-01-06-104232 (1).pdf\:Zone.Identifier:$DATA</t>
  </si>
  <si>
    <t>6caaacd7-6e67-44f1-af97-f7e158f0c528.tmp</t>
  </si>
  <si>
    <t>\\acsfs\profiles$\luanaagl\Downloads\6caaacd7-6e67-44f1-af97-f7e158f0c528.tmp</t>
  </si>
  <si>
    <t>3be49569-2967-407c-a3f1-6fd374c80cf3.tmp</t>
  </si>
  <si>
    <t>\\acsfs\profiles$\maxmillianosv\Downloads\3be49569-2967-407c-a3f1-6fd374c80cf3.tmp</t>
  </si>
  <si>
    <t>http:///batch?%24ct=multipart%2Fmixed%3B%20boundary%3D%22%3D%3D%3D%3D%3Dzdajyqh3ok0j%3D%3D%3D%3D%3D%22&amp;key=AIzaSyAy9VVXHSpS2IJpptzYtGbLP3-3_l0aBk4</t>
  </si>
  <si>
    <t>http:///batch?%24ct=multipart%2Fmixed%3B%20boundary%3D%22%3D%3D%3D%3D%3Dr1vxppivpuk6%3D%3D%3D%3D%3D%22&amp;key=AIzaSyAy9VVXHSpS2IJpptzYtGbLP3-3_l0aBk4</t>
  </si>
  <si>
    <t>http:///batch?%24ct=multipart%2Fmixed%3B%20boundary%3D%22%3D%3D%3D%3D%3Dpzi6locqs0nv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;permission;permissionid;picture;picture�;rpermissions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,permission,permissionid,picture,picture�,rpermissions,thumbnailversion,workspaceids</t>
  </si>
  <si>
    <t>http:///batch?%24ct=multipart%2Fmixed%3B%20boundary%3D%22%3D%3D%3D%3D%3D8wfk84lgt5ub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http:///batch?%24ct=multipart%2Fmixed%3B%20boundary%3D%22%3D%3D%3D%3D%3Dybfq79xeck3e%3D%3D%3D%3D%3D%22&amp;key=AIzaSyAy9VVXHSpS2IJpptzYtGbLP3-3_l0aBk4</t>
  </si>
  <si>
    <t>http:///batch?%24ct=multipart%2Fmixed%3B%20boundary%3D%22%3D%3D%3D%3D%3Dti2fqd48o5ho%3D%3D%3D%3D%3D%22&amp;key=AIzaSyAy9VVXHSpS2IJpptzYtGbLP3-3_l0aBk4</t>
  </si>
  <si>
    <t>http:///batch?%24ct=multipart%2Fmixed%3B%20boundary%3D%22%3D%3D%3D%3D%3Dbfajcenjchzz%3D%3D%3D%3D%3D%22&amp;key=AIzaSyAy9VVXHSpS2IJpptzYtGbLP3-3_l0aBk4</t>
  </si>
  <si>
    <t>http:///batch?%24ct=multipart%2Fmixed%3B%20boundary%3D%22%3D%3D%3D%3D%3Da5ms5nbzz8t%3D%3D%3D%3D%3D%22&amp;key=AIzaSyAy9VVXHSpS2IJpptzYtGbLP3-3_l0aBk4</t>
  </si>
  <si>
    <t>http:///batch?%24ct=multipart%2Fmixed%3B%20boundary%3D%22%3D%3D%3D%3D%3D2hvh64gowjw9%3D%3D%3D%3D%3D%22&amp;key=AIzaSyAy9VVXHSpS2IJpptzYtGbLP3-3_l0aBk4</t>
  </si>
  <si>
    <t>http:///batch?%24ct=multipart%2Fmixed%3B%20boundary%3D%22%3D%3D%3D%3D%3Dmgl0lawfrmt4%3D%3D%3D%3D%3D%22&amp;key=AIzaSyAy9VVXHSpS2IJpptzYtGbLP3-3_l0aBk4</t>
  </si>
  <si>
    <t>"other�;0;0.441;0.697];0];12.38;12646.955000000162;12663.899999999558;12795.82499999924;12804.770000000644;12859.769999999116;12863.695000000007;12871.644999999262;12875.64999999995;12877.119999999195;12879.134999999224;12880.904999999984;12896.94000000054;235.04999999931897;258.42999999986205;281.0300000001007;284.7299999993993;29.727];3;33.627];39.64500000074622;39.98999999930675;40.979999999763095;41.77499999968859;45.51499999979569;52.59499999920081;59.74500000047556;71.67499999923166;8.861;["https://clients4.google.com/invalidation/lcs/client?service=appscommonstorage&amp;xpc=%7b%22cn%22%3a%227p89pjljnb%22%2c%22ppu%22%3a%22https%3a%2f%2fdrive.google.com%2frobots.txt%22%2c%22lpu%22%3a%22https%3a%2f%2fclients4.google.co;["https://drive.google.com/_/drive_fe/_/js/k=drive_fe.main.pt_br.jntnxbugcby.o/am=mbrqmmai_cx4iqam/d=0/ct=zgms/rs=afb8gszfd2loirz0m-naf3s_r6qqpftyjw/m=sy10p;cloudsearch;config;gapi_iframes;googleapis_client;https://blobcomments-pa.clients6.google.com/v1/metadata?docid=1r7tvfpep0xzzqfswos_wwj4ei</t>
  </si>
  <si>
    <t>http://"other�,0,0.441,0.697],0],12.38,12646.955000000162,12663.899999999558,12795.82499999924,12804.770000000644,12859.769999999116,12863.695000000007,12871.644999999262,12875.64999999995,12877.119999999195,12879.134999999224,12880.904999999984,12896.94000000054,235.04999999931897,258.42999999986205,281.0300000001007,284.7299999993993,29.727],3,33.627],39.64500000074622,39.98999999930675,40.979999999763095,41.77499999968859,45.51499999979569,52.59499999920081,59.74500000047556,71.67499999923166,8.861,["https://clients4.google.com/invalidation/lcs/client?service=appscommonstorage&amp;xpc=%7b%22cn%22%3a%227p89pjljnb%22%2c%22ppu%22%3a%22https%3a%2f%2fdrive.google.com%2frobots.txt%22%2c%22lpu%22%3a%22https%3a%2f%2fclients4.google.co,["https://drive.google.com/_/drive_fe/_/js/k=drive_fe.main.pt_br.jntnxbugcby.o/am=mbrqmmai_cx4iqam/d=0/ct=zgms/rs=afb8gszfd2loirz0m-naf3s_r6qqpftyjw/m=sy10p,cloudsearch,config,gapi_iframes,googleapis_client,https://blobcomments-pa.clients6.google.com/v1/metadata?docid=1r7tvfpep0xzzqfswos</t>
  </si>
  <si>
    <t>"other�;0;0.441;0.697];0]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135.08499999989;13158.214999999473;13337.059999999838;14;15;1578319680425000;1578319681228000;1];2.457;200];235.04999999931897;257.050000000163;258.42999999986205;2805;2805];281.0300000001007;284.7299999993993;29.727];293.24499999893305;3;310.27499999981956;33.627];39.64500000074622;39.98999999930675;40.979999999763095;41.77499999968859;45.51499999979569;52.59499999920081;571.8799999995099;59.74500000047556;6.178]]]];634.2900000017835;679.3300000008458;71.67499999923166;8;8.861;91025];91125;["https://clients4.google.com/invalidation/lcs/client?service=appscommonstorage&amp;xpc=%7b%22cn%22%3a%227p89pjljnb%22%2c%22ppu%22%3a%22https%3a%2f%2fdrive.google.com%2frobots.txt%22%2c%22lpu%22%3a%22https</t>
  </si>
  <si>
    <t>http://"other�,0,0.441,0.697],0]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135.08499999989,13158.214999999473,13337.059999999838,14,15,1578319680425000,1578319681228000,1],2.457,200],235.04999999931897,257.050000000163,258.42999999986205,2805,2805],281.0300000001007,284.7299999993993,29.727],293.24499999893305,3,310.27499999981956,33.627],39.64500000074622,39.98999999930675,40.979999999763095,41.77499999968859,45.51499999979569,52.59499999920081,571.8799999995099,59.74500000047556,6.178]]]],634.2900000017835,679.3300000008458,71.67499999923166,8,8.861,91025],91125,["https://clients4.google.com/invalidation/lcs/client?service=appscommonstorage&amp;xpc=%7b%22cn%22%3a%227p89pjljnb%22%2c%22ppu%22%3a%22https%3a%2f%2fdrive.google.com%2frobots.txt%22%2c%22lpu%22%3a%</t>
  </si>
  <si>
    <t>"mozilla/5.0 (windows nt 6.1; win64; x64) applewebkit/537.36 (khtml;"other�;0;0.441;0.697];0];1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135.08499999989;13158.214999999473;13337.059999999838;13700109;13700185;13700563;13700883;13700951;13701139;13701214;13701239;13701298;13701422;13701450;13701458;13701486;13701537;13701577;13701609;13701621;13701633;13701657;13701710;13701749;13701833;13701901;13701906;13701909;1370192;13701957;13701969;13702064;13702068;14;15;1578319666143000;1578319666241424:171408646:1610792476;1578319668695000;1578319680425000;1578319681228000;1578319706968000;1578319706973000;1578319707045000;16;17;18;1];1v3nyr6za0fnwstn3ovgubemdlt5mcwbp;2.457;200];235.04999999931897;257.050000000163;258.42999999986205;2805;2805];281.03000000010</t>
  </si>
  <si>
    <t>http://"mozilla/5.0 (windows nt 6.1; win64; x64) applewebkit/537.36 (khtml,"other�,0,0.441,0.697],0],1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135.08499999989,13158.214999999473,13337.059999999838,13700109,13700185,13700563,13700883,13700951,13701139,13701214,13701239,13701298,13701422,13701450,13701458,13701486,13701537,13701577,13701609,13701621,13701633,13701657,13701710,13701749,13701833,13701901,13701906,13701909,1370192,13701957,13701969,13702064,13702068,14,15,1578319666143000,1578319666241424:171408646:1610792476,1578319668695000,1578319680425000,1578319681228000,1578319706968000,1578319706973000,1578319707045000,16,17,18,1],1v3nyr6za0fnwstn3ovgubemdlt5mcwbp,2.457,200],235.04999999931897,257.050000000163,258.42999999986205,2805,2805],281.0300</t>
  </si>
  <si>
    <t>"mozilla/5.0 (windows nt 6.1; win64; x64) applewebkit/537.36 (khtml;"other�;0;0.441;0.697];0];1;12.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135.08499999989;13158.214999999473;13337.059999999838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906;13701909;1370192;13701921;13701953;13701957;13701969;13702064;13702068;14;15;1578319666143000;1578319666241424:171408646:1610792476;1578319668695000;15</t>
  </si>
  <si>
    <t>http://"mozilla/5.0 (windows nt 6.1; win64; x64) applewebkit/537.36 (khtml,"other�,0,0.441,0.697],0],1,12.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135.08499999989,13158.214999999473,13337.059999999838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1,13701906,13701909,1370192,13701921,13701953,13701957,13701969,13702064,13702068,14,15,1578319666143000,1578319666241424:171408646:1610792476,157831966869</t>
  </si>
  <si>
    <t>http:///batch?%24ct=multipart%2Fmixed%3B%20boundary%3D%22%3D%3D%3D%3D%3D6gts3f3w6uyd%3D%3D%3D%3D%3D%22&amp;key=AIzaSyAy9VVXHSpS2IJpptzYtGbLP3-3_l0aBk4</t>
  </si>
  <si>
    <t>http:///batch?%24ct=multipart%2Fmixed%3B%20boundary%3D%22%3D%3D%3D%3D%3Dhfrmihfdiw1%3D%3D%3D%3D%3D%22&amp;key=AIzaSyAy9VVXHSpS2IJpptzYtGbLP3-3_l0aBk4</t>
  </si>
  <si>
    <t>http:///batch?%24ct=multipart%2Fmixed%3B%20boundary%3D%22%3D%3D%3D%3D%3Da58cldf3top9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9===== content-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9===== content-,per,permissionid,picture,shared,sharedwithmedate,thumbnailversion,title,userpermission(role),workspaceids</t>
  </si>
  <si>
    <t>http:///batch?%24ct=multipart%2Fmixed%3B%20boundary%3D%22%3D%3D%3D%3D%3Dgyhokf5e2d8s%3D%3D%3D%3D%3D%22&amp;key=AIzaSyAy9VVXHSpS2IJpptzYtGbLP3-3_l0aBk4</t>
  </si>
  <si>
    <t>http:///batch?%24ct=multipart%2Fmixed%3B%20boundary%3D%22%3D%3D%3D%3D%3D2uz3cuqtcd5i%3D%3D%3D%3D%3D%22&amp;key=AIzaSyAy9VVXHSpS2IJpptzYtGbLP3-3_l0aBk4</t>
  </si>
  <si>
    <t>http:///batch?%24ct=multipart%2Fmixed%3B%20boundary%3D%22%3D%3D%3D%3D%3Do3l572a78069%3D%3D%3D%3D%3D%22&amp;key=AIzaSyAy9VVXHSpS2IJpptzYtGbLP3-3_l0aBk4</t>
  </si>
  <si>
    <t>3feadccd-f3a4-4611-8482-ac4a487a0e53.tmp</t>
  </si>
  <si>
    <t>\\acsfs\profiles$\vivianalds\Downloads\3feadccd-f3a4-4611-8482-ac4a487a0e53.tmp</t>
  </si>
  <si>
    <t>0317847f-250a-4e7b-9203-38a07c083d50.tmp</t>
  </si>
  <si>
    <t>\\acsfs\profiles$\vivianalds\Downloads\0317847f-250a-4e7b-9203-38a07c083d50.tmp</t>
  </si>
  <si>
    <t>57701558-663f-4f41-b18a-cdff71f352c2.tmp</t>
  </si>
  <si>
    <t>\\acsfs\profiles$\vivianalds\Downloads\57701558-663f-4f41-b18a-cdff71f352c2.tmp</t>
  </si>
  <si>
    <t>4c9ce034-bb5b-45a7-8e35-8bfa86635b96.tmp</t>
  </si>
  <si>
    <t>\\acsfs\profiles$\leonardobb\Downloads\4c9ce034-bb5b-45a7-8e35-8bfa86635b96.tmp</t>
  </si>
  <si>
    <t>andrelps@algartech.com;eliane.martins@bv.com.br;elianegr@bv.algartech.com;lilianls@algartech.com;qualidadealgarbv@algartech.com;robsonams@algartech.com;talmaiardo@algartech.com;</t>
  </si>
  <si>
    <t>andrelps@algartech.com,eliane.martins@bv.com.br,elianegr@bv.algartech.com,lilianls@algartech.com,qualidadealgarbv@algartech.com,robsonams@algartech.com,talmaiardo@algartech.com</t>
  </si>
  <si>
    <t>4C152FD6.tmp</t>
  </si>
  <si>
    <t>\\acsfs\ACS\Gabriel da Silva\Contemporânea\4C152FD6.tmp</t>
  </si>
  <si>
    <t>99007fb1-a131-4ba6-835d-8330a4f41d3d.tmp</t>
  </si>
  <si>
    <t>\\acsfs\profiles$\paulovadc\Downloads\99007fb1-a131-4ba6-835d-8330a4f41d3d.tmp</t>
  </si>
  <si>
    <t>lu261206l55rs.tmp</t>
  </si>
  <si>
    <t>\\acsfs\profiles$\CINTIADCF\lu261206l55rs.tmp</t>
  </si>
  <si>
    <t>\\acsfs\profiles$\CINTIADCF\lu261206l55rs.tmp\</t>
  </si>
  <si>
    <t>\\acsfs\profiles$\CINTIADCF\lu261206l55rs.tmp\META-INF\</t>
  </si>
  <si>
    <t>\\acsfs\profiles$\CINTIADCF\lu261206l55rs.tmp\Thumbnails\</t>
  </si>
  <si>
    <t>be1c8d8c-bb64-4e8b-bf95-232a13a17591.tmp</t>
  </si>
  <si>
    <t>\\acsfs\profiles$\gabrielafs\Downloads\be1c8d8c-bb64-4e8b-bf95-232a13a17591.tmp</t>
  </si>
  <si>
    <t>439f09dc-c2a5-4d02-8758-e98b85a0ba1b.tmp</t>
  </si>
  <si>
    <t>\\acsfs\profiles$\mariagsg\Downloads\439f09dc-c2a5-4d02-8758-e98b85a0ba1b.tmp</t>
  </si>
  <si>
    <t>http:///batch?%24ct=multipart%2Fmixed%3B%20boundary%3D%22%3D%3D%3D%3D%3Dvnpe1qf8n8m5%3D%3D%3D%3D%3D%22&amp;key=AIzaSyAy9VVXHSpS2IJpptzYtGbLP3-3_l0aBk4</t>
  </si>
  <si>
    <t>http:///batch?%24ct=multipart%2Fmixed%3B%20boundary%3D%22%3D%3D%3D%3D%3D4zc198mywx7o%3D%3D%3D%3D%3D%22&amp;key=AIzaSyAy9VVXHSpS2IJpptzYtGbLP3-3_l0aBk4</t>
  </si>
  <si>
    <t>http:///batch?%24ct=multipart%2Fmixed%3B%20boundary%3D%22%3D%3D%3D%3D%3Dzfnudrlef09%3D%3D%3D%3D%3D%22&amp;key=AIzaSyAy9VVXHSpS2IJpptzYtGbLP3-3_l0aBk4</t>
  </si>
  <si>
    <t>http:///batch?%24ct=multipart%2Fmixed%3B%20boundary%3D%22%3D%3D%3D%3D%3Dnm2nt3tphvpf%3D%3D%3D%3D%3D%22&amp;key=AIzaSyAy9VVXHSpS2IJpptzYtGbLP3-3_l0aBk4</t>
  </si>
  <si>
    <t>http:///batch?%24ct=multipart%2Fmixed%3B%20boundary%3D%22%3D%3D%3D%3D%3Dsw517ejvn8xn%3D%3D%3D%3D%3D%22&amp;key=AIzaSyAy9VVXHSpS2IJpptzYtGbLP3-3_l0aBk4</t>
  </si>
  <si>
    <t>http:///batch?%24ct=multipart%2Fmixed%3B%20boundary%3D%22%3D%3D%3D%3D%3Dohcp3t9p3cip%3D%3D%3D%3D%3D%22&amp;key=AIzaSyAy9VVXHSpS2IJpptzYtGbLP3-3_l0aBk4</t>
  </si>
  <si>
    <t>http:///batch?%24ct=multipart%2Fmixed%3B%20boundary%3D%22%3D%3D%3D%3D%3Dc2wamopu8uuy%3D%3D%3D%3D%3D%22&amp;key=AIzaSyAy9VVXHSpS2IJpptzYtGbLP3-3_l0aBk4</t>
  </si>
  <si>
    <t>http:///batch?%24ct=multipart%2Fmixed%3B%20boundary%3D%22%3D%3D%3D%3D%3Degdvmj1n34y3%3D%3D%3D%3D%3D%22&amp;key=AIzaSyAy9VVXHSpS2IJpptzYtGbLP3-3_l0aBk4</t>
  </si>
  <si>
    <t>http:///batch?%24ct=multipart%2Fmixed%3B%20boundary%3D%22%3D%3D%3D%3D%3D1346mq3qt2xr%3D%3D%3D%3D%3D%22&amp;key=AIzaSyAy9VVXHSpS2IJpptzYtGbLP3-3_l0aBk4</t>
  </si>
  <si>
    <t>http:///batch?%24ct=multipart%2Fmixed%3B%20boundary%3D%22%3D%3D%3D%3D%3D4d196fk2kpl9%3D%3D%3D%3D%3D%22&amp;key=AIzaSyAy9VVXHSpS2IJpptzYtGbLP3-3_l0aBk4</t>
  </si>
  <si>
    <t>http:///batch?%24ct=multipart%2Fmixed%3B%20boundary%3D%22%3D%3D%3D%3D%3De48jrw56zizg%3D%3D%3D%3D%3D%22&amp;key=AIzaSyAy9VVXHSpS2IJpptzYtGbLP3-3_l0aBk4</t>
  </si>
  <si>
    <t>http:///batch?%24ct=multipart%2Fmixed%3B%20boundary%3D%22%3D%3D%3D%3D%3Dfrrf0nqyutau%3D%3D%3D%3D%3D%22&amp;key=AIzaSyAy9VVXHSpS2IJpptzYtGbLP3-3_l0aBk4</t>
  </si>
  <si>
    <t>http:///batch?%24ct=multipart%2Fmixed%3B%20boundary%3D%22%3D%3D%3D%3D%3Df2ux495jkh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9===== content-;per;permissionid;picture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9===== content-,per,permissionid,picture,shared,sharedwithmedate,thumbnailversion,title,userpermission(role),userpermission(role)�,workspaceids</t>
  </si>
  <si>
    <t>http:///batch?%24ct=multipart%2Fmixed%3B%20boundary%3D%22%3D%3D%3D%3D%3Dfipclqii3kvq%3D%3D%3D%3D%3D%22&amp;key=AIzaSyAy9VVXHSpS2IJpptzYtGbLP3-3_l0aBk4</t>
  </si>
  <si>
    <t>http:///batch?%24ct=multipart%2Fmixed%3B%20boundary%3D%22%3D%3D%3D%3D%3D95p74uiy74u0%3D%3D%3D%3D%3D%22&amp;key=AIzaSyAy9VVXHSpS2IJpptzYtGbLP3-3_l0aBk4</t>
  </si>
  <si>
    <t>http:///batch?%24ct=multipart%2Fmixed%3B%20boundary%3D%22%3D%3D%3D%3D%3Dew3l1zrn6hq5%3D%3D%3D%3D%3D%22&amp;key=AIzaSyAy9VVXHSpS2IJpptzYtGbLP3-3_l0aBk4</t>
  </si>
  <si>
    <t>http:///batch?%24ct=multipart%2Fmixed%3B%20boundary%3D%22%3D%3D%3D%3D%3D8gw78sxow9iv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9===== content-;per;permission;permissionid;picture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9===== content-,per,permission,permissionid,picture,shared,sharedwithmedate,thumbnailversion,title,userpermission(role),userpermission(role)�,workspaceids</t>
  </si>
  <si>
    <t>http:///batch?%24ct=multipart%2Fmixed%3B%20boundary%3D%22%3D%3D%3D%3D%3D4rg0jpgsywsm%3D%3D%3D%3D%3D%22&amp;key=AIzaSyAy9VVXHSpS2IJpptzYtGbLP3-3_l0aBk4</t>
  </si>
  <si>
    <t>http:///batch?%24ct=multipart%2Fmixed%3B%20boundary%3D%22%3D%3D%3D%3D%3Dqgujkf2f9784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9===== content-;per;permiss;permission;permissionid;picture;rpermissions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9===== content-,per,permiss,permission,permissionid,picture,rpermissions,shared,sharedwithmedate,thumbnailversion,title,userpermission(role),userpermission(role)�,workspaceids</t>
  </si>
  <si>
    <t>http:///batch?%24ct=multipart%2Fmixed%3B%20boundary%3D%22%3D%3D%3D%3D%3Ds9b0htf2ht3w%3D%3D%3D%3D%3D%22&amp;key=AIzaSyAy9VVXHSpS2IJpptzYtGbLP3-3_l0aBk4</t>
  </si>
  <si>
    <t>http:///batch?%24ct=multipart%2Fmixed%3B%20boundary%3D%22%3D%3D%3D%3D%3D8fkdpphp2k3e%3D%3D%3D%3D%3D%22&amp;key=AIzaSyAy9VVXHSpS2IJpptzYtGbLP3-3_l0aBk4</t>
  </si>
  <si>
    <t>http:///batch?%24ct=multipart%2Fmixed%3B%20boundary%3D%22%3D%3D%3D%3D%3D85tacvv4s6uq%3D%3D%3D%3D%3D%22&amp;key=AIzaSyAy9VVXHSpS2IJpptzYtGbLP3-3_l0aBk4</t>
  </si>
  <si>
    <t>http:///batch?%24ct=multipart%2Fmixed%3B%20boundary%3D%22%3D%3D%3D%3D%3Dsr45432p1n56%3D%3D%3D%3D%3D%22&amp;key=AIzaSyAy9VVXHSpS2IJpptzYtGbLP3-3_l0aBk4</t>
  </si>
  <si>
    <t>http:///batch?%24ct=multipart%2Fmixed%3B%20boundary%3D%22%3D%3D%3D%3D%3Dqwm0vfwubrxy%3D%3D%3D%3D%3D%22&amp;key=AIzaSyAy9VVXHSpS2IJpptzYtGbLP3-3_l0aBk4</t>
  </si>
  <si>
    <t>"mozilla/5.0 (windows nt 6.1; win64; x64) applewebkit/537.36 (khtml;"other�;0;0.441;0.491;0.491];0.668;0.697];0];1;1149.8400000000402;12.38;12.854]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.636;130.87499999892316;13135.08499999989;13158.214999999473;13337.059999999838;137.141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906;13701909;1370192;13701921;13701953;13701957;13701969;13702064;13702068;</t>
  </si>
  <si>
    <t>http://"mozilla/5.0 (windows nt 6.1; win64; x64) applewebkit/537.36 (khtml,"other�,0,0.441,0.491,0.491],0.668,0.697],0],1,1149.8400000000402,12.38,12.854]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.636,130.87499999892316,13135.08499999989,13158.214999999473,13337.059999999838,137.141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1,13701906,13701909,1370192,13701921,13701953,13701957,13701969,13702064,13</t>
  </si>
  <si>
    <t>"mozilla/5.0 (windows nt 6.1; win64; x64) applewebkit/537.36 (khtml;"other�;0;0.441;0.491;0.491];0.668;0.697];0];1;1149.8400000000402;1171.700000000783;1179.9300000002404;12.38;12.854];1200.2699999993638;12646.955000000162;12663.899999999558;12795.82499999924;12804.770000000644;1280];1280]];12833.709999998973;12840.7100000004;12859.769999999116;12863.695000000007;12871.644999999262;12875.64999999995;12877.119999999195;12879.134999999224;12880.904999999984;12895.725000000311;12896.94000000054;13;13.636;130.87499999892316;13135.08499999989;13158.214999999473;13337.059999999838;1336.3499999995838;137.141;13700109;13700167;13700185;13700235;13700451;13700563;13700607;13700883;13700946;13700951;13700982]];13700982]]];13701078;13701139;13701207;13701214;13701235;13701239;13701262;13701298;13701418;13701422;13701450;13701458;13701486;13701506;13701510;13701534;13701537;13701573;13701577;13701589;13701609;13701614;13701621;13701625;13701633;13701653;13701657;13701693;13701710;13701749;13701825;13701833;13701901;13701</t>
  </si>
  <si>
    <t>http://"mozilla/5.0 (windows nt 6.1; win64; x64) applewebkit/537.36 (khtml,"other�,0,0.441,0.491,0.491],0.668,0.697],0],1,1149.8400000000402,1171.700000000783,1179.9300000002404,12.38,12.854],1200.2699999993638,12646.955000000162,12663.899999999558,12795.82499999924,12804.770000000644,1280],1280]],12833.709999998973,12840.7100000004,12859.769999999116,12863.695000000007,12871.644999999262,12875.64999999995,12877.119999999195,12879.134999999224,12880.904999999984,12895.725000000311,12896.94000000054,13,13.636,130.87499999892316,13135.08499999989,13158.214999999473,13337.059999999838,1336.3499999995838,137.141,13700109,13700167,13700185,13700235,13700451,13700563,13700607,13700883,13700946,13700951,13700982]],13700982]]],13701078,13701139,13701207,13701214,13701235,13701239,13701262,13701298,13701418,13701422,13701450,13701458,13701486,13701506,13701510,13701534,13701537,13701573,13701577,13701589,13701609,13701614,13701621,13701625,13701633,13701653,13701657,13701693,13701710,13701749,13701825,13701833,1370190</t>
  </si>
  <si>
    <t>http:///batch?%24ct=multipart%2Fmixed%3B%20boundary%3D%22%3D%3D%3D%3D%3D1tcwcwaihjq0%3D%3D%3D%3D%3D%22&amp;key=AIzaSyAy9VVXHSpS2IJpptzYtGbLP3-3_l0aBk4</t>
  </si>
  <si>
    <t>http:///batch?%24ct=multipart%2Fmixed%3B%20boundary%3D%22%3D%3D%3D%3D%3D6n8psvqj8q4b%3D%3D%3D%3D%3D%22&amp;key=AIzaSyAy9VVXHSpS2IJpptzYtGbLP3-3_l0aBk4</t>
  </si>
  <si>
    <t>http:///batch?%24ct=multipart%2Fmixed%3B%20boundary%3D%22%3D%3D%3D%3D%3Dxmc61g3pga6b%3D%3D%3D%3D%3D%22&amp;key=AIzaSyAy9VVXHSpS2IJpptzYtGbLP3-3_l0aBk4</t>
  </si>
  <si>
    <t>ancestorhasaugmentedpermissions;bdd8fd6bf75961a358e1830286_u x-goog-authuser: 0 --=====xmc61g3pga6b=====-- 99�Ωg�5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bdd8fd6bf75961a358e1830286_u x-goog-authuser: 0 --=====xmc61g3pga6b=====-- 99�Ωg�5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hn0lzvyrtlqs%3D%3D%3D%3D%3D%22&amp;key=AIzaSyAy9VVXHSpS2IJpptzYtGbLP3-3_l0aBk4</t>
  </si>
  <si>
    <t>http:///batch?%24ct=multipart%2Fmixed%3B%20boundary%3D%22%3D%3D%3D%3D%3D4l35epqi0w4%3D%3D%3D%3D%3D%22&amp;key=AIzaSyAy9VVXHSpS2IJpptzYtGbLP3-3_l0aBk4</t>
  </si>
  <si>
    <t>http:///batch?%24ct=multipart%2Fmixed%3B%20boundary%3D%22%3D%3D%3D%3D%3Dk3o4eayu6z9t%3D%3D%3D%3D%3D%22&amp;key=AIzaSyAy9VVXHSpS2IJpptzYtGbLP3-3_l0aBk4</t>
  </si>
  <si>
    <t>6b78a288-fd0b-44a5-aad0-860cc0baff1e.tmp</t>
  </si>
  <si>
    <t>\\acsfs\profiles$\vivianalds\Downloads\6b78a288-fd0b-44a5-aad0-860cc0baff1e.tmp</t>
  </si>
  <si>
    <t>e2d6dfe2-da4e-4a57-8f0c-d5bc313d06d5.tmp</t>
  </si>
  <si>
    <t>\\acsfs\profiles$\luanaagl\Downloads\e2d6dfe2-da4e-4a57-8f0c-d5bc313d06d5.tmp</t>
  </si>
  <si>
    <t>06c9dd96-b0f4-4244-954a-6696543b60a1.tmp</t>
  </si>
  <si>
    <t>\\acsfs\profiles$\luanaagl\Downloads\06c9dd96-b0f4-4244-954a-6696543b60a1.tmp</t>
  </si>
  <si>
    <t>6bc55e65-27d4-46c2-bab5-56fd1ee59988.tmp</t>
  </si>
  <si>
    <t>\\acsfs\profiles$\matheushds\Downloads\6bc55e65-27d4-46c2-bab5-56fd1ee59988.tmp</t>
  </si>
  <si>
    <t>82fbd27a-90a9-4da7-8bc3-b441b8d6c2d1.tmp</t>
  </si>
  <si>
    <t>\\acsfs\profiles$\inarajst\Downloads\82fbd27a-90a9-4da7-8bc3-b441b8d6c2d1.tmp</t>
  </si>
  <si>
    <t>http:///batch?%24ct=multipart%2Fmixed%3B%20boundary%3D%22%3D%3D%3D%3D%3Dtmxgn88mc130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srkxnowkfiouoreruerkwhewsc47flhcofjsrtukf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srkxnowkfiouoreruerkwhewsc47flhcofjsrtukf,thumbnailversion,title,userpermission(role),workspaceids</t>
  </si>
  <si>
    <t>http:///batch?%24ct=multipart%2Fmixed%3B%20boundary%3D%22%3D%3D%3D%3D%3D8zwx25my7fdh%3D%3D%3D%3D%3D%22&amp;key=AIzaSyAy9VVXHSpS2IJpptzYtGbLP3-3_l0aBk4</t>
  </si>
  <si>
    <t>http:///batch?%24ct=multipart%2Fmixed%3B%20boundary%3D%22%3D%3D%3D%3D%3Drdlec6b9ujgn%3D%3D%3D%3D%3D%22&amp;key=AIzaSyAy9VVXHSpS2IJpptzYtGbLP3-3_l0aBk4</t>
  </si>
  <si>
    <t>5e618a4c-e359-48c2-b801-f13e16619588.tmp</t>
  </si>
  <si>
    <t>\\acsfs\profiles$\luanaagl\Downloads\5e618a4c-e359-48c2-b801-f13e16619588.tmp</t>
  </si>
  <si>
    <t>045227fe-8b34-41b3-9de6-a04ec694e4e2.tmp</t>
  </si>
  <si>
    <t>\\acsfs\profiles$\luanaagl\Downloads\045227fe-8b34-41b3-9de6-a04ec694e4e2.tmp</t>
  </si>
  <si>
    <t>0bb5c1af-bf93-4ac4-bf40-e6aa573b8155.tmp</t>
  </si>
  <si>
    <t>\\acsfs\profiles$\luanaagl\Downloads\0bb5c1af-bf93-4ac4-bf40-e6aa573b8155.tmp</t>
  </si>
  <si>
    <t>lu97481504f.tmp</t>
  </si>
  <si>
    <t>\\acsfs\profiles$\Flaviojmm\My Documents\lu97481504f.tmp</t>
  </si>
  <si>
    <t>\\acsfs\profiles$\Flaviojmm\My Documents\lu97481504f.tmp\</t>
  </si>
  <si>
    <t>\\acsfs\profiles$\Flaviojmm\My Documents\lu97481504f.tmp\META-INF\</t>
  </si>
  <si>
    <t>\\acsfs\profiles$\Flaviojmm\My Documents\lu97481504f.tmp\Thumbnails\</t>
  </si>
  <si>
    <t>2f654322-237e-4ed2-9920-bb8369e24a97.tmp</t>
  </si>
  <si>
    <t>\\acsfs\profiles$\lorrainerdl\Downloads\2f654322-237e-4ed2-9920-bb8369e24a97.tmp</t>
  </si>
  <si>
    <t>218AF645.tmp</t>
  </si>
  <si>
    <t>\\acsfs\ACS\Gabriel da Silva\Contemporânea\218AF645.tmp</t>
  </si>
  <si>
    <t>http:///batch?%24ct=multipart%2Fmixed%3B%20boundary%3D%22%3D%3D%3D%3D%3Djig8z32xtuel%3D%3D%3D%3D%3D%22&amp;key=AIzaSyAy9VVXHSpS2IJpptzYtGbLP3-3_l0aBk4</t>
  </si>
  <si>
    <t>http:///batch?%24ct=multipart%2Fmixed%3B%20boundary%3D%22%3D%3D%3D%3D%3Ddpixot1bqsy3%3D%3D%3D%3D%3D%22&amp;key=AIzaSyAy9VVXHSpS2IJpptzYtGbLP3-3_l0aBk4</t>
  </si>
  <si>
    <t>http:///batch?%24ct=multipart%2Fmixed%3B%20boundary%3D%22%3D%3D%3D%3D%3Dl5zi11cfnwr5%3D%3D%3D%3D%3D%22&amp;key=AIzaSyAy9VVXHSpS2IJpptzYtGbLP3-3_l0aBk4</t>
  </si>
  <si>
    <t>http:///batch?%24ct=multipart%2Fmixed%3B%20boundary%3D%22%3D%3D%3D%3D%3Ds5o7g7tfi7jj%3D%3D%3D%3D%3D%22&amp;key=AIzaSyAy9VVXHSpS2IJpptzYtGbLP3-3_l0aBk4</t>
  </si>
  <si>
    <t>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re;quotabytesused;shar;shareable;shared;sharedwithmedate;subscribe;thumbnailversion;title;userpermission(role);workspaceids;</t>
  </si>
  <si>
    <t>http://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,shareable,shared,sharedwithmedate,subscribe,thumbnailversion,title,userpermission(role),workspaceids</t>
  </si>
  <si>
    <t>KIT_PRE_DESLIG_PEDIDO_DEMISSAO_INDENIZADO_98786_MICHELE RODRIGUES DE SOUSA.pdf</t>
  </si>
  <si>
    <t>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,shareable,shared,sharedwithmedate,subscribe,thumbnailversion,title,userpermission(role),workspaceids</t>
  </si>
  <si>
    <t>http://drive.google.com/upload/drive/v2internal/files?uploadType=multipart&amp;supportsTeamDrives=tru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</t>
  </si>
  <si>
    <t>http:///batch?%24ct=multipart%2Fmixed%3B%20boundary%3D%22%3D%3D%3D%3D%3Dkkfjhw5jh03d%3D%3D%3D%3D%3D%22&amp;key=AIzaSyAy9VVXHSpS2IJpptzYtGbLP3-3_l0aBk4</t>
  </si>
  <si>
    <t>http:///batch?%24ct=multipart%2Fmixed%3B%20boundary%3D%22%3D%3D%3D%3D%3Dh5c11ann1irz%3D%3D%3D%3D%3D%22&amp;key=AIzaSyAy9VVXHSpS2IJpptzYtGbLP3-3_l0aBk4</t>
  </si>
  <si>
    <t>http:///batch?%24ct=multipart%2Fmixed%3B%20boundary%3D%22%3D%3D%3D%3D%3D4bptk45ffzr6%3D%3D%3D%3D%3D%22&amp;key=AIzaSyAy9VVXHSpS2IJpptzYtGbLP3-3_l0aBk4</t>
  </si>
  <si>
    <t>ancest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;picture;quotabytesused;rpermissions;shar;shareable;shared;sharedwithmedate;subscribe;thumbnailversion;title;userpermission(role);workspaceids;</t>
  </si>
  <si>
    <t>http://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,picture,quotabytesused,rpermissions,shar,shareable,shared,sharedwithmedate,subscribe,thumbnailversion,title,userpermission(role),workspaceids</t>
  </si>
  <si>
    <t>http:///batch?%24ct=multipart%2Fmixed%3B%20boundary%3D%22%3D%3D%3D%3D%3Delte8bia5a4f%3D%3D%3D%3D%3D%22&amp;key=AIzaSyAy9VVXHSpS2IJpptzYtGbLP3-3_l0aBk4</t>
  </si>
  <si>
    <t>http:///batch?%24ct=multipart%2Fmixed%3B%20boundary%3D%22%3D%3D%3D%3D%3Doyqhm7gds8t8%3D%3D%3D%3D%3D%22&amp;key=AIzaSyAy9VVXHSpS2IJpptzYtGbLP3-3_l0aBk4</t>
  </si>
  <si>
    <t>http:///batch?%24ct=multipart%2Fmixed%3B%20boundary%3D%22%3D%3D%3D%3D%3Dmpnavhe2m2j%3D%3D%3D%3D%3D%22&amp;key=AIzaSyAy9VVXHSpS2IJpptzYtGbLP3-3_l0aBk4</t>
  </si>
  <si>
    <t>\\acsfs\profiles$\marcellewdl\Downloads\WavesAudio.MaxxAudioProforDell2019_fh4rh281wavaa!App\</t>
  </si>
  <si>
    <t>\\acsfs\profiles$\marcellewdl\Downloads\WavesAudio.MaxxAudioProforDell2019_fh4rh281wavaa!App\desktop.ini</t>
  </si>
  <si>
    <t>\\acsfs\profiles$\marcellewdl\Downloads\WavesAudio.MaxxAudioProforDell2019_fh4rh281wavaa!App\LocalFolder.txt</t>
  </si>
  <si>
    <t>c:\users\camillarl\downloads\</t>
  </si>
  <si>
    <t>kit_pre_deslig_disp_sem_justa_causa_ind_101088_thiago abdao ferreira souza.pdf</t>
  </si>
  <si>
    <t>5a2fbdf5-fe30-4ecc-a7cf-5bea11c4d3b8.tmp</t>
  </si>
  <si>
    <t>\\acsfs\profiles$\dhiulliananads\Downloads\5a2fbdf5-fe30-4ecc-a7cf-5bea11c4d3b8.tmp</t>
  </si>
  <si>
    <t>810fe17f-50ad-4bbb-8a48-5886a8da0104.tmp</t>
  </si>
  <si>
    <t>\\acsfs\profiles$\lorrainerdl\Downloads\810fe17f-50ad-4bbb-8a48-5886a8da0104.tmp</t>
  </si>
  <si>
    <t>6F7ECAE0.tmp</t>
  </si>
  <si>
    <t>\\acsfs\ACS\Gabriel da Silva\Contemporânea\6F7ECAE0.tmp</t>
  </si>
  <si>
    <t>E9EA9717.tmp</t>
  </si>
  <si>
    <t>\\acsfs\ACS\Gabriel da Silva\Contemporânea\E9EA9717.tmp</t>
  </si>
  <si>
    <t>3551991A.tmp</t>
  </si>
  <si>
    <t>\\acsfs\ACS\Gabriel da Silva\Contemporânea\3551991A.tmp</t>
  </si>
  <si>
    <t>BE34E2D9.tmp</t>
  </si>
  <si>
    <t>\\acsfs\ACS\Gabriel da Silva\Contemporânea\BE34E2D9.tmp</t>
  </si>
  <si>
    <t>78-2B-CB-C1-04-45</t>
  </si>
  <si>
    <t>VOTORANTS-FB033</t>
  </si>
  <si>
    <t>andrelps@algartech.com;supervisaobancovotorantim@algartech.com;vitor.accorsi@bv.com.br;</t>
  </si>
  <si>
    <t>andrelps@algartech.com,supervisaobancovotorantim@algartech.com,vitor.accorsi@bv.com.br</t>
  </si>
  <si>
    <t>lu166683u8jdi.tmp</t>
  </si>
  <si>
    <t>\\acsfs\profiles$\ALEXANDREMM\lu166683u8jdi.tmp</t>
  </si>
  <si>
    <t>\\acsfs\profiles$\ALEXANDREMM\lu166683u8jdi.tmp\</t>
  </si>
  <si>
    <t>\\acsfs\profiles$\ALEXANDREMM\lu166683u8jdi.tmp\META-INF\</t>
  </si>
  <si>
    <t>\\acsfs\profiles$\ALEXANDREMM\lu166683u8jdi.tmp\Thumbnails\</t>
  </si>
  <si>
    <t>lu166683u8jdl.tmp</t>
  </si>
  <si>
    <t>\\acsfs\profiles$\ALEXANDREMM\lu166683u8jdl.tmp</t>
  </si>
  <si>
    <t>\\acsfs\profiles$\ALEXANDREMM\lu166683u8jdl.tmp\</t>
  </si>
  <si>
    <t>\\acsfs\profiles$\ALEXANDREMM\lu166683u8jdl.tmp\META-INF\</t>
  </si>
  <si>
    <t>\\acsfs\profiles$\ALEXANDREMM\lu166683u8jdl.tmp\Thumbnails\</t>
  </si>
  <si>
    <t>bb66cf0f-937d-4c6c-97c1-27c50a781359.tmp</t>
  </si>
  <si>
    <t>\\acsfs\profiles$\kellzylenneasr\Downloads\bb66cf0f-937d-4c6c-97c1-27c50a781359.tmp</t>
  </si>
  <si>
    <t>http:///batch?%24ct=multipart%2Fmixed%3B%20boundary%3D%22%3D%3D%3D%3D%3D3xijj8ep36li%3D%3D%3D%3D%3D%22&amp;key=AIzaSyAy9VVXHSpS2IJpptzYtGbLP3-3_l0aBk4</t>
  </si>
  <si>
    <t>ancest;containsunsubscribedchildren;displayname;domain;emailaddress;filesize;id);lastmodifyinguser(kind;lastviewedbymedate;modifiedbymedate;ontainsunsubscribedchildren;owners(kind;permissionid;pictu;picture;rpermissions;workspaceids;</t>
  </si>
  <si>
    <t>http://ancest,containsunsubscribedchildren,displayname,domain,emailaddress,filesize,id),lastmodifyinguser(kind,lastviewedbymedate,modifiedbymedate,ontainsunsubscribedchildren,owners(kind,permissionid,pictu,picture,rpermissions,workspaceids</t>
  </si>
  <si>
    <t>http:///batch?%24ct=multipart%2Fmixed%3B%20boundary%3D%22%3D%3D%3D%3D%3D8lisq66r61l9%3D%3D%3D%3D%3D%22&amp;key=AIzaSyAy9VVXHSpS2IJpptzYtGbLP3-3_l0aBk4</t>
  </si>
  <si>
    <t>93a5163f-6b87-4f9e-818e-6783281f05a1.tmp</t>
  </si>
  <si>
    <t>\\acsfs\profiles$\lorrainerdl\Downloads\93a5163f-6b87-4f9e-818e-6783281f05a1.tmp</t>
  </si>
  <si>
    <t>46966aa5-b3c5-48a4-85e3-e3b58c2624b8.tmp</t>
  </si>
  <si>
    <t>\\acsfs\profiles$\lorrainerdl\Downloads\46966aa5-b3c5-48a4-85e3-e3b58c2624b8.tmp</t>
  </si>
  <si>
    <t>3e6da8e9-779c-48af-bac1-a8c63065061e.tmp</t>
  </si>
  <si>
    <t>\\acsfs\profiles$\lorrainerdl\Downloads\3e6da8e9-779c-48af-bac1-a8c63065061e.tmp</t>
  </si>
  <si>
    <t>efdd1266-3fea-4488-bcc4-cd0763e666eb.tmp</t>
  </si>
  <si>
    <t>\\acsfs\profiles$\ERICALSR\Downloads\efdd1266-3fea-4488-bcc4-cd0763e666eb.tmp</t>
  </si>
  <si>
    <t>65755d65-3a90-4dd3-935a-ada5360fd556.tmp</t>
  </si>
  <si>
    <t>\\acsfs\profiles$\gabriellalpr\Downloads\65755d65-3a90-4dd3-935a-ada5360fd556.tmp</t>
  </si>
  <si>
    <t>d0eff1f1-1d30-4e84-836a-a5a831317832.tmp</t>
  </si>
  <si>
    <t>\\acsfs\profiles$\THYAGOSP\Downloads\d0eff1f1-1d30-4e84-836a-a5a831317832.tmp</t>
  </si>
  <si>
    <t>eee431ce-9915-4b78-8f46-86121994fe74.tmp</t>
  </si>
  <si>
    <t>\\acsfs\profiles$\mariagsg\Downloads\eee431ce-9915-4b78-8f46-86121994fe74.tmp</t>
  </si>
  <si>
    <t>58078668-792b-4268-a925-c6da4c33defb.tmp</t>
  </si>
  <si>
    <t>\\acsfs\profiles$\luanaagl\Downloads\58078668-792b-4268-a925-c6da4c33defb.tmp</t>
  </si>
  <si>
    <t>lu97481504o.tmp</t>
  </si>
  <si>
    <t>\\acsfs\profiles$\Flaviojmm\My Documents\lu97481504o.tmp</t>
  </si>
  <si>
    <t>7b2677be-a6cb-4a21-9c54-30090791a150.tmp</t>
  </si>
  <si>
    <t>\\acsfs\profiles$\lorrainerdl\Downloads\7b2677be-a6cb-4a21-9c54-30090791a150.tmp</t>
  </si>
  <si>
    <t>1f5d440d-c276-4a56-9526-a99c664dd0dc.tmp</t>
  </si>
  <si>
    <t>\\acsfs\profiles$\lorrainerdl\Downloads\1f5d440d-c276-4a56-9526-a99c664dd0dc.tmp</t>
  </si>
  <si>
    <t>437a364f-c7a3-4bac-8d68-a9087401412e.tmp</t>
  </si>
  <si>
    <t>\\acsfs\profiles$\paulovadc\Downloads\437a364f-c7a3-4bac-8d68-a9087401412e.tmp</t>
  </si>
  <si>
    <t>\\acsfs\deptos\Operacao\PCP\5 - Comum\PLANEJAMENTO BV\14 - ACOMPANHAMENTO\1 - REPORT ACOMPANHAMENTO\2020\1 - JANEIRO\FINANCEIRA\</t>
  </si>
  <si>
    <t>\\acsfs\deptos\Operacao\PCP\5 - Comum\PLANEJAMENTO BV\14 - ACOMPANHAMENTO\1 - REPORT ACOMPANHAMENTO\2020\1 - JANEIRO\FINANCEIRA\REPORT ACOMPANHAMENTO - BV - JANEIRO.xlsb</t>
  </si>
  <si>
    <t>d8ada3fd-6dd8-4405-8f01-46827fdd44e9.tmp</t>
  </si>
  <si>
    <t>\\acsfs\profiles$\luanarda\Downloads\d8ada3fd-6dd8-4405-8f01-46827fdd44e9.tmp</t>
  </si>
  <si>
    <t>f9007761-fddc-49e5-b708-35bca96445f7.tmp</t>
  </si>
  <si>
    <t>\\acsfs\profiles$\ALYNYA\Downloads\f9007761-fddc-49e5-b708-35bca96445f7.tmp</t>
  </si>
  <si>
    <t>cb0a4b41-1a45-45af-8a71-66e9d4b29d3e.tmp</t>
  </si>
  <si>
    <t>\\acsfs\profiles$\lorraynevam\Downloads\cb0a4b41-1a45-45af-8a71-66e9d4b29d3e.tmp</t>
  </si>
  <si>
    <t>c462b907-9c3c-4721-83ff-2acbbaa6f38e.tmp</t>
  </si>
  <si>
    <t>\\acsfs\profiles$\jhonatadss\Downloads\c462b907-9c3c-4721-83ff-2acbbaa6f38e.tmp</t>
  </si>
  <si>
    <t>http:///batch?%24ct=multipart%2Fmixed%3B%20boundary%3D%22%3D%3D%3D%3D%3Ds1bud3iwnur7%3D%3D%3D%3D%3D%22&amp;key=AIzaSyAy9VVXHSpS2IJpptzYtGbLP3-3_l0aBk4</t>
  </si>
  <si>
    <t>http:///batch?%24ct=multipart%2Fmixed%3B%20boundary%3D%22%3D%3D%3D%3D%3D92k7w5jsag0s%3D%3D%3D%3D%3D%22&amp;key=AIzaSyAy9VVXHSpS2IJpptzYtGbLP3-3_l0aBk4</t>
  </si>
  <si>
    <t>http:///batch?%24ct=multipart%2Fmixed%3B%20boundary%3D%22%3D%3D%3D%3D%3Dtm28rwfl31t8%3D%3D%3D%3D%3D%22&amp;key=AIzaSyAy9VVXHSpS2IJpptzYtGbLP3-3_l0aBk4</t>
  </si>
  <si>
    <t>http:///batch?%24ct=multipart%2Fmixed%3B%20boundary%3D%22%3D%3D%3D%3D%3Di8swqoniw11t%3D%3D%3D%3D%3D%22&amp;key=AIzaSyAy9VVXHSpS2IJpptzYtGbLP3-3_l0aBk4</t>
  </si>
  <si>
    <t>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lncm68k94vq2%3D%3D%3D%3D%3D%22&amp;key=AIzaSyAy9VVXHSpS2IJpptzYtGbLP3-3_l0aBk4</t>
  </si>
  <si>
    <t>http:///batch?%24ct=multipart%2Fmixed%3B%20boundary%3D%22%3D%3D%3D%3D%3D6hniwz9b2cgu%3D%3D%3D%3D%3D%22&amp;key=AIzaSyAy9VVXHSpS2IJpptzYtGbLP3-3_l0aBk4</t>
  </si>
  <si>
    <t>http:///batch?%24ct=multipart%2Fmixed%3B%20boundary%3D%22%3D%3D%3D%3D%3D8lc9zipkx55i%3D%3D%3D%3D%3D%22&amp;key=AIzaSyAy9VVXHSpS2IJpptzYtGbLP3-3_l0aBk4</t>
  </si>
  <si>
    <t>http:///batch?%24ct=multipart%2Fmixed%3B%20boundary%3D%22%3D%3D%3D%3D%3Dwu7elbm104q2%3D%3D%3D%3D%3D%22&amp;key=AIzaSyAy9VVXHSpS2IJpptzYtGbLP3-3_l0aBk4</t>
  </si>
  <si>
    <t>http:///batch?%24ct=multipart%2Fmixed%3B%20boundary%3D%22%3D%3D%3D%3D%3Dwwkhntqwzwfc%3D%3D%3D%3D%3D%22&amp;key=AIzaSyAy9VVXHSpS2IJpptzYtGbLP3-3_l0aBk4</t>
  </si>
  <si>
    <t>http:///batch?%24ct=multipart%2Fmixed%3B%20boundary%3D%22%3D%3D%3D%3D%3Dueysesi83mqw%3D%3D%3D%3D%3D%22&amp;key=AIzaSyAy9VVXHSpS2IJpptzYtGbLP3-3_l0aBk4</t>
  </si>
  <si>
    <t>http:///batch?%24ct=multipart%2Fmixed%3B%20boundary%3D%22%3D%3D%3D%3D%3Dodzjsqap4hqh%3D%3D%3D%3D%3D%22&amp;key=AIzaSyAy9VVXHSpS2IJpptzYtGbLP3-3_l0aBk4</t>
  </si>
  <si>
    <t>http:///batch?%24ct=multipart%2Fmixed%3B%20boundary%3D%22%3D%3D%3D%3D%3Damrieioj373%3D%3D%3D%3D%3D%22&amp;key=AIzaSyAy9VVXHSpS2IJpptzYtGbLP3-3_l0aBk4</t>
  </si>
  <si>
    <t>ances;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;picture;rpermissions;shared;sharedwithmedate;thumbnailversion;title;userpermission(role);workspaceids;</t>
  </si>
  <si>
    <t>http://ances,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,picture,rpermissions,shared,sharedwithmedate,thumbnailversion,title,userpermission(role),workspaceids</t>
  </si>
  <si>
    <t>http:///batch?%24ct=multipart%2Fmixed%3B%20boundary%3D%22%3D%3D%3D%3D%3Dwwn1r3g3yb6c%3D%3D%3D%3D%3D%22&amp;key=AIzaSyAy9VVXHSpS2IJpptzYtGbLP3-3_l0aBk4</t>
  </si>
  <si>
    <t>http:///batch?%24ct=multipart%2Fmixed%3B%20boundary%3D%22%3D%3D%3D%3D%3D3wap5kxxw838%3D%3D%3D%3D%3D%22&amp;key=AIzaSyAy9VVXHSpS2IJpptzYtGbLP3-3_l0aBk4</t>
  </si>
  <si>
    <t>http:///batch?%24ct=multipart%2Fmixed%3B%20boundary%3D%22%3D%3D%3D%3D%3Dgfulkh8w5v4p%3D%3D%3D%3D%3D%22&amp;key=AIzaSyAy9VVXHSpS2IJpptzYtGbLP3-3_l0aBk4</t>
  </si>
  <si>
    <t>http:///batch?%24ct=multipart%2Fmixed%3B%20boundary%3D%22%3D%3D%3D%3D%3Dkd5ftekbd10x%3D%3D%3D%3D%3D%22&amp;key=AIzaSyAy9VVXHSpS2IJpptzYtGbLP3-3_l0aBk4</t>
  </si>
  <si>
    <t>http:///batch?%24ct=multipart%2Fmixed%3B%20boundary%3D%22%3D%3D%3D%3D%3Dgjfzb56zsqct%3D%3D%3D%3D%3D%22&amp;key=AIzaSyAy9VVXHSpS2IJpptzYtGbLP3-3_l0aBk4</t>
  </si>
  <si>
    <t>http:///batch?%24ct=multipart%2Fmixed%3B%20boundary%3D%22%3D%3D%3D%3D%3D1kfsoafh49uk%3D%3D%3D%3D%3D%22&amp;key=AIzaSyAy9VVXHSpS2IJpptzYtGbLP3-3_l0aBk4</t>
  </si>
  <si>
    <t>http:///batch?%24ct=multipart%2Fmixed%3B%20boundary%3D%22%3D%3D%3D%3D%3Dir10ydpikske%3D%3D%3D%3D%3D%22&amp;key=AIzaSyAy9VVXHSpS2IJpptzYtGbLP3-3_l0aBk4</t>
  </si>
  <si>
    <t>http:///batch?%24ct=multipart%2Fmixed%3B%20boundary%3D%22%3D%3D%3D%3D%3Ds6pgr1imvo56%3D%3D%3D%3D%3D%22&amp;key=AIzaSyAy9VVXHSpS2IJpptzYtGbLP3-3_l0aBk4</t>
  </si>
  <si>
    <t>\\acsfs\profiles$\Flaviojmm\My Documents\lu97481504o.tmp\</t>
  </si>
  <si>
    <t>d5e60cf4-2724-4db4-911f-3d1c0364a460.tmp</t>
  </si>
  <si>
    <t>\\acsfs\profiles$\rafaelamsv\Downloads\d5e60cf4-2724-4db4-911f-3d1c0364a460.tmp</t>
  </si>
  <si>
    <t>\\acsfs\profiles$\Flaviojmm\My Documents\lu97481504o.tmp\META-INF\</t>
  </si>
  <si>
    <t>\\acsfs\profiles$\Flaviojmm\My Documents\lu97481504o.tmp\Thumbnails\</t>
  </si>
  <si>
    <t>lu97481504t.tmp</t>
  </si>
  <si>
    <t>\\acsfs\profiles$\Flaviojmm\My Documents\lu97481504t.tmp</t>
  </si>
  <si>
    <t>\\acsfs\profiles$\Flaviojmm\My Documents\lu97481504t.tmp\</t>
  </si>
  <si>
    <t>\\acsfs\profiles$\Flaviojmm\My Documents\lu97481504t.tmp\META-INF\</t>
  </si>
  <si>
    <t>\\acsfs\profiles$\Flaviojmm\My Documents\lu97481504t.tmp\Thumbnails\</t>
  </si>
  <si>
    <t>1b5f463e-18a8-4b67-9267-1e3442250258.tmp</t>
  </si>
  <si>
    <t>\\acsfs\profiles$\lorraynevam\Downloads\1b5f463e-18a8-4b67-9267-1e3442250258.tmp</t>
  </si>
  <si>
    <t>http:///batch?%24ct=multipart%2Fmixed%3B%20boundary%3D%22%3D%3D%3D%3D%3Doslrprs60f33%3D%3D%3D%3D%3D%22&amp;key=AIzaSyAy9VVXHSpS2IJpptzYtGbLP3-3_l0aBk4</t>
  </si>
  <si>
    <t>ancestorhasaugmentedpe;containsunsubscribedchildren;displayname;domain;emailaddres;emailaddress;filesize;id);lastmodifyinguser(kind;lastviewedbymedate;modifiedbymedate;ontainsunsubscribedchildren;owners(kind;permissionid;picture;rpermissions;workspaceids;</t>
  </si>
  <si>
    <t>http://ancestorhasaugmentedpe,containsunsubscribedchildren,displayname,domain,emailaddres,emailaddress,filesize,id),lastmodifyinguser(kind,lastviewedbymedate,modifiedbymedate,ontainsunsubscribedchildren,owners(kind,permissionid,picture,rpermissions,workspaceids</t>
  </si>
  <si>
    <t>http:///batch?%24ct=multipart%2Fmixed%3B%20boundary%3D%22%3D%3D%3D%3D%3Dojdlzaswrxtd%3D%3D%3D%3D%3D%22&amp;key=AIzaSyAy9VVXHSpS2IJpptzYtGbLP3-3_l0aBk4</t>
  </si>
  <si>
    <t>ancestorhasaugmentedpe;ancestorhasaugmentedpermissions;containsunsubscribedchildren;displayname;domain;emailaddres;emailaddress;explicitlytrashed;filesize;hasth;hasthumbnail;hasvisitorpermissions;id;id);items(kind;ken;lastmodifyinguser(kind;lastviewedbymedate;mimet;modifiedbymedate;modifieddate;ontainsunsubscribedchildren;owners(kind;permissionid;picture;rpermissions;shared;sharedwithmedate;thumbnailversion;title;userpermission(role);workspaceids;</t>
  </si>
  <si>
    <t>http://ancestorhasaugmentedpe,ancestorhasaugmentedpermissions,containsunsubscribedchildren,displayname,domain,emailaddres,emailaddress,explicitlytrashed,filesize,hasth,hasthumbnail,hasvisitorpermissions,id,id),items(kind,ken,lastmodifyinguser(kind,lastviewedbymedate,mimet,modifiedbymedate,modifieddate,ontainsunsubscribedchildren,owners(kind,permissionid,picture,rpermissions,shared,sharedwithmedate,thumbnailversion,title,userpermission(role),workspaceids</t>
  </si>
  <si>
    <t>Cópia de Pasta4.xlsx</t>
  </si>
  <si>
    <t>ancestorhasaugmentedpe,ancestorhasaugmentedpermissions,containsunsubscribedchildren,displayname,domain,emailaddres,emailaddress,explicitlytrashed,filesize,hasth,hasthumbnail,hasvisitorpermissions,id,id),items(kind,ken,lastmodifyinguser(kind,lastviewedbymedate,mimet,modifiedbymedate,modifieddate,ontainsunsubscribedchildren,owners(kind,permissionid,picture,rpermissions,shared,sharedwithmedate,thumbnailversion,title,userpermission(role),workspaceids</t>
  </si>
  <si>
    <t>ancestorhasaugmentedpe;ancestorhasaugmentedpermissions;containsunsubscribedchildren;displayname;domain;emailaddres;emailaddress;explicitlytrashed;file(kind;fileid;filesize;hasth;hasthumbnail;hasvisitorpermissions;id;id);items(deleted;items(kind;ken;kind;lastmodifyinguser(kind;lastviewedbymedate;mimet;modifiedbymedate;modifieddate;ontainsunsubscribedchildren;owners(kind;per;permissionid;picture;rpermissions;shared;sharedwithmedate;thumbnailversion;title;userpermission(role);workspaceids;</t>
  </si>
  <si>
    <t>http://ancestorhasaugmentedpe,ancestorhasaugmentedpermissions,containsunsubscribedchildren,displayname,domain,emailaddres,emailaddress,explicitlytrashed,file(kind,fileid,filesize,hasth,hasthumbnail,hasvisitorpermissions,id,id),items(deleted,items(kind,ken,kind,lastmodifyinguser(kind,lastviewedbymedate,mimet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vydckivwus1d%3D%3D%3D%3D%3D%22&amp;key=AIzaSyAy9VVXHSpS2IJpptzYtGbLP3-3_l0aBk4</t>
  </si>
  <si>
    <t>http:///batch?%24ct=multipart%2Fmixed%3B%20boundary%3D%22%3D%3D%3D%3D%3Dn3tkcwwvsz70%3D%3D%3D%3D%3D%22&amp;key=AIzaSyAy9VVXHSpS2IJpptzYtGbLP3-3_l0aBk4</t>
  </si>
  <si>
    <t>JULIANA - RECISÃO.zip</t>
  </si>
  <si>
    <t>C:\Users\robsonams\Desktop\JULIANA - RECISÃO.zip\</t>
  </si>
  <si>
    <t>JULIANA - RECISÇO.pdf</t>
  </si>
  <si>
    <t>https://algar.folhasinergyrh.com.br/rescisao/upload?id=0&amp;idsolicitacao=18175&amp;idprerescisao=0</t>
  </si>
  <si>
    <t>06/01/2020;</t>
  </si>
  <si>
    <t>https://06/01/2020</t>
  </si>
  <si>
    <t>https://algar.folhasinergyrh.com.br/rescisao/upload?id=0&amp;idsolicitacao=0&amp;idprerescisao=1659</t>
  </si>
  <si>
    <t>lu97481504y.tmp</t>
  </si>
  <si>
    <t>\\acsfs\profiles$\Flaviojmm\My Documents\lu97481504y.tmp</t>
  </si>
  <si>
    <t>\\acsfs\profiles$\Flaviojmm\My Documents\lu97481504y.tmp\</t>
  </si>
  <si>
    <t>\\acsfs\profiles$\Flaviojmm\My Documents\lu97481504y.tmp\META-INF\</t>
  </si>
  <si>
    <t>\\acsfs\profiles$\Flaviojmm\My Documents\lu97481504y.tmp\Thumbnails\</t>
  </si>
  <si>
    <t>23bbf44f-1dcf-43fc-b9f4-8a56ce3d0826.tmp</t>
  </si>
  <si>
    <t>\\acsfs\profiles$\matheushds\Downloads\23bbf44f-1dcf-43fc-b9f4-8a56ce3d0826.tmp</t>
  </si>
  <si>
    <t>fd769010-5ac3-4d56-9dfd-27cd6690bb74.tmp</t>
  </si>
  <si>
    <t>\\acsfs\profiles$\quindaizaagds\Downloads\fd769010-5ac3-4d56-9dfd-27cd6690bb74.tmp</t>
  </si>
  <si>
    <t>43320d3a-3ef9-4434-b4ea-428aa138143e.tmp</t>
  </si>
  <si>
    <t>\\acsfs\profiles$\gabrielafs\Downloads\43320d3a-3ef9-4434-b4ea-428aa138143e.tmp</t>
  </si>
  <si>
    <t>4edf91af-c23b-4714-b3b8-1fdd03fe779a.tmp</t>
  </si>
  <si>
    <t>\\acsfs\profiles$\lorenabmc\Downloads\4edf91af-c23b-4714-b3b8-1fdd03fe779a.tmp</t>
  </si>
  <si>
    <t>formulário - feedback registrado erica.doc</t>
  </si>
  <si>
    <t>formulário - feedback registrado luana.doc</t>
  </si>
  <si>
    <t>formulário - feedback registrado natalia.doc</t>
  </si>
  <si>
    <t>formulário - feedback registrado quindaiza.doc</t>
  </si>
  <si>
    <t>5881fd0d-90fc-496b-a508-ee701faf2778.tmp</t>
  </si>
  <si>
    <t>\\acsfs\profiles$\ROZENCAM\Downloads\5881fd0d-90fc-496b-a508-ee701faf2778.tmp</t>
  </si>
  <si>
    <t>\\acsfs\profiles$\brendavdoa\Downloads\</t>
  </si>
  <si>
    <t>a67d9e3f-8b30-48c8-a658-ab6d00c09bba.tmp</t>
  </si>
  <si>
    <t>\\acsfs\profiles$\brendavdoa\Downloads\a67d9e3f-8b30-48c8-a658-ab6d00c09bba.tmp</t>
  </si>
  <si>
    <t>leonardofdsa_admin</t>
  </si>
  <si>
    <t>C:\Users\andersonrm\Contacts\</t>
  </si>
  <si>
    <t>C:\Users\andersonrm\Documents\</t>
  </si>
  <si>
    <t>C:\Users\andersonrm\Downloads\</t>
  </si>
  <si>
    <t>C:\Users\andersonrm\Favorites\</t>
  </si>
  <si>
    <t>C:\Users\andersonrm\Links\</t>
  </si>
  <si>
    <t>C:\Users\andersonrm\Music\</t>
  </si>
  <si>
    <t>C:\Users\andersonrm\Pictures\</t>
  </si>
  <si>
    <t>C:\Users\andersonrm\Saved Games\</t>
  </si>
  <si>
    <t>C:\Users\andersonrm\Searches\</t>
  </si>
  <si>
    <t>C:\Users\andersonrm\Videos\</t>
  </si>
  <si>
    <t>C:\Users\andersonrm\Favorites\Links\</t>
  </si>
  <si>
    <t>C:\Users\andersonrm\Favorites\Links for Brasil\</t>
  </si>
  <si>
    <t>C:\Users\arthurfr\Contacts\</t>
  </si>
  <si>
    <t>C:\Users\arthurfr\Desktop\</t>
  </si>
  <si>
    <t>C:\Users\arthurfr\Documents\</t>
  </si>
  <si>
    <t>C:\Users\arthurfr\Downloads\</t>
  </si>
  <si>
    <t>C:\Users\arthurfr\Favorites\</t>
  </si>
  <si>
    <t>a14efd2d-08ed-4d6f-8048-c140e6eb5b45.tmp</t>
  </si>
  <si>
    <t>\\acsfs\profiles$\lorrainerdl\Downloads\a14efd2d-08ed-4d6f-8048-c140e6eb5b45.tmp</t>
  </si>
  <si>
    <t>C:\Users\arthurfr\Links\</t>
  </si>
  <si>
    <t>C:\Users\arthurfr\Music\</t>
  </si>
  <si>
    <t>C:\Users\arthurfr\Pictures\</t>
  </si>
  <si>
    <t>C:\Users\arthurfr\Saved Games\</t>
  </si>
  <si>
    <t>C:\Users\arthurfr\Searches\</t>
  </si>
  <si>
    <t>C:\Users\arthurfr\Videos\</t>
  </si>
  <si>
    <t>C:\Users\arthurfr\Favorites\Links\</t>
  </si>
  <si>
    <t>C:\Users\arthurfr\Favorites\Links for Brasil\</t>
  </si>
  <si>
    <t>C:\Users\danielsmo\Contacts\</t>
  </si>
  <si>
    <t>C:\Users\danielsmo\Desktop\</t>
  </si>
  <si>
    <t>C:\Users\danielsmo\Documents\</t>
  </si>
  <si>
    <t>C:\Users\danielsmo\Downloads\</t>
  </si>
  <si>
    <t>C:\Users\danielsmo\Favorites\</t>
  </si>
  <si>
    <t>C:\Users\danielsmo\Links\</t>
  </si>
  <si>
    <t>C:\Users\danielsmo\Music\</t>
  </si>
  <si>
    <t>C:\Users\danielsmo\Pictures\</t>
  </si>
  <si>
    <t>C:\Users\danielsmo\Saved Games\</t>
  </si>
  <si>
    <t>C:\Users\danielsmo\Searches\</t>
  </si>
  <si>
    <t>C:\Users\danielsmo\Videos\</t>
  </si>
  <si>
    <t>a53d5f68-b8f3-4d4d-8951-6db64635aee7.tmp</t>
  </si>
  <si>
    <t>\\acsfs\profiles$\larissaad\Downloads\a53d5f68-b8f3-4d4d-8951-6db64635aee7.tmp</t>
  </si>
  <si>
    <t>ee43da61-cc81-4bb7-a728-2468ffde7f8b.tmp</t>
  </si>
  <si>
    <t>\\acsfs\profiles$\gabrielafs\Downloads\ee43da61-cc81-4bb7-a728-2468ffde7f8b.tmp</t>
  </si>
  <si>
    <t>.~lock.RENEG BV - Venc 08.01.2020.ods#</t>
  </si>
  <si>
    <t>\\acsfs\profiles$\LUCASBS\RENEG BV\.~lock.RENEG BV - Venc 08.01.2020.ods#</t>
  </si>
  <si>
    <t>lu91924cls1.tmp</t>
  </si>
  <si>
    <t>\\acsfs\profiles$\LUCASBS\RENEG BV\lu91924cls1.tmp</t>
  </si>
  <si>
    <t>\\acsfs\profiles$\LUCASBS\RENEG BV\lu91924cls1.tmp\</t>
  </si>
  <si>
    <t>\\acsfs\profiles$\LUCASBS\RENEG BV\lu91924cls1.tmp\META-INF\</t>
  </si>
  <si>
    <t>\\acsfs\profiles$\LUCASBS\RENEG BV\lu91924cls1.tmp\Thumbnails\</t>
  </si>
  <si>
    <t>0e7255b3-95ad-44d0-82bc-2db35e6598dc.tmp</t>
  </si>
  <si>
    <t>\\acsfs\profiles$\lorrainerdl\Downloads\0e7255b3-95ad-44d0-82bc-2db35e6598dc.tmp</t>
  </si>
  <si>
    <t>lu111788tsw397.tmp</t>
  </si>
  <si>
    <t>\\acsfs\profiles$\BRUNAAR\Numero\lu111788tsw397.tmp</t>
  </si>
  <si>
    <t>64d3baa4-1af7-4539-947b-8b3f54b17846.tmp</t>
  </si>
  <si>
    <t>\\acsfs\profiles$\henriquehmdo\Downloads\64d3baa4-1af7-4539-947b-8b3f54b17846.tmp</t>
  </si>
  <si>
    <t>mail.google.com/sync/u/0/i/s?hl=pt-BR&amp;c=590</t>
  </si>
  <si>
    <t>mail.google.com/sync/u/0/i/s?hl=pt-BR&amp;c=592</t>
  </si>
  <si>
    <t>6755be60-fdc7-42b1-8bf2-3fc1ecc9aa18.tmp</t>
  </si>
  <si>
    <t>\\acsfs\profiles$\gabrielarb\Downloads\6755be60-fdc7-42b1-8bf2-3fc1ecc9aa18.tmp</t>
  </si>
  <si>
    <t>lu2060117c0.tmp</t>
  </si>
  <si>
    <t>\\acsfs\profiles$\CLAUDIAJCA\Reneg 18-12\lu2060117c0.tmp</t>
  </si>
  <si>
    <t>2a0cf2db-8dc2-4ccb-adb5-9cc5db559a8c.tmp</t>
  </si>
  <si>
    <t>\\acsfs\profiles$\milenaas\Downloads\2a0cf2db-8dc2-4ccb-adb5-9cc5db559a8c.tmp</t>
  </si>
  <si>
    <t>2d0f4136-82a9-433b-a43b-fe65da6d095a.tmp</t>
  </si>
  <si>
    <t>\\acsfs\profiles$\geovannasm\Downloads\2d0f4136-82a9-433b-a43b-fe65da6d095a.tmp</t>
  </si>
  <si>
    <t>90a5cd80-58a9-4464-a7f5-5d513b94fd37.tmp</t>
  </si>
  <si>
    <t>\\acsfs\profiles$\geovannasm\Downloads\90a5cd80-58a9-4464-a7f5-5d513b94fd37.tmp</t>
  </si>
  <si>
    <t>44995098-2ece-4aa2-83c0-7eb27062418e.tmp</t>
  </si>
  <si>
    <t>\\acsfs\profiles$\rafaelahpn\Downloads\44995098-2ece-4aa2-83c0-7eb27062418e.tmp</t>
  </si>
  <si>
    <t>fb7c3042-a17b-48e0-bf7d-19f315828d92.tmp</t>
  </si>
  <si>
    <t>\\acsfs\profiles$\rafaelahpn\Downloads\fb7c3042-a17b-48e0-bf7d-19f315828d92.tmp</t>
  </si>
  <si>
    <t>\\acsfs\profiles$\CLAUDIAJCA\Reneg 18-12\lu2060117c0.tmp\</t>
  </si>
  <si>
    <t>\\acsfs\profiles$\CLAUDIAJCA\Reneg 18-12\lu2060117c0.tmp\META-INF\</t>
  </si>
  <si>
    <t>\\acsfs\profiles$\CLAUDIAJCA\Reneg 18-12\lu2060117c0.tmp\Thumbnails\</t>
  </si>
  <si>
    <t>0990f893-9edc-447d-b84c-f02085e32545.tmp</t>
  </si>
  <si>
    <t>\\acsfs\profiles$\adelvinsonle\Downloads\0990f893-9edc-447d-b84c-f02085e32545.tmp</t>
  </si>
  <si>
    <t>deboragr</t>
  </si>
  <si>
    <t>https://udpwfmniceap02/web/guest/home?p_auth=xtco9kyh&amp;p_p_id=58&amp;p_p_lifecycle=1&amp;p_p_state=maximized&amp;p_p_mode=view&amp;savelastpath=0&amp;_58_struts_action=/login/forgot_password</t>
  </si>
  <si>
    <t>http:///batch?%24ct=multipart%2Fmixed%3B%20boundary%3D%22%3D%3D%3D%3D%3D9nmeizkxtc6w%3D%3D%3D%3D%3D%22&amp;key=AIzaSyAy9VVXHSpS2IJpptzYtGbLP3-3_l0aBk4</t>
  </si>
  <si>
    <t>ancestorhasaugmentedpermissions;containsunsubscribedchildren;displayname;domain;emailaddress;explicitlytrashed;filesize;hast;hasthumbnail;hasvisitorpermissions;id;id);items(kind;ken;lastmodifyinguser(kind;lastviewedbymedate;mime;modifiedbymedate;modifieddate;ontainsunsubscribedchildren;owners(kind;permissionid;picture;shared;sharedwithmedate;thumbnailversion;title;userpermission(role);workspaceids;</t>
  </si>
  <si>
    <t>http://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re,shared,sharedwithmedate,thumbnailversion,title,userpermission(role),workspaceids</t>
  </si>
  <si>
    <t>C:\Users\gustavodsil\Desktop\Excel\</t>
  </si>
  <si>
    <t>EQUIPE GUSTAVO CRBV.xlsx</t>
  </si>
  <si>
    <t>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re,shared,sharedwithmedate,thumbnailversion,title,userpermission(role),workspaceids</t>
  </si>
  <si>
    <t>ancest;ancestorhasaugmentedpermissions;containsunsubscribedchildren;displayname;domain;emailaddress;explicitlytrashed;filesize;hast;hasthumbnail;hasvisitorpermissions;id;id);items(kind;ken;lastmodifyinguser(kind;lastviewedbymedate;mime;modifiedbymedate;modifieddate;ontainsunsubscribedchildren;owners(kind;permissionid;pictu;picture;rpermissions;shared;sharedwithmedate;thumbnailversion;title;userpermission(role);workspaceids;</t>
  </si>
  <si>
    <t>http://ancest,ancestorhasaugmentedpermissions,containsunsubscribedchildren,displayname,domain,emailaddress,explicitlytrashed,filesize,hast,hasthumbnail,hasvisitorpermissions,id,id),items(kind,ken,lastmodifyinguser(kind,lastviewedbymedate,mime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n4onqobjhh3s%3D%3D%3D%3D%3D%22&amp;key=AIzaSyAy9VVXHSpS2IJpptzYtGbLP3-3_l0aBk4</t>
  </si>
  <si>
    <t>afdf4e05-12c1-4de1-b88b-ef117312eaab.tmp</t>
  </si>
  <si>
    <t>\\acsfs\profiles$\rafaelahpn\Downloads\afdf4e05-12c1-4de1-b88b-ef117312eaab.tmp</t>
  </si>
  <si>
    <t>7203e64c-a60e-45ea-8eff-c1858694f22c.tmp</t>
  </si>
  <si>
    <t>\\acsfs\profiles$\rafaelahpn\Downloads\7203e64c-a60e-45ea-8eff-c1858694f22c.tmp</t>
  </si>
  <si>
    <t>andrelpsa@algartech.com;joaogvc@algartech.com;josiascdsj@algartech.com;leonardoao@algartech.com;marianadjc@algartech.com;maristelavodq@bv.algartech.com;paulacn@algartech.com;planejamentodeoperacoesetrafego@bv.com.br;qualidadealgarbv@algartech.com;rafaelggs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planejamentodeoperacoesetrafego@bv.com.br,qualidadealgarbv@algartech.com,rafaelggs@algartech.com,supervisaobancovotorantim@algartech.com,taysdss@algartech.com,thiagolrc@bv.algartech.com,viniciussg@algartech.com</t>
  </si>
  <si>
    <t>5c60b497-58c5-46cf-ab59-8db8a0966303.tmp</t>
  </si>
  <si>
    <t>\\acsfs\profiles$\lucasqdss\Downloads\5c60b497-58c5-46cf-ab59-8db8a0966303.tmp</t>
  </si>
  <si>
    <t>lu111788tsw39b.tmp</t>
  </si>
  <si>
    <t>\\acsfs\profiles$\BRUNAAR\Numero\lu111788tsw39b.tmp</t>
  </si>
  <si>
    <t>5c7f1d7c-4dd8-4968-a5a8-65e94434a2ab.tmp</t>
  </si>
  <si>
    <t>\\acsfs\profiles$\sarahbal\Downloads\5c7f1d7c-4dd8-4968-a5a8-65e94434a2ab.tmp</t>
  </si>
  <si>
    <t>731e318c-5e5d-4cb3-8f3a-c2c2b1fcf39b.tmp</t>
  </si>
  <si>
    <t>\\acsfs\profiles$\rafaelahpn\Downloads\731e318c-5e5d-4cb3-8f3a-c2c2b1fcf39b.tmp</t>
  </si>
  <si>
    <t>2bbda549-3bdf-4480-bb1e-de62305323ac.tmp</t>
  </si>
  <si>
    <t>\\acsfs\profiles$\ALYNYA\Downloads\2bbda549-3bdf-4480-bb1e-de62305323ac.tmp</t>
  </si>
  <si>
    <t>\\acsfs\DEPTOS\EDUCACAO EMPRESARIAL\2 - Operações\</t>
  </si>
  <si>
    <t>WEDERSON BRUNO ALVES DOS REIS (23583).contact</t>
  </si>
  <si>
    <t>\\acsfs\profiles$\wedersonbadr\Contacts\WEDERSON BRUNO ALVES DOS REIS (23583).contact</t>
  </si>
  <si>
    <t>77b9a0d5-7c19-42ff-9ab8-cceb0d5d7a82.tmp</t>
  </si>
  <si>
    <t>\\acsfs\profiles$\sarahbal\Downloads\77b9a0d5-7c19-42ff-9ab8-cceb0d5d7a82.tmp</t>
  </si>
  <si>
    <t>fbfb3698-6483-4e72-97bd-843cc5867655.tmp</t>
  </si>
  <si>
    <t>\\acsfs\profiles$\gabrielaff\Downloads\fbfb3698-6483-4e72-97bd-843cc5867655.tmp</t>
  </si>
  <si>
    <t>83938463-6f0a-4681-a5d0-27b60e69af20.tmp</t>
  </si>
  <si>
    <t>\\acsfs\profiles$\geovannasm\Downloads\83938463-6f0a-4681-a5d0-27b60e69af20.tmp</t>
  </si>
  <si>
    <t>81e154d4-264e-466e-9c8a-6bf9c1ef413e.tmp</t>
  </si>
  <si>
    <t>\\acsfs\profiles$\laianear\Downloads\81e154d4-264e-466e-9c8a-6bf9c1ef413e.tmp</t>
  </si>
  <si>
    <t>0ecc2df6-4463-4179-a1b7-a76a6dc11b56.tmp</t>
  </si>
  <si>
    <t>\\acsfs\profiles$\geovannasm\Downloads\0ecc2df6-4463-4179-a1b7-a76a6dc11b56.tmp</t>
  </si>
  <si>
    <t>4b854069-7e60-4cce-8276-633ef22bfc73.tmp</t>
  </si>
  <si>
    <t>\\acsfs\profiles$\geovannasm\Downloads\4b854069-7e60-4cce-8276-633ef22bfc73.tmp</t>
  </si>
  <si>
    <t>mail.google.com/sync/u/0/i/s?hl=pt-BR&amp;c=686</t>
  </si>
  <si>
    <t>4700c801-bf9a-4dac-b293-47aa671a7cf7.tmp</t>
  </si>
  <si>
    <t>\\acsfs\profiles$\laianear\Downloads\4700c801-bf9a-4dac-b293-47aa671a7cf7.tmp</t>
  </si>
  <si>
    <t>http:///batch?%24ct=multipart%2Fmixed%3B%20boundary%3D%22%3D%3D%3D%3D%3Dc4wrhgg75kdi%3D%3D%3D%3D%3D%22&amp;key=AIzaSyAy9VVXHSpS2IJpptzYtGbLP3-3_l0aBk4</t>
  </si>
  <si>
    <t>http:///batch?%24ct=multipart%2Fmixed%3B%20boundary%3D%22%3D%3D%3D%3D%3D8zr1bvaer4ov%3D%3D%3D%3D%3D%22&amp;key=AIzaSyAy9VVXHSpS2IJpptzYtGbLP3-3_l0aBk4</t>
  </si>
  <si>
    <t>ancest;ancestorhasaugmentedpermissions;containsunsubscribedchildren;displayname;domain;emailaddress;explicitlytrashed;filesize;has;hasthumbnail;hasvisitorpermissions;id;id);items(kind;ken;lastmodifyinguser(kind;lastviewedbymedate;mim;modifiedbymedate;modifieddate;ontainsunsubscribedchildren;owners(kind;permissionid;pictu;picture;rpermissions;shared;sharedwithmedate;thumbnailversion;title;userpermission(role);workspaceids;</t>
  </si>
  <si>
    <t>http://ancest,ancestorhasaugmentedpermissions,containsunsubscribedchildren,displayname,domain,emailaddress,explicitlytrashed,filesize,has,hasthumbnail,hasvisitorpermissions,id,id),items(kind,ken,lastmodifyinguser(kind,lastviewedbymedate,mim,modifiedbymedate,modifieddate,ontainsunsubscribedchildren,owners(kind,permissionid,pictu,picture,rpermissions,shared,sharedwithmedate,thumbnailversion,title,userpermission(role),workspaceids</t>
  </si>
  <si>
    <t>OUROCARD FACIL VISA.pdf</t>
  </si>
  <si>
    <t>ancest,ancestorhasaugmentedpermissions,containsunsubscribedchildren,displayname,domain,emailaddress,explicitlytrashed,filesize,has,hasthumbnail,hasvisitorpermissions,id,id),items(kind,ken,lastmodifyinguser(kind,lastviewedbymedate,mim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smfmpuc9oynt%3D%3D%3D%3D%3D%22&amp;key=AIzaSyAy9VVXHSpS2IJpptzYtGbLP3-3_l0aBk4</t>
  </si>
  <si>
    <t>\\acsfs\profiles$\Angelicacldr\My Documents\dbxwc\</t>
  </si>
  <si>
    <t>\\acsfs\profiles$\Angelicacldr\My Documents\dbxwc\dbxwc.xwc</t>
  </si>
  <si>
    <t>33a36cc7-1b6b-449c-8ba0-7e3f3adbca26.tmp</t>
  </si>
  <si>
    <t>\\acsfs\profiles$\anafsb\Downloads\33a36cc7-1b6b-449c-8ba0-7e3f3adbca26.tmp</t>
  </si>
  <si>
    <t>fab90d44-ec35-4ed1-887a-ab9214cf9d23.tmp</t>
  </si>
  <si>
    <t>\\acsfs\profiles$\anafsb\Downloads\fab90d44-ec35-4ed1-887a-ab9214cf9d23.tmp</t>
  </si>
  <si>
    <t>2bba71e9-927c-420e-8354-48f50b9b72af.tmp</t>
  </si>
  <si>
    <t>\\acsfs\profiles$\anafsb\Downloads\2bba71e9-927c-420e-8354-48f50b9b72af.tmp</t>
  </si>
  <si>
    <t>6dfe0e29-9d32-423c-8a85-b04332c3452a.tmp</t>
  </si>
  <si>
    <t>\\acsfs\profiles$\gabriellalpr\Downloads\6dfe0e29-9d32-423c-8a85-b04332c3452a.tmp</t>
  </si>
  <si>
    <t>834f9c0b-d6d6-40be-b52f-9cf9667410e8.tmp</t>
  </si>
  <si>
    <t>\\acsfs\profiles$\BRUNAAR\Downloads\834f9c0b-d6d6-40be-b52f-9cf9667410e8.tmp</t>
  </si>
  <si>
    <t>lu111788tsw39f.tmp</t>
  </si>
  <si>
    <t>\\acsfs\profiles$\BRUNAAR\Numero\lu111788tsw39f.tmp</t>
  </si>
  <si>
    <t>c:\users\gustavodsil\appdata\local\google\chrome\user data\default\file system\030\t\</t>
  </si>
  <si>
    <t>http://cscatende.algarnet.com.br/framework/licenciamento/request/checkconcorrencia.php</t>
  </si>
  <si>
    <t>http:///batch?%24ct=multipart%2Fmixed%3B%20boundary%3D%22%3D%3D%3D%3D%3Din85v42vsht9%3D%3D%3D%3D%3D%22&amp;key=AIzaSyAy9VVXHSpS2IJpptzYtGbLP3-3_l0aBk4</t>
  </si>
  <si>
    <t>http:///batch?%24ct=multipart%2Fmixed%3B%20boundary%3D%22%3D%3D%3D%3D%3Dp4nbgw44xhvc%3D%3D%3D%3D%3D%22&amp;key=AIzaSyAy9VVXHSpS2IJpptzYtGbLP3-3_l0aBk4</t>
  </si>
  <si>
    <t>9db8bb37-c6f4-4b5b-a51a-f58c62e8fe98.tmp</t>
  </si>
  <si>
    <t>\\acsfs\profiles$\anafsb\Downloads\9db8bb37-c6f4-4b5b-a51a-f58c62e8fe98.tmp</t>
  </si>
  <si>
    <t>24eb8ce6-45c3-49f8-8263-0f23071f33a5.tmp</t>
  </si>
  <si>
    <t>\\acsfs\profiles$\brendavdoa\Downloads\24eb8ce6-45c3-49f8-8263-0f23071f33a5.tmp</t>
  </si>
  <si>
    <t>c899439d-69d5-44eb-bfc4-f1a489eebfc5.tmp</t>
  </si>
  <si>
    <t>\\acsfs\profiles$\brendavdoa\Downloads\c899439d-69d5-44eb-bfc4-f1a489eebfc5.tmp</t>
  </si>
  <si>
    <t>c3973e68-db2c-4ba2-a58d-43f76730d1d6.tmp</t>
  </si>
  <si>
    <t>\\acsfs\profiles$\gabrielarb\Downloads\c3973e68-db2c-4ba2-a58d-43f76730d1d6.tmp</t>
  </si>
  <si>
    <t>455c4f54-6763-4964-88a7-11ba52b19d30.tmp</t>
  </si>
  <si>
    <t>\\acsfs\profiles$\gabrielarb\Downloads\455c4f54-6763-4964-88a7-11ba52b19d30.tmp</t>
  </si>
  <si>
    <t>23086ab2-1e96-4196-9d5b-25fc65c3834a.tmp</t>
  </si>
  <si>
    <t>\\acsfs\profiles$\marcosvnds\Downloads\23086ab2-1e96-4196-9d5b-25fc65c3834a.tmp</t>
  </si>
  <si>
    <t>91b063b2-fd44-43d4-8e6f-8014d512ea05.tmp</t>
  </si>
  <si>
    <t>\\acsfs\profiles$\marcosvnds\Downloads\91b063b2-fd44-43d4-8e6f-8014d512ea05.tmp</t>
  </si>
  <si>
    <t>906f616e-2a8b-41eb-830c-76b929dc2e61.tmp</t>
  </si>
  <si>
    <t>\\acsfs\profiles$\marcosvnds\Downloads\906f616e-2a8b-41eb-830c-76b929dc2e61.tmp</t>
  </si>
  <si>
    <t>a1143d31-109d-491d-a51c-86dbd45e3bb9.tmp</t>
  </si>
  <si>
    <t>\\acsfs\profiles$\marcosvnds\Downloads\a1143d31-109d-491d-a51c-86dbd45e3bb9.tmp</t>
  </si>
  <si>
    <t>87f3310b-dcb8-41c8-bc68-da10deab10ec.tmp</t>
  </si>
  <si>
    <t>\\acsfs\profiles$\marcosvnds\Downloads\87f3310b-dcb8-41c8-bc68-da10deab10ec.tmp</t>
  </si>
  <si>
    <t>90a5a855-a664-41d6-a07a-ddf7e2d27904.tmp</t>
  </si>
  <si>
    <t>\\acsfs\profiles$\laianear\Downloads\90a5a855-a664-41d6-a07a-ddf7e2d27904.tmp</t>
  </si>
  <si>
    <t>http:///batch?%24ct=multipart%2Fmixed%3B%20boundary%3D%22%3D%3D%3D%3D%3D8vukzpnvtabc%3D%3D%3D%3D%3D%22&amp;key=AIzaSyAy9VVXHSpS2IJpptzYtGbLP3-3_l0aBk4</t>
  </si>
  <si>
    <t>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95ea8888-d447-4574-9611-55e5f3a08351.tmp</t>
  </si>
  <si>
    <t>\\acsfs\profiles$\anafsb\Downloads\95ea8888-d447-4574-9611-55e5f3a08351.tmp</t>
  </si>
  <si>
    <t>b22c1de5-6ad1-47e3-a046-f98667f9ed47.tmp</t>
  </si>
  <si>
    <t>\\acsfs\profiles$\anafsb\Downloads\b22c1de5-6ad1-47e3-a046-f98667f9ed47.tmp</t>
  </si>
  <si>
    <t>d51e4563-e925-46a0-b45e-c496665d56d6.tmp</t>
  </si>
  <si>
    <t>\\acsfs\profiles$\regisedsj\Downloads\d51e4563-e925-46a0-b45e-c496665d56d6.tmp</t>
  </si>
  <si>
    <t>8ffa64dd-f354-4cd9-bdab-6747f79df579.tmp</t>
  </si>
  <si>
    <t>\\acsfs\profiles$\regisedsj\Downloads\8ffa64dd-f354-4cd9-bdab-6747f79df579.tmp</t>
  </si>
  <si>
    <t>76054172-17de-4449-af88-fab35bceee71.tmp</t>
  </si>
  <si>
    <t>\\acsfs\profiles$\leydianeamd\Downloads\76054172-17de-4449-af88-fab35bceee71.tmp</t>
  </si>
  <si>
    <t>Não confirmado 352858.crdownload</t>
  </si>
  <si>
    <t>\\acsfs\profiles$\leydianeamd\Downloads\Não confirmado 352858.crdownload</t>
  </si>
  <si>
    <t>12df33ad-9f86-4918-93e8-a2b3c1688fac.tmp</t>
  </si>
  <si>
    <t>\\acsfs\profiles$\leydianeamd\Downloads\12df33ad-9f86-4918-93e8-a2b3c1688fac.tmp</t>
  </si>
  <si>
    <t>fde4df69-3ab5-4eae-9a97-950f778992b4.tmp</t>
  </si>
  <si>
    <t>\\acsfs\profiles$\marcosvnds\Downloads\fde4df69-3ab5-4eae-9a97-950f778992b4.tmp</t>
  </si>
  <si>
    <t>afd743f7-f8b6-43a4-b720-171639aa4a93.tmp</t>
  </si>
  <si>
    <t>\\acsfs\profiles$\marcosvnds\Downloads\afd743f7-f8b6-43a4-b720-171639aa4a93.tmp</t>
  </si>
  <si>
    <t>cd15b387-24bf-424c-b0c2-d8a33e22d2a2.tmp</t>
  </si>
  <si>
    <t>\\acsfs\profiles$\marcosvnds\Downloads\cd15b387-24bf-424c-b0c2-d8a33e22d2a2.tmp</t>
  </si>
  <si>
    <t>~$ofertas_2210.xlsx</t>
  </si>
  <si>
    <t>\\acsfs\ACS\Gabriel da Silva\Contemporânea\VENDAS\~$ofertas_2210.xlsx</t>
  </si>
  <si>
    <t>~$consideracoes Rel BV.xlsx</t>
  </si>
  <si>
    <t>\\acsfs\ACS\Gabriel da Silva\Contemporânea\VENDAS\~$consideracoes Rel BV.xlsx</t>
  </si>
  <si>
    <t>660edf1b-6b6f-445a-a458-c339a959180d.tmp</t>
  </si>
  <si>
    <t>\\acsfs\profiles$\gabrielsma\Downloads\660edf1b-6b6f-445a-a458-c339a959180d.tmp</t>
  </si>
  <si>
    <t>Não confirmado 190655.crdownload</t>
  </si>
  <si>
    <t>\\acsfs\ACS\Gabriel da Silva\Contemporânea\VENDAS\Não confirmado 190655.crdownload</t>
  </si>
  <si>
    <t>Painel_Janeiro_2020.xlsx:Zone.Identifier</t>
  </si>
  <si>
    <t>\\acsfs\ACS\Gabriel da Silva\Contemporânea\VENDAS\Painel_Janeiro_2020.xlsx:Zone.Identifier</t>
  </si>
  <si>
    <t>e13b8c62-e536-49ae-a432-0ab005e6ed23.tmp</t>
  </si>
  <si>
    <t>\\acsfs\profiles$\gabrielsma\Downloads\e13b8c62-e536-49ae-a432-0ab005e6ed23.tmp</t>
  </si>
  <si>
    <t>798916af-12ab-4519-9dff-d32931054551.tmp</t>
  </si>
  <si>
    <t>\\acsfs\profiles$\gabrielsma\Downloads\798916af-12ab-4519-9dff-d32931054551.tmp</t>
  </si>
  <si>
    <t>Não confirmado 400826.crdownload</t>
  </si>
  <si>
    <t>\\acsfs\ACS\Gabriel da Silva\Contemporânea\VENDAS\Não confirmado 400826.crdownload</t>
  </si>
  <si>
    <t>Novo Relatório de Vendas.Jan20.zip:Zone.Identifier</t>
  </si>
  <si>
    <t>\\acsfs\ACS\Gabriel da Silva\Contemporânea\VENDAS\Novo Relatório de Vendas.Jan20.zip:Zone.Identifier</t>
  </si>
  <si>
    <t>bd9afba4-2738-4ad8-9fb4-f1f04c40a7f3.tmp</t>
  </si>
  <si>
    <t>\\acsfs\profiles$\rafaelahpn\Downloads\bd9afba4-2738-4ad8-9fb4-f1f04c40a7f3.tmp</t>
  </si>
  <si>
    <t>mail.google.com/sync/u/0/i/s?hl=pt-BR&amp;c=700</t>
  </si>
  <si>
    <t>mail.google.com/sync/u/0/i/s?hl=pt-BR&amp;c=703</t>
  </si>
  <si>
    <t>leonardoao@algartech.com;marianadjc@algartech.com;thiagordu@algartech.com;</t>
  </si>
  <si>
    <t>leonardoao@algartech.com,marianadjc@algartech.com,thiagordu@algartech.com</t>
  </si>
  <si>
    <t>mail.google.com/sync/u/0/i/s?hl=pt-BR&amp;c=705</t>
  </si>
  <si>
    <t>mail.google.com/sync/u/0/i/s?hl=pt-BR&amp;c=710</t>
  </si>
  <si>
    <t>mail.google.com/sync/u/0/i/s?hl=pt-BR&amp;c=712</t>
  </si>
  <si>
    <t>mail.google.com/sync/u/0/i/s?hl=pt-BR&amp;c=748</t>
  </si>
  <si>
    <t>36a9da2c-5eeb-4c71-a3d8-df22932eb484.tmp</t>
  </si>
  <si>
    <t>\\acsfs\profiles$\adelvinsonle\Downloads\36a9da2c-5eeb-4c71-a3d8-df22932eb484.tmp</t>
  </si>
  <si>
    <t>lu111788tsw39j.tmp</t>
  </si>
  <si>
    <t>\\acsfs\profiles$\BRUNAAR\Numero\lu111788tsw39j.tmp</t>
  </si>
  <si>
    <t>lu111788tsw39n.tmp</t>
  </si>
  <si>
    <t>\\acsfs\profiles$\BRUNAAR\Numero\lu111788tsw39n.tmp</t>
  </si>
  <si>
    <t>3AE365B2.tmp</t>
  </si>
  <si>
    <t>\\acsfs\ACS\Gabriel da Silva\Contemporânea\3AE365B2.tmp</t>
  </si>
  <si>
    <t>ED66E751.tmp</t>
  </si>
  <si>
    <t>\\acsfs\ACS\Gabriel da Silva\Contemporânea\ED66E751.tmp</t>
  </si>
  <si>
    <t>9E588EDC.tmp</t>
  </si>
  <si>
    <t>\\acsfs\ACS\Gabriel da Silva\Contemporânea\9E588EDC.tmp</t>
  </si>
  <si>
    <t>~$BDBV.xlsm</t>
  </si>
  <si>
    <t>\\acsfs\ACS\Gabriel da Silva\Contemporânea\~$BDBV.xlsm</t>
  </si>
  <si>
    <t>9690e47e-ffb2-4678-9307-2298a6c9d94c.tmp</t>
  </si>
  <si>
    <t>\\acsfs\profiles$\ERICALSR\Downloads\9690e47e-ffb2-4678-9307-2298a6c9d94c.tmp</t>
  </si>
  <si>
    <t>karolynecj@algartech.com.br;leonardoao@algartech.com;marianadjc@algartech.com;thiagordu@algartech.com;</t>
  </si>
  <si>
    <t>karolynecj@algartech.com.br,leonardoao@algartech.com,marianadjc@algartech.com,thiagordu@algartech.com</t>
  </si>
  <si>
    <t>a9a19b46-f0f3-4d8f-bfbf-86555e287b85.tmp</t>
  </si>
  <si>
    <t>\\acsfs\profiles$\leticiala\Downloads\a9a19b46-f0f3-4d8f-bfbf-86555e287b85.tmp</t>
  </si>
  <si>
    <t>lu62232azc4gv.tmp</t>
  </si>
  <si>
    <t>\\acsfs\profiles$\ALYNYA\My Documents\lu62232azc4gv.tmp</t>
  </si>
  <si>
    <t>\\acsfs\profiles$\ALYNYA\My Documents\lu62232azc4gv.tmp\</t>
  </si>
  <si>
    <t>\\acsfs\profiles$\ALYNYA\My Documents\lu62232azc4gv.tmp\META-INF\</t>
  </si>
  <si>
    <t>\\acsfs\profiles$\ALYNYA\My Documents\lu62232azc4gv.tmp\Thumbnails\</t>
  </si>
  <si>
    <t>3bb90812-629f-447f-98dd-0c27614ef19b.tmp</t>
  </si>
  <si>
    <t>\\acsfs\profiles$\gabrielarb\Downloads\3bb90812-629f-447f-98dd-0c27614ef19b.tmp</t>
  </si>
  <si>
    <t>\\acsfs\profiles$\ciceraads\Contacts\</t>
  </si>
  <si>
    <t>CICERA ALEXANDRA DOS SANTOS (26365).contact</t>
  </si>
  <si>
    <t>\\acsfs\profiles$\ciceraads\Contacts\CICERA ALEXANDRA DOS SANTOS (26365).contact</t>
  </si>
  <si>
    <t>\\acsfs\profiles$\ciceraads\My Documents\My Videos\</t>
  </si>
  <si>
    <t>\\acsfs\profiles$\ciceraads\My Documents\My Videos\desktop.ini</t>
  </si>
  <si>
    <t>\\acsfs\profiles$\ciceraads\My Documents\My Pictures\</t>
  </si>
  <si>
    <t>\\acsfs\profiles$\ciceraads\My Documents\My Pictures\desktop.ini</t>
  </si>
  <si>
    <t>\\acsfs\profiles$\ciceraads\Contacts\desktop.ini</t>
  </si>
  <si>
    <t>\\acsfs\profiles$\ciceraads\Favorites\</t>
  </si>
  <si>
    <t>\\acsfs\profiles$\ciceraads\Favorites\desktop.ini</t>
  </si>
  <si>
    <t>\\acsfs\profiles$\ciceraads\My Documents\My Music\</t>
  </si>
  <si>
    <t>\\acsfs\profiles$\ciceraads\My Documents\My Music\desktop.ini</t>
  </si>
  <si>
    <t>\\acsfs\profiles$\ciceraads\Searches\</t>
  </si>
  <si>
    <t>\\acsfs\profiles$\ciceraads\Searches\desktop.ini</t>
  </si>
  <si>
    <t>\\acsfs\profiles$\ciceraads\Downloads\</t>
  </si>
  <si>
    <t>\\acsfs\profiles$\ciceraads\Downloads\desktop.ini</t>
  </si>
  <si>
    <t>\\acsfs\profiles$\ciceraads\My Documents\</t>
  </si>
  <si>
    <t>\\acsfs\profiles$\ciceraads\My Documents\desktop.ini</t>
  </si>
  <si>
    <t>\\acsfs\profiles$\ciceraads\Saved Games\</t>
  </si>
  <si>
    <t>\\acsfs\profiles$\ciceraads\Saved Games\desktop.ini</t>
  </si>
  <si>
    <t>\\acsfs\profiles$\ciceraads\Favorites\Links for Brasil\</t>
  </si>
  <si>
    <t>\\acsfs\profiles$\ciceraads\Favorites\Links for Brasil\desktop.ini</t>
  </si>
  <si>
    <t>\\acsfs\profiles$\ciceraads\Favorites\Links for Brasil\Microsoft Brasil.url</t>
  </si>
  <si>
    <t>lu111788tsw39r.tmp</t>
  </si>
  <si>
    <t>\\acsfs\profiles$\BRUNAAR\Numero\lu111788tsw39r.tmp</t>
  </si>
  <si>
    <t>0468fc08-12b9-4010-a316-b07b73085368.tmp</t>
  </si>
  <si>
    <t>\\acsfs\profiles$\LAISLG\Downloads\0468fc08-12b9-4010-a316-b07b73085368.tmp</t>
  </si>
  <si>
    <t>http:///batch?%24ct=multipart%2Fmixed%3B%20boundary%3D%22%3D%3D%3D%3D%3Dtahpljuh9e8g%3D%3D%3D%3D%3D%22&amp;key=AIzaSyAy9VVXHSpS2IJpptzYtGbLP3-3_l0aBk4</t>
  </si>
  <si>
    <t>http:///batch?%24ct=multipart%2Fmixed%3B%20boundary%3D%22%3D%3D%3D%3D%3Djk4nlfbek5j4%3D%3D%3D%3D%3D%22&amp;key=AIzaSyAy9VVXHSpS2IJpptzYtGbLP3-3_l0aBk4</t>
  </si>
  <si>
    <t>http:///batch?%24ct=multipart%2Fmixed%3B%20boundary%3D%22%3D%3D%3D%3D%3D6gu4g7qnl107%3D%3D%3D%3D%3D%22&amp;key=AIzaSyAy9VVXHSpS2IJpptzYtGbLP3-3_l0aBk4</t>
  </si>
  <si>
    <t>http:///batch?%24ct=multipart%2Fmixed%3B%20boundary%3D%22%3D%3D%3D%3D%3Dxnqpkbe9di0y%3D%3D%3D%3D%3D%22&amp;key=AIzaSyAy9VVXHSpS2IJpptzYtGbLP3-3_l0aBk4</t>
  </si>
  <si>
    <t>3f87a7f91c4d2e6f1cae0006abad1213e_u x-goog-authuser: 0 --=====xnqpkbe9di0y=====--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3f87a7f91c4d2e6f1cae0006abad1213e_u x-goog-authuser: 0 --=====xnqpkbe9di0y=====-- 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gwox7e7cq1py%3D%3D%3D%3D%3D%22&amp;key=AIzaSyAy9VVXHSpS2IJpptzYtGbLP3-3_l0aBk4</t>
  </si>
  <si>
    <t>http:///batch?%24ct=multipart%2Fmixed%3B%20boundary%3D%22%3D%3D%3D%3D%3Dv5xkkb2284u1%3D%3D%3D%3D%3D%22&amp;key=AIzaSyAy9VVXHSpS2IJpptzYtGbLP3-3_l0aBk4</t>
  </si>
  <si>
    <t>http:///batch?%24ct=multipart%2Fmixed%3B%20boundary%3D%22%3D%3D%3D%3D%3Dilv8xtaivn7o%3D%3D%3D%3D%3D%22&amp;key=AIzaSyAy9VVXHSpS2IJpptzYtGbLP3-3_l0aBk4</t>
  </si>
  <si>
    <t>http:///batch?%24ct=multipart%2Fmixed%3B%20boundary%3D%22%3D%3D%3D%3D%3D6k239xjr2cmp%3D%3D%3D%3D%3D%22&amp;key=AIzaSyAy9VVXHSpS2IJpptzYtGbLP3-3_l0aBk4</t>
  </si>
  <si>
    <t>http:///batch?%24ct=multipart%2Fmixed%3B%20boundary%3D%22%3D%3D%3D%3D%3Dqg4ei9l6xxkd%3D%3D%3D%3D%3D%22&amp;key=AIzaSyAy9VVXHSpS2IJpptzYtGbLP3-3_l0aBk4</t>
  </si>
  <si>
    <t>http:///batch?%24ct=multipart%2Fmixed%3B%20boundary%3D%22%3D%3D%3D%3D%3D9diu1eot06t6%3D%3D%3D%3D%3D%22&amp;key=AIzaSyAy9VVXHSpS2IJpptzYtGbLP3-3_l0aBk4</t>
  </si>
  <si>
    <t>http:///batch?%24ct=multipart%2Fmixed%3B%20boundary%3D%22%3D%3D%3D%3D%3Dp3cjaqv6vb1%3D%3D%3D%3D%3D%22&amp;key=AIzaSyAy9VVXHSpS2IJpptzYtGbLP3-3_l0aBk4</t>
  </si>
  <si>
    <t>55eeab09-9cbf-4852-a325-89c16ead1159.tmp</t>
  </si>
  <si>
    <t>\\acsfs\profiles$\leonardobb\Downloads\55eeab09-9cbf-4852-a325-89c16ead1159.tmp</t>
  </si>
  <si>
    <t>8a4c985b-8531-4697-a9e1-8a4ad542e7a8.tmp</t>
  </si>
  <si>
    <t>\\acsfs\profiles$\gabrielaff\Downloads\8a4c985b-8531-4697-a9e1-8a4ad542e7a8.tmp</t>
  </si>
  <si>
    <t>cddfd942-27dc-4685-a7cd-99e05dbbaa5d.tmp</t>
  </si>
  <si>
    <t>\\acsfs\profiles$\leticiala\Downloads\cddfd942-27dc-4685-a7cd-99e05dbbaa5d.tmp</t>
  </si>
  <si>
    <t>\\acsfs\profiles$\ciceraads\Favorites\Links for Brasil\Windows Brasil.url</t>
  </si>
  <si>
    <t>\\acsfs\profiles$\ciceraads\Favorites\Links for Brasil\MSN Brasil.url</t>
  </si>
  <si>
    <t>1dcd8e9f-e8eb-4928-a218-d199365fcca3.tmp</t>
  </si>
  <si>
    <t>\\acsfs\profiles$\nayarasds\Downloads\1dcd8e9f-e8eb-4928-a218-d199365fcca3.tmp</t>
  </si>
  <si>
    <t>http:///batch?%24ct=multipart%2Fmixed%3B%20boundary%3D%22%3D%3D%3D%3D%3Dc4ky59otqwd3%3D%3D%3D%3D%3D%22&amp;key=AIzaSyAy9VVXHSpS2IJpptzYtGbLP3-3_l0aBk4</t>
  </si>
  <si>
    <t>http:///batch?%24ct=multipart%2Fmixed%3B%20boundary%3D%22%3D%3D%3D%3D%3D4oz6eruehh5h%3D%3D%3D%3D%3D%22&amp;key=AIzaSyAy9VVXHSpS2IJpptzYtGbLP3-3_l0aBk4</t>
  </si>
  <si>
    <t>http:///batch?%24ct=multipart%2Fmixed%3B%20boundary%3D%22%3D%3D%3D%3D%3Ds1yq0iyh8uq%3D%3D%3D%3D%3D%22&amp;key=AIzaSyAy9VVXHSpS2IJpptzYtGbLP3-3_l0aBk4</t>
  </si>
  <si>
    <t>http:///batch?%24ct=multipart%2Fmixed%3B%20boundary%3D%22%3D%3D%3D%3D%3Ddnsme77zicxd%3D%3D%3D%3D%3D%22&amp;key=AIzaSyAy9VVXHSpS2IJpptzYtGbLP3-3_l0aBk4</t>
  </si>
  <si>
    <t>http:///batch?%24ct=multipart%2Fmixed%3B%20boundary%3D%22%3D%3D%3D%3D%3D576irt3llahl%3D%3D%3D%3D%3D%22&amp;key=AIzaSyAy9VVXHSpS2IJpptzYtGbLP3-3_l0aBk4</t>
  </si>
  <si>
    <t>http:///batch?%24ct=multipart%2Fmixed%3B%20boundary%3D%22%3D%3D%3D%3D%3Dmspdv3nrurfg%3D%3D%3D%3D%3D%22&amp;key=AIzaSyAy9VVXHSpS2IJpptzYtGbLP3-3_l0aBk4</t>
  </si>
  <si>
    <t>marianerdo</t>
  </si>
  <si>
    <t>recisão Thiago.zip</t>
  </si>
  <si>
    <t>C:\Users\camillarl\Desktop\recisão Thiago.zip\</t>
  </si>
  <si>
    <t>recisÆo Thiago.pdf</t>
  </si>
  <si>
    <t>https://algar.folhasinergyrh.com.br/rescisao/upload?id=0&amp;idsolicitacao=18232&amp;idprerescisao=0</t>
  </si>
  <si>
    <t>lu97481505b.tmp</t>
  </si>
  <si>
    <t>\\acsfs\profiles$\Flaviojmm\My Documents\lu97481505b.tmp</t>
  </si>
  <si>
    <t>\\acsfs\profiles$\Flaviojmm\My Documents\lu97481505b.tmp\</t>
  </si>
  <si>
    <t>\\acsfs\profiles$\Flaviojmm\My Documents\lu97481505b.tmp\META-INF\</t>
  </si>
  <si>
    <t>\\acsfs\profiles$\Flaviojmm\My Documents\lu97481505b.tmp\Thumbnails\</t>
  </si>
  <si>
    <t>wagnerhad</t>
  </si>
  <si>
    <t>\\acsfs\ACS\Gabriel da Silva\Contemporânea\BDBV\6B2047AB.tmp\</t>
  </si>
  <si>
    <t>\\acsfs\ACS\Gabriel da Silva\Contemporânea\BDBV\6B2047AB.tmp\:Zone.Identifier:$DATA</t>
  </si>
  <si>
    <t>f99eb4d7-2953-4b86-ab99-a7e088236369.tmp</t>
  </si>
  <si>
    <t>\\acsfs\profiles$\gabriellalpr\Downloads\f99eb4d7-2953-4b86-ab99-a7e088236369.tmp</t>
  </si>
  <si>
    <t>http:///batch?%24ct=multipart%2Fmixed%3B%20boundary%3D%22%3D%3D%3D%3D%3Dqnjri4owrrhe%3D%3D%3D%3D%3D%22&amp;key=AIzaSyAy9VVXHSpS2IJpptzYtGbLP3-3_l0aBk4</t>
  </si>
  <si>
    <t>http:///batch?%24ct=multipart%2Fmixed%3B%20boundary%3D%22%3D%3D%3D%3D%3Dqa7vaxmd6zfz%3D%3D%3D%3D%3D%22&amp;key=AIzaSyAy9VVXHSpS2IJpptzYtGbLP3-3_l0aBk4</t>
  </si>
  <si>
    <t>http:///batch?%24ct=multipart%2Fmixed%3B%20boundary%3D%22%3D%3D%3D%3D%3Df9yao5pfeour%3D%3D%3D%3D%3D%22&amp;key=AIzaSyAy9VVXHSpS2IJpptzYtGbLP3-3_l0aBk4</t>
  </si>
  <si>
    <t>http:///batch?%24ct=multipart%2Fmixed%3B%20boundary%3D%22%3D%3D%3D%3D%3Dusa1ps37eqbf%3D%3D%3D%3D%3D%22&amp;key=AIzaSyAy9VVXHSpS2IJpptzYtGbLP3-3_l0aBk4</t>
  </si>
  <si>
    <t>http:///batch?%24ct=multipart%2Fmixed%3B%20boundary%3D%22%3D%3D%3D%3D%3Dm9pvvh5piaq8%3D%3D%3D%3D%3D%22&amp;key=AIzaSyAy9VVXHSpS2IJpptzYtGbLP3-3_l0aBk4</t>
  </si>
  <si>
    <t>http:///batch?%24ct=multipart%2Fmixed%3B%20boundary%3D%22%3D%3D%3D%3D%3De5b7yzengemy%3D%3D%3D%3D%3D%22&amp;key=AIzaSyAy9VVXHSpS2IJpptzYtGbLP3-3_l0aBk4</t>
  </si>
  <si>
    <t>http://sdcatalogo.algartech.com:8080/usm/documents?&amp;sh=ybgrdasckchhkirfqdgr00yxm2c=&amp;portal=true&amp;sp=rriif</t>
  </si>
  <si>
    <t>C:\Users\marianerdo\Downloads\</t>
  </si>
  <si>
    <t>Dados Colaboradores_Parceiros_ALGAR VF.xls</t>
  </si>
  <si>
    <t>d0ddc76f-29e1-47e4-9039-83c30dad0a65.tmp</t>
  </si>
  <si>
    <t>\\acsfs\profiles$\laylaams\Downloads\d0ddc76f-29e1-47e4-9039-83c30dad0a65.tmp</t>
  </si>
  <si>
    <t>de8314c7-cbb8-4f2d-96f1-b301c2fb025f.tmp</t>
  </si>
  <si>
    <t>\\acsfs\profiles$\matheushds\Downloads\de8314c7-cbb8-4f2d-96f1-b301c2fb025f.tmp</t>
  </si>
  <si>
    <t>trataBaseVoz.xlsm</t>
  </si>
  <si>
    <t>\\acsfs\ACS\Gabriel da Silva\Contemporânea\NPS\NPS_Voz\trataBaseVoz.xlsm</t>
  </si>
  <si>
    <t>http:///batch?%24ct=multipart%2Fmixed%3B%20boundary%3D%22%3D%3D%3D%3D%3Diaudyrjxbal4%3D%3D%3D%3D%3D%22&amp;key=AIzaSyAy9VVXHSpS2IJpptzYtGbLP3-3_l0aBk4</t>
  </si>
  <si>
    <t>http:///batch?%24ct=multipart%2Fmixed%3B%20boundary%3D%22%3D%3D%3D%3D%3Des4cr5rktxk5%3D%3D%3D%3D%3D%22&amp;key=AIzaSyAy9VVXHSpS2IJpptzYtGbLP3-3_l0aBk4</t>
  </si>
  <si>
    <t>http:///batch?%24ct=multipart%2Fmixed%3B%20boundary%3D%22%3D%3D%3D%3D%3Dm15rr99zyns3%3D%3D%3D%3D%3D%22&amp;key=AIzaSyAy9VVXHSpS2IJpptzYtGbLP3-3_l0aBk4</t>
  </si>
  <si>
    <t>lu91924clsp.tmp</t>
  </si>
  <si>
    <t>\\acsfs\profiles$\LUCASBS\RENEG BV\lu91924clsp.tmp</t>
  </si>
  <si>
    <t>\\acsfs\profiles$\LUCASBS\RENEG BV\lu91924clsp.tmp\</t>
  </si>
  <si>
    <t>\\acsfs\profiles$\LUCASBS\RENEG BV\lu91924clsp.tmp\META-INF\</t>
  </si>
  <si>
    <t>\\acsfs\profiles$\LUCASBS\RENEG BV\lu91924clsp.tmp\Thumbnails\</t>
  </si>
  <si>
    <t>ecab13e6-88fb-40ae-a6d1-19ad6a82abd9.tmp</t>
  </si>
  <si>
    <t>\\acsfs\profiles$\laylaams\Downloads\ecab13e6-88fb-40ae-a6d1-19ad6a82abd9.tmp</t>
  </si>
  <si>
    <t>lu2260dfa7.tmp</t>
  </si>
  <si>
    <t>\\acsfs\profiles$\laylaams\My Documents\lu2260dfa7.tmp</t>
  </si>
  <si>
    <t>\\acsfs\profiles$\laylaams\My Documents\lu2260dfa7.tmp\</t>
  </si>
  <si>
    <t>\\acsfs\profiles$\laylaams\My Documents\lu2260dfa7.tmp\META-INF\</t>
  </si>
  <si>
    <t>\\acsfs\profiles$\laylaams\My Documents\lu2260dfa7.tmp\Thumbnails\</t>
  </si>
  <si>
    <t>lu2060117ch.tmp</t>
  </si>
  <si>
    <t>\\acsfs\profiles$\CLAUDIAJCA\Reneg 18-12\lu2060117ch.tmp</t>
  </si>
  <si>
    <t>\\acsfs\profiles$\CLAUDIAJCA\Reneg 18-12\lu2060117ch.tmp\</t>
  </si>
  <si>
    <t>\\acsfs\profiles$\CLAUDIAJCA\Reneg 18-12\lu2060117ch.tmp\META-INF\</t>
  </si>
  <si>
    <t>\\acsfs\profiles$\CLAUDIAJCA\Reneg 18-12\lu2060117ch.tmp\Thumbnails\</t>
  </si>
  <si>
    <t>\\acsfs\Deptos\EDUCACAO EMPRESARIAL\KÉSIA\Ligações 1º Ciclo - Janeiro 2020\</t>
  </si>
  <si>
    <t>ANDREA PAULA DA SILVA GOMES_1_6773760293185062027_1_32.wav</t>
  </si>
  <si>
    <t>\\acsfs\Deptos\EDUCACAO EMPRESARIAL\KÉSIA\Ligações 1º Ciclo - Janeiro 2020\ANDREA PAULA DA SILVA GOMES_1_6773760293185062027_1_32.wav</t>
  </si>
  <si>
    <t>lu145166npsc.tmp</t>
  </si>
  <si>
    <t>\\acsfs\profiles$\VIVIANALDS\My Documents\lu145166npsc.tmp</t>
  </si>
  <si>
    <t>\\acsfs\profiles$\VIVIANALDS\My Documents\lu145166npsc.tmp\</t>
  </si>
  <si>
    <t>\\acsfs\profiles$\VIVIANALDS\My Documents\lu145166npsc.tmp\META-INF\</t>
  </si>
  <si>
    <t>\\acsfs\profiles$\VIVIANALDS\My Documents\lu145166npsc.tmp\Thumbnails\</t>
  </si>
  <si>
    <t>042a287e-d182-4292-834f-37a30779d36f.tmp</t>
  </si>
  <si>
    <t>\\acsfs\profiles$\leonardobb\Downloads\042a287e-d182-4292-834f-37a30779d36f.tmp</t>
  </si>
  <si>
    <t>9b50faa8-b80b-4273-b95b-2ea2d15d88bb.tmp</t>
  </si>
  <si>
    <t>\\acsfs\profiles$\luanaagl\Downloads\9b50faa8-b80b-4273-b95b-2ea2d15d88bb.tmp</t>
  </si>
  <si>
    <t>cea885b4-1187-4e97-a6c1-e6a4309145be.tmp</t>
  </si>
  <si>
    <t>\\acsfs\profiles$\rafaelahpn\Downloads\cea885b4-1187-4e97-a6c1-e6a4309145be.tmp</t>
  </si>
  <si>
    <t>ccbb5846-3240-47e9-8928-a74d2619a23a.tmp</t>
  </si>
  <si>
    <t>\\acsfs\profiles$\inarajst\Downloads\ccbb5846-3240-47e9-8928-a74d2619a23a.tmp</t>
  </si>
  <si>
    <t>Contato Reneg Vencimento 08-01.zip</t>
  </si>
  <si>
    <t>\\acsfs\profiles$\CLAUDIAJCA\Reneg 18-12\Contato Reneg Vencimento 08-01.zip</t>
  </si>
  <si>
    <t>\\acsfs\profiles$\CLAUDIAJCA\Reneg 18-12\Contato Reneg Vencimento 08-01.zip\</t>
  </si>
  <si>
    <t>Contato Reneg Vencimento 08-01.ods</t>
  </si>
  <si>
    <t>\\acsfs\profiles$\CLAUDIAJCA\Reneg 18-12\Contato Reneg Vencimento 08-01.zip\Contato Reneg Vencimento 08-01.ods\</t>
  </si>
  <si>
    <t>\\acsfs\profiles$\CLAUDIAJCA\Reneg 18-12\Contato Reneg Vencimento 08-01.zip\Contato Reneg Vencimento 08-01.ods\META-INF\</t>
  </si>
  <si>
    <t>\\acsfs\profiles$\CLAUDIAJCA\Reneg 18-12\Contato Reneg Vencimento 08-01.zip\Contato Reneg Vencimento 08-01.ods\Thumbnails\</t>
  </si>
  <si>
    <t>Contato Reneg Vencimento 08-01 (2).zip</t>
  </si>
  <si>
    <t>\\acsfs\profiles$\CLAUDIAJCA\Reneg 18-12\Contato Reneg Vencimento 08-01 (2).zip</t>
  </si>
  <si>
    <t>\\acsfs\profiles$\CLAUDIAJCA\Reneg 18-12\Contato Reneg Vencimento 08-01 (2).zip\</t>
  </si>
  <si>
    <t>\\acsfs\profiles$\CLAUDIAJCA\Reneg 18-12\Contato Reneg Vencimento 08-01 (2).zip\Contato Reneg Vencimento 08-01.ods\</t>
  </si>
  <si>
    <t>\\acsfs\profiles$\CLAUDIAJCA\Reneg 18-12\Contato Reneg Vencimento 08-01 (2).zip\Contato Reneg Vencimento 08-01.ods\META-INF\</t>
  </si>
  <si>
    <t>\\acsfs\profiles$\CLAUDIAJCA\Reneg 18-12\Contato Reneg Vencimento 08-01 (2).zip\Contato Reneg Vencimento 08-01.ods\Thumbnails\</t>
  </si>
  <si>
    <t>\\acsfs\Deptos\EDUCACAO EMPRESARIAL\KÉSIA\276C2D4C.tmp\</t>
  </si>
  <si>
    <t>\\acsfs\Deptos\EDUCACAO EMPRESARIAL\KÉSIA\276C2D4C.tmp\:Zone.Identifier:$DATA</t>
  </si>
  <si>
    <t>http:///batch?%24ct=multipart%2Fmixed%3B%20boundary%3D%22%3D%3D%3D%3D%3D2m067tfwz6wf%3D%3D%3D%3D%3D%22&amp;key=AIzaSyAy9VVXHSpS2IJpptzYtGbLP3-3_l0aBk4</t>
  </si>
  <si>
    <t>http:///batch?%24ct=multipart%2Fmixed%3B%20boundary%3D%22%3D%3D%3D%3D%3Dd2hbk9astlez%3D%3D%3D%3D%3D%22&amp;key=AIzaSyAy9VVXHSpS2IJpptzYtGbLP3-3_l0aBk4</t>
  </si>
  <si>
    <t>http:///batch?%24ct=multipart%2Fmixed%3B%20boundary%3D%22%3D%3D%3D%3D%3Daswa8ahvfel6%3D%3D%3D%3D%3D%22&amp;key=AIzaSyAy9VVXHSpS2IJpptzYtGbLP3-3_l0aBk4</t>
  </si>
  <si>
    <t>http:///batch?%24ct=multipart%2Fmixed%3B%20boundary%3D%22%3D%3D%3D%3D%3Dz5m2fb635iko%3D%3D%3D%3D%3D%22&amp;key=AIzaSyAy9VVXHSpS2IJpptzYtGbLP3-3_l0aBk4</t>
  </si>
  <si>
    <t>http:///batch?%24ct=multipart%2Fmixed%3B%20boundary%3D%22%3D%3D%3D%3D%3Dcezgc847sm7c%3D%3D%3D%3D%3D%22&amp;key=AIzaSyAy9VVXHSpS2IJpptzYtGbLP3-3_l0aBk4</t>
  </si>
  <si>
    <t>lu91924clsu.tmp</t>
  </si>
  <si>
    <t>\\acsfs\profiles$\LUCASBS\RENEG BV\lu91924clsu.tmp</t>
  </si>
  <si>
    <t>\\acsfs\profiles$\LUCASBS\RENEG BV\lu91924clsu.tmp\</t>
  </si>
  <si>
    <t>\\acsfs\profiles$\LUCASBS\RENEG BV\lu91924clsu.tmp\META-INF\</t>
  </si>
  <si>
    <t>\\acsfs\profiles$\LUCASBS\RENEG BV\lu91924clsu.tmp\Thumbnails\</t>
  </si>
  <si>
    <t>625ef52d-08a7-43a0-b324-5aa2247bb045.tmp</t>
  </si>
  <si>
    <t>\\acsfs\profiles$\karinarm\Downloads\625ef52d-08a7-43a0-b324-5aa2247bb045.tmp</t>
  </si>
  <si>
    <t>5abcf59a-1e95-41ad-9401-40f1142a5754.tmp</t>
  </si>
  <si>
    <t>\\acsfs\profiles$\brendavdoa\Downloads\5abcf59a-1e95-41ad-9401-40f1142a5754.tmp</t>
  </si>
  <si>
    <t>lu97481505o.tmp</t>
  </si>
  <si>
    <t>\\acsfs\profiles$\Flaviojmm\My Documents\lu97481505o.tmp</t>
  </si>
  <si>
    <t>\\acsfs\ACS\Gabriel da Silva\Contemporânea\NPS\EC4088D3.tmp\</t>
  </si>
  <si>
    <t>\\acsfs\ACS\Gabriel da Silva\Contemporânea\NPS\EC4088D3.tmp\:Zone.Identifier:$DATA</t>
  </si>
  <si>
    <t>\\acsfs\ACS\Gabriel da Silva\Contemporânea\NPS\NPS CONSIGNADO.xlsx\</t>
  </si>
  <si>
    <t>\\acsfs\ACS\Gabriel da Silva\Contemporânea\NPS\NPS CONSIGNADO.xlsx</t>
  </si>
  <si>
    <t>\\acsfs\ACS\Gabriel da Silva\Contemporânea\NPS\</t>
  </si>
  <si>
    <t>NPS CONSIGNADO.xlsx</t>
  </si>
  <si>
    <t>c8dfc7a0-4dad-429e-826b-85ee837351ad.tmp</t>
  </si>
  <si>
    <t>\\acsfs\profiles$\paulovadc\Downloads\c8dfc7a0-4dad-429e-826b-85ee837351ad.tmp</t>
  </si>
  <si>
    <t>1e38cff9-de38-487f-a6a7-d2ed3210e06d.tmp</t>
  </si>
  <si>
    <t>\\acsfs\profiles$\jalilebds\Downloads\1e38cff9-de38-487f-a6a7-d2ed3210e06d.tmp</t>
  </si>
  <si>
    <t>.~lock.Contato Reneg Vencimento 08-01 Env Adilson.ods#</t>
  </si>
  <si>
    <t>\\acsfs\profiles$\CLAUDIAJCA\Reneg 18-12\.~lock.Contato Reneg Vencimento 08-01 Env Adilson.ods#</t>
  </si>
  <si>
    <t>lu150447fbra.tmp</t>
  </si>
  <si>
    <t>\\acsfs\profiles$\CLAUDIAJCA\Reneg 18-12\lu150447fbra.tmp</t>
  </si>
  <si>
    <t>5829;</t>
  </si>
  <si>
    <t>https://5829</t>
  </si>
  <si>
    <t>442ba9c5-a439-4949-a18e-15256201aa6a.tmp</t>
  </si>
  <si>
    <t>\\acsfs\profiles$\brendavdoa\Downloads\442ba9c5-a439-4949-a18e-15256201aa6a.tmp</t>
  </si>
  <si>
    <t>\\acsfs\profiles$\Flaviojmm\My Documents\lu97481505o.tmp\</t>
  </si>
  <si>
    <t>\\acsfs\profiles$\Flaviojmm\My Documents\lu97481505o.tmp\META-INF\</t>
  </si>
  <si>
    <t>\\acsfs\profiles$\Flaviojmm\My Documents\lu97481505o.tmp\Thumbnails\</t>
  </si>
  <si>
    <t>lu97481505t.tmp</t>
  </si>
  <si>
    <t>\\acsfs\profiles$\Flaviojmm\My Documents\lu97481505t.tmp</t>
  </si>
  <si>
    <t>\\acsfs\profiles$\Flaviojmm\My Documents\lu97481505t.tmp\</t>
  </si>
  <si>
    <t>\\acsfs\profiles$\Flaviojmm\My Documents\lu97481505t.tmp\META-INF\</t>
  </si>
  <si>
    <t>\\acsfs\profiles$\Flaviojmm\My Documents\lu97481505t.tmp\Thumbnails\</t>
  </si>
  <si>
    <t>\\acsfs\ACS\Gabriel da Silva\Contemporânea\NPS\5F64A386.tmp\</t>
  </si>
  <si>
    <t>\\acsfs\ACS\Gabriel da Silva\Contemporânea\NPS\5F64A386.tmp\:Zone.Identifier:$DATA</t>
  </si>
  <si>
    <t>lu79481asj7o.tmp</t>
  </si>
  <si>
    <t>\\acsfs\profiles$\jalilebds\Downloads\lu79481asj7o.tmp</t>
  </si>
  <si>
    <t>\\acsfs\profiles$\CLAUDIAJCA\Reneg 18-12\lu150447fbra.tmp\</t>
  </si>
  <si>
    <t>\\acsfs\profiles$\CLAUDIAJCA\Reneg 18-12\lu150447fbra.tmp\META-INF\</t>
  </si>
  <si>
    <t>\\acsfs\profiles$\CLAUDIAJCA\Reneg 18-12\lu150447fbra.tmp\Thumbnails\</t>
  </si>
  <si>
    <t>Contato Reneg Vencimento 08-01 Env Adilson.zip</t>
  </si>
  <si>
    <t>\\acsfs\profiles$\CLAUDIAJCA\Reneg 18-12\Contato Reneg Vencimento 08-01 Env Adilson.zip</t>
  </si>
  <si>
    <t>\\acsfs\profiles$\CLAUDIAJCA\Reneg 18-12\Contato Reneg Vencimento 08-01 Env Adilson.zip\</t>
  </si>
  <si>
    <t>Contato Reneg Vencimento 08-01 Env Adilson.ods</t>
  </si>
  <si>
    <t>\\acsfs\profiles$\CLAUDIAJCA\Reneg 18-12\Contato Reneg Vencimento 08-01 Env Adilson.zip\Contato Reneg Vencimento 08-01 Env Adilson.ods\</t>
  </si>
  <si>
    <t>\\acsfs\profiles$\CLAUDIAJCA\Reneg 18-12\Contato Reneg Vencimento 08-01 Env Adilson.zip\Contato Reneg Vencimento 08-01 Env Adilson.ods\META-INF\</t>
  </si>
  <si>
    <t>\\acsfs\profiles$\CLAUDIAJCA\Reneg 18-12\Contato Reneg Vencimento 08-01 Env Adilson.zip\Contato Reneg Vencimento 08-01 Env Adilson.ods\Thumbnails\</t>
  </si>
  <si>
    <t>PEDRO HENRIQUE ALMEIDA BATISTA_1_6775169892861686445_1_32.wav</t>
  </si>
  <si>
    <t>\\acsfs\Deptos\EDUCACAO EMPRESARIAL\KÉSIA\Ligações 1º Ciclo - Janeiro 2020\PEDRO HENRIQUE ALMEIDA BATISTA_1_6775169892861686445_1_32.wav</t>
  </si>
  <si>
    <t>945cf95a-2e08-44ce-b095-230720a931f5.tmp</t>
  </si>
  <si>
    <t>\\acsfs\profiles$\marcosvnds\Downloads\945cf95a-2e08-44ce-b095-230720a931f5.tmp</t>
  </si>
  <si>
    <t>\\acsfs\profiles$\KARENJSS\Contacts\</t>
  </si>
  <si>
    <t>Karen Jane Santos Silva (21).contact</t>
  </si>
  <si>
    <t>\\acsfs\profiles$\KARENJSS\Contacts\Karen Jane Santos Silva (21).contact</t>
  </si>
  <si>
    <t>bcb675ab-3e66-432d-aff9-eadec4d4d759.tmp</t>
  </si>
  <si>
    <t>\\acsfs\profiles$\leonardobb\Downloads\bcb675ab-3e66-432d-aff9-eadec4d4d759.tmp</t>
  </si>
  <si>
    <t>.~lock.RENEG BV - Venc 08.01.2020 Teste.ods#</t>
  </si>
  <si>
    <t>\\acsfs\profiles$\LUCASBS\RENEG BV\.~lock.RENEG BV - Venc 08.01.2020 Teste.ods#</t>
  </si>
  <si>
    <t>lu91924clsz.tmp</t>
  </si>
  <si>
    <t>\\acsfs\profiles$\LUCASBS\RENEG BV\lu91924clsz.tmp</t>
  </si>
  <si>
    <t>\\acsfs\profiles$\LUCASBS\RENEG BV\lu91924clsz.tmp\</t>
  </si>
  <si>
    <t>\\acsfs\profiles$\LUCASBS\RENEG BV\lu91924clsz.tmp\META-INF\</t>
  </si>
  <si>
    <t>\\acsfs\profiles$\LUCASBS\RENEG BV\lu91924clsz.tmp\Thumbnails\</t>
  </si>
  <si>
    <t>lu91924clt4.tmp</t>
  </si>
  <si>
    <t>\\acsfs\profiles$\LUCASBS\RENEG BV\lu91924clt4.tmp</t>
  </si>
  <si>
    <t>\\acsfs\profiles$\LUCASBS\RENEG BV\lu91924clt4.tmp\</t>
  </si>
  <si>
    <t>\\acsfs\profiles$\LUCASBS\RENEG BV\lu91924clt4.tmp\META-INF\</t>
  </si>
  <si>
    <t>\\acsfs\profiles$\LUCASBS\RENEG BV\lu91924clt4.tmp\Thumbnails\</t>
  </si>
  <si>
    <t>9ecb933c-ffca-4916-8eb6-56a3d5166954.tmp</t>
  </si>
  <si>
    <t>\\acsfs\profiles$\milenaas\Downloads\9ecb933c-ffca-4916-8eb6-56a3d5166954.tmp</t>
  </si>
  <si>
    <t>\\acsfs\profiles$\KARENJSS\My Documents\My Videos\</t>
  </si>
  <si>
    <t>\\acsfs\profiles$\KARENJSS\My Documents\My Videos\desktop.ini</t>
  </si>
  <si>
    <t>\\acsfs\profiles$\KARENJSS\My Documents\My Pictures\</t>
  </si>
  <si>
    <t>\\acsfs\profiles$\KARENJSS\My Documents\My Pictures\desktop.ini</t>
  </si>
  <si>
    <t>\\acsfs\profiles$\KARENJSS\Contacts\desktop.ini</t>
  </si>
  <si>
    <t>\\acsfs\profiles$\KARENJSS\Favorites\</t>
  </si>
  <si>
    <t>\\acsfs\profiles$\KARENJSS\Favorites\desktop.ini</t>
  </si>
  <si>
    <t>\\acsfs\profiles$\KARENJSS\My Documents\My Music\</t>
  </si>
  <si>
    <t>\\acsfs\profiles$\KARENJSS\My Documents\My Music\desktop.ini</t>
  </si>
  <si>
    <t>\\acsfs\profiles$\KARENJSS\Searches\</t>
  </si>
  <si>
    <t>\\acsfs\profiles$\KARENJSS\Searches\desktop.ini</t>
  </si>
  <si>
    <t>\\acsfs\profiles$\KARENJSS\Downloads\desktop.ini</t>
  </si>
  <si>
    <t>\\acsfs\profiles$\KARENJSS\My Documents\</t>
  </si>
  <si>
    <t>\\acsfs\profiles$\KARENJSS\My Documents\desktop.ini</t>
  </si>
  <si>
    <t>\\acsfs\profiles$\KARENJSS\Saved Games\</t>
  </si>
  <si>
    <t>\\acsfs\profiles$\KARENJSS\Saved Games\desktop.ini</t>
  </si>
  <si>
    <t>\\acsfs\profiles$\KARENJSS\Favorites\Links for Brasil\</t>
  </si>
  <si>
    <t>\\acsfs\profiles$\KARENJSS\Favorites\Links for Brasil\desktop.ini</t>
  </si>
  <si>
    <t>\\acsfs\profiles$\KARENJSS\Favorites\Links for Brasil\Microsoft Brasil.url</t>
  </si>
  <si>
    <t>\\acsfs\profiles$\KARENJSS\Favorites\Links for Brasil\Windows Brasil.url</t>
  </si>
  <si>
    <t>\\acsfs\profiles$\KARENJSS\Favorites\Links for Brasil\MSN Brasil.url</t>
  </si>
  <si>
    <t>3639c0ba-bd70-4dbc-8a06-ce0a8fade0b7.tmp</t>
  </si>
  <si>
    <t>\\acsfs\profiles$\KARENJSS\Downloads\3639c0ba-bd70-4dbc-8a06-ce0a8fade0b7.tmp</t>
  </si>
  <si>
    <t>a7f138c0-2f70-45b9-bd53-0c4960136f3f.tmp</t>
  </si>
  <si>
    <t>\\acsfs\profiles$\KARENJSS\Downloads\a7f138c0-2f70-45b9-bd53-0c4960136f3f.tmp</t>
  </si>
  <si>
    <t>138954f5-e804-4728-ba0d-ac49269fae95.tmp</t>
  </si>
  <si>
    <t>\\acsfs\profiles$\KARENJSS\Downloads\138954f5-e804-4728-ba0d-ac49269fae95.tmp</t>
  </si>
  <si>
    <t>lu91924cltc.tmp</t>
  </si>
  <si>
    <t>\\acsfs\profiles$\LUCASBS\Planilhas\lu91924cltc.tmp</t>
  </si>
  <si>
    <t>lu91924cltl.tmp</t>
  </si>
  <si>
    <t>\\acsfs\profiles$\LUCASBS\Planilhas\lu91924cltl.tmp</t>
  </si>
  <si>
    <t>lu91924cltr.tmp</t>
  </si>
  <si>
    <t>\\acsfs\profiles$\LUCASBS\Planilhas\lu91924cltr.tmp</t>
  </si>
  <si>
    <t>lu91924clu0.tmp</t>
  </si>
  <si>
    <t>\\acsfs\profiles$\LUCASBS\Planilhas\lu91924clu0.tmp</t>
  </si>
  <si>
    <t>.~lock.Vendas 11.12.2019.xlsx#</t>
  </si>
  <si>
    <t>\\acsfs\profiles$\LUCASBS\Planilhas\.~lock.Vendas 11.12.2019.xlsx#</t>
  </si>
  <si>
    <t>lu91924clua.tmp</t>
  </si>
  <si>
    <t>\\acsfs\profiles$\LUCASBS\Planilhas\lu91924clua.tmp</t>
  </si>
  <si>
    <t>248f8f61-4ee8-4bdf-8288-031d45d172a0.tmp</t>
  </si>
  <si>
    <t>\\acsfs\profiles$\georgendsq\Downloads\248f8f61-4ee8-4bdf-8288-031d45d172a0.tmp</t>
  </si>
  <si>
    <t>10e8fc36-622f-494f-9fd4-bbc8033df6ba.tmp</t>
  </si>
  <si>
    <t>\\acsfs\profiles$\georgendsq\Downloads\10e8fc36-622f-494f-9fd4-bbc8033df6ba.tmp</t>
  </si>
  <si>
    <t>71d32c9d-4adb-47e9-b223-0b881d20ebb4.tmp</t>
  </si>
  <si>
    <t>\\acsfs\profiles$\georgendsq\Downloads\71d32c9d-4adb-47e9-b223-0b881d20ebb4.tmp</t>
  </si>
  <si>
    <t>b72cbe92-e79e-4a5e-b83f-97155dd12976.tmp</t>
  </si>
  <si>
    <t>\\acsfs\profiles$\ingridsm\Downloads\b72cbe92-e79e-4a5e-b83f-97155dd12976.tmp</t>
  </si>
  <si>
    <t>mail.google.com/sync/u/0/i/s?hl=pt-BR&amp;c=460</t>
  </si>
  <si>
    <t>mail.google.com/sync/u/0/i/s?hl=pt-BR&amp;c=472</t>
  </si>
  <si>
    <t>aae72323-864b-4d4d-bf4e-5e22cc62cbb5.tmp</t>
  </si>
  <si>
    <t>\\acsfs\profiles$\brendadsl\Downloads\aae72323-864b-4d4d-bf4e-5e22cc62cbb5.tmp</t>
  </si>
  <si>
    <t>5af0a6dc-030e-471f-b2a9-66136aceecff.tmp</t>
  </si>
  <si>
    <t>\\acsfs\profiles$\brendadsl\Downloads\5af0a6dc-030e-471f-b2a9-66136aceecff.tmp</t>
  </si>
  <si>
    <t>66dad5b3-40c8-4936-94bd-c583ebaf9fb0.tmp</t>
  </si>
  <si>
    <t>\\acsfs\profiles$\brendadsl\Downloads\66dad5b3-40c8-4936-94bd-c583ebaf9fb0.tmp</t>
  </si>
  <si>
    <t>9cb0a452-a551-4ba5-8e49-28a2362dbb25.tmp</t>
  </si>
  <si>
    <t>\\acsfs\profiles$\brendadsl\Downloads\9cb0a452-a551-4ba5-8e49-28a2362dbb25.tmp</t>
  </si>
  <si>
    <t>cb1ad038-40b0-4400-bc10-d09ad0f003bf.tmp</t>
  </si>
  <si>
    <t>\\acsfs\profiles$\brendadsl\Downloads\cb1ad038-40b0-4400-bc10-d09ad0f003bf.tmp</t>
  </si>
  <si>
    <t>ad69ea31-a2f7-4766-a858-c021686774c3.tmp</t>
  </si>
  <si>
    <t>\\acsfs\profiles$\brendadsl\Downloads\ad69ea31-a2f7-4766-a858-c021686774c3.tmp</t>
  </si>
  <si>
    <t>07e494cc-79e5-41ef-a6a1-6b57e29326a0.tmp</t>
  </si>
  <si>
    <t>\\acsfs\profiles$\luanarda\Downloads\07e494cc-79e5-41ef-a6a1-6b57e29326a0.tmp</t>
  </si>
  <si>
    <t>fe987b63-4eb2-4e86-883c-a24e2ec25ca3.tmp</t>
  </si>
  <si>
    <t>\\acsfs\profiles$\joycemmdl\Downloads\fe987b63-4eb2-4e86-883c-a24e2ec25ca3.tmp</t>
  </si>
  <si>
    <t>73bf52b8-209e-463a-afc0-bda3df43be7a.tmp</t>
  </si>
  <si>
    <t>\\acsfs\profiles$\gabrielafs\Downloads\73bf52b8-209e-463a-afc0-bda3df43be7a.tmp</t>
  </si>
  <si>
    <t>878b83aa-d67a-4d0a-901e-4bc5287177c8.tmp</t>
  </si>
  <si>
    <t>\\acsfs\profiles$\marcosvnds\Downloads\878b83aa-d67a-4d0a-901e-4bc5287177c8.tmp</t>
  </si>
  <si>
    <t>.~lock.Retenção de Seguros.xlsx#</t>
  </si>
  <si>
    <t>\\acsfs\profiles$\LUCASBS\Planilhas\.~lock.Retenção de Seguros.xlsx#</t>
  </si>
  <si>
    <t>lu91924cluj.tmp</t>
  </si>
  <si>
    <t>\\acsfs\profiles$\LUCASBS\Planilhas\lu91924cluj.tmp</t>
  </si>
  <si>
    <t>lu91924clur.tmp</t>
  </si>
  <si>
    <t>\\acsfs\profiles$\LUCASBS\Planilhas\lu91924clur.tmp</t>
  </si>
  <si>
    <t>\\acsfs\profiles$\LUCASBS\Novo Documento de Texto.txt</t>
  </si>
  <si>
    <t>lu91924cluu.tmp</t>
  </si>
  <si>
    <t>\\acsfs\profiles$\LUCASBS\RENEG BV\lu91924cluu.tmp</t>
  </si>
  <si>
    <t>\\acsfs\profiles$\LUCASBS\RENEG BV\lu91924cluu.tmp\</t>
  </si>
  <si>
    <t>\\acsfs\profiles$\LUCASBS\RENEG BV\lu91924cluu.tmp\META-INF\</t>
  </si>
  <si>
    <t>\\acsfs\profiles$\LUCASBS\RENEG BV\lu91924cluu.tmp\Thumbnails\</t>
  </si>
  <si>
    <t>79db02b7-1e4c-4ce4-bbf4-dc6b564bc396.tmp</t>
  </si>
  <si>
    <t>\\acsfs\profiles$\andrezacapf\Downloads\79db02b7-1e4c-4ce4-bbf4-dc6b564bc396.tmp</t>
  </si>
  <si>
    <t>ae95c9aa-e905-48fd-b9d9-252ec80d88b6.tmp</t>
  </si>
  <si>
    <t>\\acsfs\profiles$\andrezacapf\Downloads\ae95c9aa-e905-48fd-b9d9-252ec80d88b6.tmp</t>
  </si>
  <si>
    <t>95de1f85-be8d-4340-8d04-671e882a2cab.tmp</t>
  </si>
  <si>
    <t>\\acsfs\profiles$\andrezacapf\Downloads\95de1f85-be8d-4340-8d04-671e882a2cab.tmp</t>
  </si>
  <si>
    <t>4f6c280f-b6df-4ca7-9025-ca5cadfc4f74.tmp</t>
  </si>
  <si>
    <t>\\acsfs\profiles$\andrezacapf\Downloads\4f6c280f-b6df-4ca7-9025-ca5cadfc4f74.tmp</t>
  </si>
  <si>
    <t>8222d54d-667f-4004-b426-c164a9083c06.tmp</t>
  </si>
  <si>
    <t>\\acsfs\profiles$\andrezacapf\Downloads\8222d54d-667f-4004-b426-c164a9083c06.tmp</t>
  </si>
  <si>
    <t>2805d126-abba-4c7a-b8eb-e6ee93b1ffdb.tmp</t>
  </si>
  <si>
    <t>\\acsfs\profiles$\andrezacapf\Downloads\2805d126-abba-4c7a-b8eb-e6ee93b1ffdb.tmp</t>
  </si>
  <si>
    <t>265028d1-3784-4bd1-abbd-d90506a58870.tmp</t>
  </si>
  <si>
    <t>\\acsfs\profiles$\andrezacapf\Downloads\265028d1-3784-4bd1-abbd-d90506a58870.tmp</t>
  </si>
  <si>
    <t>c94deabc-5c03-4155-bd09-93788cf9d29c.tmp</t>
  </si>
  <si>
    <t>\\acsfs\profiles$\georgendsq\Downloads\c94deabc-5c03-4155-bd09-93788cf9d29c.tmp</t>
  </si>
  <si>
    <t>2cd487db-0414-43d5-91ed-5be3c1402c0c.tmp</t>
  </si>
  <si>
    <t>\\acsfs\profiles$\georgendsq\Downloads\2cd487db-0414-43d5-91ed-5be3c1402c0c.tmp</t>
  </si>
  <si>
    <t>58322669-3d67-4183-8b44-21c898dec912.tmp</t>
  </si>
  <si>
    <t>\\acsfs\profiles$\georgendsq\Downloads\58322669-3d67-4183-8b44-21c898dec912.tmp</t>
  </si>
  <si>
    <t>a1cb7b2d-c7fd-45a7-ae49-78e16df6c5cc.tmp</t>
  </si>
  <si>
    <t>\\acsfs\profiles$\ingridsm\Downloads\a1cb7b2d-c7fd-45a7-ae49-78e16df6c5cc.tmp</t>
  </si>
  <si>
    <t>a96ea310-022b-4530-b8cd-d8b092301ded.tmp</t>
  </si>
  <si>
    <t>\\acsfs\profiles$\ingridsm\Downloads\a96ea310-022b-4530-b8cd-d8b092301ded.tmp</t>
  </si>
  <si>
    <t>lu228442gowaq.tmp</t>
  </si>
  <si>
    <t>\\acsfs\profiles$\dhiulliananads\My Documents\lu228442gowaq.tmp</t>
  </si>
  <si>
    <t>\\acsfs\profiles$\dhiulliananads\My Documents\lu228442gowaq.tmp\</t>
  </si>
  <si>
    <t>\\acsfs\profiles$\dhiulliananads\My Documents\lu228442gowaq.tmp\META-INF\</t>
  </si>
  <si>
    <t>b32974bd-e5c4-4374-8165-0be7c02fb626.tmp</t>
  </si>
  <si>
    <t>\\acsfs\profiles$\gabrielamdp\Downloads\b32974bd-e5c4-4374-8165-0be7c02fb626.tmp</t>
  </si>
  <si>
    <t>96a8cddd-9a24-488b-88fd-893e99e99a2a.tmp</t>
  </si>
  <si>
    <t>\\acsfs\profiles$\gabrielamdp\Downloads\96a8cddd-9a24-488b-88fd-893e99e99a2a.tmp</t>
  </si>
  <si>
    <t>ef70f395-09ae-40a4-ae8e-54512a23e239.tmp</t>
  </si>
  <si>
    <t>\\acsfs\profiles$\gabrielamdp\Downloads\ef70f395-09ae-40a4-ae8e-54512a23e239.tmp</t>
  </si>
  <si>
    <t>855346b9-3c96-4379-9b46-11176fbd105d.tmp</t>
  </si>
  <si>
    <t>\\acsfs\profiles$\joycemmdl\Downloads\855346b9-3c96-4379-9b46-11176fbd105d.tmp</t>
  </si>
  <si>
    <t>\\acsfs\profiles$\dhiulliananads\My Documents\lu228442gowaq.tmp\Thumbnails\</t>
  </si>
  <si>
    <t>lu228442gowax.tmp</t>
  </si>
  <si>
    <t>\\acsfs\profiles$\dhiulliananads\My Documents\lu228442gowax.tmp</t>
  </si>
  <si>
    <t>\\acsfs\profiles$\dhiulliananads\My Documents\lu228442gowax.tmp\</t>
  </si>
  <si>
    <t>\\acsfs\profiles$\dhiulliananads\My Documents\lu228442gowax.tmp\META-INF\</t>
  </si>
  <si>
    <t>\\acsfs\profiles$\dhiulliananads\My Documents\lu228442gowax.tmp\Thumbnails\</t>
  </si>
  <si>
    <t>db7e5e6f-4b4e-4642-9608-f520acb0df81.tmp</t>
  </si>
  <si>
    <t>\\acsfs\profiles$\luanaagl\Downloads\db7e5e6f-4b4e-4642-9608-f520acb0df81.tmp</t>
  </si>
  <si>
    <t>a5e38a6a-3fe1-41d4-b321-c5cda1999785.tmp</t>
  </si>
  <si>
    <t>\\acsfs\profiles$\KARENJSS\Downloads\a5e38a6a-3fe1-41d4-b321-c5cda1999785.tmp</t>
  </si>
  <si>
    <t>lu974815062.tmp</t>
  </si>
  <si>
    <t>\\acsfs\profiles$\Flaviojmm\My Documents\lu974815062.tmp</t>
  </si>
  <si>
    <t>\\acsfs\profiles$\Flaviojmm\My Documents\lu974815062.tmp\</t>
  </si>
  <si>
    <t>\\acsfs\profiles$\Flaviojmm\My Documents\lu974815062.tmp\META-INF\</t>
  </si>
  <si>
    <t>\\acsfs\profiles$\Flaviojmm\My Documents\lu974815062.tmp\Thumbnails\</t>
  </si>
  <si>
    <t>10.200.66.54</t>
  </si>
  <si>
    <t>64-1C-67-9D-1E-2E</t>
  </si>
  <si>
    <t>VOTORANT-JB013</t>
  </si>
  <si>
    <t>06a497bc-d4e6-4ac1-87a2-08df76060bd7.tmp</t>
  </si>
  <si>
    <t>\\acsfs\profiles$\brendadsl\Downloads\06a497bc-d4e6-4ac1-87a2-08df76060bd7.tmp</t>
  </si>
  <si>
    <t>9e9aa8ac-d4b3-4159-ac36-0e2d3a50da9f.tmp</t>
  </si>
  <si>
    <t>\\acsfs\profiles$\quindaizaagds\Downloads\9e9aa8ac-d4b3-4159-ac36-0e2d3a50da9f.tmp</t>
  </si>
  <si>
    <t>f50c15a2-d4a8-4a99-92b5-727d20520fa3.tmp</t>
  </si>
  <si>
    <t>\\acsfs\profiles$\edicarlosdl\Downloads\f50c15a2-d4a8-4a99-92b5-727d20520fa3.tmp</t>
  </si>
  <si>
    <t>936d5b6f-6bf6-4d18-b345-731e3e99d65e.tmp</t>
  </si>
  <si>
    <t>\\acsfs\profiles$\edicarlosdl\Downloads\936d5b6f-6bf6-4d18-b345-731e3e99d65e.tmp</t>
  </si>
  <si>
    <t>5d1a11bc-a63d-4509-b34f-d747690b5e13.tmp</t>
  </si>
  <si>
    <t>\\acsfs\profiles$\gabrielafs\Downloads\5d1a11bc-a63d-4509-b34f-d747690b5e13.tmp</t>
  </si>
  <si>
    <t>1a8f810a-d2c9-45e5-9aec-c327b056d01f.tmp</t>
  </si>
  <si>
    <t>\\acsfs\profiles$\regisadsa\Downloads\1a8f810a-d2c9-45e5-9aec-c327b056d01f.tmp</t>
  </si>
  <si>
    <t>a85dc119-68d1-41b6-b746-925b2276f3fc.tmp</t>
  </si>
  <si>
    <t>\\acsfs\profiles$\regisadsa\Downloads\a85dc119-68d1-41b6-b746-925b2276f3fc.tmp</t>
  </si>
  <si>
    <t>835fcfd2-f79d-4430-8bdd-617805fe1a5a.tmp</t>
  </si>
  <si>
    <t>\\acsfs\profiles$\regisadsa\Downloads\835fcfd2-f79d-4430-8bdd-617805fe1a5a.tmp</t>
  </si>
  <si>
    <t>lu91924cluz.tmp</t>
  </si>
  <si>
    <t>\\acsfs\profiles$\LUCASBS\RENEG BV\lu91924cluz.tmp</t>
  </si>
  <si>
    <t>\\acsfs\profiles$\LUCASBS\RENEG BV\lu91924cluz.tmp\</t>
  </si>
  <si>
    <t>\\acsfs\profiles$\LUCASBS\RENEG BV\lu91924cluz.tmp\META-INF\</t>
  </si>
  <si>
    <t>\\acsfs\profiles$\LUCASBS\RENEG BV\lu91924cluz.tmp\Thumbnails\</t>
  </si>
  <si>
    <t>812ddd42-c8f5-4fdf-ba51-bb4a40d74f15.tmp</t>
  </si>
  <si>
    <t>\\acsfs\profiles$\sarahbal\Downloads\812ddd42-c8f5-4fdf-ba51-bb4a40d74f15.tmp</t>
  </si>
  <si>
    <t>edb8fc8f-1d57-47ee-9fc0-afea653bbffc.tmp</t>
  </si>
  <si>
    <t>\\acsfs\profiles$\gabrielafs\Downloads\edb8fc8f-1d57-47ee-9fc0-afea653bbffc.tmp</t>
  </si>
  <si>
    <t>b08c0c1c-fb67-46a7-af0a-372df816514a.tmp</t>
  </si>
  <si>
    <t>\\acsfs\profiles$\KARENJSS\Downloads\b08c0c1c-fb67-46a7-af0a-372df816514a.tmp</t>
  </si>
  <si>
    <t>11dfe1a1-3ab8-4f53-98e7-21fd4c25f3ba.tmp</t>
  </si>
  <si>
    <t>\\acsfs\profiles$\nathaliarmr\Downloads\11dfe1a1-3ab8-4f53-98e7-21fd4c25f3ba.tmp</t>
  </si>
  <si>
    <t>8fc8eda6-848d-47b0-b5ae-5491eb27fdc9.tmp</t>
  </si>
  <si>
    <t>\\acsfs\profiles$\gabrielhca\Downloads\8fc8eda6-848d-47b0-b5ae-5491eb27fdc9.tmp</t>
  </si>
  <si>
    <t>1a6a3e50-75a1-4a35-9910-2a36c4e580e7.tmp</t>
  </si>
  <si>
    <t>\\acsfs\profiles$\karinarm\Downloads\1a6a3e50-75a1-4a35-9910-2a36c4e580e7.tmp</t>
  </si>
  <si>
    <t>26a588a0-d70b-4f0a-b203-236f29febba5.tmp</t>
  </si>
  <si>
    <t>\\acsfs\profiles$\ingridsm\Downloads\26a588a0-d70b-4f0a-b203-236f29febba5.tmp</t>
  </si>
  <si>
    <t>045f3f4c-087e-4c3c-bb45-c027b002ecb3.tmp</t>
  </si>
  <si>
    <t>\\acsfs\profiles$\gabrielamdp\Downloads\045f3f4c-087e-4c3c-bb45-c027b002ecb3.tmp</t>
  </si>
  <si>
    <t>9b4fdc2f-e805-489d-ad2a-35396ed671d6.tmp</t>
  </si>
  <si>
    <t>\\acsfs\profiles$\gabrielamdp\Downloads\9b4fdc2f-e805-489d-ad2a-35396ed671d6.tmp</t>
  </si>
  <si>
    <t>$IPHG94V.txt</t>
  </si>
  <si>
    <t>\\acsfs\profiles$\ERICALSR\My Documents\$RECYCLE.BIN\$IPHG94V.txt</t>
  </si>
  <si>
    <t>lu79481asj7r.tmp</t>
  </si>
  <si>
    <t>\\acsfs\profiles$\jalilebds\Downloads\lu79481asj7r.tmp</t>
  </si>
  <si>
    <t>d2f4aa84-b64d-4bc9-a2b3-2ca298b2680e.tmp</t>
  </si>
  <si>
    <t>\\acsfs\profiles$\gabriellalpr\Downloads\d2f4aa84-b64d-4bc9-a2b3-2ca298b2680e.tmp</t>
  </si>
  <si>
    <t>PHILIPE GONCALVES SANTOS FERREIRA_1_6773639119272747512_1_32.wav</t>
  </si>
  <si>
    <t>\\acsfs\Deptos\EDUCACAO EMPRESARIAL\KÉSIA\Ligações 1º Ciclo - Janeiro 2020\PHILIPE GONCALVES SANTOS FERREIRA_1_6773639119272747512_1_32.wav</t>
  </si>
  <si>
    <t>58d5d913-4a66-4c3a-bddd-3ddeaee2dadf.tmp</t>
  </si>
  <si>
    <t>\\acsfs\profiles$\wenderbnm\Downloads\58d5d913-4a66-4c3a-bddd-3ddeaee2dadf.tmp</t>
  </si>
  <si>
    <t>c:\users\marianerdo\downloads\</t>
  </si>
  <si>
    <t>banco de dados - operaÇÃo (2).xlsx</t>
  </si>
  <si>
    <t>.~lock.isabelle 06.01 1.ods#</t>
  </si>
  <si>
    <t>\\acsfs\profiles$\ISABELLEGTDS\Nova pasta\.~lock.isabelle 06.01 1.ods#</t>
  </si>
  <si>
    <t>lu715209l069v.tmp</t>
  </si>
  <si>
    <t>\\acsfs\profiles$\ISABELLEGTDS\Nova pasta\lu715209l069v.tmp</t>
  </si>
  <si>
    <t>\\acsfs\profiles$\ISABELLEGTDS\Nova pasta\lu715209l069v.tmp\</t>
  </si>
  <si>
    <t>\\acsfs\profiles$\ISABELLEGTDS\Nova pasta\lu715209l069v.tmp\META-INF\</t>
  </si>
  <si>
    <t>\\acsfs\profiles$\ISABELLEGTDS\Nova pasta\lu715209l069v.tmp\Thumbnails\</t>
  </si>
  <si>
    <t>lu715209l06a0.tmp</t>
  </si>
  <si>
    <t>\\acsfs\profiles$\ISABELLEGTDS\Nova pasta\lu715209l06a0.tmp</t>
  </si>
  <si>
    <t>\\acsfs\profiles$\ISABELLEGTDS\Nova pasta\lu715209l06a0.tmp\</t>
  </si>
  <si>
    <t>\\acsfs\profiles$\ISABELLEGTDS\Nova pasta\lu715209l06a0.tmp\META-INF\</t>
  </si>
  <si>
    <t>\\acsfs\profiles$\ISABELLEGTDS\Nova pasta\lu715209l06a0.tmp\Thumbnails\</t>
  </si>
  <si>
    <t>ac5090f2-8282-402d-b572-cdd797c1ef23.tmp</t>
  </si>
  <si>
    <t>\\acsfs\profiles$\sarahbal\Downloads\ac5090f2-8282-402d-b572-cdd797c1ef23.tmp</t>
  </si>
  <si>
    <t>ffeab2e3-b248-4f71-ad09-85c912c54624.tmp</t>
  </si>
  <si>
    <t>\\acsfs\profiles$\gabrielaff\Downloads\ffeab2e3-b248-4f71-ad09-85c912c54624.tmp</t>
  </si>
  <si>
    <t>5a93a456-29d0-4011-8cea-064a990e4eda.tmp</t>
  </si>
  <si>
    <t>\\acsfs\profiles$\gabrielamdp\Downloads\5a93a456-29d0-4011-8cea-064a990e4eda.tmp</t>
  </si>
  <si>
    <t>57db284c-da8f-42fa-a29f-56e05b0880dc.tmp</t>
  </si>
  <si>
    <t>\\acsfs\profiles$\gabrielamdp\Downloads\57db284c-da8f-42fa-a29f-56e05b0880dc.tmp</t>
  </si>
  <si>
    <t>lu97481506b.tmp</t>
  </si>
  <si>
    <t>\\acsfs\profiles$\Flaviojmm\My Documents\lu97481506b.tmp</t>
  </si>
  <si>
    <t>\\acsfs\profiles$\Flaviojmm\My Documents\lu97481506b.tmp\</t>
  </si>
  <si>
    <t>\\acsfs\profiles$\Flaviojmm\My Documents\lu97481506b.tmp\META-INF\</t>
  </si>
  <si>
    <t>\\acsfs\profiles$\Flaviojmm\My Documents\lu97481506b.tmp\Thumbnails\</t>
  </si>
  <si>
    <t>\\acsfs\ACS\Gabriel da Silva\Contemporânea\NPS\7665B5C.tmp\</t>
  </si>
  <si>
    <t>\\acsfs\ACS\Gabriel da Silva\Contemporânea\NPS\7665B5C.tmp\:Zone.Identifier:$DATA</t>
  </si>
  <si>
    <t>\\acsfs\ACS\Gabriel da Silva\Contemporânea\NPS\NPS SAC.xlsx\</t>
  </si>
  <si>
    <t>\\acsfs\ACS\Gabriel da Silva\Contemporânea\NPS\NPS SAC.xlsx</t>
  </si>
  <si>
    <t>NPS SAC.xlsx</t>
  </si>
  <si>
    <t>\\acsfs\ACS\Gabriel da Silva\Contemporânea\NPS\56B28743.tmp\</t>
  </si>
  <si>
    <t>\\acsfs\ACS\Gabriel da Silva\Contemporânea\NPS\56B28743.tmp\:Zone.Identifier:$DATA</t>
  </si>
  <si>
    <t>lu79481asj7u.tmp</t>
  </si>
  <si>
    <t>\\acsfs\profiles$\jalilebds\Downloads\lu79481asj7u.tmp</t>
  </si>
  <si>
    <t>10.200.67.152</t>
  </si>
  <si>
    <t>74-86-7A-FB-18-CB</t>
  </si>
  <si>
    <t>VOTORANT-MB011</t>
  </si>
  <si>
    <t>REGIS AUGUSTO DA SILVA ABREU (20335).contact</t>
  </si>
  <si>
    <t>\\acsfs\profiles$\regisadsa\Contacts\REGIS AUGUSTO DA SILVA ABREU (20335).contact</t>
  </si>
  <si>
    <t>lu91924clv8.tmp</t>
  </si>
  <si>
    <t>\\acsfs\profiles$\LUCASBS\RENEG BV\lu91924clv8.tmp</t>
  </si>
  <si>
    <t>\\acsfs\profiles$\LUCASBS\RENEG BV\lu91924clv8.tmp\</t>
  </si>
  <si>
    <t>\\acsfs\profiles$\LUCASBS\RENEG BV\lu91924clv8.tmp\META-INF\</t>
  </si>
  <si>
    <t>\\acsfs\profiles$\LUCASBS\RENEG BV\lu91924clv8.tmp\Thumbnails\</t>
  </si>
  <si>
    <t>52acf5bb-d8f8-480a-b1ff-20609d9be596.tmp</t>
  </si>
  <si>
    <t>\\acsfs\profiles$\KARENDSR\Downloads\52acf5bb-d8f8-480a-b1ff-20609d9be596.tmp</t>
  </si>
  <si>
    <t>b65d0499-d018-4415-98a4-92e26de8fff4.tmp</t>
  </si>
  <si>
    <t>\\acsfs\profiles$\ingridsm\Downloads\b65d0499-d018-4415-98a4-92e26de8fff4.tmp</t>
  </si>
  <si>
    <t>0ce45f9a-a39c-4f9b-af7d-dbaa274abe96.tmp</t>
  </si>
  <si>
    <t>\\acsfs\profiles$\ingridsm\Downloads\0ce45f9a-a39c-4f9b-af7d-dbaa274abe96.tmp</t>
  </si>
  <si>
    <t>\\acsfs\ACS\Gabriel da Silva\Contemporânea\NPS\E59E1AB6.tmp\</t>
  </si>
  <si>
    <t>\\acsfs\ACS\Gabriel da Silva\Contemporânea\NPS\E59E1AB6.tmp\:Zone.Identifier:$DATA</t>
  </si>
  <si>
    <t>\\acsfs\profiles$\alinepp\Contacts\</t>
  </si>
  <si>
    <t>ALINE PEREIRA PORFIRIO (13335).contact</t>
  </si>
  <si>
    <t>\\acsfs\profiles$\alinepp\Contacts\ALINE PEREIRA PORFIRIO (13335).contact</t>
  </si>
  <si>
    <t>\\acsfs\profiles$\alinepp\My Documents\My Videos\</t>
  </si>
  <si>
    <t>\\acsfs\profiles$\alinepp\My Documents\My Videos\desktop.ini</t>
  </si>
  <si>
    <t>\\acsfs\profiles$\alinepp\My Documents\My Pictures\desktop.ini</t>
  </si>
  <si>
    <t>\\acsfs\profiles$\alinepp\Contacts\desktop.ini</t>
  </si>
  <si>
    <t>\\acsfs\profiles$\alinepp\Favorites\</t>
  </si>
  <si>
    <t>\\acsfs\profiles$\alinepp\Favorites\desktop.ini</t>
  </si>
  <si>
    <t>\\acsfs\profiles$\alinepp\My Documents\My Music\</t>
  </si>
  <si>
    <t>\\acsfs\profiles$\alinepp\My Documents\My Music\desktop.ini</t>
  </si>
  <si>
    <t>\\acsfs\profiles$\alinepp\Searches\</t>
  </si>
  <si>
    <t>\\acsfs\profiles$\alinepp\Searches\desktop.ini</t>
  </si>
  <si>
    <t>\\acsfs\profiles$\alinepp\Downloads\desktop.ini</t>
  </si>
  <si>
    <t>\\acsfs\profiles$\alinepp\My Documents\</t>
  </si>
  <si>
    <t>\\acsfs\profiles$\alinepp\My Documents\desktop.ini</t>
  </si>
  <si>
    <t>\\acsfs\profiles$\alinepp\Saved Games\</t>
  </si>
  <si>
    <t>\\acsfs\profiles$\alinepp\Saved Games\desktop.ini</t>
  </si>
  <si>
    <t>\\acsfs\profiles$\alinepp\Favorites\Links for Brasil\</t>
  </si>
  <si>
    <t>\\acsfs\profiles$\alinepp\Favorites\Links for Brasil\desktop.ini</t>
  </si>
  <si>
    <t>\\acsfs\profiles$\alinepp\Favorites\Links for Brasil\Microsoft Brasil.url</t>
  </si>
  <si>
    <t>\\acsfs\profiles$\alinepp\Favorites\Links for Brasil\Windows Brasil.url</t>
  </si>
  <si>
    <t>\\acsfs\profiles$\alinepp\Favorites\Links for Brasil\MSN Brasil.url</t>
  </si>
  <si>
    <t>27c4164a-9e71-4851-b651-dfde96d52ceb.tmp</t>
  </si>
  <si>
    <t>\\acsfs\profiles$\alinepp\Downloads\27c4164a-9e71-4851-b651-dfde96d52ceb.tmp</t>
  </si>
  <si>
    <t>a3fd187a-40fe-4542-adcf-0f7e29c242ac.tmp</t>
  </si>
  <si>
    <t>\\acsfs\profiles$\alinepp\Downloads\a3fd187a-40fe-4542-adcf-0f7e29c242ac.tmp</t>
  </si>
  <si>
    <t>b92f3a98-9473-4638-aab7-79f0dd0ebd40.tmp</t>
  </si>
  <si>
    <t>\\acsfs\profiles$\inarajst\Downloads\b92f3a98-9473-4638-aab7-79f0dd0ebd40.tmp</t>
  </si>
  <si>
    <t>288c0e86-6c6a-491c-9496-d350ed705391.tmp</t>
  </si>
  <si>
    <t>\\acsfs\profiles$\inarajst\Downloads\288c0e86-6c6a-491c-9496-d350ed705391.tmp</t>
  </si>
  <si>
    <t>74864bc9-93f1-4299-a0e5-df9383bdc9b4.tmp</t>
  </si>
  <si>
    <t>\\acsfs\profiles$\brendadsl\Downloads\74864bc9-93f1-4299-a0e5-df9383bdc9b4.tmp</t>
  </si>
  <si>
    <t>1dfc817d-9f73-4609-b1cf-51ee1e313171.tmp</t>
  </si>
  <si>
    <t>\\acsfs\profiles$\lorraynevam\Downloads\1dfc817d-9f73-4609-b1cf-51ee1e313171.tmp</t>
  </si>
  <si>
    <t>QUINDAIZA APARECIDA GUEDES DA SILVA_1_6774823632598283497_1_32.wav</t>
  </si>
  <si>
    <t>\\acsfs\Deptos\EDUCACAO EMPRESARIAL\KÉSIA\Ligações 1º Ciclo - Janeiro 2020\QUINDAIZA APARECIDA GUEDES DA SILVA_1_6774823632598283497_1_32.wav</t>
  </si>
  <si>
    <t>Modelo Monitoria - 3º ciclo - Cópia.txt</t>
  </si>
  <si>
    <t>\\acsfs\Deptos\EDUCACAO EMPRESARIAL\KÉSIA\Modelo Monitoria - 3º ciclo - Cópia.txt</t>
  </si>
  <si>
    <t>lu160601062x4.tmp</t>
  </si>
  <si>
    <t>\\acsfs\profiles$\marcellewdl\My Documents\lu160601062x4.tmp</t>
  </si>
  <si>
    <t>\\acsfs\profiles$\marcellewdl\My Documents\lu160601062x4.tmp\</t>
  </si>
  <si>
    <t>\\acsfs\profiles$\marcellewdl\My Documents\lu160601062x4.tmp\META-INF\</t>
  </si>
  <si>
    <t>\\acsfs\profiles$\marcellewdl\My Documents\lu160601062x4.tmp\Thumbnails\</t>
  </si>
  <si>
    <t>HENRIQUE CASSIANO OLIVEIRA (13).contact</t>
  </si>
  <si>
    <t>\\acsfs\profiles$\henriqueco\Contacts\HENRIQUE CASSIANO OLIVEIRA (13).contact</t>
  </si>
  <si>
    <t>\\acsfs\profiles$\henriqueco\Saved Games\</t>
  </si>
  <si>
    <t>\\acsfs\profiles$\HENRIQUECO\Favorites\Links for Brasil\</t>
  </si>
  <si>
    <t>\\acsfs\profiles$\HENRIQUECO\Favorites\Links for Brasil\desktop.ini</t>
  </si>
  <si>
    <t>\\acsfs\profiles$\HENRIQUECO\Favorites\Links for Brasil\Microsoft Brasil.url</t>
  </si>
  <si>
    <t>\\acsfs\profiles$\HENRIQUECO\Favorites\Links for Brasil\Windows Brasil.url</t>
  </si>
  <si>
    <t>\\acsfs\profiles$\HENRIQUECO\Favorites\Links for Brasil\MSN Brasil.url</t>
  </si>
  <si>
    <t>lu97481506g.tmp</t>
  </si>
  <si>
    <t>\\acsfs\profiles$\Flaviojmm\My Documents\lu97481506g.tmp</t>
  </si>
  <si>
    <t>\\acsfs\profiles$\Flaviojmm\My Documents\lu97481506g.tmp\</t>
  </si>
  <si>
    <t>\\acsfs\profiles$\Flaviojmm\My Documents\lu97481506g.tmp\META-INF\</t>
  </si>
  <si>
    <t>\\acsfs\profiles$\Flaviojmm\My Documents\lu97481506g.tmp\Thumbnails\</t>
  </si>
  <si>
    <t>8c94240e-2132-422a-918c-89e8d2437530.tmp</t>
  </si>
  <si>
    <t>\\acsfs\profiles$\alinepp\Downloads\8c94240e-2132-422a-918c-89e8d2437530.tmp</t>
  </si>
  <si>
    <t>1b932abd-cbce-47e7-8b92-a99943616837.tmp</t>
  </si>
  <si>
    <t>\\acsfs\profiles$\alinepp\Downloads\1b932abd-cbce-47e7-8b92-a99943616837.tmp</t>
  </si>
  <si>
    <t>7d646a25-b8e9-475e-ade1-ae30411b0208.tmp</t>
  </si>
  <si>
    <t>\\acsfs\profiles$\alinepp\Downloads\7d646a25-b8e9-475e-ade1-ae30411b0208.tmp</t>
  </si>
  <si>
    <t>fa935319-545a-4586-a641-fb58e612342d.tmp</t>
  </si>
  <si>
    <t>\\acsfs\profiles$\larissaad\Downloads\fa935319-545a-4586-a641-fb58e612342d.tmp</t>
  </si>
  <si>
    <t>b78408f3-7a63-4893-9cc6-c58669689d13.tmp</t>
  </si>
  <si>
    <t>\\acsfs\profiles$\matheusmax\Downloads\b78408f3-7a63-4893-9cc6-c58669689d13.tmp</t>
  </si>
  <si>
    <t>f620a275-b5e8-4d7e-a4cf-7520e0f8137c.tmp</t>
  </si>
  <si>
    <t>\\acsfs\profiles$\matheusmax\Downloads\f620a275-b5e8-4d7e-a4cf-7520e0f8137c.tmp</t>
  </si>
  <si>
    <t>\\acsfs\Deptos\EDUCACAO EMPRESARIAL\KÉSIA\A36A9D3A.tmp\</t>
  </si>
  <si>
    <t>\\acsfs\Deptos\EDUCACAO EMPRESARIAL\KÉSIA\A36A9D3A.tmp\:Zone.Identifier:$DATA</t>
  </si>
  <si>
    <t>5c70a4b0-8341-4030-a76a-9044e23ddda1.tmp</t>
  </si>
  <si>
    <t>\\acsfs\profiles$\lorraynevam\Downloads\5c70a4b0-8341-4030-a76a-9044e23ddda1.tmp</t>
  </si>
  <si>
    <t>\\acsfs\profiles$\lorraynevam\Downloads\5c70a4b0-8341-4030-a76a-9044e23ddda1.tmp\</t>
  </si>
  <si>
    <t>\\acsfs\profiles$\lorraynevam\Downloads\5c70a4b0-8341-4030-a76a-9044e23ddda1.tmp\META-INF\</t>
  </si>
  <si>
    <t>\\acsfs\profiles$\lorraynevam\Downloads\5c70a4b0-8341-4030-a76a-9044e23ddda1.tmp\Thumbnails\</t>
  </si>
  <si>
    <t>.~lock.Controle de vendas (1).ods#</t>
  </si>
  <si>
    <t>\\acsfs\profiles$\lorraynevam\Downloads\.~lock.Controle de vendas (1).ods#</t>
  </si>
  <si>
    <t>343db5c4-a48f-4fd1-912e-67c0e6e0915b.tmp</t>
  </si>
  <si>
    <t>\\acsfs\profiles$\laylaams\Downloads\343db5c4-a48f-4fd1-912e-67c0e6e0915b.tmp</t>
  </si>
  <si>
    <t>f21383a9-c8a8-4563-b67f-e7521976d01c.tmp</t>
  </si>
  <si>
    <t>\\acsfs\profiles$\laylaams\Downloads\f21383a9-c8a8-4563-b67f-e7521976d01c.tmp</t>
  </si>
  <si>
    <t>92d79e99-915c-46f7-8978-aae332898f27.tmp</t>
  </si>
  <si>
    <t>\\acsfs\profiles$\victorgl\Downloads\92d79e99-915c-46f7-8978-aae332898f27.tmp</t>
  </si>
  <si>
    <t>6373a71f-5300-443d-b0e4-a91748da5379.tmp</t>
  </si>
  <si>
    <t>\\acsfs\profiles$\sarahbal\Downloads\6373a71f-5300-443d-b0e4-a91748da5379.tmp</t>
  </si>
  <si>
    <t>ALEXANDRE MILHOMEM MARACAIPE_1_6773626784126674235_1_32.wav</t>
  </si>
  <si>
    <t>\\acsfs\Deptos\EDUCACAO EMPRESARIAL\KÉSIA\Ligações 1º Ciclo - Janeiro 2020\ALEXANDRE MILHOMEM MARACAIPE_1_6773626784126674235_1_32.wav</t>
  </si>
  <si>
    <t>6ce7e9c2-5b81-41b4-87aa-49905f622415.tmp</t>
  </si>
  <si>
    <t>\\acsfs\profiles$\philipegsf\Downloads\6ce7e9c2-5b81-41b4-87aa-49905f622415.tmp</t>
  </si>
  <si>
    <t>IMG_1065.jpg</t>
  </si>
  <si>
    <t>IMG_1068.jpg</t>
  </si>
  <si>
    <t>IMG_1066.jpg</t>
  </si>
  <si>
    <t>IMG_1067.jpg</t>
  </si>
  <si>
    <t>e1d5093a-d3bb-47d5-a70f-cfc15ac97dd4.tmp</t>
  </si>
  <si>
    <t>\\acsfs\profiles$\gabrielamdp\Downloads\e1d5093a-d3bb-47d5-a70f-cfc15ac97dd4.tmp</t>
  </si>
  <si>
    <t>f4e19b90-5207-42ec-90ea-1b55d394c6e3.tmp</t>
  </si>
  <si>
    <t>\\acsfs\profiles$\gabrielamdp\Downloads\f4e19b90-5207-42ec-90ea-1b55d394c6e3.tmp</t>
  </si>
  <si>
    <t>dfa5c642-0a0a-425c-9f5d-72a26d8e4e6c.tmp</t>
  </si>
  <si>
    <t>\\acsfs\profiles$\gabrielamdp\Downloads\dfa5c642-0a0a-425c-9f5d-72a26d8e4e6c.tmp</t>
  </si>
  <si>
    <t>6c71e63a-305d-4294-bcef-a74f9beaf995.tmp</t>
  </si>
  <si>
    <t>\\acsfs\profiles$\gabrielamdp\Downloads\6c71e63a-305d-4294-bcef-a74f9beaf995.tmp</t>
  </si>
  <si>
    <t>9f10931a-4c8f-4606-9671-c0044abaed53.tmp</t>
  </si>
  <si>
    <t>\\acsfs\profiles$\victorgl\Downloads\9f10931a-4c8f-4606-9671-c0044abaed53.tmp</t>
  </si>
  <si>
    <t>7f0aedf2-be14-40bd-8719-b56047d50005.tmp</t>
  </si>
  <si>
    <t>\\acsfs\profiles$\philipegsf\Downloads\7f0aedf2-be14-40bd-8719-b56047d50005.tmp</t>
  </si>
  <si>
    <t>9ad9ba55-2513-4d4d-ae38-61396bfaed26.tmp</t>
  </si>
  <si>
    <t>\\acsfs\profiles$\regisadsa\Downloads\9ad9ba55-2513-4d4d-ae38-61396bfaed26.tmp</t>
  </si>
  <si>
    <t>d1ead487-3954-4abe-83b8-3c152dd71cd0.tmp</t>
  </si>
  <si>
    <t>\\acsfs\profiles$\regisadsa\Downloads\d1ead487-3954-4abe-83b8-3c152dd71cd0.tmp</t>
  </si>
  <si>
    <t>638fa8d7-4083-4cd9-a37b-daabe011a62e.tmp</t>
  </si>
  <si>
    <t>\\acsfs\profiles$\luanaagl\Downloads\638fa8d7-4083-4cd9-a37b-daabe011a62e.tmp</t>
  </si>
  <si>
    <t>e463308b-d6f4-4002-aac4-4c5d98afccf1.tmp</t>
  </si>
  <si>
    <t>\\acsfs\profiles$\luanaagl\Downloads\e463308b-d6f4-4002-aac4-4c5d98afccf1.tmp</t>
  </si>
  <si>
    <t>8ed6ce96-4d6c-4873-b67a-aa1c76f53fbb.tmp</t>
  </si>
  <si>
    <t>\\acsfs\profiles$\luanaagl\Downloads\8ed6ce96-4d6c-4873-b67a-aa1c76f53fbb.tmp</t>
  </si>
  <si>
    <t>21511483-502a-4c77-8492-1c982db39958.tmp</t>
  </si>
  <si>
    <t>\\acsfs\profiles$\luanaagl\Downloads\21511483-502a-4c77-8492-1c982db39958.tmp</t>
  </si>
  <si>
    <t>b24968f9-92b8-4455-b91d-c950a5be68b4.tmp</t>
  </si>
  <si>
    <t>\\acsfs\profiles$\gabrielamdp\Downloads\b24968f9-92b8-4455-b91d-c950a5be68b4.tmp</t>
  </si>
  <si>
    <t>ea6ceaca-b030-4b45-ba7b-54b430faa703.tmp</t>
  </si>
  <si>
    <t>\\acsfs\profiles$\vivianibfs\Downloads\ea6ceaca-b030-4b45-ba7b-54b430faa703.tmp</t>
  </si>
  <si>
    <t>aee63d7f-bf28-4ee2-bac1-68f37602844f.tmp</t>
  </si>
  <si>
    <t>\\acsfs\profiles$\vivianibfs\Downloads\aee63d7f-bf28-4ee2-bac1-68f37602844f.tmp</t>
  </si>
  <si>
    <t>6cbabbdc-c30a-4fba-8b06-8e5297dc59ab.tmp</t>
  </si>
  <si>
    <t>\\acsfs\profiles$\vivianibfs\Downloads\6cbabbdc-c30a-4fba-8b06-8e5297dc59ab.tmp</t>
  </si>
  <si>
    <t>610a8342-7382-4782-80e1-f35cdde9637d.tmp</t>
  </si>
  <si>
    <t>\\acsfs\profiles$\vivianibfs\Downloads\610a8342-7382-4782-80e1-f35cdde9637d.tmp</t>
  </si>
  <si>
    <t>lu97481506l.tmp</t>
  </si>
  <si>
    <t>\\acsfs\profiles$\Flaviojmm\My Documents\lu97481506l.tmp</t>
  </si>
  <si>
    <t>\\acsfs\profiles$\Flaviojmm\My Documents\lu97481506l.tmp\</t>
  </si>
  <si>
    <t>\\acsfs\profiles$\Flaviojmm\My Documents\lu97481506l.tmp\META-INF\</t>
  </si>
  <si>
    <t>\\acsfs\profiles$\Flaviojmm\My Documents\lu97481506l.tmp\Thumbnails\</t>
  </si>
  <si>
    <t>lu97481506q.tmp</t>
  </si>
  <si>
    <t>\\acsfs\profiles$\Flaviojmm\My Documents\lu97481506q.tmp</t>
  </si>
  <si>
    <t>\\acsfs\profiles$\Flaviojmm\My Documents\lu97481506q.tmp\</t>
  </si>
  <si>
    <t>\\acsfs\profiles$\Flaviojmm\My Documents\lu97481506q.tmp\META-INF\</t>
  </si>
  <si>
    <t>\\acsfs\profiles$\Flaviojmm\My Documents\lu97481506q.tmp\Thumbnails\</t>
  </si>
  <si>
    <t>e6c9fdb0-6a4c-48cc-9bb2-924fc66b6613.tmp</t>
  </si>
  <si>
    <t>\\acsfs\profiles$\brunalas\Downloads\e6c9fdb0-6a4c-48cc-9bb2-924fc66b6613.tmp</t>
  </si>
  <si>
    <t>lu79481asj7x.tmp</t>
  </si>
  <si>
    <t>\\acsfs\profiles$\jalilebds\Downloads\lu79481asj7x.tmp</t>
  </si>
  <si>
    <t>lu91924clvl.tmp</t>
  </si>
  <si>
    <t>\\acsfs\profiles$\LUCASBS\RENEG BV\lu91924clvl.tmp</t>
  </si>
  <si>
    <t>\\acsfs\profiles$\LUCASBS\RENEG BV\lu91924clvl.tmp\</t>
  </si>
  <si>
    <t>\\acsfs\profiles$\LUCASBS\RENEG BV\lu91924clvl.tmp\META-INF\</t>
  </si>
  <si>
    <t>\\acsfs\profiles$\LUCASBS\RENEG BV\lu91924clvl.tmp\Thumbnails\</t>
  </si>
  <si>
    <t>.~lock.RENEG BV - Venc 08.01.2020 - Lucas.ods#</t>
  </si>
  <si>
    <t>\\acsfs\profiles$\LUCASBS\RENEG BV\Consolidado\.~lock.RENEG BV - Venc 08.01.2020 - Lucas.ods#</t>
  </si>
  <si>
    <t>lu11136ddw19.tmp</t>
  </si>
  <si>
    <t>\\acsfs\profiles$\LUCASBS\RENEG BV\Consolidado\lu11136ddw19.tmp</t>
  </si>
  <si>
    <t>\\acsfs\profiles$\LUCASBS\RENEG BV\Consolidado\lu11136ddw19.tmp\</t>
  </si>
  <si>
    <t>\\acsfs\profiles$\LUCASBS\RENEG BV\Consolidado\lu11136ddw19.tmp\META-INF\</t>
  </si>
  <si>
    <t>\\acsfs\profiles$\LUCASBS\RENEG BV\Consolidado\lu11136ddw19.tmp\Thumbnails\</t>
  </si>
  <si>
    <t>lu2732dellx.tmp</t>
  </si>
  <si>
    <t>\\acsfs\profiles$\LUCASBS\RENEG BV\Consolidado\lu2732dellx.tmp</t>
  </si>
  <si>
    <t>\\acsfs\profiles$\LUCASBS\RENEG BV\Consolidado\lu2732dellx.tmp\</t>
  </si>
  <si>
    <t>\\acsfs\profiles$\LUCASBS\RENEG BV\Consolidado\lu2732dellx.tmp\META-INF\</t>
  </si>
  <si>
    <t>\\acsfs\profiles$\LUCASBS\RENEG BV\Consolidado\lu2732dellx.tmp\Thumbnails\</t>
  </si>
  <si>
    <t>11123;</t>
  </si>
  <si>
    <t>https://11123</t>
  </si>
  <si>
    <t>281fd8dd-f3e7-4e36-90df-2ceb385d54a5.tmp</t>
  </si>
  <si>
    <t>\\acsfs\profiles$\karinarm\Downloads\281fd8dd-f3e7-4e36-90df-2ceb385d54a5.tmp</t>
  </si>
  <si>
    <t>55fdb986-74a4-49f8-a81d-aed173391472.tmp</t>
  </si>
  <si>
    <t>\\acsfs\profiles$\henriqueco\Downloads\55fdb986-74a4-49f8-a81d-aed173391472.tmp</t>
  </si>
  <si>
    <t>a3652fa5-b9cf-45f6-ba82-2f5083f7f5d6.tmp</t>
  </si>
  <si>
    <t>\\acsfs\profiles$\henriqueco\Downloads\a3652fa5-b9cf-45f6-ba82-2f5083f7f5d6.tmp</t>
  </si>
  <si>
    <t>3e6a2c79-22c9-493c-8aa8-a905235b30d8.tmp</t>
  </si>
  <si>
    <t>\\acsfs\profiles$\henriqueco\Downloads\3e6a2c79-22c9-493c-8aa8-a905235b30d8.tmp</t>
  </si>
  <si>
    <t>d27031d4-82fa-4310-a01b-e31af44903d4.tmp</t>
  </si>
  <si>
    <t>\\acsfs\profiles$\JOAOVAL\Downloads\d27031d4-82fa-4310-a01b-e31af44903d4.tmp</t>
  </si>
  <si>
    <t>4c5d1543-3fde-4f40-8f8e-166bdc251539.tmp</t>
  </si>
  <si>
    <t>\\acsfs\profiles$\mariajra\Downloads\4c5d1543-3fde-4f40-8f8e-166bdc251539.tmp</t>
  </si>
  <si>
    <t>f419ce5d-0835-4878-9a5b-b4a2e9b998eb.tmp</t>
  </si>
  <si>
    <t>\\acsfs\profiles$\vivianibfs\Downloads\f419ce5d-0835-4878-9a5b-b4a2e9b998eb.tmp</t>
  </si>
  <si>
    <t>ac0747b6-2f71-4b7f-bea2-8c14cdae83e0.tmp</t>
  </si>
  <si>
    <t>\\acsfs\profiles$\vivianibfs\Downloads\ac0747b6-2f71-4b7f-bea2-8c14cdae83e0.tmp</t>
  </si>
  <si>
    <t>a2f7ce8a-9a82-46a3-9cfb-e7d13ea80e96.tmp</t>
  </si>
  <si>
    <t>\\acsfs\profiles$\brunalas\Downloads\a2f7ce8a-9a82-46a3-9cfb-e7d13ea80e96.tmp</t>
  </si>
  <si>
    <t>100014066415799;</t>
  </si>
  <si>
    <t>https://100014066415799</t>
  </si>
  <si>
    <t>Relatorio de Vendas - Auditoria BV Cartoes (Janeiro) - Cópia.xlsx</t>
  </si>
  <si>
    <t>\\acsfs\DEPTOS\Operacao\Banco_Votorantim\Qualidade\Anderson\Jose\Atualizado\Relatorio de Vendas - Auditoria BV Cartoes (Janeiro) - Cópia.xlsx</t>
  </si>
  <si>
    <t>c5150a06-20e8-4197-9158-18c3bbb0a412.tmp</t>
  </si>
  <si>
    <t>\\acsfs\profiles$\luanaagl\Downloads\c5150a06-20e8-4197-9158-18c3bbb0a412.tmp</t>
  </si>
  <si>
    <t>lu2732delm2.tmp</t>
  </si>
  <si>
    <t>\\acsfs\profiles$\LUCASBS\RENEG BV\Consolidado\lu2732delm2.tmp</t>
  </si>
  <si>
    <t>\\acsfs\profiles$\LUCASBS\RENEG BV\Consolidado\lu2732delm2.tmp\</t>
  </si>
  <si>
    <t>\\acsfs\profiles$\LUCASBS\RENEG BV\Consolidado\lu2732delm2.tmp\META-INF\</t>
  </si>
  <si>
    <t>\\acsfs\profiles$\LUCASBS\RENEG BV\Consolidado\lu2732delm2.tmp\Thumbnails\</t>
  </si>
  <si>
    <t>8f9da411-f1c2-4795-a1af-2bb2d26096e3.tmp</t>
  </si>
  <si>
    <t>\\acsfs\profiles$\brendavdoa\Downloads\8f9da411-f1c2-4795-a1af-2bb2d26096e3.tmp</t>
  </si>
  <si>
    <t>f197bce1-393a-44dc-91b8-ccb7beb6ce20.tmp</t>
  </si>
  <si>
    <t>\\acsfs\profiles$\fabianafv\Downloads\f197bce1-393a-44dc-91b8-ccb7beb6ce20.tmp</t>
  </si>
  <si>
    <t>caf6de32-6f01-4296-8dbe-be6ea37c553e.tmp</t>
  </si>
  <si>
    <t>\\acsfs\profiles$\fabianobmf\Downloads\caf6de32-6f01-4296-8dbe-be6ea37c553e.tmp</t>
  </si>
  <si>
    <t>lu261206l55sm.tmp</t>
  </si>
  <si>
    <t>\\acsfs\profiles$\CINTIADCF\lu261206l55sm.tmp</t>
  </si>
  <si>
    <t>\\acsfs\profiles$\CINTIADCF\lu261206l55sm.tmp\</t>
  </si>
  <si>
    <t>\\acsfs\profiles$\CINTIADCF\lu261206l55sm.tmp\META-INF\</t>
  </si>
  <si>
    <t>\\acsfs\profiles$\CINTIADCF\lu261206l55sm.tmp\Thumbnails\</t>
  </si>
  <si>
    <t>70cc0166-2f63-4831-af5a-484cea7c192d.tmp</t>
  </si>
  <si>
    <t>\\acsfs\profiles$\cintiadjl\Downloads\70cc0166-2f63-4831-af5a-484cea7c192d.tmp</t>
  </si>
  <si>
    <t>2a78f0a7-ec67-4879-adcd-a37680c38c98.tmp</t>
  </si>
  <si>
    <t>\\acsfs\profiles$\LAISLG\Downloads\2a78f0a7-ec67-4879-adcd-a37680c38c98.tmp</t>
  </si>
  <si>
    <t>1b601ecf-ca17-41d7-840f-16dc39e573b7.tmp</t>
  </si>
  <si>
    <t>\\acsfs\profiles$\LAISLG\Downloads\1b601ecf-ca17-41d7-840f-16dc39e573b7.tmp</t>
  </si>
  <si>
    <t>106c5348-6912-4da5-9087-207da59858ad.tmp</t>
  </si>
  <si>
    <t>\\acsfs\profiles$\cintiadjl\Downloads\106c5348-6912-4da5-9087-207da59858ad.tmp</t>
  </si>
  <si>
    <t>c050d4c5-1ae0-4a9d-8998-d0061e2b1dd4.tmp</t>
  </si>
  <si>
    <t>\\acsfs\profiles$\philipegsf\Downloads\c050d4c5-1ae0-4a9d-8998-d0061e2b1dd4.tmp</t>
  </si>
  <si>
    <t>lu2732delm7.tmp</t>
  </si>
  <si>
    <t>\\acsfs\profiles$\LUCASBS\RENEG BV\Consolidado\lu2732delm7.tmp</t>
  </si>
  <si>
    <t>\\acsfs\profiles$\LUCASBS\RENEG BV\Consolidado\lu2732delm7.tmp\</t>
  </si>
  <si>
    <t>\\acsfs\profiles$\LUCASBS\RENEG BV\Consolidado\lu2732delm7.tmp\META-INF\</t>
  </si>
  <si>
    <t>\\acsfs\profiles$\LUCASBS\RENEG BV\Consolidado\lu2732delm7.tmp\Thumbnails\</t>
  </si>
  <si>
    <t>bfd909d9-5591-40d2-9841-5373a6c03660.tmp</t>
  </si>
  <si>
    <t>\\acsfs\profiles$\rafaelacdoc\Downloads\bfd909d9-5591-40d2-9841-5373a6c03660.tmp</t>
  </si>
  <si>
    <t>01c3bb7a-2300-41ca-bba2-0fd33f4e74ff.tmp</t>
  </si>
  <si>
    <t>\\acsfs\profiles$\rafaelacdoc\Downloads\01c3bb7a-2300-41ca-bba2-0fd33f4e74ff.tmp</t>
  </si>
  <si>
    <t>1ff8a3b0-f6ec-473c-9911-82122532194c.tmp</t>
  </si>
  <si>
    <t>\\acsfs\profiles$\fabianafv\Downloads\1ff8a3b0-f6ec-473c-9911-82122532194c.tmp</t>
  </si>
  <si>
    <t>c896a002-ca8e-4510-a449-e19b680952a2.tmp</t>
  </si>
  <si>
    <t>\\acsfs\profiles$\fabianobmf\Downloads\c896a002-ca8e-4510-a449-e19b680952a2.tmp</t>
  </si>
  <si>
    <t>100014136373615;</t>
  </si>
  <si>
    <t>https://100014136373615</t>
  </si>
  <si>
    <t>832e03f5-d50f-461b-a949-b3efd63748ff.tmp</t>
  </si>
  <si>
    <t>\\acsfs\profiles$\brendadsl\Downloads\832e03f5-d50f-461b-a949-b3efd63748ff.tmp</t>
  </si>
  <si>
    <t>RAFAELA MARQUES SOUZA VALIM_1_6775136340577159913_1_32.wav</t>
  </si>
  <si>
    <t>\\acsfs\Deptos\EDUCACAO EMPRESARIAL\KÉSIA\Ligações 1º Ciclo - Janeiro 2020\RAFAELA MARQUES SOUZA VALIM_1_6775136340577159913_1_32.wav</t>
  </si>
  <si>
    <t>6b01e160-0a7b-4873-84c4-6596b1b74ccd.tmp</t>
  </si>
  <si>
    <t>\\acsfs\profiles$\cintiadjl\Downloads\6b01e160-0a7b-4873-84c4-6596b1b74ccd.tmp</t>
  </si>
  <si>
    <t>310bddfa-3457-4c14-8dde-329071e898d1.tmp</t>
  </si>
  <si>
    <t>\\acsfs\profiles$\cintiadjl\Downloads\310bddfa-3457-4c14-8dde-329071e898d1.tmp</t>
  </si>
  <si>
    <t>Relatorio de Vendas - Auditoria BV Cartoes (Janeiro) -cliente.xlsx</t>
  </si>
  <si>
    <t>\\acsfs\DEPTOS\Operacao\Banco_Votorantim\Qualidade\Anderson\Jose\Atualizado\Relatorio de Vendas - Auditoria BV Cartoes (Janeiro) -cliente.xlsx</t>
  </si>
  <si>
    <t>Relatorio de Vendas - Auditoria BV Cartoes (Janeiro) -cliente - Cópia.xlsx</t>
  </si>
  <si>
    <t>\\acsfs\DEPTOS\Operacao\Banco_Votorantim\Qualidade\Anderson\Jose\Atualizado\Relatorio de Vendas - Auditoria BV Cartoes (Janeiro) -cliente - Cópia.xlsx</t>
  </si>
  <si>
    <t>Relatorio de Vendas - Auditoria BV Cartoes (Janeiro) -correto - cliente - Cópia.xlsx</t>
  </si>
  <si>
    <t>\\acsfs\DEPTOS\Operacao\Banco_Votorantim\Qualidade\Anderson\Jose\Atualizado\Relatorio de Vendas - Auditoria BV Cartoes (Janeiro) -correto - cliente - Cópia.xlsx</t>
  </si>
  <si>
    <t>GABRIELA FERREIRA SILVA (17206).contact</t>
  </si>
  <si>
    <t>\\acsfs\profiles$\gabrielafs\Contacts\GABRIELA FERREIRA SILVA (17206).contact</t>
  </si>
  <si>
    <t>ec6bfe22-cf9e-4969-bac0-c058f4ba4c4b.tmp</t>
  </si>
  <si>
    <t>\\acsfs\profiles$\regisedsj\Downloads\ec6bfe22-cf9e-4969-bac0-c058f4ba4c4b.tmp</t>
  </si>
  <si>
    <t>lu97481506z.tmp</t>
  </si>
  <si>
    <t>\\acsfs\profiles$\Flaviojmm\My Documents\lu97481506z.tmp</t>
  </si>
  <si>
    <t>\\acsfs\profiles$\Flaviojmm\My Documents\lu97481506z.tmp\</t>
  </si>
  <si>
    <t>\\acsfs\profiles$\Flaviojmm\My Documents\lu97481506z.tmp\META-INF\</t>
  </si>
  <si>
    <t>\\acsfs\profiles$\Flaviojmm\My Documents\lu97481506z.tmp\Thumbnails\</t>
  </si>
  <si>
    <t>6b357acb-08f2-4204-8877-18734e3595dd.tmp</t>
  </si>
  <si>
    <t>\\acsfs\profiles$\inarajst\Downloads\6b357acb-08f2-4204-8877-18734e3595dd.tmp</t>
  </si>
  <si>
    <t>c1ef5e6a-26f8-4d30-8a28-55c778c3f0b8.tmp</t>
  </si>
  <si>
    <t>\\acsfs\profiles$\inarajst\Downloads\c1ef5e6a-26f8-4d30-8a28-55c778c3f0b8.tmp</t>
  </si>
  <si>
    <t>44d2623f-fc84-4439-9da8-5948897749e3.tmp</t>
  </si>
  <si>
    <t>\\acsfs\profiles$\larissaad\Downloads\44d2623f-fc84-4439-9da8-5948897749e3.tmp</t>
  </si>
  <si>
    <t>3cba9824-b317-461a-8570-d8d42dabd50d.tmp</t>
  </si>
  <si>
    <t>\\acsfs\profiles$\larissaad\Downloads\3cba9824-b317-461a-8570-d8d42dabd50d.tmp</t>
  </si>
  <si>
    <t>\\acsfs\profiles$\fernandofs\My Documents\My Pictures\</t>
  </si>
  <si>
    <t>\\acsfs\profiles$\fernandofs\My Documents\My Videos\desktop.ini</t>
  </si>
  <si>
    <t>\\acsfs\profiles$\fernandofs\My Documents\My Videos\</t>
  </si>
  <si>
    <t>\\acsfs\profiles$\fernandofs\My Documents\My Music\</t>
  </si>
  <si>
    <t>\\acsfs\profiles$\fernandofs\My Documents\My Pictures\desktop.ini</t>
  </si>
  <si>
    <t>\\acsfs\profiles$\fernandofs\Contacts\</t>
  </si>
  <si>
    <t>\\acsfs\profiles$\fernandofs\Contacts\desktop.ini</t>
  </si>
  <si>
    <t>\\acsfs\profiles$\fernandofs\My Documents\</t>
  </si>
  <si>
    <t>\\acsfs\profiles$\fernandofs\Favorites\desktop.ini</t>
  </si>
  <si>
    <t>\\acsfs\profiles$\fernandofs\My Documents\My Music\desktop.ini</t>
  </si>
  <si>
    <t>\\acsfs\profiles$\fernandofs\Searches\</t>
  </si>
  <si>
    <t>\\acsfs\profiles$\fernandofs\Searches\desktop.ini</t>
  </si>
  <si>
    <t>\\acsfs\profiles$\fernandofs\Downloads\desktop.ini</t>
  </si>
  <si>
    <t>\\acsfs\profiles$\fernandofs\Favorites\</t>
  </si>
  <si>
    <t>\\acsfs\profiles$\fernandofs\My Documents\desktop.ini</t>
  </si>
  <si>
    <t>\\acsfs\profiles$\fernandofs\Saved Games\desktop.ini</t>
  </si>
  <si>
    <t>Relatorio de Vendas - Auditoria BV Cartoes (Janeiro) -correto - cliente.xlsx</t>
  </si>
  <si>
    <t>\\acsfs\DEPTOS\Operacao\Banco_Votorantim\Qualidade\Anderson\Jose\Atualizado\Relatorio de Vendas - Auditoria BV Cartoes (Janeiro) -correto - cliente.xlsx</t>
  </si>
  <si>
    <t>Relatorio de Vendas - Auditoria BV Cartoes (Janeiro) -correto - supervisor.xlsx</t>
  </si>
  <si>
    <t>\\acsfs\DEPTOS\Operacao\Banco_Votorantim\Qualidade\Anderson\Jose\Atualizado\Relatorio de Vendas - Auditoria BV Cartoes (Janeiro) -correto - supervisor.xlsx</t>
  </si>
  <si>
    <t>e573a207-fe70-4725-a8f8-74fe13ea468b.tmp</t>
  </si>
  <si>
    <t>\\acsfs\profiles$\gabrielafs\Downloads\e573a207-fe70-4725-a8f8-74fe13ea468b.tmp</t>
  </si>
  <si>
    <t>39fcb403-2ffa-4d88-a1db-74fa4c9c75dd.tmp</t>
  </si>
  <si>
    <t>\\acsfs\profiles$\gabrielafs\Downloads\39fcb403-2ffa-4d88-a1db-74fa4c9c75dd.tmp</t>
  </si>
  <si>
    <t>14708186-87eb-4a32-beb2-8800b5e3d308.tmp</t>
  </si>
  <si>
    <t>\\acsfs\profiles$\gabrielafs\Downloads\14708186-87eb-4a32-beb2-8800b5e3d308.tmp</t>
  </si>
  <si>
    <t>654c7b10-35c6-4a7d-b60a-a3f2fd568647.tmp</t>
  </si>
  <si>
    <t>\\acsfs\profiles$\henriqueco\Downloads\654c7b10-35c6-4a7d-b60a-a3f2fd568647.tmp</t>
  </si>
  <si>
    <t>8bd751d7-91e3-40c1-8e58-d6ef5d173577.tmp</t>
  </si>
  <si>
    <t>\\acsfs\profiles$\victorgl\Downloads\8bd751d7-91e3-40c1-8e58-d6ef5d173577.tmp</t>
  </si>
  <si>
    <t>516814d2-161a-4f1b-a759-07f6e818c522.tmp</t>
  </si>
  <si>
    <t>\\acsfs\profiles$\regisedsj\Downloads\516814d2-161a-4f1b-a759-07f6e818c522.tmp</t>
  </si>
  <si>
    <t>\\acsfs\profiles$\DANIELMLDS\ronaldo\</t>
  </si>
  <si>
    <t>danielmlds.txt</t>
  </si>
  <si>
    <t>\\acsfs\profiles$\DANIELMLDS\ronaldo\danielmlds.txt</t>
  </si>
  <si>
    <t>6197c2c4-d5b3-4f4b-afde-230c7c31da88.tmp</t>
  </si>
  <si>
    <t>\\acsfs\profiles$\matheushds\Downloads\6197c2c4-d5b3-4f4b-afde-230c7c31da88.tmp</t>
  </si>
  <si>
    <t>\\acsfs\profiles$\FLAVIOJMM\My Documents\.~lock.Reneg Vcto 08-01 Flavio.ods#</t>
  </si>
  <si>
    <t>9cf1e585-1a35-48c7-a986-18be68f7223d.tmp</t>
  </si>
  <si>
    <t>\\acsfs\profiles$\regisadsa\Downloads\9cf1e585-1a35-48c7-a986-18be68f7223d.tmp</t>
  </si>
  <si>
    <t>173e9e7a-8efb-4864-993d-f5e2162f88ae.tmp</t>
  </si>
  <si>
    <t>\\acsfs\profiles$\regisadsa\Downloads\173e9e7a-8efb-4864-993d-f5e2162f88ae.tmp</t>
  </si>
  <si>
    <t>4798e0a5-5c71-4609-b6c1-b106c38307c5.tmp</t>
  </si>
  <si>
    <t>\\acsfs\profiles$\regisadsa\Downloads\4798e0a5-5c71-4609-b6c1-b106c38307c5.tmp</t>
  </si>
  <si>
    <t>lu79481asj85.tmp</t>
  </si>
  <si>
    <t>\\acsfs\profiles$\jalilebds\Downloads\lu79481asj85.tmp</t>
  </si>
  <si>
    <t>fb9aa190-7a83-488f-b0c8-4d1165aba1e0.tmp</t>
  </si>
  <si>
    <t>\\acsfs\profiles$\edicarlosdl\Downloads\fb9aa190-7a83-488f-b0c8-4d1165aba1e0.tmp</t>
  </si>
  <si>
    <t>9fe1183b-c6c1-4d0a-b038-218fb52820e2.tmp</t>
  </si>
  <si>
    <t>\\acsfs\profiles$\rosileiam\Downloads\9fe1183b-c6c1-4d0a-b038-218fb52820e2.tmp</t>
  </si>
  <si>
    <t>996c08e7-2c6e-46d0-80d8-7a8e76ebd6f8.tmp</t>
  </si>
  <si>
    <t>\\acsfs\profiles$\fernandofs\Downloads\996c08e7-2c6e-46d0-80d8-7a8e76ebd6f8.tmp</t>
  </si>
  <si>
    <t>3111ba44-f2a7-433b-b8b1-9d07335ed1fe.tmp</t>
  </si>
  <si>
    <t>\\acsfs\profiles$\fernandofs\Downloads\3111ba44-f2a7-433b-b8b1-9d07335ed1fe.tmp</t>
  </si>
  <si>
    <t>65652450-a0e0-4e89-ac18-1a3036ace0f7.tmp</t>
  </si>
  <si>
    <t>\\acsfs\profiles$\philipegsf\Downloads\65652450-a0e0-4e89-ac18-1a3036ace0f7.tmp</t>
  </si>
  <si>
    <t>28eaf998-fbd7-4341-9de8-e4c31ffadc3e.tmp</t>
  </si>
  <si>
    <t>\\acsfs\profiles$\wenderbnm\Downloads\28eaf998-fbd7-4341-9de8-e4c31ffadc3e.tmp</t>
  </si>
  <si>
    <t>10.200.66.180</t>
  </si>
  <si>
    <t>89026bcd-0149-440d-aaef-a5657df88803.tmp</t>
  </si>
  <si>
    <t>\\acsfs\profiles$\andreapdsg\Downloads\89026bcd-0149-440d-aaef-a5657df88803.tmp</t>
  </si>
  <si>
    <t>3ab2c766-9bea-4faf-945a-9146eb44bbae.tmp</t>
  </si>
  <si>
    <t>\\acsfs\profiles$\andreapdsg\Downloads\3ab2c766-9bea-4faf-945a-9146eb44bbae.tmp</t>
  </si>
  <si>
    <t>lu715209l06ap.tmp</t>
  </si>
  <si>
    <t>\\acsfs\profiles$\ISABELLEGTDS\Nova pasta\lu715209l06ap.tmp</t>
  </si>
  <si>
    <t>\\acsfs\profiles$\ISABELLEGTDS\Nova pasta\lu715209l06ap.tmp\</t>
  </si>
  <si>
    <t>\\acsfs\profiles$\ISABELLEGTDS\Nova pasta\lu715209l06ap.tmp\META-INF\</t>
  </si>
  <si>
    <t>\\acsfs\profiles$\ISABELLEGTDS\Nova pasta\lu715209l06ap.tmp\Thumbnails\</t>
  </si>
  <si>
    <t>d39e9522-88df-4fde-b6a9-c5d946a12f85.tmp</t>
  </si>
  <si>
    <t>\\acsfs\profiles$\brendavdoa\Downloads\d39e9522-88df-4fde-b6a9-c5d946a12f85.tmp</t>
  </si>
  <si>
    <t>\\acsfs\ACS\Gabriel da Silva\Contemporânea\NPS\NPS CRBV.xlsb\</t>
  </si>
  <si>
    <t>\\acsfs\ACS\Gabriel da Silva\Contemporânea\NPS\NPS CRBV.xlsb</t>
  </si>
  <si>
    <t>NPS CRBV.xlsb</t>
  </si>
  <si>
    <t>a8db8d74-3c58-4eed-b70b-664f458b3e35.tmp</t>
  </si>
  <si>
    <t>\\acsfs\profiles$\alinepp\Downloads\a8db8d74-3c58-4eed-b70b-664f458b3e35.tmp</t>
  </si>
  <si>
    <t>9e7cd254-3861-48f2-9b69-d5cb5a43a193.tmp</t>
  </si>
  <si>
    <t>\\acsfs\profiles$\regisadsa\Downloads\9e7cd254-3861-48f2-9b69-d5cb5a43a193.tmp</t>
  </si>
  <si>
    <t>ec52f0e3-5066-44f1-a070-69a9a6314d25.tmp</t>
  </si>
  <si>
    <t>\\acsfs\profiles$\regisadsa\Downloads\ec52f0e3-5066-44f1-a070-69a9a6314d25.tmp</t>
  </si>
  <si>
    <t>b12de240-017f-4973-bbed-ff5b9b89b9ba.tmp</t>
  </si>
  <si>
    <t>\\acsfs\profiles$\gabrielarb\Downloads\b12de240-017f-4973-bbed-ff5b9b89b9ba.tmp</t>
  </si>
  <si>
    <t>86f6bd09-b5c8-404b-8818-3933e9d8abb1.tmp</t>
  </si>
  <si>
    <t>\\acsfs\profiles$\matheusmax\Downloads\86f6bd09-b5c8-404b-8818-3933e9d8abb1.tmp</t>
  </si>
  <si>
    <t>ed9316af-9818-471b-9edc-d68894ea9b75.tmp</t>
  </si>
  <si>
    <t>\\acsfs\profiles$\rosileiam\Downloads\ed9316af-9818-471b-9edc-d68894ea9b75.tmp</t>
  </si>
  <si>
    <t>XLOG_vanessacgs_06012020_083006.log</t>
  </si>
  <si>
    <t>\\acsfs\profiles$\vanessacgs\My Documents\xworkcenter\logs\XLOG_vanessacgs_06012020_083006.log</t>
  </si>
  <si>
    <t>RELATORIO VENDAS 06-01.png</t>
  </si>
  <si>
    <t>\\acsfs\DEPTOS\Operacao\Banco_Votorantim\Qualidade\Anderson\Jose\Atualizado\RELATORIO VENDAS 06-01.png</t>
  </si>
  <si>
    <t>f8d19430-3729-4f65-a4e8-3be3ecaa797d.tmp</t>
  </si>
  <si>
    <t>\\acsfs\profiles$\leonardobb\Downloads\f8d19430-3729-4f65-a4e8-3be3ecaa797d.tmp</t>
  </si>
  <si>
    <t>3add186a-e397-4ac2-96ca-0906f7182de5.tmp</t>
  </si>
  <si>
    <t>\\acsfs\profiles$\laurandos\Downloads\3add186a-e397-4ac2-96ca-0906f7182de5.tmp</t>
  </si>
  <si>
    <t>lu79481asj88.tmp</t>
  </si>
  <si>
    <t>\\acsfs\profiles$\jalilebds\Downloads\lu79481asj88.tmp</t>
  </si>
  <si>
    <t>lu79481asj8b.tmp</t>
  </si>
  <si>
    <t>\\acsfs\profiles$\jalilebds\Downloads\lu79481asj8b.tmp</t>
  </si>
  <si>
    <t>25edea59-46c8-49b3-8cd7-4c8e4d54ad9f.tmp</t>
  </si>
  <si>
    <t>\\acsfs\profiles$\gabrielafs\Downloads\25edea59-46c8-49b3-8cd7-4c8e4d54ad9f.tmp</t>
  </si>
  <si>
    <t>df0d07d5-0e5c-40e0-a84c-309fc245ab9a.tmp</t>
  </si>
  <si>
    <t>\\acsfs\profiles$\gabrielafs\Downloads\df0d07d5-0e5c-40e0-a84c-309fc245ab9a.tmp</t>
  </si>
  <si>
    <t>d22f9b65-9a85-4eac-81e4-3be8eab8f05d.tmp</t>
  </si>
  <si>
    <t>\\acsfs\profiles$\gabrielafs\Downloads\d22f9b65-9a85-4eac-81e4-3be8eab8f05d.tmp</t>
  </si>
  <si>
    <t>0099a360-aeeb-4a0e-aef3-507f3f865e28.tmp</t>
  </si>
  <si>
    <t>\\acsfs\profiles$\gabrielafs\Downloads\0099a360-aeeb-4a0e-aef3-507f3f865e28.tmp</t>
  </si>
  <si>
    <t>ROZENCA MAIOLINO_1_6773614324426549077_1_32.wav</t>
  </si>
  <si>
    <t>\\acsfs\Deptos\EDUCACAO EMPRESARIAL\KÉSIA\Ligações 1º Ciclo - Janeiro 2020\ROZENCA MAIOLINO_1_6773614324426549077_1_32.wav</t>
  </si>
  <si>
    <t>79eb5651-f0fe-47d3-bc4e-6866334c1b2f.tmp</t>
  </si>
  <si>
    <t>\\acsfs\profiles$\LAISLG\Downloads\79eb5651-f0fe-47d3-bc4e-6866334c1b2f.tmp</t>
  </si>
  <si>
    <t>XLOG_ellencds_06012020_065959.log</t>
  </si>
  <si>
    <t>\\acsfs\profiles$\ellencds\My Documents\xworkcenter\logs\XLOG_ellencds_06012020_065959.log</t>
  </si>
  <si>
    <t>290a13e8-d45f-4c05-aa9c-fa448b216b9f.tmp</t>
  </si>
  <si>
    <t>\\acsfs\profiles$\KARENJSS\Downloads\290a13e8-d45f-4c05-aa9c-fa448b216b9f.tmp</t>
  </si>
  <si>
    <t>XLOG_tiagosno_06012020_072710.log</t>
  </si>
  <si>
    <t>\\acsfs\profiles$\tiagosno\My Documents\xworkcenter\logs\XLOG_tiagosno_06012020_072710.log</t>
  </si>
  <si>
    <t>\\acsfs\ACS\Gabriel da Silva\Contemporânea\BDBV\7479C16B.tmp\</t>
  </si>
  <si>
    <t>\\acsfs\ACS\Gabriel da Silva\Contemporânea\BDBV\7479C16B.tmp\:Zone.Identifier:$DATA</t>
  </si>
  <si>
    <t>5f286b41-cfea-4929-8078-ad98db20823e.tmp</t>
  </si>
  <si>
    <t>\\acsfs\profiles$\alinepp\Downloads\5f286b41-cfea-4929-8078-ad98db20823e.tmp</t>
  </si>
  <si>
    <t>XLOG_anacdos_06012020_064622.log</t>
  </si>
  <si>
    <t>\\acsfs\profiles$\anacdos\My Documents\xworkcenter\logs\XLOG_anacdos_06012020_064622.log</t>
  </si>
  <si>
    <t>\\acsfs\profiles$\anacdos\My Documents\dbxwc\</t>
  </si>
  <si>
    <t>\\acsfs\profiles$\anacdos\My Documents\dbxwc\dbxwc.xwc</t>
  </si>
  <si>
    <t>https://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81b787c2-9b59-49b1-8846-5228311e99d3.tmp</t>
  </si>
  <si>
    <t>\\acsfs\profiles$\laurandos\Downloads\81b787c2-9b59-49b1-8846-5228311e99d3.tmp</t>
  </si>
  <si>
    <t>c0ce1aac-5677-49fa-8fb0-5884a5210cea.tmp</t>
  </si>
  <si>
    <t>\\acsfs\profiles$\karinarm\Downloads\c0ce1aac-5677-49fa-8fb0-5884a5210cea.tmp</t>
  </si>
  <si>
    <t>lu112632ts2aaq.tmp</t>
  </si>
  <si>
    <t>\\acsfs\DEPTOS\Operacao\Banco_Votorantim\Supervisao\SUPERS BV CARTÕES\ANA VITORIA\APOIO\lu112632ts2aaq.tmp</t>
  </si>
  <si>
    <t>\\acsfs\DEPTOS\Operacao\Banco_Votorantim\Supervisao\SUPERS BV CARTÕES\ANA VITORIA\APOIO\lu112632ts2aaq.tmp\</t>
  </si>
  <si>
    <t>\\acsfs\DEPTOS\Operacao\Banco_Votorantim\Supervisao\SUPERS BV CARTÕES\ANA VITORIA\APOIO\lu112632ts2aaq.tmp\META-INF\</t>
  </si>
  <si>
    <t>\\acsfs\DEPTOS\Operacao\Banco_Votorantim\Supervisao\SUPERS BV CARTÕES\ANA VITORIA\APOIO\lu112632ts2aaq.tmp\Thumbnails\</t>
  </si>
  <si>
    <t>lu112632ts2aav.tmp</t>
  </si>
  <si>
    <t>\\acsfs\DEPTOS\Operacao\Banco_Votorantim\Supervisao\SUPERS BV CARTÕES\ANA VITORIA\APOIO\lu112632ts2aav.tmp</t>
  </si>
  <si>
    <t>\\acsfs\DEPTOS\Operacao\Banco_Votorantim\Supervisao\SUPERS BV CARTÕES\ANA VITORIA\APOIO\lu112632ts2aav.tmp\</t>
  </si>
  <si>
    <t>\\acsfs\DEPTOS\Operacao\Banco_Votorantim\Supervisao\SUPERS BV CARTÕES\ANA VITORIA\APOIO\lu112632ts2aav.tmp\META-INF\</t>
  </si>
  <si>
    <t>\\acsfs\DEPTOS\Operacao\Banco_Votorantim\Supervisao\SUPERS BV CARTÕES\ANA VITORIA\APOIO\lu112632ts2aav.tmp\Thumbnails\</t>
  </si>
  <si>
    <t>outlook.office.com/owa/service.svc?action=CreateItem&amp;app=Mail&amp;n=678</t>
  </si>
  <si>
    <t>a278df0c-b42f-4c18-a935-8c53d88474a1.tmp</t>
  </si>
  <si>
    <t>\\acsfs\profiles$\KARENJSS\Downloads\a278df0c-b42f-4c18-a935-8c53d88474a1.tmp</t>
  </si>
  <si>
    <t>bbbaf885-dc87-44b6-b664-11cea08e3c03.tmp</t>
  </si>
  <si>
    <t>\\acsfs\profiles$\myllenardl\Downloads\bbbaf885-dc87-44b6-b664-11cea08e3c03.tmp</t>
  </si>
  <si>
    <t>1578327256754000];["cpqbknokfiouimboqgzsn0dj8ovuj;andrelpsa@algartech.com;dg5odkyntc4mza4mtk2odk0naokcnysrag6753kvjcgt6szg sjseq6ddk0nzmxodk4otgwmxh6r3vrytqglxgl";maristelavodq@bv.algartech.com;supervisaobancovotorantim@algartech.com;thiagolrc@bv.algartech.com;</t>
  </si>
  <si>
    <t>1578327256754000],["cpqbknokfiouimboqgzsn0dj8ovuj,andrelpsa@algartech.com,dg5odkyntc4mza4mtk2odk0naokcnysrag6753kvjcgt6szg sjseq6ddk0nzmxodk4otgwmxh6r3vrytqglxgl",maristelavodq@bv.algartech.com,supervisaobancovotorantim@algartech.com,thiagolrc@bv.algartech.com</t>
  </si>
  <si>
    <t>0d5a3028-b080-48ca-a1f1-b0df06541102.tmp</t>
  </si>
  <si>
    <t>\\acsfs\profiles$\karinarm\Downloads\0d5a3028-b080-48ca-a1f1-b0df06541102.tmp</t>
  </si>
  <si>
    <t>rannabg</t>
  </si>
  <si>
    <t>990d2f91-5eb0-4f02-b799-90e843679abb.tmp</t>
  </si>
  <si>
    <t>\\acsfs\profiles$\alinepp\Downloads\990d2f91-5eb0-4f02-b799-90e843679abb.tmp</t>
  </si>
  <si>
    <t>4a3e2132-98ff-429e-8bd1-5541b32e318c.tmp</t>
  </si>
  <si>
    <t>\\acsfs\profiles$\joycemmdl\Downloads\4a3e2132-98ff-429e-8bd1-5541b32e318c.tmp</t>
  </si>
  <si>
    <t>34c9a042-03b1-4082-89e3-6f75ca9047bc.tmp</t>
  </si>
  <si>
    <t>\\acsfs\profiles$\joycemmdl\Downloads\34c9a042-03b1-4082-89e3-6f75ca9047bc.tmp</t>
  </si>
  <si>
    <t>9b2a28c8-f80d-47b1-8138-fbb9684e9023.tmp</t>
  </si>
  <si>
    <t>\\acsfs\profiles$\gabrielamdp\Downloads\9b2a28c8-f80d-47b1-8138-fbb9684e9023.tmp</t>
  </si>
  <si>
    <t>c9059f7b-afb1-4695-8984-20c749e07b94.tmp</t>
  </si>
  <si>
    <t>\\acsfs\profiles$\gabrielamdp\Downloads\c9059f7b-afb1-4695-8984-20c749e07b94.tmp</t>
  </si>
  <si>
    <t>698d1eec-7943-4a60-ba28-a5ad66dfecfe.tmp</t>
  </si>
  <si>
    <t>\\acsfs\profiles$\gabrielamdp\Downloads\698d1eec-7943-4a60-ba28-a5ad66dfecfe.tmp</t>
  </si>
  <si>
    <t>1af9a8cb-e50d-4cee-a2a1-dc84d23d6fea.tmp</t>
  </si>
  <si>
    <t>\\acsfs\profiles$\gabrielamdp\Downloads\1af9a8cb-e50d-4cee-a2a1-dc84d23d6fea.tmp</t>
  </si>
  <si>
    <t>639afd59-5de4-462b-b5a2-4769a5afebef.tmp</t>
  </si>
  <si>
    <t>\\acsfs\profiles$\karinarm\Downloads\639afd59-5de4-462b-b5a2-4769a5afebef.tmp</t>
  </si>
  <si>
    <t>77c899ce-47b3-4422-8e3d-2c4bd68eaee1.tmp</t>
  </si>
  <si>
    <t>\\acsfs\profiles$\karinarm\Downloads\77c899ce-47b3-4422-8e3d-2c4bd68eaee1.tmp</t>
  </si>
  <si>
    <t>TMO.xlsm</t>
  </si>
  <si>
    <t>\\acsfs\ACS\Gabriel da Silva\Contemporânea\TMO.xlsm</t>
  </si>
  <si>
    <t>Não confirmado 83364.crdownload</t>
  </si>
  <si>
    <t>\\acsfs\ACS\Gabriel da Silva\Contemporânea\Gen\Não confirmado 83364.crdownload</t>
  </si>
  <si>
    <t>efc3b92d-a570-47af-aafb-e4d89b1a1d1b.tmp</t>
  </si>
  <si>
    <t>\\acsfs\profiles$\jalilebds\Downloads\efc3b92d-a570-47af-aafb-e4d89b1a1d1b.tmp</t>
  </si>
  <si>
    <t>7edd14af-f66d-4827-b956-878426fbbcec.tmp</t>
  </si>
  <si>
    <t>\\acsfs\profiles$\jalilebds\Downloads\7edd14af-f66d-4827-b956-878426fbbcec.tmp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4b0a609e-98b4-45ff-9cfe-ccd0075a65c1.tmp</t>
  </si>
  <si>
    <t>\\acsfs\profiles$\gabrielarb\Downloads\4b0a609e-98b4-45ff-9cfe-ccd0075a65c1.tmp</t>
  </si>
  <si>
    <t>31f49b9d-4c68-4dd4-9394-c532705ad2f3.tmp</t>
  </si>
  <si>
    <t>\\acsfs\profiles$\edicarlosdl\Downloads\31f49b9d-4c68-4dd4-9394-c532705ad2f3.tmp</t>
  </si>
  <si>
    <t>15dcd0af-c2d1-4aa7-9e8d-5a3c3f4bc741.tmp</t>
  </si>
  <si>
    <t>\\acsfs\profiles$\adelvinsonle\Downloads\15dcd0af-c2d1-4aa7-9e8d-5a3c3f4bc741.tmp</t>
  </si>
  <si>
    <t>d6867db8-31a4-4ec7-b4a5-a922123c82fa.tmp</t>
  </si>
  <si>
    <t>\\acsfs\profiles$\LAISLG\Downloads\d6867db8-31a4-4ec7-b4a5-a922123c82fa.tmp</t>
  </si>
  <si>
    <t>2b4f7423-cadf-4d56-896f-bd60dbf8c2c2.tmp</t>
  </si>
  <si>
    <t>\\acsfs\profiles$\nayarasds\Downloads\2b4f7423-cadf-4d56-896f-bd60dbf8c2c2.tmp</t>
  </si>
  <si>
    <t>f703f200-ea76-4f7e-ab71-74b1cee100da.tmp</t>
  </si>
  <si>
    <t>\\acsfs\profiles$\kellzylenneasr\Downloads\f703f200-ea76-4f7e-ab71-74b1cee100da.tmp</t>
  </si>
  <si>
    <t>0cd56654-c466-4376-b2a0-6603a6cfa1ba.tmp</t>
  </si>
  <si>
    <t>\\acsfs\profiles$\wenderbnm\Downloads\0cd56654-c466-4376-b2a0-6603a6cfa1ba.tmp</t>
  </si>
  <si>
    <t>872f6d61-0561-45d3-856f-694a6ce0ae19.tmp</t>
  </si>
  <si>
    <t>\\acsfs\profiles$\wenderbnm\Downloads\872f6d61-0561-45d3-856f-694a6ce0ae19.tmp</t>
  </si>
  <si>
    <t>3cb6c156-f364-482c-b49d-fdc85ffaa9b0.tmp</t>
  </si>
  <si>
    <t>\\acsfs\profiles$\gabrielamdp\Downloads\3cb6c156-f364-482c-b49d-fdc85ffaa9b0.tmp</t>
  </si>
  <si>
    <t>67b0f2f8-aa84-4f74-bc8e-8527b4d9bfc9.tmp</t>
  </si>
  <si>
    <t>\\acsfs\profiles$\gabrielamdp\Downloads\67b0f2f8-aa84-4f74-bc8e-8527b4d9bfc9.tmp</t>
  </si>
  <si>
    <t>e8fe3be8-0770-40a4-8735-ea4e145703a2.tmp</t>
  </si>
  <si>
    <t>\\acsfs\profiles$\gabrielamdp\Downloads\e8fe3be8-0770-40a4-8735-ea4e145703a2.tmp</t>
  </si>
  <si>
    <t>e4fda391-f6de-4369-8c9a-79f1a9069695.tmp</t>
  </si>
  <si>
    <t>\\acsfs\profiles$\matheushds\Downloads\e4fda391-f6de-4369-8c9a-79f1a9069695.tmp</t>
  </si>
  <si>
    <t>mail.google.com/sync/u/0/i/s?hl=pt-BR&amp;c=327</t>
  </si>
  <si>
    <t>\\udpavonfs01\AVON\00 - ACOMPANHAMENTO AVON\04 - BACKOFFICE CORNERSTONE\2020\01.2020\MÁSCARA\</t>
  </si>
  <si>
    <t>Acompanhamento Backoffice Cornerstone JAN.202.xlsx</t>
  </si>
  <si>
    <t>\\udpavonfs01\AVON\00 - ACOMPANHAMENTO AVON\04 - BACKOFFICE CORNERSTONE\2020\01.2020\MÁSCARA\Acompanhamento Backoffice Cornerstone JAN.202.xlsx</t>
  </si>
  <si>
    <t>ae122d05-c441-4aa8-a138-197026d875f2.tmp</t>
  </si>
  <si>
    <t>\\acsfs\profiles$\vivianibfs\Downloads\ae122d05-c441-4aa8-a138-197026d875f2.tmp</t>
  </si>
  <si>
    <t>e55837be-f756-4c90-87f4-4610570268ea.tmp</t>
  </si>
  <si>
    <t>\\acsfs\profiles$\vivianibfs\Downloads\e55837be-f756-4c90-87f4-4610570268ea.tmp</t>
  </si>
  <si>
    <t>84169e79-2403-42d2-9add-8f33c1ec053e.tmp</t>
  </si>
  <si>
    <t>\\acsfs\profiles$\LAISLG\Downloads\84169e79-2403-42d2-9add-8f33c1ec053e.tmp</t>
  </si>
  <si>
    <t>9e1c8b59-a16b-4896-ac8c-0586d7f500b3.tmp</t>
  </si>
  <si>
    <t>\\acsfs\profiles$\henriqueco\Downloads\9e1c8b59-a16b-4896-ac8c-0586d7f500b3.tmp</t>
  </si>
  <si>
    <t>031ea0ec-3fd1-4a23-a932-116fa81c1e3d.tmp</t>
  </si>
  <si>
    <t>\\acsfs\profiles$\laylaams\Downloads\031ea0ec-3fd1-4a23-a932-116fa81c1e3d.tmp</t>
  </si>
  <si>
    <t>outlook.office.com/owa/service.svc?action=CreateItem&amp;app=Mail&amp;n=708</t>
  </si>
  <si>
    <t>outlook.office.com/owa/service.svc?action=UpdateItem&amp;app=Mail&amp;n=713</t>
  </si>
  <si>
    <t>7d948a6a-d39a-40c4-a6ed-59df04c7935f.tmp</t>
  </si>
  <si>
    <t>\\acsfs\profiles$\fabianafv\Downloads\7d948a6a-d39a-40c4-a6ed-59df04c7935f.tmp</t>
  </si>
  <si>
    <t>7b53bc78-3981-4a30-b1ce-a1859829222c.tmp</t>
  </si>
  <si>
    <t>\\acsfs\profiles$\fabianobmf\Downloads\7b53bc78-3981-4a30-b1ce-a1859829222c.tmp</t>
  </si>
  <si>
    <t>lu6428kqr1.tmp</t>
  </si>
  <si>
    <t>\\acsfs\profiles$\jalilebds\Downloads\lu6428kqr1.tmp</t>
  </si>
  <si>
    <t>lu6428kqr4.tmp</t>
  </si>
  <si>
    <t>\\acsfs\profiles$\jalilebds\Downloads\lu6428kqr4.tmp</t>
  </si>
  <si>
    <t>lu6428kqr7.tmp</t>
  </si>
  <si>
    <t>\\acsfs\profiles$\jalilebds\Downloads\lu6428kqr7.tmp</t>
  </si>
  <si>
    <t>69b3e283-13a2-4cdb-8dea-f93b2dcb545c.tmp</t>
  </si>
  <si>
    <t>\\acsfs\profiles$\luanaagl\Downloads\69b3e283-13a2-4cdb-8dea-f93b2dcb545c.tmp</t>
  </si>
  <si>
    <t>5fa1fad1-f8ec-4f6d-96ba-73cf6fc12a63.tmp</t>
  </si>
  <si>
    <t>\\acsfs\profiles$\myllenardl\Downloads\5fa1fad1-f8ec-4f6d-96ba-73cf6fc12a63.tmp</t>
  </si>
  <si>
    <t>dd8b0942-4086-4fae-a295-0744f1cd5dfe.tmp</t>
  </si>
  <si>
    <t>\\acsfs\profiles$\geovannasm\Downloads\dd8b0942-4086-4fae-a295-0744f1cd5dfe.tmp</t>
  </si>
  <si>
    <t>lu112632ts2ab8.tmp</t>
  </si>
  <si>
    <t>\\acsfs\DEPTOS\Operacao\Banco_Votorantim\Supervisao\SUPERS BV CARTÕES\ANA VITORIA\APOIO\lu112632ts2ab8.tmp</t>
  </si>
  <si>
    <t>217ef477-6dd3-455d-b675-2da13e3128a2.tmp</t>
  </si>
  <si>
    <t>\\acsfs\profiles$\fabianafv\Downloads\217ef477-6dd3-455d-b675-2da13e3128a2.tmp</t>
  </si>
  <si>
    <t>db851aee-4871-4680-839e-43bf236210af.tmp</t>
  </si>
  <si>
    <t>\\acsfs\profiles$\fabianobmf\Downloads\db851aee-4871-4680-839e-43bf236210af.tmp</t>
  </si>
  <si>
    <t>lu6428kqra.tmp</t>
  </si>
  <si>
    <t>\\acsfs\profiles$\jalilebds\Downloads\lu6428kqra.tmp</t>
  </si>
  <si>
    <t>lu6428kqrd.tmp</t>
  </si>
  <si>
    <t>\\acsfs\profiles$\jalilebds\Downloads\lu6428kqrd.tmp</t>
  </si>
  <si>
    <t>lu6428kqrg.tmp</t>
  </si>
  <si>
    <t>\\acsfs\profiles$\jalilebds\Downloads\lu6428kqrg.tmp</t>
  </si>
  <si>
    <t>lu6428kqrj.tmp</t>
  </si>
  <si>
    <t>\\acsfs\profiles$\jalilebds\Downloads\lu6428kqrj.tmp</t>
  </si>
  <si>
    <t>cpc-controldeskavon@algartech.com;joseasn@algartech.com;viniciussg@algartech.com;</t>
  </si>
  <si>
    <t>cpc-controldeskavon@algartech.com,joseasn@algartech.com,viniciussg@algartech.com</t>
  </si>
  <si>
    <t>5557c947-838e-4222-bbe3-d8b3098283a7.tmp</t>
  </si>
  <si>
    <t>\\acsfs\profiles$\matheusmax\Downloads\5557c947-838e-4222-bbe3-d8b3098283a7.tmp</t>
  </si>
  <si>
    <t>THYAGO SANTANA PASETTO_1_6774706246847117912_1_32.wav</t>
  </si>
  <si>
    <t>\\acsfs\Deptos\EDUCACAO EMPRESARIAL\KÉSIA\Ligações 1º Ciclo - Janeiro 2020\THYAGO SANTANA PASETTO_1_6774706246847117912_1_32.wav</t>
  </si>
  <si>
    <t>bbb629b7-a8a4-4dc3-bebc-db5365c54596.tmp</t>
  </si>
  <si>
    <t>\\acsfs\profiles$\luanaagl\Downloads\bbb629b7-a8a4-4dc3-bebc-db5365c54596.tmp</t>
  </si>
  <si>
    <t>4ea22da3-dd64-493b-953c-efa2613fe9e9.tmp</t>
  </si>
  <si>
    <t>\\acsfs\profiles$\welidicdj\Downloads\4ea22da3-dd64-493b-953c-efa2613fe9e9.tmp</t>
  </si>
  <si>
    <t>459517f8-a30d-4d84-a429-100e6594a7c8.tmp</t>
  </si>
  <si>
    <t>\\acsfs\profiles$\welidicdj\Downloads\459517f8-a30d-4d84-a429-100e6594a7c8.tmp</t>
  </si>
  <si>
    <t>d09f7ca4-3150-407a-a3c3-28200b9e3bd6.tmp</t>
  </si>
  <si>
    <t>\\acsfs\profiles$\JOAOVAL\Downloads\d09f7ca4-3150-407a-a3c3-28200b9e3bd6.tmp</t>
  </si>
  <si>
    <t>xdocxValidacao_0601.xlsx</t>
  </si>
  <si>
    <t>\\acsfs\ACS\Gabriel da Silva\Contemporânea\Acessos\xdocxValidacao_0601.xlsx</t>
  </si>
  <si>
    <t>lu6428kqrm.tmp</t>
  </si>
  <si>
    <t>\\acsfs\profiles$\jalilebds\Downloads\lu6428kqrm.tmp</t>
  </si>
  <si>
    <t>lu6428kqrp.tmp</t>
  </si>
  <si>
    <t>\\acsfs\profiles$\jalilebds\Downloads\lu6428kqrp.tmp</t>
  </si>
  <si>
    <t>95ce6fa5-84b3-49d9-8328-e57e90d89f03.tmp</t>
  </si>
  <si>
    <t>\\acsfs\profiles$\fernandofs\Downloads\95ce6fa5-84b3-49d9-8328-e57e90d89f03.tmp</t>
  </si>
  <si>
    <t>adc8f9de-27ef-4913-938c-6a33867398b4.tmp</t>
  </si>
  <si>
    <t>\\acsfs\profiles$\leonardobb\Downloads\adc8f9de-27ef-4913-938c-6a33867398b4.tmp</t>
  </si>
  <si>
    <t>f38151fc-43d3-4da4-8c35-d714b809fbe3.tmp</t>
  </si>
  <si>
    <t>\\acsfs\profiles$\gabrielarb\Downloads\f38151fc-43d3-4da4-8c35-d714b809fbe3.tmp</t>
  </si>
  <si>
    <t>a856e6e8-879e-44c7-8caf-e9a22ded6d2d.tmp</t>
  </si>
  <si>
    <t>\\acsfs\profiles$\gabrielarb\Downloads\a856e6e8-879e-44c7-8caf-e9a22ded6d2d.tmp</t>
  </si>
  <si>
    <t>34fa503a-3c9a-4846-b761-b929e72cf561.tmp</t>
  </si>
  <si>
    <t>\\acsfs\profiles$\gabrielarb\Downloads\34fa503a-3c9a-4846-b761-b929e72cf561.tmp</t>
  </si>
  <si>
    <t>d75a05fb-a870-4cd2-b023-66bbaee40e6e.tmp</t>
  </si>
  <si>
    <t>\\acsfs\profiles$\gabrielarb\Downloads\d75a05fb-a870-4cd2-b023-66bbaee40e6e.tmp</t>
  </si>
  <si>
    <t>52ef7487-ffdb-4524-b8f8-4ab5f84f5539.tmp</t>
  </si>
  <si>
    <t>\\acsfs\profiles$\gabrielarb\Downloads\52ef7487-ffdb-4524-b8f8-4ab5f84f5539.tmp</t>
  </si>
  <si>
    <t>d36dd091-531a-42c7-91b8-8c44ef97309e.tmp</t>
  </si>
  <si>
    <t>\\acsfs\profiles$\gabrielarb\Downloads\d36dd091-531a-42c7-91b8-8c44ef97309e.tmp</t>
  </si>
  <si>
    <t>daadb491-f20d-406c-b0ce-6c11dc5ee345.tmp</t>
  </si>
  <si>
    <t>\\acsfs\profiles$\adelvinsonle\Downloads\daadb491-f20d-406c-b0ce-6c11dc5ee345.tmp</t>
  </si>
  <si>
    <t>f7c130f9-0ade-42e1-b729-e7b5786368a5.tmp</t>
  </si>
  <si>
    <t>\\acsfs\profiles$\rafaelacdoc\Downloads\f7c130f9-0ade-42e1-b729-e7b5786368a5.tmp</t>
  </si>
  <si>
    <t>lu108180u90c76.tmp</t>
  </si>
  <si>
    <t>\\acsfs\DEPTOS\Operacao\Banco_Votorantim\Supervisao\SUPERS BV CARTÕES\ANA VITORIA\APOIO\lu108180u90c76.tmp</t>
  </si>
  <si>
    <t>ab3de6c1-3dff-4fa6-b14c-22b8235f8104.tmp</t>
  </si>
  <si>
    <t>\\acsfs\profiles$\fabianobmf\Downloads\ab3de6c1-3dff-4fa6-b14c-22b8235f8104.tmp</t>
  </si>
  <si>
    <t>f29af2ee-91aa-49e9-b6f3-9ec07bf5cfb3.tmp</t>
  </si>
  <si>
    <t>\\acsfs\profiles$\fabianobmf\Downloads\f29af2ee-91aa-49e9-b6f3-9ec07bf5cfb3.tmp</t>
  </si>
  <si>
    <t>e4337852-d73b-414c-94a8-9693766f0195.tmp</t>
  </si>
  <si>
    <t>\\acsfs\profiles$\gabrielarb\Downloads\e4337852-d73b-414c-94a8-9693766f0195.tmp</t>
  </si>
  <si>
    <t>ffbafc76-755e-4b2a-b04c-cd48df834f4c.tmp</t>
  </si>
  <si>
    <t>\\acsfs\profiles$\gabrielarb\Downloads\ffbafc76-755e-4b2a-b04c-cd48df834f4c.tmp</t>
  </si>
  <si>
    <t>6056c7f1-7aa2-44e1-92b4-5ba64def28dd.tmp</t>
  </si>
  <si>
    <t>\\acsfs\profiles$\gabrielarb\Downloads\6056c7f1-7aa2-44e1-92b4-5ba64def28dd.tmp</t>
  </si>
  <si>
    <t>48c432ab-5562-4fd2-9bb4-31695a217d14.tmp</t>
  </si>
  <si>
    <t>\\acsfs\profiles$\gabrielarb\Downloads\48c432ab-5562-4fd2-9bb4-31695a217d14.tmp</t>
  </si>
  <si>
    <t>77fb724a-f86b-4826-aa0e-63881c39ebe6.tmp</t>
  </si>
  <si>
    <t>\\acsfs\profiles$\gabrielarb\Downloads\77fb724a-f86b-4826-aa0e-63881c39ebe6.tmp</t>
  </si>
  <si>
    <t>407fc74c-62ea-45a5-9afa-4cc30623b937.tmp</t>
  </si>
  <si>
    <t>\\acsfs\profiles$\gabrielarb\Downloads\407fc74c-62ea-45a5-9afa-4cc30623b937.tmp</t>
  </si>
  <si>
    <t>3b993eb0-a571-46af-a347-336f7e61b8c4.tmp</t>
  </si>
  <si>
    <t>\\acsfs\profiles$\gabrielarb\Downloads\3b993eb0-a571-46af-a347-336f7e61b8c4.tmp</t>
  </si>
  <si>
    <t>8c173067-3775-4299-9dd0-747e9c06259d.tmp</t>
  </si>
  <si>
    <t>\\acsfs\profiles$\gabrielarb\Downloads\8c173067-3775-4299-9dd0-747e9c06259d.tmp</t>
  </si>
  <si>
    <t>4c8f68c9-9cca-4ae8-a4f6-1f4db3d1b401.tmp</t>
  </si>
  <si>
    <t>\\acsfs\profiles$\gabrielarb\Downloads\4c8f68c9-9cca-4ae8-a4f6-1f4db3d1b401.tmp</t>
  </si>
  <si>
    <t>IMG-20200106-WA0011.jpg</t>
  </si>
  <si>
    <t>bf5e5730-3426-4e84-98a3-2de07190454d.tmp</t>
  </si>
  <si>
    <t>\\acsfs\profiles$\fernandofs\Downloads\bf5e5730-3426-4e84-98a3-2de07190454d.tmp</t>
  </si>
  <si>
    <t>3524b466-8cdc-48de-8b45-7fa1620c0a79.tmp</t>
  </si>
  <si>
    <t>\\acsfs\profiles$\cintiadjl\Downloads\3524b466-8cdc-48de-8b45-7fa1620c0a79.tmp</t>
  </si>
  <si>
    <t>9a56ca1f-cba8-4cbc-a774-c535af12fa97.tmp</t>
  </si>
  <si>
    <t>\\acsfs\profiles$\cintiadjl\Downloads\9a56ca1f-cba8-4cbc-a774-c535af12fa97.tmp</t>
  </si>
  <si>
    <t>2d063d82-0718-4a18-a5d6-1f238bb451d4.tmp</t>
  </si>
  <si>
    <t>\\acsfs\profiles$\leonardobb\Downloads\2d063d82-0718-4a18-a5d6-1f238bb451d4.tmp</t>
  </si>
  <si>
    <t>b1be66a4-2b50-4b03-9b45-5d0ed5bf3a7b.tmp</t>
  </si>
  <si>
    <t>\\acsfs\profiles$\gabrielamdp\Downloads\b1be66a4-2b50-4b03-9b45-5d0ed5bf3a7b.tmp</t>
  </si>
  <si>
    <t>0ce83190-fd86-4c3b-b9c5-452e9873fb53.tmp</t>
  </si>
  <si>
    <t>\\acsfs\profiles$\gabrielamdp\Downloads\0ce83190-fd86-4c3b-b9c5-452e9873fb53.tmp</t>
  </si>
  <si>
    <t>48c25998-92d4-40a4-aaf4-65e515a14757.tmp</t>
  </si>
  <si>
    <t>\\acsfs\profiles$\ingridsm\Downloads\48c25998-92d4-40a4-aaf4-65e515a14757.tmp</t>
  </si>
  <si>
    <t>5297a1de-ddc7-4b03-8cfb-1cff7049f5d6.tmp</t>
  </si>
  <si>
    <t>\\acsfs\profiles$\ingridsm\Downloads\5297a1de-ddc7-4b03-8cfb-1cff7049f5d6.tmp</t>
  </si>
  <si>
    <t>cbfee97b-de07-4f0f-8188-305c34ff8efc.tmp</t>
  </si>
  <si>
    <t>\\acsfs\profiles$\brendadsl\Downloads\cbfee97b-de07-4f0f-8188-305c34ff8efc.tmp</t>
  </si>
  <si>
    <t>1370c086-89b0-47ab-b502-d9151eb57e0d.tmp</t>
  </si>
  <si>
    <t>\\acsfs\profiles$\gabrielarb\Downloads\1370c086-89b0-47ab-b502-d9151eb57e0d.tmp</t>
  </si>
  <si>
    <t>741cb745-e7ec-4799-925e-45690844d853.tmp</t>
  </si>
  <si>
    <t>\\acsfs\profiles$\gabrielarb\Downloads\741cb745-e7ec-4799-925e-45690844d853.tmp</t>
  </si>
  <si>
    <t>VALERIA SENA DE ARAUJO_1_6775088228353509834_1_32.wav</t>
  </si>
  <si>
    <t>\\acsfs\Deptos\EDUCACAO EMPRESARIAL\KÉSIA\Ligações 1º Ciclo - Janeiro 2020\VALERIA SENA DE ARAUJO_1_6775088228353509834_1_32.wav</t>
  </si>
  <si>
    <t>9040756f-cf21-49ac-b991-625c559c9703.tmp</t>
  </si>
  <si>
    <t>\\acsfs\profiles$\fernandofs\Downloads\9040756f-cf21-49ac-b991-625c559c9703.tmp</t>
  </si>
  <si>
    <t>fa8e9f41-0e05-4a53-95e4-4367860b98a4.tmp</t>
  </si>
  <si>
    <t>\\acsfs\profiles$\cintiadjl\Downloads\fa8e9f41-0e05-4a53-95e4-4367860b98a4.tmp</t>
  </si>
  <si>
    <t>3ca4be16-7163-4b85-8075-f6c5afe3b7ef.tmp</t>
  </si>
  <si>
    <t>\\acsfs\profiles$\gabrielhca\Downloads\3ca4be16-7163-4b85-8075-f6c5afe3b7ef.tmp</t>
  </si>
  <si>
    <t>b152f455-aebf-41ec-956f-975f805e5954.tmp</t>
  </si>
  <si>
    <t>\\acsfs\profiles$\gabrielhca\Downloads\b152f455-aebf-41ec-956f-975f805e5954.tmp</t>
  </si>
  <si>
    <t>4a383e2f-43b6-404a-ae00-c5f731c806ad.tmp</t>
  </si>
  <si>
    <t>\\acsfs\profiles$\leonardobb\Downloads\4a383e2f-43b6-404a-ae00-c5f731c806ad.tmp</t>
  </si>
  <si>
    <t>b9a0b60a-8d21-4d9d-aea7-825bd87db97f.tmp</t>
  </si>
  <si>
    <t>\\acsfs\profiles$\leonardobb\Downloads\b9a0b60a-8d21-4d9d-aea7-825bd87db97f.tmp</t>
  </si>
  <si>
    <t>0786990b-1db0-43ea-b55c-5caed5870037.tmp</t>
  </si>
  <si>
    <t>\\acsfs\profiles$\leonardobb\Downloads\0786990b-1db0-43ea-b55c-5caed5870037.tmp</t>
  </si>
  <si>
    <t>f4235263-72a0-4bbf-8717-ef8ae5c5eba2.tmp</t>
  </si>
  <si>
    <t>\\acsfs\profiles$\leonardobb\Downloads\f4235263-72a0-4bbf-8717-ef8ae5c5eba2.tmp</t>
  </si>
  <si>
    <t>2e6c33fc-1c49-49ec-8b5e-d592b1d6ebec.tmp</t>
  </si>
  <si>
    <t>\\acsfs\profiles$\KARENDSR\Downloads\2e6c33fc-1c49-49ec-8b5e-d592b1d6ebec.tmp</t>
  </si>
  <si>
    <t>3e859c4e-267c-4ed3-8f34-eef74e28d444.tmp</t>
  </si>
  <si>
    <t>\\acsfs\profiles$\regisedsj\Downloads\3e859c4e-267c-4ed3-8f34-eef74e28d444.tmp</t>
  </si>
  <si>
    <t>3d771632-b548-4a40-9984-3d5941d23367.tmp</t>
  </si>
  <si>
    <t>\\acsfs\profiles$\fabianafv\Downloads\3d771632-b548-4a40-9984-3d5941d23367.tmp</t>
  </si>
  <si>
    <t>05c9a037-adc9-46ae-ba06-040326a3a509.tmp</t>
  </si>
  <si>
    <t>\\acsfs\profiles$\fabianafv\Downloads\05c9a037-adc9-46ae-ba06-040326a3a509.tmp</t>
  </si>
  <si>
    <t>e3f8ad9b-7ccd-45e9-89ec-ad39a281fa2d.tmp</t>
  </si>
  <si>
    <t>\\acsfs\profiles$\fabianafv\Downloads\e3f8ad9b-7ccd-45e9-89ec-ad39a281fa2d.tmp</t>
  </si>
  <si>
    <t>13341f23-eda1-4e84-92fe-6942ad54969f.tmp</t>
  </si>
  <si>
    <t>\\acsfs\profiles$\leticiala\Downloads\13341f23-eda1-4e84-92fe-6942ad54969f.tmp</t>
  </si>
  <si>
    <t>a1398cc9-959f-459d-9b6b-a4174cd483b3.tmp</t>
  </si>
  <si>
    <t>\\acsfs\profiles$\leticiala\Downloads\a1398cc9-959f-459d-9b6b-a4174cd483b3.tmp</t>
  </si>
  <si>
    <t>\\udpavonfs01\AVON\00 - ACOMPANHAMENTO AVON\04 - BACKOFFICE CORNERSTONE\2020\01.2020\MÁSCARA\Acompanhamento Backoffice Cornerstone JAN.20.xlsx</t>
  </si>
  <si>
    <t>\\udpavonfs01\AVON\00 - ACOMPANHAMENTO AVON\04 - BACKOFFICE CORNERSTONE\2020\01.2020\RELATORIO\02.01.2020\Acompanhamento Backoffice Cornerstone JAN.20.xlsx</t>
  </si>
  <si>
    <t>C:\Users\TEMP.ACS.001\Downloads\</t>
  </si>
  <si>
    <t>image2020-01-06-153941.pdf</t>
  </si>
  <si>
    <t>\\acsfs\DEPTOS\EDUCACAO EMPRESARIAL\2 - Operações\0 - BV\.PROVAS E ARQUIVOS DE TREINAMENTO\Formação CDC Haruna 02-12\Listas de presenças\image2020-01-06-153941.pdf</t>
  </si>
  <si>
    <t>\\acsfs\DEPTOS\EDUCACAO EMPRESARIAL\2 - Operações\0 - BV\.PROVAS E ARQUIVOS DE TREINAMENTO\Formação CDC Haruna 02-12\Listas de presenças\image2020-01-06-153941.pdf\</t>
  </si>
  <si>
    <t>\\acsfs\DEPTOS\EDUCACAO EMPRESARIAL\2 - Operações\0 - BV\.PROVAS E ARQUIVOS DE TREINAMENTO\Formação CDC Haruna 02-12\Listas de presenças\image2020-01-06-153941.pdf\:Zone.Identifier:$DATA</t>
  </si>
  <si>
    <t>b2aabfd7-62f3-4801-b72e-8a3f3fd3cf77.tmp</t>
  </si>
  <si>
    <t>\\acsfs\profiles$\larissaad\Downloads\b2aabfd7-62f3-4801-b72e-8a3f3fd3cf77.tmp</t>
  </si>
  <si>
    <t>2e053302-ea0e-47fd-8a42-a8b4b3ec222d.tmp</t>
  </si>
  <si>
    <t>\\acsfs\profiles$\larissaad\Downloads\2e053302-ea0e-47fd-8a42-a8b4b3ec222d.tmp</t>
  </si>
  <si>
    <t>d965e5ff-b741-45bb-af8d-a454e4c271c9.tmp</t>
  </si>
  <si>
    <t>\\acsfs\profiles$\gabrielarb\Downloads\d965e5ff-b741-45bb-af8d-a454e4c271c9.tmp</t>
  </si>
  <si>
    <t>b9c5ced4-1c1a-457f-ae2e-5bea858a0059.tmp</t>
  </si>
  <si>
    <t>\\acsfs\profiles$\gabrielarb\Downloads\b9c5ced4-1c1a-457f-ae2e-5bea858a0059.tmp</t>
  </si>
  <si>
    <t>679fefed-2049-4ec7-aafd-3cd1e8045b3a.tmp</t>
  </si>
  <si>
    <t>\\acsfs\profiles$\gabrielarb\Downloads\679fefed-2049-4ec7-aafd-3cd1e8045b3a.tmp</t>
  </si>
  <si>
    <t>XLOG_vanessacgs_06012020_154508.log</t>
  </si>
  <si>
    <t>\\acsfs\profiles$\vanessacgs\My Documents\xworkcenter\logs\XLOG_vanessacgs_06012020_154508.log</t>
  </si>
  <si>
    <t>6d13cce4-5f0f-4bc8-9284-3095b4cc42bd.tmp</t>
  </si>
  <si>
    <t>\\acsfs\profiles$\gabrielhca\Downloads\6d13cce4-5f0f-4bc8-9284-3095b4cc42bd.tmp</t>
  </si>
  <si>
    <t>cb9fb407-9bb4-4f63-8b75-40cac096041c.tmp</t>
  </si>
  <si>
    <t>\\acsfs\profiles$\leonardobb\Downloads\cb9fb407-9bb4-4f63-8b75-40cac096041c.tmp</t>
  </si>
  <si>
    <t>1ad65b47-3035-4334-a25d-f3d094b93d19.tmp</t>
  </si>
  <si>
    <t>\\acsfs\profiles$\gabrielamdp\Downloads\1ad65b47-3035-4334-a25d-f3d094b93d19.tmp</t>
  </si>
  <si>
    <t>image2020-01-06-143250.pdf</t>
  </si>
  <si>
    <t>\\acsfs\DEPTOS\EDUCACAO EMPRESARIAL\2 - Operações\0 - BV\.PROVAS E ARQUIVOS DE TREINAMENTO\Formação CDC Haruna 02-12\Provas\Prova 08 - CRBV\image2020-01-06-143250.pdf</t>
  </si>
  <si>
    <t>\\acsfs\DEPTOS\EDUCACAO EMPRESARIAL\2 - Operações\0 - BV\.PROVAS E ARQUIVOS DE TREINAMENTO\Formação CDC Haruna 02-12\Provas\Prova 08 - CRBV\image2020-01-06-143250.pdf\</t>
  </si>
  <si>
    <t>\\acsfs\DEPTOS\EDUCACAO EMPRESARIAL\2 - Operações\0 - BV\.PROVAS E ARQUIVOS DE TREINAMENTO\Formação CDC Haruna 02-12\Provas\Prova 08 - CRBV\image2020-01-06-143250.pdf\:Zone.Identifier:$DATA</t>
  </si>
  <si>
    <t>85365c7a-e91b-4b57-b3d9-9eee58a1c941.tmp</t>
  </si>
  <si>
    <t>\\acsfs\profiles$\gabrielarb\Downloads\85365c7a-e91b-4b57-b3d9-9eee58a1c941.tmp</t>
  </si>
  <si>
    <t>40f8faff-3049-4a39-a630-5c80c4e60611.tmp</t>
  </si>
  <si>
    <t>\\acsfs\profiles$\fernandofs\Downloads\40f8faff-3049-4a39-a630-5c80c4e60611.tmp</t>
  </si>
  <si>
    <t>lu12720f8n1.tmp</t>
  </si>
  <si>
    <t>\\acsfs\profiles$\victoriaksr\Downloads\lu12720f8n1.tmp</t>
  </si>
  <si>
    <t>e64c260f-bfd6-4289-874a-027c0b0bf119.tmp</t>
  </si>
  <si>
    <t>\\acsfs\profiles$\ingridsm\Downloads\e64c260f-bfd6-4289-874a-027c0b0bf119.tmp</t>
  </si>
  <si>
    <t>1b597561-ea73-4f97-8a2f-0c52a2bdb327.tmp</t>
  </si>
  <si>
    <t>\\acsfs\profiles$\alinepp\Downloads\1b597561-ea73-4f97-8a2f-0c52a2bdb327.tmp</t>
  </si>
  <si>
    <t>74c97bc8-050e-41f2-9d4a-0d2e39e4a753.tmp</t>
  </si>
  <si>
    <t>\\acsfs\profiles$\gabrielarb\Downloads\74c97bc8-050e-41f2-9d4a-0d2e39e4a753.tmp</t>
  </si>
  <si>
    <t>lu12720f8n7.tmp</t>
  </si>
  <si>
    <t>\\acsfs\profiles$\victoriaksr\Downloads\lu12720f8n7.tmp</t>
  </si>
  <si>
    <t>\\acsfs\profiles$\julianeas\My Documents\$RECYCLE.BIN\</t>
  </si>
  <si>
    <t>$IHLCDQ8.txt</t>
  </si>
  <si>
    <t>\\acsfs\profiles$\julianeas\My Documents\$RECYCLE.BIN\$IHLCDQ8.txt</t>
  </si>
  <si>
    <t>$IMMP7YX.txt</t>
  </si>
  <si>
    <t>\\acsfs\profiles$\julianeas\My Documents\$RECYCLE.BIN\$IMMP7YX.txt</t>
  </si>
  <si>
    <t>\\acsfs\profiles$\anafaes\Contacts\</t>
  </si>
  <si>
    <t>ANA FLAVIA ALVES E SILVA (6827).contact</t>
  </si>
  <si>
    <t>\\acsfs\profiles$\anafaes\Contacts\ANA FLAVIA ALVES E SILVA (6827).contact</t>
  </si>
  <si>
    <t>\\acsfs\profiles$\anafaes\My Documents\My Videos\</t>
  </si>
  <si>
    <t>\\acsfs\profiles$\anafaes\My Documents\My Videos\desktop.ini</t>
  </si>
  <si>
    <t>\\acsfs\profiles$\anafaes\My Documents\My Pictures\</t>
  </si>
  <si>
    <t>\\acsfs\profiles$\anafaes\My Documents\My Pictures\desktop.ini</t>
  </si>
  <si>
    <t>\\acsfs\profiles$\anafaes\Contacts\desktop.ini</t>
  </si>
  <si>
    <t>\\acsfs\profiles$\anafaes\Favorites\</t>
  </si>
  <si>
    <t>\\acsfs\profiles$\anafaes\Favorites\desktop.ini</t>
  </si>
  <si>
    <t>\\acsfs\profiles$\anafaes\My Documents\My Music\</t>
  </si>
  <si>
    <t>\\acsfs\profiles$\anafaes\My Documents\My Music\desktop.ini</t>
  </si>
  <si>
    <t>\\acsfs\profiles$\anafaes\Searches\</t>
  </si>
  <si>
    <t>\\acsfs\profiles$\anafaes\Searches\desktop.ini</t>
  </si>
  <si>
    <t>\\acsfs\profiles$\anafaes\Downloads\desktop.ini</t>
  </si>
  <si>
    <t>\\acsfs\profiles$\anafaes\My Documents\</t>
  </si>
  <si>
    <t>\\acsfs\profiles$\anafaes\My Documents\desktop.ini</t>
  </si>
  <si>
    <t>\\acsfs\profiles$\anafaes\Saved Games\</t>
  </si>
  <si>
    <t>\\acsfs\profiles$\anafaes\Saved Games\desktop.ini</t>
  </si>
  <si>
    <t>\\acsfs\profiles$\anafaes\Favorites\Links for Brasil\</t>
  </si>
  <si>
    <t>\\acsfs\profiles$\anafaes\Favorites\Links for Brasil\desktop.ini</t>
  </si>
  <si>
    <t>\\acsfs\profiles$\anafaes\Favorites\Links for Brasil\Microsoft Brasil.url</t>
  </si>
  <si>
    <t>\\acsfs\profiles$\anafaes\Favorites\Links for Brasil\Windows Brasil.url</t>
  </si>
  <si>
    <t>\\acsfs\profiles$\anafaes\Favorites\Links for Brasil\MSN Brasil.url</t>
  </si>
  <si>
    <t>cfc8b85b-d91c-4cf2-bcf5-fcf0fd14af2f.tmp</t>
  </si>
  <si>
    <t>\\acsfs\profiles$\laurandos\Downloads\cfc8b85b-d91c-4cf2-bcf5-fcf0fd14af2f.tmp</t>
  </si>
  <si>
    <t>3f654063-dbf0-44bc-9064-d1136ab6bf0b.tmp</t>
  </si>
  <si>
    <t>\\acsfs\profiles$\laurandos\Downloads\3f654063-dbf0-44bc-9064-d1136ab6bf0b.tmp</t>
  </si>
  <si>
    <t>f4cac60a-1f45-4719-b5a1-d99e6c734d98.tmp</t>
  </si>
  <si>
    <t>\\acsfs\profiles$\laurandos\Downloads\f4cac60a-1f45-4719-b5a1-d99e6c734d98.tmp</t>
  </si>
  <si>
    <t>65703815-4863-4c32-8b22-44df676fb58d.tmp</t>
  </si>
  <si>
    <t>\\acsfs\profiles$\matheusmax\Downloads\65703815-4863-4c32-8b22-44df676fb58d.tmp</t>
  </si>
  <si>
    <t>WENDER BRUNO NUNES MENESES_1_6775113414041736281_1_32.wav</t>
  </si>
  <si>
    <t>\\acsfs\Deptos\EDUCACAO EMPRESARIAL\KÉSIA\Ligações 1º Ciclo - Janeiro 2020\WENDER BRUNO NUNES MENESES_1_6775113414041736281_1_32.wav</t>
  </si>
  <si>
    <t>7d493077-3114-4e22-b0f2-efefff4de407.tmp</t>
  </si>
  <si>
    <t>\\acsfs\profiles$\gabrielarb\Downloads\7d493077-3114-4e22-b0f2-efefff4de407.tmp</t>
  </si>
  <si>
    <t>e35e5f89-8065-44b1-92ba-b3329fa62240.tmp</t>
  </si>
  <si>
    <t>\\acsfs\profiles$\anafaes\Downloads\e35e5f89-8065-44b1-92ba-b3329fa62240.tmp</t>
  </si>
  <si>
    <t>d8016ce0-54c0-4abc-bf24-30fceb5dc954.tmp</t>
  </si>
  <si>
    <t>\\acsfs\profiles$\anafaes\Downloads\d8016ce0-54c0-4abc-bf24-30fceb5dc954.tmp</t>
  </si>
  <si>
    <t>ae38f70e-ef6c-41c2-b470-e67dec98e3e6.tmp</t>
  </si>
  <si>
    <t>\\acsfs\profiles$\anafaes\Downloads\ae38f70e-ef6c-41c2-b470-e67dec98e3e6.tmp</t>
  </si>
  <si>
    <t>20385499-21a9-4a7a-9262-8395aa436e9a.tmp</t>
  </si>
  <si>
    <t>\\acsfs\profiles$\anafaes\Downloads\20385499-21a9-4a7a-9262-8395aa436e9a.tmp</t>
  </si>
  <si>
    <t>090a0efb-0b84-4662-b4bd-f91144bdfe54.tmp</t>
  </si>
  <si>
    <t>\\acsfs\profiles$\lorrainerdl\Downloads\090a0efb-0b84-4662-b4bd-f91144bdfe54.tmp</t>
  </si>
  <si>
    <t>40abc8ee-49a3-4c67-8a40-946aa451175a.tmp</t>
  </si>
  <si>
    <t>\\acsfs\profiles$\lorrainerdl\Downloads\40abc8ee-49a3-4c67-8a40-946aa451175a.tmp</t>
  </si>
  <si>
    <t>c3829f95-6447-468b-89ce-b48ce653bb96.tmp</t>
  </si>
  <si>
    <t>\\acsfs\profiles$\philipegsf\Downloads\c3829f95-6447-468b-89ce-b48ce653bb96.tmp</t>
  </si>
  <si>
    <t>65f56487-7bea-409d-b0d8-03944c195428.tmp</t>
  </si>
  <si>
    <t>\\acsfs\profiles$\gabrielarb\Downloads\65f56487-7bea-409d-b0d8-03944c195428.tmp</t>
  </si>
  <si>
    <t>10c27721-4759-4767-a939-2bf03c760a3f.tmp</t>
  </si>
  <si>
    <t>\\acsfs\profiles$\gabrielarb\Downloads\10c27721-4759-4767-a939-2bf03c760a3f.tmp</t>
  </si>
  <si>
    <t>f9a718f6-3088-44fd-82a1-4697950ebcc4.tmp</t>
  </si>
  <si>
    <t>\\acsfs\profiles$\gabrielarb\Downloads\f9a718f6-3088-44fd-82a1-4697950ebcc4.tmp</t>
  </si>
  <si>
    <t>5c8eed1e-7c7a-474b-8498-a9e438f5c360.tmp</t>
  </si>
  <si>
    <t>\\acsfs\profiles$\gabrielarb\Downloads\5c8eed1e-7c7a-474b-8498-a9e438f5c360.tmp</t>
  </si>
  <si>
    <t>bcabcef9-0280-475e-97a6-747fc0c20be4.tmp</t>
  </si>
  <si>
    <t>\\acsfs\profiles$\andreapdsg\Downloads\bcabcef9-0280-475e-97a6-747fc0c20be4.tmp</t>
  </si>
  <si>
    <t>Cópia de REPORT ACOMPANHAMENTO - BV - JANEIRO.xlsb</t>
  </si>
  <si>
    <t>\\acsfs\deptos\Operacao\PCP\5 - Comum\PLANEJAMENTO BV\14 - ACOMPANHAMENTO\1 - REPORT ACOMPANHAMENTO\2020\1 - JANEIRO\FINANCEIRA\Cópia de REPORT ACOMPANHAMENTO - BV - JANEIRO.xlsb</t>
  </si>
  <si>
    <t>\\udpavonfs01\AVON\00 - ACOMPANHAMENTO AVON\04 - BACKOFFICE CORNERSTONE\2020\01.2020\RELATORIO\02.01.2020\</t>
  </si>
  <si>
    <t>cea9b296-85f8-4c3b-8da5-3b287b68cca8.tmp</t>
  </si>
  <si>
    <t>\\acsfs\profiles$\gabrielarb\Downloads\cea9b296-85f8-4c3b-8da5-3b287b68cca8.tmp</t>
  </si>
  <si>
    <t>b70ade24-09cb-4fda-881c-37d0fc49db29.tmp</t>
  </si>
  <si>
    <t>\\acsfs\profiles$\gabrielarb\Downloads\b70ade24-09cb-4fda-881c-37d0fc49db29.tmp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</t>
  </si>
  <si>
    <t>Formulário TTV - Lançamento de Hora Extra.xlsx</t>
  </si>
  <si>
    <t>15c1051d-4124-47fe-b70f-f0dcca32ec77.tmp</t>
  </si>
  <si>
    <t>\\acsfs\profiles$\leonardobb\Downloads\15c1051d-4124-47fe-b70f-f0dcca32ec77.tmp</t>
  </si>
  <si>
    <t>5fe32d0c-e375-405d-a0bb-daf2d5be68b4.tmp</t>
  </si>
  <si>
    <t>\\acsfs\profiles$\leonardobb\Downloads\5fe32d0c-e375-405d-a0bb-daf2d5be68b4.tmp</t>
  </si>
  <si>
    <t>259d6800-c266-4391-a8a4-b73f038ee622.tmp</t>
  </si>
  <si>
    <t>\\acsfs\profiles$\leonardobb\Downloads\259d6800-c266-4391-a8a4-b73f038ee622.tmp</t>
  </si>
  <si>
    <t>85829d51-b7bd-4dd7-87f1-ec8ae3f7eee5.tmp</t>
  </si>
  <si>
    <t>\\acsfs\profiles$\leonardobb\Downloads\85829d51-b7bd-4dd7-87f1-ec8ae3f7eee5.tmp</t>
  </si>
  <si>
    <t>19939037-12ed-4f12-9544-e43cfa89e230.tmp</t>
  </si>
  <si>
    <t>\\acsfs\profiles$\leonardobb\Downloads\19939037-12ed-4f12-9544-e43cfa89e230.tmp</t>
  </si>
  <si>
    <t>d7142a87-25a1-42cb-8ebc-6d36901ecdad.tmp</t>
  </si>
  <si>
    <t>\\acsfs\profiles$\ingridsm\Downloads\d7142a87-25a1-42cb-8ebc-6d36901ecdad.tmp</t>
  </si>
  <si>
    <t>0c89945c-ca08-4848-ad3b-372a08105817.tmp</t>
  </si>
  <si>
    <t>\\acsfs\profiles$\ingridsm\Downloads\0c89945c-ca08-4848-ad3b-372a08105817.tmp</t>
  </si>
  <si>
    <t>fc733e65-d481-4509-a420-c9416dbcf9cc.tmp</t>
  </si>
  <si>
    <t>\\acsfs\profiles$\alinepp\Downloads\fc733e65-d481-4509-a420-c9416dbcf9cc.tmp</t>
  </si>
  <si>
    <t>796deb3c-3d0d-40f9-b113-a7e5333962fd.tmp</t>
  </si>
  <si>
    <t>\\acsfs\profiles$\leticiala\Downloads\796deb3c-3d0d-40f9-b113-a7e5333962fd.tmp</t>
  </si>
  <si>
    <t>lu528808of2vl.tmp</t>
  </si>
  <si>
    <t>\\acsfs\profiles$\lorraynevam\Downloads\lu528808of2vl.tmp</t>
  </si>
  <si>
    <t>\\acsfs\profiles$\lorraynevam\Downloads\lu528808of2vl.tmp\</t>
  </si>
  <si>
    <t>\\acsfs\profiles$\lorraynevam\Downloads\lu528808of2vl.tmp\META-INF\</t>
  </si>
  <si>
    <t>\\acsfs\profiles$\lorraynevam\Downloads\lu528808of2vl.tmp\Thumbnails\</t>
  </si>
  <si>
    <t>4047b7cc-b045-4c1c-a037-f8eb2d9e1f9e.tmp</t>
  </si>
  <si>
    <t>\\acsfs\profiles$\leonardobb\Downloads\4047b7cc-b045-4c1c-a037-f8eb2d9e1f9e.tmp</t>
  </si>
  <si>
    <t>a19e2834-fcfb-49af-927b-ed8685c8af50.tmp</t>
  </si>
  <si>
    <t>\\acsfs\profiles$\karinarm\Downloads\a19e2834-fcfb-49af-927b-ed8685c8af50.tmp</t>
  </si>
  <si>
    <t>10.200.67.2</t>
  </si>
  <si>
    <t>78-2B-CB-C1-04-88</t>
  </si>
  <si>
    <t>VOTORANT-LB005</t>
  </si>
  <si>
    <t>dc46ad75-7471-4599-9d1b-d31cc981ee9c.tmp</t>
  </si>
  <si>
    <t>\\acsfs\profiles$\layonmof\Downloads\dc46ad75-7471-4599-9d1b-d31cc981ee9c.tmp</t>
  </si>
  <si>
    <t>1b67e221-9baf-4985-910f-c797bee1bde5.tmp</t>
  </si>
  <si>
    <t>\\acsfs\profiles$\layonmof\Downloads\1b67e221-9baf-4985-910f-c797bee1bde5.tmp</t>
  </si>
  <si>
    <t>\\acsfs\ACS\Gabriel da Silva\Contemporânea\BDBV\7390FB2B.tmp\</t>
  </si>
  <si>
    <t>\\acsfs\ACS\Gabriel da Silva\Contemporânea\BDBV\7390FB2B.tmp\:Zone.Identifier:$DATA</t>
  </si>
  <si>
    <t>9a2eae2f-6f29-4b60-9d85-913d7199dd9c.tmp</t>
  </si>
  <si>
    <t>\\acsfs\profiles$\alinepp\Downloads\9a2eae2f-6f29-4b60-9d85-913d7199dd9c.tmp</t>
  </si>
  <si>
    <t>9b4f72d3-4aec-401a-9c3d-4b70bdd82930.tmp</t>
  </si>
  <si>
    <t>\\acsfs\profiles$\alinepp\Downloads\9b4f72d3-4aec-401a-9c3d-4b70bdd82930.tmp</t>
  </si>
  <si>
    <t>79c395f5-3ea3-4318-9bb6-ca0323dc677e.tmp</t>
  </si>
  <si>
    <t>\\acsfs\profiles$\leticiala\Downloads\79c395f5-3ea3-4318-9bb6-ca0323dc677e.tmp</t>
  </si>
  <si>
    <t>b15ff2b4-ec5b-4438-b2d1-1f8a50ac007d.tmp</t>
  </si>
  <si>
    <t>\\acsfs\profiles$\brendadsl\Downloads\b15ff2b4-ec5b-4438-b2d1-1f8a50ac007d.tmp</t>
  </si>
  <si>
    <t>b9219152-9e1d-449f-a167-b8e5af166c6d.tmp</t>
  </si>
  <si>
    <t>\\acsfs\profiles$\adelvinsonle\Downloads\b9219152-9e1d-449f-a167-b8e5af166c6d.tmp</t>
  </si>
  <si>
    <t>Modelo Monitoria - 1º ciclo - Janeiro 2020.txt</t>
  </si>
  <si>
    <t>\\acsfs\Deptos\EDUCACAO EMPRESARIAL\KÉSIA\Modelo Monitoria - 1º ciclo - Janeiro 2020.txt</t>
  </si>
  <si>
    <t>9d8be01d-5cfd-482c-924e-c898c36b8976.tmp</t>
  </si>
  <si>
    <t>\\acsfs\profiles$\henriqueco\Downloads\9d8be01d-5cfd-482c-924e-c898c36b8976.tmp</t>
  </si>
  <si>
    <t>378ec079-4010-4a03-a315-583741736aca.tmp</t>
  </si>
  <si>
    <t>\\acsfs\profiles$\karinarm\Downloads\378ec079-4010-4a03-a315-583741736aca.tmp</t>
  </si>
  <si>
    <t>f0615104-0c3b-4740-9338-ae72cb0b0615.tmp</t>
  </si>
  <si>
    <t>\\acsfs\profiles$\karinarm\Downloads\f0615104-0c3b-4740-9338-ae72cb0b0615.tmp</t>
  </si>
  <si>
    <t>be3aab82-8871-4dac-9dda-54d5e430fa0c.tmp</t>
  </si>
  <si>
    <t>\\acsfs\profiles$\adelvinsonle\Downloads\be3aab82-8871-4dac-9dda-54d5e430fa0c.tmp</t>
  </si>
  <si>
    <t>SUBSTITUIÇÃO DE PROTOCOLOS.docx</t>
  </si>
  <si>
    <t>\\acsfs\Deptos\EDUCACAO EMPRESARIAL\KÉSIA\SUBSTITUIÇÃO DE PROTOCOLOS.docx</t>
  </si>
  <si>
    <t>3dcb17ca-9075-4df6-80de-a3d6fdcf0293.tmp</t>
  </si>
  <si>
    <t>\\acsfs\profiles$\ciceraads\Downloads\3dcb17ca-9075-4df6-80de-a3d6fdcf0293.tmp</t>
  </si>
  <si>
    <t>55308d75-8e95-4432-b354-c698ef9402b3.tmp</t>
  </si>
  <si>
    <t>\\acsfs\profiles$\andrezacapf\Downloads\55308d75-8e95-4432-b354-c698ef9402b3.tmp</t>
  </si>
  <si>
    <t>dc23aed7-0611-4369-8c32-800c8f5c9f38.tmp</t>
  </si>
  <si>
    <t>\\acsfs\profiles$\andrezacapf\Downloads\dc23aed7-0611-4369-8c32-800c8f5c9f38.tmp</t>
  </si>
  <si>
    <t>cb11dae0-3c59-48ac-b404-0dfa7021f43e.tmp</t>
  </si>
  <si>
    <t>\\acsfs\profiles$\andrezacapf\Downloads\cb11dae0-3c59-48ac-b404-0dfa7021f43e.tmp</t>
  </si>
  <si>
    <t>333adb2f-fae1-4e2c-9d5d-e556c6017f07.tmp</t>
  </si>
  <si>
    <t>\\acsfs\profiles$\andrezacapf\Downloads\333adb2f-fae1-4e2c-9d5d-e556c6017f07.tmp</t>
  </si>
  <si>
    <t>31d017f9-0c30-4479-ab68-ff3d8ec15cd0.tmp</t>
  </si>
  <si>
    <t>\\acsfs\profiles$\marcelacdss\Downloads\31d017f9-0c30-4479-ab68-ff3d8ec15cd0.tmp</t>
  </si>
  <si>
    <t>a5c569d8-90eb-4e5c-bc03-ed4267b6bc46.tmp</t>
  </si>
  <si>
    <t>\\acsfs\profiles$\marcelacdss\Downloads\a5c569d8-90eb-4e5c-bc03-ed4267b6bc46.tmp</t>
  </si>
  <si>
    <t>4d9e43b9-9625-433f-bb3e-36101f905ad5.tmp</t>
  </si>
  <si>
    <t>\\acsfs\profiles$\marcelacdss\Downloads\4d9e43b9-9625-433f-bb3e-36101f905ad5.tmp</t>
  </si>
  <si>
    <t>8733d543-d163-4086-a051-e2d411523950.tmp</t>
  </si>
  <si>
    <t>\\acsfs\profiles$\myllenardl\Downloads\8733d543-d163-4086-a051-e2d411523950.tmp</t>
  </si>
  <si>
    <t>24fa7aa1-be85-46a7-afc5-15044f076efc.tmp</t>
  </si>
  <si>
    <t>\\acsfs\profiles$\danielta\Downloads\24fa7aa1-be85-46a7-afc5-15044f076efc.tmp</t>
  </si>
  <si>
    <t>b0a84771-dce1-46bc-953c-9be4a5158518.tmp</t>
  </si>
  <si>
    <t>\\acsfs\profiles$\henriqueco\Downloads\b0a84771-dce1-46bc-953c-9be4a5158518.tmp</t>
  </si>
  <si>
    <t>5030401b-afe1-4c6d-93c6-67bc915daed8.tmp</t>
  </si>
  <si>
    <t>\\acsfs\profiles$\andrezacapf\Downloads\5030401b-afe1-4c6d-93c6-67bc915daed8.tmp</t>
  </si>
  <si>
    <t>3047e8c6-6142-4768-af63-2a355fb4625d.tmp</t>
  </si>
  <si>
    <t>\\acsfs\profiles$\andrezacapf\Downloads\3047e8c6-6142-4768-af63-2a355fb4625d.tmp</t>
  </si>
  <si>
    <t>115e6486-57d9-4a7d-8574-3bc9bb0c1369.tmp</t>
  </si>
  <si>
    <t>\\acsfs\profiles$\fabianafv\Downloads\115e6486-57d9-4a7d-8574-3bc9bb0c1369.tmp</t>
  </si>
  <si>
    <t>71ea3c90-1d3d-411f-8ea2-da38f46249bc.tmp</t>
  </si>
  <si>
    <t>\\acsfs\profiles$\marcelacdss\Downloads\71ea3c90-1d3d-411f-8ea2-da38f46249bc.tmp</t>
  </si>
  <si>
    <t>Não confirmado 205091.crdownload</t>
  </si>
  <si>
    <t>\\acsfs\profiles$\marcelacdss\Downloads\Não confirmado 205091.crdownload</t>
  </si>
  <si>
    <t>13969197-d167-4b9f-b72c-fe699ed02730.tmp</t>
  </si>
  <si>
    <t>\\acsfs\profiles$\marcelacdss\Downloads\13969197-d167-4b9f-b72c-fe699ed02730.tmp</t>
  </si>
  <si>
    <t>f3605c1d-81f9-4c89-9593-6bdec271d1b1.tmp</t>
  </si>
  <si>
    <t>\\acsfs\profiles$\marcelacdss\Downloads\f3605c1d-81f9-4c89-9593-6bdec271d1b1.tmp</t>
  </si>
  <si>
    <t>3d3192ec-4d27-4274-86e2-a29ef1941d74.tmp</t>
  </si>
  <si>
    <t>\\acsfs\profiles$\marcelacdss\Downloads\3d3192ec-4d27-4274-86e2-a29ef1941d74.tmp</t>
  </si>
  <si>
    <t>100014122394468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22394468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2103689a-acfd-430c-8af5-c2e6542fd82b.tmp</t>
  </si>
  <si>
    <t>\\acsfs\profiles$\danielta\Downloads\2103689a-acfd-430c-8af5-c2e6542fd82b.tmp</t>
  </si>
  <si>
    <t>fe9aac9d-6fe1-4311-a51f-b4e6c65731f1.tmp</t>
  </si>
  <si>
    <t>\\acsfs\profiles$\marcelacdss\Downloads\fe9aac9d-6fe1-4311-a51f-b4e6c65731f1.tmp</t>
  </si>
  <si>
    <t>ef095bcd-ad57-45e2-88f3-d3a41309cad1.tmp</t>
  </si>
  <si>
    <t>\\acsfs\profiles$\joycemmdl\Downloads\ef095bcd-ad57-45e2-88f3-d3a41309cad1.tmp</t>
  </si>
  <si>
    <t>e481cb49-41d9-4549-a589-932bd62ed962.tmp</t>
  </si>
  <si>
    <t>\\acsfs\profiles$\joycemmdl\Downloads\e481cb49-41d9-4549-a589-932bd62ed962.tmp</t>
  </si>
  <si>
    <t>216bcd51-bb73-4b4b-b03c-ee0a192f9e67.tmp</t>
  </si>
  <si>
    <t>\\acsfs\profiles$\kamilamrc\Downloads\216bcd51-bb73-4b4b-b03c-ee0a192f9e67.tmp</t>
  </si>
  <si>
    <t>Usar.txt</t>
  </si>
  <si>
    <t>\\acsfs\profiles$\layonmof\My Documents\Usar.txt</t>
  </si>
  <si>
    <t>48c15b15-6b30-4896-9319-5c0ec305013a.tmp</t>
  </si>
  <si>
    <t>\\acsfs\profiles$\leticiala\Downloads\48c15b15-6b30-4896-9319-5c0ec305013a.tmp</t>
  </si>
  <si>
    <t>b58b352d-0e43-4b2e-82a5-f38a20cc5572.tmp</t>
  </si>
  <si>
    <t>\\acsfs\profiles$\henriquehmdo\Downloads\b58b352d-0e43-4b2e-82a5-f38a20cc5572.tmp</t>
  </si>
  <si>
    <t>1631a2de-61de-4cc9-937e-33ae74248f0b.JPG</t>
  </si>
  <si>
    <t>508da70e-83ee-4937-9727-ce0930091c3b.tmp</t>
  </si>
  <si>
    <t>\\acsfs\profiles$\andrezacapf\Downloads\508da70e-83ee-4937-9727-ce0930091c3b.tmp</t>
  </si>
  <si>
    <t>XLOG_andrezacapf_06012020_135411.log</t>
  </si>
  <si>
    <t>\\acsfs\profiles$\andrezacapf\My Documents\xworkcenter\logs\XLOG_andrezacapf_06012020_135411.log</t>
  </si>
  <si>
    <t>9db5d930-ce02-4a61-a862-72a5f5ccce7a.tmp</t>
  </si>
  <si>
    <t>\\acsfs\profiles$\andrezacapf\Downloads\9db5d930-ce02-4a61-a862-72a5f5ccce7a.tmp</t>
  </si>
  <si>
    <t>a13f6b58-f765-48b1-8181-21eb9692b632.tmp</t>
  </si>
  <si>
    <t>\\acsfs\profiles$\andrezacapf\Downloads\a13f6b58-f765-48b1-8181-21eb9692b632.tmp</t>
  </si>
  <si>
    <t>632ac8af-f151-4c47-8ca4-d89db13ed5b0.tmp</t>
  </si>
  <si>
    <t>\\acsfs\profiles$\marcelacdss\Downloads\632ac8af-f151-4c47-8ca4-d89db13ed5b0.tmp</t>
  </si>
  <si>
    <t>cb8efeef-86f7-4f6e-806b-164e8eecd700.tmp</t>
  </si>
  <si>
    <t>\\acsfs\profiles$\marcelacdss\Downloads\cb8efeef-86f7-4f6e-806b-164e8eecd700.tmp</t>
  </si>
  <si>
    <t>d821e502-eb48-4965-b17e-74de0f99ad42.tmp</t>
  </si>
  <si>
    <t>\\acsfs\profiles$\philipegsf\Downloads\d821e502-eb48-4965-b17e-74de0f99ad42.tmp</t>
  </si>
  <si>
    <t>8f98ada3-5505-431d-8fe7-5d7643d17b05.tmp</t>
  </si>
  <si>
    <t>\\acsfs\profiles$\andrezacapf\Downloads\8f98ada3-5505-431d-8fe7-5d7643d17b05.tmp</t>
  </si>
  <si>
    <t>c3a29897-abc4-4737-b07f-46708779c4b9.tmp</t>
  </si>
  <si>
    <t>\\acsfs\profiles$\andrezacapf\Downloads\c3a29897-abc4-4737-b07f-46708779c4b9.tmp</t>
  </si>
  <si>
    <t>360e1ea2-f3d4-4369-9975-d86a8af1c481.tmp</t>
  </si>
  <si>
    <t>\\acsfs\profiles$\andrezacapf\Downloads\360e1ea2-f3d4-4369-9975-d86a8af1c481.tmp</t>
  </si>
  <si>
    <t>02c3475a-07d0-4946-bb9c-1e9c51dfe9fd.tmp</t>
  </si>
  <si>
    <t>\\acsfs\profiles$\andrezacapf\Downloads\02c3475a-07d0-4946-bb9c-1e9c51dfe9fd.tmp</t>
  </si>
  <si>
    <t>dba4008b-5d11-4b43-9dd3-587465498d51.tmp</t>
  </si>
  <si>
    <t>\\acsfs\profiles$\andrezacapf\Downloads\dba4008b-5d11-4b43-9dd3-587465498d51.tmp</t>
  </si>
  <si>
    <t>b4f0e1e4-734b-4aed-91da-2bd7954636f4.tmp</t>
  </si>
  <si>
    <t>\\acsfs\profiles$\andrezacapf\Downloads\b4f0e1e4-734b-4aed-91da-2bd7954636f4.tmp</t>
  </si>
  <si>
    <t>15a401d8-86af-4927-bbac-5f6c91ee7108.tmp</t>
  </si>
  <si>
    <t>\\acsfs\profiles$\andrezacapf\Downloads\15a401d8-86af-4927-bbac-5f6c91ee7108.tmp</t>
  </si>
  <si>
    <t>64fc35e5-89a3-4ac2-8602-2bce8ff35f3f.tmp</t>
  </si>
  <si>
    <t>\\acsfs\profiles$\layonmof\Downloads\64fc35e5-89a3-4ac2-8602-2bce8ff35f3f.tmp</t>
  </si>
  <si>
    <t>67c307c8-f0fd-4417-9b8c-1343808b3a5b.tmp</t>
  </si>
  <si>
    <t>\\acsfs\profiles$\layonmof\Downloads\67c307c8-f0fd-4417-9b8c-1343808b3a5b.tmp</t>
  </si>
  <si>
    <t>\\acsfs\ACS\Gabriel da Silva\Contemporânea\BDBV\844D5182.tmp\</t>
  </si>
  <si>
    <t>\\acsfs\ACS\Gabriel da Silva\Contemporânea\BDBV\844D5182.tmp\:Zone.Identifier:$DATA</t>
  </si>
  <si>
    <t>11901609-631e-4ab6-8dd5-e04ea4d6ab19.tmp</t>
  </si>
  <si>
    <t>\\acsfs\profiles$\leticiala\Downloads\11901609-631e-4ab6-8dd5-e04ea4d6ab19.tmp</t>
  </si>
  <si>
    <t>fa02119a-352b-4864-b8ab-58c6aa02ed66.tmp</t>
  </si>
  <si>
    <t>\\acsfs\profiles$\leticiala\Downloads\fa02119a-352b-4864-b8ab-58c6aa02ed66.tmp</t>
  </si>
  <si>
    <t>d4bb4917-1fee-454b-b826-28c6163b28f5.tmp</t>
  </si>
  <si>
    <t>\\acsfs\profiles$\marcelacdss\Downloads\d4bb4917-1fee-454b-b826-28c6163b28f5.tmp</t>
  </si>
  <si>
    <t>Nathalia Oliveira Souza (13).contact</t>
  </si>
  <si>
    <t>\\acsfs\profiles$\nathaliaos\Contacts\Nathalia Oliveira Souza (13).contact</t>
  </si>
  <si>
    <t>dc277105-33bd-4506-bb38-f78083b1cd76.tmp</t>
  </si>
  <si>
    <t>\\acsfs\profiles$\nathaliaos\Downloads\dc277105-33bd-4506-bb38-f78083b1cd76.tmp</t>
  </si>
  <si>
    <t>3c69d3e9-f4aa-4fa0-a31d-940fe9b46bf7.tmp</t>
  </si>
  <si>
    <t>\\acsfs\profiles$\nathaliaos\Downloads\3c69d3e9-f4aa-4fa0-a31d-940fe9b46bf7.tmp</t>
  </si>
  <si>
    <t>eba6e450-7bdf-4b0f-9ca7-3a949b9137c5.tmp</t>
  </si>
  <si>
    <t>\\acsfs\profiles$\layonmof\Downloads\eba6e450-7bdf-4b0f-9ca7-3a949b9137c5.tmp</t>
  </si>
  <si>
    <t>2401a94e-e325-41a2-820f-a0434c446115.tmp</t>
  </si>
  <si>
    <t>\\acsfs\profiles$\layonmof\Downloads\2401a94e-e325-41a2-820f-a0434c446115.tmp</t>
  </si>
  <si>
    <t>f1fe8603-c48a-48ed-8d31-3a026e8c7316.tmp</t>
  </si>
  <si>
    <t>\\acsfs\profiles$\layonmof\Downloads\f1fe8603-c48a-48ed-8d31-3a026e8c7316.tmp</t>
  </si>
  <si>
    <t>a35bdae6-a52a-4068-8a5c-25556bebcb81.tmp</t>
  </si>
  <si>
    <t>\\acsfs\profiles$\layonmof\Downloads\a35bdae6-a52a-4068-8a5c-25556bebcb81.tmp</t>
  </si>
  <si>
    <t>eda83a11-642f-4ae2-a17e-47d6869de3cd.tmp</t>
  </si>
  <si>
    <t>\\acsfs\profiles$\layonmof\Downloads\eda83a11-642f-4ae2-a17e-47d6869de3cd.tmp</t>
  </si>
  <si>
    <t>\\acsfs\ACS\Gabriel da Silva\Contemporânea\Acessos\8F9E8C53.tmp\</t>
  </si>
  <si>
    <t>\\acsfs\ACS\Gabriel da Silva\Contemporânea\Acessos\8F9E8C53.tmp\:Zone.Identifier:$DATA</t>
  </si>
  <si>
    <t>a692b4d5-36b9-4c93-8b4d-7fa6a07f6c90.tmp</t>
  </si>
  <si>
    <t>\\acsfs\profiles$\layonmof\Downloads\a692b4d5-36b9-4c93-8b4d-7fa6a07f6c90.tmp</t>
  </si>
  <si>
    <t>a0332b2a-40a4-43e8-b6a2-2135a7fafadd.tmp</t>
  </si>
  <si>
    <t>\\acsfs\profiles$\layonmof\Downloads\a0332b2a-40a4-43e8-b6a2-2135a7fafadd.tmp</t>
  </si>
  <si>
    <t>d3f23b79-0cef-4808-bb5c-28ae9ba78f83.tmp</t>
  </si>
  <si>
    <t>\\acsfs\profiles$\fabianobmf\Downloads\d3f23b79-0cef-4808-bb5c-28ae9ba78f83.tmp</t>
  </si>
  <si>
    <t>8dab5652-49aa-430e-ac4b-f57aa16cb28f.tmp</t>
  </si>
  <si>
    <t>\\acsfs\profiles$\nathaliaos\Downloads\8dab5652-49aa-430e-ac4b-f57aa16cb28f.tmp</t>
  </si>
  <si>
    <t>218f1621-d7c7-4a4a-8bfe-f3a33a52ac4a.tmp</t>
  </si>
  <si>
    <t>\\acsfs\profiles$\layonmof\Downloads\218f1621-d7c7-4a4a-8bfe-f3a33a52ac4a.tmp</t>
  </si>
  <si>
    <t>1f68ec2e-7b71-4b54-94a7-c0cf434f7369.tmp</t>
  </si>
  <si>
    <t>\\acsfs\profiles$\layonmof\Downloads\1f68ec2e-7b71-4b54-94a7-c0cf434f7369.tmp</t>
  </si>
  <si>
    <t>519fd7b7-fae1-4bd5-9f4d-33d1be7ef1b2.tmp</t>
  </si>
  <si>
    <t>\\acsfs\profiles$\layonmof\Downloads\519fd7b7-fae1-4bd5-9f4d-33d1be7ef1b2.tmp</t>
  </si>
  <si>
    <t>5945d0c5-4f02-4e6a-b2d4-dc79c7079459.tmp</t>
  </si>
  <si>
    <t>\\acsfs\profiles$\layonmof\Downloads\5945d0c5-4f02-4e6a-b2d4-dc79c7079459.tmp</t>
  </si>
  <si>
    <t>95f31c42-fbb8-4d9d-9ef1-d6c2c255d343.tmp</t>
  </si>
  <si>
    <t>\\acsfs\profiles$\layonmof\Downloads\95f31c42-fbb8-4d9d-9ef1-d6c2c255d343.tmp</t>
  </si>
  <si>
    <t>lu166683u8jds.tmp</t>
  </si>
  <si>
    <t>\\acsfs\profiles$\ALEXANDREMM\lu166683u8jds.tmp</t>
  </si>
  <si>
    <t>\\acsfs\profiles$\ALEXANDREMM\lu166683u8jds.tmp\</t>
  </si>
  <si>
    <t>\\acsfs\profiles$\ALEXANDREMM\lu166683u8jds.tmp\META-INF\</t>
  </si>
  <si>
    <t>\\acsfs\profiles$\ALEXANDREMM\lu166683u8jds.tmp\Thumbnails\</t>
  </si>
  <si>
    <t>463039c0-c647-4786-937b-7d342382efc3.tmp</t>
  </si>
  <si>
    <t>\\acsfs\profiles$\leandromsa\Downloads\463039c0-c647-4786-937b-7d342382efc3.tmp</t>
  </si>
  <si>
    <t>sorayadsr</t>
  </si>
  <si>
    <t>\\acsfs\profiles$\sorayadsr\Documents\</t>
  </si>
  <si>
    <t>\\acsfs\profiles$\sorayadsr\Documents\LINKS SAC.CONSIGNADO.txt</t>
  </si>
  <si>
    <t>ff50b457-7a6e-449c-a23a-e2ea62bdd6ca.tmp</t>
  </si>
  <si>
    <t>\\acsfs\profiles$\taylaedoa\Downloads\ff50b457-7a6e-449c-a23a-e2ea62bdd6ca.tmp</t>
  </si>
  <si>
    <t>79f8061e-3a46-4995-b723-3562de76f3d5.tmp</t>
  </si>
  <si>
    <t>\\acsfs\profiles$\matheushds\Downloads\79f8061e-3a46-4995-b723-3562de76f3d5.tmp</t>
  </si>
  <si>
    <t>4f22f46b-6031-4f80-8dad-3cadf8e33781.tmp</t>
  </si>
  <si>
    <t>\\acsfs\profiles$\matheushds\Downloads\4f22f46b-6031-4f80-8dad-3cadf8e33781.tmp</t>
  </si>
  <si>
    <t>dd1bb453-1fad-46d9-89f9-410673dff97b.tmp</t>
  </si>
  <si>
    <t>\\acsfs\profiles$\layonmof\Downloads\dd1bb453-1fad-46d9-89f9-410673dff97b.tmp</t>
  </si>
  <si>
    <t>4e6cf46c-e8ce-487f-9452-9dc45c87d37b.tmp</t>
  </si>
  <si>
    <t>\\acsfs\profiles$\layonmof\Downloads\4e6cf46c-e8ce-487f-9452-9dc45c87d37b.tmp</t>
  </si>
  <si>
    <t>7fb65ce4-5d0f-4a78-8428-b75c71fe64c0.tmp</t>
  </si>
  <si>
    <t>\\acsfs\profiles$\leonardocb\Downloads\7fb65ce4-5d0f-4a78-8428-b75c71fe64c0.tmp</t>
  </si>
  <si>
    <t>ec6d7049-3c25-48ca-a47e-9bd9949e2b59.tmp</t>
  </si>
  <si>
    <t>\\acsfs\profiles$\leonardocb\Downloads\ec6d7049-3c25-48ca-a47e-9bd9949e2b59.tmp</t>
  </si>
  <si>
    <t>100014136373615;100014239771614;</t>
  </si>
  <si>
    <t>https://100014136373615,100014239771614</t>
  </si>
  <si>
    <t>bb24ff9c-6d24-4f3c-a63a-48adb8d6eac8.tmp</t>
  </si>
  <si>
    <t>\\acsfs\profiles$\leandromsa\Downloads\bb24ff9c-6d24-4f3c-a63a-48adb8d6eac8.tmp</t>
  </si>
  <si>
    <t>0b5401b1-3350-4c69-8388-0da04b1f186c.tmp</t>
  </si>
  <si>
    <t>\\acsfs\profiles$\henriquehmdo\Downloads\0b5401b1-3350-4c69-8388-0da04b1f186c.tmp</t>
  </si>
  <si>
    <t>b4a676cb-da7e-47b6-8391-e104b4236c5a.tmp</t>
  </si>
  <si>
    <t>\\acsfs\profiles$\henriqueco\Downloads\b4a676cb-da7e-47b6-8391-e104b4236c5a.tmp</t>
  </si>
  <si>
    <t>574e5116-1a7a-412f-aafa-cacac2ab5796.tmp</t>
  </si>
  <si>
    <t>\\acsfs\profiles$\taylaedoa\Downloads\574e5116-1a7a-412f-aafa-cacac2ab5796.tmp</t>
  </si>
  <si>
    <t>c54329a7-118d-40d6-96cf-2cf58d86df11.tmp</t>
  </si>
  <si>
    <t>\\acsfs\profiles$\matheushds\Downloads\c54329a7-118d-40d6-96cf-2cf58d86df11.tmp</t>
  </si>
  <si>
    <t>4ae0f977-0d20-4d16-a3cf-abe95b4ee70c.tmp</t>
  </si>
  <si>
    <t>\\acsfs\profiles$\matheushds\Downloads\4ae0f977-0d20-4d16-a3cf-abe95b4ee70c.tmp</t>
  </si>
  <si>
    <t>4e1600a4-c226-47e3-8d5d-9ea168ff4302.tmp</t>
  </si>
  <si>
    <t>\\acsfs\profiles$\layonmof\Downloads\4e1600a4-c226-47e3-8d5d-9ea168ff4302.tmp</t>
  </si>
  <si>
    <t>4e01e1e4-c552-4a93-babc-e418779c1496.tmp</t>
  </si>
  <si>
    <t>\\acsfs\profiles$\layonmof\Downloads\4e01e1e4-c552-4a93-babc-e418779c1496.tmp</t>
  </si>
  <si>
    <t>4924570a-c54b-4a45-acfe-0a617b42fb7d.tmp</t>
  </si>
  <si>
    <t>\\acsfs\profiles$\Adrieledgc\Downloads\4924570a-c54b-4a45-acfe-0a617b42fb7d.tmp</t>
  </si>
  <si>
    <t>dfd63e78-c0c8-4372-a254-05beabc12467.tmp</t>
  </si>
  <si>
    <t>\\acsfs\profiles$\Adrieledgc\Downloads\dfd63e78-c0c8-4372-a254-05beabc12467.tmp</t>
  </si>
  <si>
    <t>088a1ef0-9b52-41b6-a514-e2bab02a5332.tmp</t>
  </si>
  <si>
    <t>\\acsfs\profiles$\Adrieledgc\Downloads\088a1ef0-9b52-41b6-a514-e2bab02a5332.tmp</t>
  </si>
  <si>
    <t>05c3c961-5767-4c07-a5c5-f47d80ea2bf6.tmp</t>
  </si>
  <si>
    <t>\\acsfs\profiles$\Adrieledgc\Downloads\05c3c961-5767-4c07-a5c5-f47d80ea2bf6.tmp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b0b28806-627d-42c2-ba80-a28c94b82d3a.tmp</t>
  </si>
  <si>
    <t>\\acsfs\profiles$\fernandofs\Downloads\b0b28806-627d-42c2-ba80-a28c94b82d3a.tmp</t>
  </si>
  <si>
    <t>ad3f6a6e-0562-4221-850f-aac76da14fd0.tmp</t>
  </si>
  <si>
    <t>\\acsfs\profiles$\matheushds\Downloads\ad3f6a6e-0562-4221-850f-aac76da14fd0.tmp</t>
  </si>
  <si>
    <t>46dc37f2-267a-4603-90bf-14b23b844552.tmp</t>
  </si>
  <si>
    <t>\\acsfs\profiles$\matheushds\Downloads\46dc37f2-267a-4603-90bf-14b23b844552.tmp</t>
  </si>
  <si>
    <t>fe24aeed-86b3-4246-9a69-76d8e59732fc.tmp</t>
  </si>
  <si>
    <t>\\acsfs\profiles$\layonmof\Downloads\fe24aeed-86b3-4246-9a69-76d8e59732fc.tmp</t>
  </si>
  <si>
    <t>49a8847a-bd86-444e-bf48-05989cf36d1e.tmp</t>
  </si>
  <si>
    <t>\\acsfs\profiles$\layonmof\Downloads\49a8847a-bd86-444e-bf48-05989cf36d1e.tmp</t>
  </si>
  <si>
    <t>03-01 RELATORIO DE LOGIN AVON - Cópia.xlsm</t>
  </si>
  <si>
    <t>\\acsfs\deptos\Operacao\PCP\5 - Comum\CONTROL DESK\2 - DAC2\Control Desk AVON\Relatorios\Status de login\2020\03-01 RELATORIO DE LOGIN AVON - Cópia.xlsm</t>
  </si>
  <si>
    <t>481aeda1-3853-4d0d-95fc-edd863f89dd7.tmp</t>
  </si>
  <si>
    <t>\\acsfs\profiles$\joycemmdl\Downloads\481aeda1-3853-4d0d-95fc-edd863f89dd7.tmp</t>
  </si>
  <si>
    <t>Não confirmado 519902.crdownload</t>
  </si>
  <si>
    <t>\\acsfs\profiles$\joycemmdl\Downloads\Não confirmado 519902.crdownload</t>
  </si>
  <si>
    <t>0113a991-ae23-42a4-8fda-77c3272e4345.tmp</t>
  </si>
  <si>
    <t>\\acsfs\profiles$\joycemmdl\Downloads\0113a991-ae23-42a4-8fda-77c3272e4345.tmp</t>
  </si>
  <si>
    <t>63be62b1-b40c-409c-84f0-bff7f4789c31.tmp</t>
  </si>
  <si>
    <t>\\acsfs\profiles$\cintiadjl\Downloads\63be62b1-b40c-409c-84f0-bff7f4789c31.tmp</t>
  </si>
  <si>
    <t>de6c7035-e516-4d38-9a3d-efe923923f7a.tmp</t>
  </si>
  <si>
    <t>\\acsfs\profiles$\layonmof\Downloads\de6c7035-e516-4d38-9a3d-efe923923f7a.tmp</t>
  </si>
  <si>
    <t>be71aea1-ae57-43af-8f43-924eccce46c4.tmp</t>
  </si>
  <si>
    <t>\\acsfs\profiles$\layonmof\Downloads\be71aea1-ae57-43af-8f43-924eccce46c4.tmp</t>
  </si>
  <si>
    <t>8ce95215-0f21-4c80-b136-03c280027389.tmp</t>
  </si>
  <si>
    <t>\\acsfs\profiles$\layonmof\Downloads\8ce95215-0f21-4c80-b136-03c280027389.tmp</t>
  </si>
  <si>
    <t>lu251885tw4c9.tmp</t>
  </si>
  <si>
    <t>\\acsfs\profiles$\regisedsj\My Documents\lu251885tw4c9.tmp</t>
  </si>
  <si>
    <t>\\acsfs\profiles$\regisedsj\My Documents\lu251885tw4c9.tmp\</t>
  </si>
  <si>
    <t>\\acsfs\profiles$\regisedsj\My Documents\lu251885tw4c9.tmp\META-INF\</t>
  </si>
  <si>
    <t>\\acsfs\profiles$\regisedsj\My Documents\lu251885tw4c9.tmp\Thumbnails\</t>
  </si>
  <si>
    <t>bac3efdd-2965-4b9c-a93a-2189bf24e93d.tmp</t>
  </si>
  <si>
    <t>\\acsfs\profiles$\gabrielsma\Downloads\bac3efdd-2965-4b9c-a93a-2189bf24e93d.tmp</t>
  </si>
  <si>
    <t>Não confirmado 696154.crdownload</t>
  </si>
  <si>
    <t>\\acsfs\ACS\Gabriel da Silva\Contemporânea\Gen\Não confirmado 696154.crdownload</t>
  </si>
  <si>
    <t>Dados turma inicial.xlsx:Zone.Identifier</t>
  </si>
  <si>
    <t>\\acsfs\ACS\Gabriel da Silva\Contemporânea\Gen\Dados turma inicial.xlsx:Zone.Identifier</t>
  </si>
  <si>
    <t>1a4b1f45-20b8-4b0b-b907-d2337a771a60.tmp</t>
  </si>
  <si>
    <t>\\acsfs\profiles$\joycemmdl\Downloads\1a4b1f45-20b8-4b0b-b907-d2337a771a60.tmp</t>
  </si>
  <si>
    <t>andrelps@algartech.com;andrelpsa@algartech.com;bvs-gestorescentral@bv.com.br;camillarl@algartech.com;eliane.martins@bv.com.br;elianegr@bv.algartech.com;gilson.santos@neobpo.com.br;jose.gomes@bv.com.br;mirianppb@algartech.com;qualidadealgarbv@algartech.com;talmaiardo@algartech.com;willian.alves@neobpo.com.br;</t>
  </si>
  <si>
    <t>andrelps@algartech.com,andrelpsa@algartech.com,bvs-gestorescentral@bv.com.br,camillarl@algartech.com,eliane.martins@bv.com.br,elianegr@bv.algartech.com,gilson.santos@neobpo.com.br,jose.gomes@bv.com.br,mirianppb@algartech.com,qualidadealgarbv@algartech.com,talmaiardo@algartech.com,willian.alves@neobpo.com.br</t>
  </si>
  <si>
    <t>andrelps@algartech.com;camillarl@algartech.com;elianegr@bv.algartech.com;mirianppb@algartech.com;qualidadealgarbv@algartech.com;talmaiardo@algartech.com;</t>
  </si>
  <si>
    <t>andrelps@algartech.com,camillarl@algartech.com,elianegr@bv.algartech.com,mirianppb@algartech.com,qualidadealgarbv@algartech.com,talmaiardo@algartech.com</t>
  </si>
  <si>
    <t>59c45bf8-31aa-4f1a-aa48-f25f2233e116.tmp</t>
  </si>
  <si>
    <t>\\acsfs\profiles$\layonmof\Downloads\59c45bf8-31aa-4f1a-aa48-f25f2233e116.tmp</t>
  </si>
  <si>
    <t>da23941d-be47-4ec3-8adc-40aaa9823ec4.tmp</t>
  </si>
  <si>
    <t>\\acsfs\profiles$\layonmof\Downloads\da23941d-be47-4ec3-8adc-40aaa9823ec4.tmp</t>
  </si>
  <si>
    <t>935b937e-de09-49a9-8471-71ad4124a8cd.tmp</t>
  </si>
  <si>
    <t>\\acsfs\profiles$\layonmof\Downloads\935b937e-de09-49a9-8471-71ad4124a8cd.tmp</t>
  </si>
  <si>
    <t>f897d109-292e-41a3-b12e-c8b28f08cf6f.tmp</t>
  </si>
  <si>
    <t>\\acsfs\profiles$\layonmof\Downloads\f897d109-292e-41a3-b12e-c8b28f08cf6f.tmp</t>
  </si>
  <si>
    <t>f27e48e8-fe7f-4f52-96b7-b981939411aa.tmp</t>
  </si>
  <si>
    <t>\\acsfs\profiles$\layonmof\Downloads\f27e48e8-fe7f-4f52-96b7-b981939411aa.tmp</t>
  </si>
  <si>
    <t>35d908d0-93b4-4b23-9737-8176206e0b9a.tmp</t>
  </si>
  <si>
    <t>\\acsfs\profiles$\alinepp\Downloads\35d908d0-93b4-4b23-9737-8176206e0b9a.tmp</t>
  </si>
  <si>
    <t>4354f551-a3f0-42d8-8f6d-4ef9858d5d43.tmp</t>
  </si>
  <si>
    <t>\\acsfs\profiles$\alinepp\Downloads\4354f551-a3f0-42d8-8f6d-4ef9858d5d43.tmp</t>
  </si>
  <si>
    <t>8706853b-454d-4126-b1b0-318e7a6bb7a5.tmp</t>
  </si>
  <si>
    <t>\\acsfs\profiles$\alinepp\Downloads\8706853b-454d-4126-b1b0-318e7a6bb7a5.tmp</t>
  </si>
  <si>
    <t>3a2bd68d-fff7-4ad2-8a98-eea7f01b7e6b.tmp</t>
  </si>
  <si>
    <t>\\acsfs\profiles$\laurandos\Downloads\3a2bd68d-fff7-4ad2-8a98-eea7f01b7e6b.tmp</t>
  </si>
  <si>
    <t>b7bbf62e-8034-45f1-bd3a-ebb8c0a6e92b.tmp</t>
  </si>
  <si>
    <t>\\acsfs\profiles$\leandromsa\Downloads\b7bbf62e-8034-45f1-bd3a-ebb8c0a6e92b.tmp</t>
  </si>
  <si>
    <t>b4862f62-db62-49d1-9290-31ac30d4ab3d.tmp</t>
  </si>
  <si>
    <t>\\acsfs\profiles$\nathaliaos\Downloads\b4862f62-db62-49d1-9290-31ac30d4ab3d.tmp</t>
  </si>
  <si>
    <t>8a53888c-3bfa-4fa6-aad8-d4bf33b61770.tmp</t>
  </si>
  <si>
    <t>\\acsfs\profiles$\mariajaf\Downloads\8a53888c-3bfa-4fa6-aad8-d4bf33b61770.tmp</t>
  </si>
  <si>
    <t>df3333ba-d010-4a6d-af18-25ad7c58a5ca.tmp</t>
  </si>
  <si>
    <t>\\acsfs\profiles$\mariajaf\Downloads\df3333ba-d010-4a6d-af18-25ad7c58a5ca.tmp</t>
  </si>
  <si>
    <t>38a87878-8b3d-4c2e-84c5-47426c477677.tmp</t>
  </si>
  <si>
    <t>\\acsfs\profiles$\layonmof\Downloads\38a87878-8b3d-4c2e-84c5-47426c477677.tmp</t>
  </si>
  <si>
    <t>d570a0ef-edef-4b73-b0d6-23f9fd130b35.tmp</t>
  </si>
  <si>
    <t>\\acsfs\profiles$\layonmof\Downloads\d570a0ef-edef-4b73-b0d6-23f9fd130b35.tmp</t>
  </si>
  <si>
    <t>91774b56-0744-4df4-83b9-a1ac009aa8ef.tmp</t>
  </si>
  <si>
    <t>\\acsfs\profiles$\layonmof\Downloads\91774b56-0744-4df4-83b9-a1ac009aa8ef.tmp</t>
  </si>
  <si>
    <t>95adf528-7586-42e8-acfc-2ff2469e0801.tmp</t>
  </si>
  <si>
    <t>\\acsfs\profiles$\layonmof\Downloads\95adf528-7586-42e8-acfc-2ff2469e0801.tmp</t>
  </si>
  <si>
    <t>9b32f451-d71c-465e-9d56-07c2e113b461.tmp</t>
  </si>
  <si>
    <t>\\acsfs\profiles$\layonmof\Downloads\9b32f451-d71c-465e-9d56-07c2e113b461.tmp</t>
  </si>
  <si>
    <t>0cf588ac-f5bf-4d38-aa9b-c8505618ebe1.tmp</t>
  </si>
  <si>
    <t>\\acsfs\profiles$\layonmof\Downloads\0cf588ac-f5bf-4d38-aa9b-c8505618ebe1.tmp</t>
  </si>
  <si>
    <t>25a54699-7364-4b33-a8d2-0268b9f69ae5.tmp</t>
  </si>
  <si>
    <t>\\acsfs\profiles$\layonmof\Downloads\25a54699-7364-4b33-a8d2-0268b9f69ae5.tmp</t>
  </si>
  <si>
    <t>64c70c33-9da2-4eff-9b0f-ad0f56054648.tmp</t>
  </si>
  <si>
    <t>\\acsfs\profiles$\matheushds\Downloads\64c70c33-9da2-4eff-9b0f-ad0f56054648.tmp</t>
  </si>
  <si>
    <t>1fa4582c-2d87-47e7-bcaa-78f2c3bb4070.tmp</t>
  </si>
  <si>
    <t>\\acsfs\profiles$\alinepp\Downloads\1fa4582c-2d87-47e7-bcaa-78f2c3bb4070.tmp</t>
  </si>
  <si>
    <t>2767bc09-6247-4c0e-9d19-d25a9d416ba7.tmp</t>
  </si>
  <si>
    <t>\\acsfs\profiles$\alinepp\Downloads\2767bc09-6247-4c0e-9d19-d25a9d416ba7.tmp</t>
  </si>
  <si>
    <t>a33084bf-3be0-4d9e-9608-cdbf7fab4491.tmp</t>
  </si>
  <si>
    <t>\\acsfs\profiles$\leonardobb\Downloads\a33084bf-3be0-4d9e-9608-cdbf7fab4491.tmp</t>
  </si>
  <si>
    <t>C:\Users\adilsonloj\Desktop\Bases RENEG\</t>
  </si>
  <si>
    <t>Contatos Reneg Manual Consolidado.xlsx</t>
  </si>
  <si>
    <t>0e067ccd-f573-4ae4-bd93-5fae54d32c3b.tmp</t>
  </si>
  <si>
    <t>\\acsfs\profiles$\layonmof\Downloads\0e067ccd-f573-4ae4-bd93-5fae54d32c3b.tmp</t>
  </si>
  <si>
    <t>fc310565-1e51-4c7b-b347-ba817a3e2684.tmp</t>
  </si>
  <si>
    <t>\\acsfs\profiles$\layonmof\Downloads\fc310565-1e51-4c7b-b347-ba817a3e2684.tmp</t>
  </si>
  <si>
    <t>61a85068-80fa-479e-bffb-f607d07e5905.tmp</t>
  </si>
  <si>
    <t>\\acsfs\profiles$\alinepp\Downloads\61a85068-80fa-479e-bffb-f607d07e5905.tmp</t>
  </si>
  <si>
    <t>6e344a99-5368-469a-accb-82390ff0cba3.tmp</t>
  </si>
  <si>
    <t>\\acsfs\profiles$\alinepp\Downloads\6e344a99-5368-469a-accb-82390ff0cba3.tmp</t>
  </si>
  <si>
    <t>6873e387-d6ea-480b-824f-cd9a9befb275.tmp</t>
  </si>
  <si>
    <t>\\acsfs\profiles$\fernandofs\Downloads\6873e387-d6ea-480b-824f-cd9a9befb275.tmp</t>
  </si>
  <si>
    <t>10.200.67.177</t>
  </si>
  <si>
    <t>78-2B-CB-C1-04-59</t>
  </si>
  <si>
    <t>VOTORANT-OB006</t>
  </si>
  <si>
    <t>ALINE PEREIRA PORFIRIO (18677).contact</t>
  </si>
  <si>
    <t>\\acsfs\profiles$\alinepp\Contacts\ALINE PEREIRA PORFIRIO (18677).contact</t>
  </si>
  <si>
    <t>b81034ed-8576-4ee2-bac7-5c32a6669ba9.tmp</t>
  </si>
  <si>
    <t>\\acsfs\profiles$\alinepp\Downloads\b81034ed-8576-4ee2-bac7-5c32a6669ba9.tmp</t>
  </si>
  <si>
    <t>aa7fac6b-4f29-4481-9882-1c7eeea10a3d.tmp</t>
  </si>
  <si>
    <t>\\acsfs\profiles$\joycemmdl\Downloads\aa7fac6b-4f29-4481-9882-1c7eeea10a3d.tmp</t>
  </si>
  <si>
    <t>23edb058-737d-48f6-a89c-d87451b0b0cc.tmp</t>
  </si>
  <si>
    <t>\\acsfs\profiles$\joycemmdl\Downloads\23edb058-737d-48f6-a89c-d87451b0b0cc.tmp</t>
  </si>
  <si>
    <t>10.200.67.25</t>
  </si>
  <si>
    <t>74-86-7A-FE-0E-7F</t>
  </si>
  <si>
    <t>VOTORANT-VB021</t>
  </si>
  <si>
    <t>bd0355fb-e1a4-40cf-964b-50d24b89a29c.tmp</t>
  </si>
  <si>
    <t>\\acsfs\profiles$\andressamf\Downloads\bd0355fb-e1a4-40cf-964b-50d24b89a29c.tmp</t>
  </si>
  <si>
    <t>\\acsfs\profiles$\andressamf\Downloads\Q29udHJvbGxlci5QYXl3YXJl (23).ica</t>
  </si>
  <si>
    <t>7f4c71db-3396-4b71-abcd-70fc0d6b4ea0.tmp</t>
  </si>
  <si>
    <t>\\acsfs\profiles$\anafaes\Downloads\7f4c71db-3396-4b71-abcd-70fc0d6b4ea0.tmp</t>
  </si>
  <si>
    <t>78b62df5-2982-44db-83db-16b7c99440c0.tmp</t>
  </si>
  <si>
    <t>\\acsfs\profiles$\matheushds\Downloads\78b62df5-2982-44db-83db-16b7c99440c0.tmp</t>
  </si>
  <si>
    <t>bda5128f-4267-4db5-ba10-aaa346378815.tmp</t>
  </si>
  <si>
    <t>\\acsfs\profiles$\alinepp\Downloads\bda5128f-4267-4db5-ba10-aaa346378815.tmp</t>
  </si>
  <si>
    <t>b5c9fe82-568b-447c-b18d-e7922d5ebfcc.tmp</t>
  </si>
  <si>
    <t>\\acsfs\profiles$\alinepp\Downloads\b5c9fe82-568b-447c-b18d-e7922d5ebfcc.tmp</t>
  </si>
  <si>
    <t>18dcd944-50c2-4991-bd88-40b242491887.tmp</t>
  </si>
  <si>
    <t>\\acsfs\profiles$\alinepp\Downloads\18dcd944-50c2-4991-bd88-40b242491887.tmp</t>
  </si>
  <si>
    <t>68625bc8-341e-402a-a4b3-226823a3547d.tmp</t>
  </si>
  <si>
    <t>\\acsfs\profiles$\alinepp\Downloads\68625bc8-341e-402a-a4b3-226823a3547d.tmp</t>
  </si>
  <si>
    <t>3e6502fa-398c-4458-b294-6a796cd07c3d.tmp</t>
  </si>
  <si>
    <t>\\acsfs\profiles$\andressamf\Downloads\3e6502fa-398c-4458-b294-6a796cd07c3d.tmp</t>
  </si>
  <si>
    <t>8042bc10-8230-4927-808c-e1c16d6c465c.tmp</t>
  </si>
  <si>
    <t>\\acsfs\profiles$\layonmof\Downloads\8042bc10-8230-4927-808c-e1c16d6c465c.tmp</t>
  </si>
  <si>
    <t>8ff7265f-47fd-49e8-ac79-9ffc85904c5b.tmp</t>
  </si>
  <si>
    <t>\\acsfs\profiles$\layonmof\Downloads\8ff7265f-47fd-49e8-ac79-9ffc85904c5b.tmp</t>
  </si>
  <si>
    <t>347ef7ce-2fd4-4a80-81d2-aac1cdcb7c94.tmp</t>
  </si>
  <si>
    <t>\\acsfs\profiles$\marcosvnds\Downloads\347ef7ce-2fd4-4a80-81d2-aac1cdcb7c94.tmp</t>
  </si>
  <si>
    <t>292df08e-df4a-429c-94a3-5f0e4de1e438.tmp</t>
  </si>
  <si>
    <t>\\acsfs\profiles$\marcosvnds\Downloads\292df08e-df4a-429c-94a3-5f0e4de1e438.tmp</t>
  </si>
  <si>
    <t>0efacc45-4617-4256-abac-f5cffb00bd55.tmp</t>
  </si>
  <si>
    <t>\\acsfs\profiles$\ciceraads\Downloads\0efacc45-4617-4256-abac-f5cffb00bd55.tmp</t>
  </si>
  <si>
    <t>d48a206e-68da-4953-a53c-00c60361bd20.tmp</t>
  </si>
  <si>
    <t>\\acsfs\profiles$\ciceraads\Downloads\d48a206e-68da-4953-a53c-00c60361bd20.tmp</t>
  </si>
  <si>
    <t>f53d111a-a84c-470b-9aeb-97808f7bf0ac.tmp</t>
  </si>
  <si>
    <t>\\acsfs\profiles$\ciceraads\Downloads\f53d111a-a84c-470b-9aeb-97808f7bf0ac.tmp</t>
  </si>
  <si>
    <t>df57cc87-d3e3-4935-a996-63ff7211bf81.tmp</t>
  </si>
  <si>
    <t>\\acsfs\profiles$\fabianobmf\Downloads\df57cc87-d3e3-4935-a996-63ff7211bf81.tmp</t>
  </si>
  <si>
    <t>14515ed8-d8ae-4f33-a225-5c5eca57ee00.tmp</t>
  </si>
  <si>
    <t>\\acsfs\profiles$\laurandos\Downloads\14515ed8-d8ae-4f33-a225-5c5eca57ee00.tmp</t>
  </si>
  <si>
    <t>410225a4-aea1-46db-ac3d-6ffa0e6357d0.tmp</t>
  </si>
  <si>
    <t>\\acsfs\profiles$\fabianobmf\Downloads\410225a4-aea1-46db-ac3d-6ffa0e6357d0.tmp</t>
  </si>
  <si>
    <t>44205104-1452-426b-b482-06af8894f923.tmp</t>
  </si>
  <si>
    <t>\\acsfs\profiles$\marcosvnds\Downloads\44205104-1452-426b-b482-06af8894f923.tmp</t>
  </si>
  <si>
    <t>53098ffc-6279-46fa-bf35-01434613b5b5.tmp</t>
  </si>
  <si>
    <t>\\acsfs\profiles$\gabrielamdp\Downloads\53098ffc-6279-46fa-bf35-01434613b5b5.tmp</t>
  </si>
  <si>
    <t>551bad15-51da-4400-996b-4cd1ac7b4ede.tmp</t>
  </si>
  <si>
    <t>\\acsfs\profiles$\gabrielamdp\Downloads\551bad15-51da-4400-996b-4cd1ac7b4ede.tmp</t>
  </si>
  <si>
    <t>eb871328-0461-4d30-8cd0-517c4009e586.tmp</t>
  </si>
  <si>
    <t>\\acsfs\profiles$\andreapdsg\Downloads\eb871328-0461-4d30-8cd0-517c4009e586.tmp</t>
  </si>
  <si>
    <t>b0eaa174-baa1-4a83-876c-e530a0670c46.tmp</t>
  </si>
  <si>
    <t>\\acsfs\profiles$\ingridsm\Downloads\b0eaa174-baa1-4a83-876c-e530a0670c46.tmp</t>
  </si>
  <si>
    <t>806648c7-77fa-45f0-b826-19f6064e986b.tmp</t>
  </si>
  <si>
    <t>\\acsfs\profiles$\ingridsm\Downloads\806648c7-77fa-45f0-b826-19f6064e986b.tmp</t>
  </si>
  <si>
    <t>f49c9867-ee8d-4fbf-84e6-d7f532a4fbe2.tmp</t>
  </si>
  <si>
    <t>\\acsfs\profiles$\ingridsm\Downloads\f49c9867-ee8d-4fbf-84e6-d7f532a4fbe2.tmp</t>
  </si>
  <si>
    <t>8085e12d-9051-405a-beca-e987bdf0cb80.tmp</t>
  </si>
  <si>
    <t>\\acsfs\profiles$\alinepp\Downloads\8085e12d-9051-405a-beca-e987bdf0cb80.tmp</t>
  </si>
  <si>
    <t>ab333a71-db87-476d-a04b-768b06d40505.tmp</t>
  </si>
  <si>
    <t>\\acsfs\profiles$\marcelacdss\Downloads\ab333a71-db87-476d-a04b-768b06d40505.tmp</t>
  </si>
  <si>
    <t>ae8d6fe4-29dc-407a-bb98-226889c03cc9.tmp</t>
  </si>
  <si>
    <t>\\acsfs\profiles$\marcelacdss\Downloads\ae8d6fe4-29dc-407a-bb98-226889c03cc9.tmp</t>
  </si>
  <si>
    <t>3a8fd766-5f69-449f-a441-bfb29851bc9d.tmp</t>
  </si>
  <si>
    <t>\\acsfs\profiles$\marcelacdss\Downloads\3a8fd766-5f69-449f-a441-bfb29851bc9d.tmp</t>
  </si>
  <si>
    <t>f7801b26-d5a3-4dc3-8fc0-adacea14bf43.tmp</t>
  </si>
  <si>
    <t>\\acsfs\profiles$\leonardobb\Downloads\f7801b26-d5a3-4dc3-8fc0-adacea14bf43.tmp</t>
  </si>
  <si>
    <t>XLOG_marcosvnds_06012020_134445.log</t>
  </si>
  <si>
    <t>\\acsfs\profiles$\marcosvnds\My Documents\xworkcenter\logs\XLOG_marcosvnds_06012020_134445.log</t>
  </si>
  <si>
    <t>f57e1cbd-0760-4a44-919e-1445f6bb451a.tmp</t>
  </si>
  <si>
    <t>\\acsfs\profiles$\leonardocb\Downloads\f57e1cbd-0760-4a44-919e-1445f6bb451a.tmp</t>
  </si>
  <si>
    <t>8b62c9e1-95c5-4675-9b21-ec55fdf5b223.tmp</t>
  </si>
  <si>
    <t>\\acsfs\profiles$\fabianafv\Downloads\8b62c9e1-95c5-4675-9b21-ec55fdf5b223.tmp</t>
  </si>
  <si>
    <t>b641e0f0-353b-4bcc-8f99-06c815a9bf55.tmp</t>
  </si>
  <si>
    <t>\\acsfs\profiles$\alinepp\Downloads\b641e0f0-353b-4bcc-8f99-06c815a9bf55.tmp</t>
  </si>
  <si>
    <t>7d99176e-ae07-42d4-86c8-e62f40ef1b0e.tmp</t>
  </si>
  <si>
    <t>\\acsfs\profiles$\laurandos\Downloads\7d99176e-ae07-42d4-86c8-e62f40ef1b0e.tmp</t>
  </si>
  <si>
    <t>902bee3b-285e-4ba3-9fa3-3885110555d6.tmp</t>
  </si>
  <si>
    <t>\\acsfs\profiles$\marcosvnds\Downloads\902bee3b-285e-4ba3-9fa3-3885110555d6.tmp</t>
  </si>
  <si>
    <t>ffcb9177-69d9-44d6-b710-903aaa799f0d.tmp</t>
  </si>
  <si>
    <t>\\acsfs\profiles$\marcosvnds\Downloads\ffcb9177-69d9-44d6-b710-903aaa799f0d.tmp</t>
  </si>
  <si>
    <t>0056e00d-065b-4a23-9c68-c1f1f9def122.tmp</t>
  </si>
  <si>
    <t>\\acsfs\profiles$\marcosvnds\Downloads\0056e00d-065b-4a23-9c68-c1f1f9def122.tmp</t>
  </si>
  <si>
    <t>dbebe97f-d0ab-4a63-ac58-575a1e40e0ce.tmp</t>
  </si>
  <si>
    <t>\\acsfs\profiles$\marcosvnds\Downloads\dbebe97f-d0ab-4a63-ac58-575a1e40e0ce.tmp</t>
  </si>
  <si>
    <t>6ef4e353-e55f-42a0-abcb-e8dfcd15eda2.tmp</t>
  </si>
  <si>
    <t>\\acsfs\profiles$\andreapdsg\Downloads\6ef4e353-e55f-42a0-abcb-e8dfcd15eda2.tmp</t>
  </si>
  <si>
    <t>151e8f2d-eda6-4d66-af3c-f9952b84ac0b.tmp</t>
  </si>
  <si>
    <t>\\acsfs\profiles$\andreapdsg\Downloads\151e8f2d-eda6-4d66-af3c-f9952b84ac0b.tmp</t>
  </si>
  <si>
    <t>7d44127f-4292-4052-80fe-b500e09d0f77.tmp</t>
  </si>
  <si>
    <t>\\acsfs\profiles$\victorgl\Downloads\7d44127f-4292-4052-80fe-b500e09d0f77.tmp</t>
  </si>
  <si>
    <t>fc6877c5-f1dc-48db-9986-1275f6ddd4bc.tmp</t>
  </si>
  <si>
    <t>\\acsfs\profiles$\victorgl\Downloads\fc6877c5-f1dc-48db-9986-1275f6ddd4bc.tmp</t>
  </si>
  <si>
    <t>348742a8-3f22-45df-a083-af69a7211080.tmp</t>
  </si>
  <si>
    <t>\\acsfs\profiles$\victorgl\Downloads\348742a8-3f22-45df-a083-af69a7211080.tmp</t>
  </si>
  <si>
    <t>13d45885-a6fc-45f1-a1c9-4b2100324076.tmp</t>
  </si>
  <si>
    <t>\\acsfs\profiles$\marcosvnds\Downloads\13d45885-a6fc-45f1-a1c9-4b2100324076.tmp</t>
  </si>
  <si>
    <t>fe8db95d-51b4-42d9-9d80-e2a12c6788cd.tmp</t>
  </si>
  <si>
    <t>\\acsfs\profiles$\victorgl\Downloads\fe8db95d-51b4-42d9-9d80-e2a12c6788cd.tmp</t>
  </si>
  <si>
    <t>54298045-db16-489c-ba3d-f6ae31093a2d.tmp</t>
  </si>
  <si>
    <t>\\acsfs\profiles$\victorgl\Downloads\54298045-db16-489c-ba3d-f6ae31093a2d.tmp</t>
  </si>
  <si>
    <t>300d51d5-8e82-41d0-8592-eb9dd6590c38.tmp</t>
  </si>
  <si>
    <t>\\acsfs\profiles$\victorgl\Downloads\300d51d5-8e82-41d0-8592-eb9dd6590c38.tmp</t>
  </si>
  <si>
    <t>52d8ab56-7b90-4818-96ec-13f4e3ddde95.tmp</t>
  </si>
  <si>
    <t>\\acsfs\profiles$\higorss\Downloads\52d8ab56-7b90-4818-96ec-13f4e3ddde95.tmp</t>
  </si>
  <si>
    <t>caf03e2d-ba62-4464-8a06-37cb8ddd89ec.tmp</t>
  </si>
  <si>
    <t>\\acsfs\profiles$\higorss\Downloads\caf03e2d-ba62-4464-8a06-37cb8ddd89ec.tmp</t>
  </si>
  <si>
    <t>6c96d99b-5952-4675-99b0-2d412b9634c8.tmp</t>
  </si>
  <si>
    <t>\\acsfs\profiles$\higorss\Downloads\6c96d99b-5952-4675-99b0-2d412b9634c8.tmp</t>
  </si>
  <si>
    <t>Controle Vendas Dezembro BASE Thiago.xlsx</t>
  </si>
  <si>
    <t>\\acsfs\DEPTOS\Operacao\Banco_Votorantim\Supervisao\SUPERS BV CARTÕES\ADILSON\Vendas\Controle Vendas Dezembro BASE Thiago.xlsx</t>
  </si>
  <si>
    <t>e301b2f5-5f54-4a33-9663-37a58be647f8.tmp</t>
  </si>
  <si>
    <t>\\acsfs\profiles$\gabrielamdp\Downloads\e301b2f5-5f54-4a33-9663-37a58be647f8.tmp</t>
  </si>
  <si>
    <t>ce19fa4a-b98f-4bb7-8679-01dd09ff023d.tmp</t>
  </si>
  <si>
    <t>\\acsfs\profiles$\rosileiam\Downloads\ce19fa4a-b98f-4bb7-8679-01dd09ff023d.tmp</t>
  </si>
  <si>
    <t>4d64a500-9ea2-4903-9f33-dae52ba49c62.tmp</t>
  </si>
  <si>
    <t>\\acsfs\profiles$\marcosvnds\Downloads\4d64a500-9ea2-4903-9f33-dae52ba49c62.tmp</t>
  </si>
  <si>
    <t>f3a861c2-36ff-4f5e-95f0-1ca614f7af3d.tmp</t>
  </si>
  <si>
    <t>\\acsfs\profiles$\rafaelacdoc\Downloads\f3a861c2-36ff-4f5e-95f0-1ca614f7af3d.tmp</t>
  </si>
  <si>
    <t>100014122394468;leonardoao@algartech.com;</t>
  </si>
  <si>
    <t>100014122394468,leonardoao@algartech.com</t>
  </si>
  <si>
    <t>f49fc17c-7b78-4f21-9674-802cc5309da0.tmp</t>
  </si>
  <si>
    <t>\\acsfs\profiles$\fabianobmf\Downloads\f49fc17c-7b78-4f21-9674-802cc5309da0.tmp</t>
  </si>
  <si>
    <t>d97fe3a9-423e-4d6a-9467-1b4b4651c121.tmp</t>
  </si>
  <si>
    <t>\\acsfs\profiles$\regisedsj\Downloads\d97fe3a9-423e-4d6a-9467-1b4b4651c121.tmp</t>
  </si>
  <si>
    <t>580f4657-a8fa-4400-8b1d-836f3794c9ca.tmp</t>
  </si>
  <si>
    <t>\\acsfs\profiles$\leandromsa\Downloads\580f4657-a8fa-4400-8b1d-836f3794c9ca.tmp</t>
  </si>
  <si>
    <t>59641d93-25ad-47d6-8556-5f80b2701542.tmp</t>
  </si>
  <si>
    <t>\\acsfs\profiles$\rosileiam\Downloads\59641d93-25ad-47d6-8556-5f80b2701542.tmp</t>
  </si>
  <si>
    <t>71082bc0-c5b3-4298-aeb6-d01c6c0d878f.tmp</t>
  </si>
  <si>
    <t>\\acsfs\profiles$\henriqueco\Downloads\71082bc0-c5b3-4298-aeb6-d01c6c0d878f.tmp</t>
  </si>
  <si>
    <t>1ef45a2f-bd74-4cac-a872-894948f99564.tmp</t>
  </si>
  <si>
    <t>\\acsfs\profiles$\leandromsa\Downloads\1ef45a2f-bd74-4cac-a872-894948f99564.tmp</t>
  </si>
  <si>
    <t>666b35b0-0f87-476c-8cb3-1c7d2afc7587.tmp</t>
  </si>
  <si>
    <t>\\acsfs\profiles$\leandromsa\Downloads\666b35b0-0f87-476c-8cb3-1c7d2afc7587.tmp</t>
  </si>
  <si>
    <t>f5d16398-865d-4e44-97ea-fd65592d29c6.tmp</t>
  </si>
  <si>
    <t>\\acsfs\profiles$\fabianafv\Downloads\f5d16398-865d-4e44-97ea-fd65592d29c6.tmp</t>
  </si>
  <si>
    <t>\\acsfs\DEPTOS\Operacao\Banco_Votorantim\Comum\00 - COMUM - BV CARTÕES\EQUIPE ADILSON\Vendas\</t>
  </si>
  <si>
    <t>Valor Prêmio por Operador Dezembro - Fechamento.pdf</t>
  </si>
  <si>
    <t>\\acsfs\DEPTOS\Operacao\Banco_Votorantim\Comum\00 - COMUM - BV CARTÕES\EQUIPE ADILSON\Vendas\Valor Prêmio por Operador Dezembro - Fechamento.pdf</t>
  </si>
  <si>
    <t>Controle Vendas Janeiro.xlsx</t>
  </si>
  <si>
    <t>\\acsfs\DEPTOS\Operacao\Banco_Votorantim\Supervisao\SUPERS BV CARTÕES\ADILSON\Vendas\Controle Vendas Janeiro.xlsx</t>
  </si>
  <si>
    <t>dc532e2d-bb8b-43e9-a1d1-5dd2e24aec45.tmp</t>
  </si>
  <si>
    <t>\\acsfs\profiles$\rafaelacdoc\Downloads\dc532e2d-bb8b-43e9-a1d1-5dd2e24aec45.tmp</t>
  </si>
  <si>
    <t>2747b3ac-0987-4e3b-8279-e70bbe95bd9b.tmp</t>
  </si>
  <si>
    <t>\\acsfs\profiles$\jalilebds\Downloads\2747b3ac-0987-4e3b-8279-e70bbe95bd9b.tmp</t>
  </si>
  <si>
    <t>.~lock.filas 1721 1725 e 1724 JA TRATADOS (1).xlsx#</t>
  </si>
  <si>
    <t>\\acsfs\profiles$\jalilebds\Downloads\.~lock.filas 1721 1725 e 1724 JA TRATADOS (1).xlsx#</t>
  </si>
  <si>
    <t>fd4c3af7-e89d-4984-9bc7-88d291ce75e1.tmp</t>
  </si>
  <si>
    <t>\\acsfs\profiles$\gabrielamdp\Downloads\fd4c3af7-e89d-4984-9bc7-88d291ce75e1.tmp</t>
  </si>
  <si>
    <t>a2287b1f-054e-4ae1-9d28-76ec7d2b03a4.tmp</t>
  </si>
  <si>
    <t>\\acsfs\profiles$\gabrielamdp\Downloads\a2287b1f-054e-4ae1-9d28-76ec7d2b03a4.tmp</t>
  </si>
  <si>
    <t>1c00d3d9-aa53-416e-9bcb-657a4330075e.tmp</t>
  </si>
  <si>
    <t>\\acsfs\profiles$\gabrielamdp\Downloads\1c00d3d9-aa53-416e-9bcb-657a4330075e.tmp</t>
  </si>
  <si>
    <t>f4a20778-06e7-487f-9eda-d1475a9ee214.tmp</t>
  </si>
  <si>
    <t>\\acsfs\profiles$\victorgl\Downloads\f4a20778-06e7-487f-9eda-d1475a9ee214.tmp</t>
  </si>
  <si>
    <t>cf21d533-2119-4580-8cc5-432f3dec5e03.tmp</t>
  </si>
  <si>
    <t>\\acsfs\profiles$\victorgl\Downloads\cf21d533-2119-4580-8cc5-432f3dec5e03.tmp</t>
  </si>
  <si>
    <t>b6d523fb-b621-4daa-ad32-59298d998621.tmp</t>
  </si>
  <si>
    <t>\\acsfs\profiles$\rafaelacdoc\Downloads\b6d523fb-b621-4daa-ad32-59298d998621.tmp</t>
  </si>
  <si>
    <t>aa46b7c3-9d48-4d14-835d-42e7f7741019.tmp</t>
  </si>
  <si>
    <t>\\acsfs\profiles$\anafaes\Downloads\aa46b7c3-9d48-4d14-835d-42e7f7741019.tmp</t>
  </si>
  <si>
    <t>fc33bcde-9e22-4aa4-9ab8-e7f15f95d30c.tmp</t>
  </si>
  <si>
    <t>\\acsfs\profiles$\anafaes\Downloads\fc33bcde-9e22-4aa4-9ab8-e7f15f95d30c.tmp</t>
  </si>
  <si>
    <t>61ca003c-a59f-452a-9ee2-50a71eabf1c6.tmp</t>
  </si>
  <si>
    <t>\\acsfs\profiles$\victorgl\Downloads\61ca003c-a59f-452a-9ee2-50a71eabf1c6.tmp</t>
  </si>
  <si>
    <t>30d0592b-eccb-4c50-b83c-7a35a264641a.tmp</t>
  </si>
  <si>
    <t>\\acsfs\profiles$\victorgl\Downloads\30d0592b-eccb-4c50-b83c-7a35a264641a.tmp</t>
  </si>
  <si>
    <t>4261c939-12c3-4e11-b7eb-6713775ffca4.tmp</t>
  </si>
  <si>
    <t>\\acsfs\profiles$\myllenardl\Downloads\4261c939-12c3-4e11-b7eb-6713775ffca4.tmp</t>
  </si>
  <si>
    <t>d16637f9-1ea9-41a6-bb09-74e21aa09aeb.tmp</t>
  </si>
  <si>
    <t>\\acsfs\profiles$\layonmof\Downloads\d16637f9-1ea9-41a6-bb09-74e21aa09aeb.tmp</t>
  </si>
  <si>
    <t>353b2ec0-bb76-45d9-9d72-718de4326856.tmp</t>
  </si>
  <si>
    <t>\\acsfs\profiles$\leandromsa\Downloads\353b2ec0-bb76-45d9-9d72-718de4326856.tmp</t>
  </si>
  <si>
    <t>a7fb855f-58ae-4a2d-8411-516160451b34.tmp</t>
  </si>
  <si>
    <t>\\acsfs\profiles$\philipegsf\Downloads\a7fb855f-58ae-4a2d-8411-516160451b34.tmp</t>
  </si>
  <si>
    <t>2525854b-dbc4-49fc-953f-c002e21283df.tmp</t>
  </si>
  <si>
    <t>\\acsfs\profiles$\philipegsf\Downloads\2525854b-dbc4-49fc-953f-c002e21283df.tmp</t>
  </si>
  <si>
    <t>ca18ce69-c528-4e25-86f2-2bf2d05af415.tmp</t>
  </si>
  <si>
    <t>\\acsfs\profiles$\layonmof\Downloads\ca18ce69-c528-4e25-86f2-2bf2d05af415.tmp</t>
  </si>
  <si>
    <t>fee26cd0-71f9-41d9-981e-eddc47d8008e.tmp</t>
  </si>
  <si>
    <t>\\acsfs\profiles$\layonmof\Downloads\fee26cd0-71f9-41d9-981e-eddc47d8008e.tmp</t>
  </si>
  <si>
    <t>9afaaf7b-5a30-474d-aff8-0c44d376a4c9.tmp</t>
  </si>
  <si>
    <t>\\acsfs\profiles$\layonmof\Downloads\9afaaf7b-5a30-474d-aff8-0c44d376a4c9.tmp</t>
  </si>
  <si>
    <t>a48121fb-1d5b-4e76-a67f-1c35abcf11e7.tmp</t>
  </si>
  <si>
    <t>\\acsfs\profiles$\brunalas\Downloads\a48121fb-1d5b-4e76-a67f-1c35abcf11e7.tmp</t>
  </si>
  <si>
    <t>7ef7eba5-42f8-43e8-ae63-ce2d0183c7ce.tmp</t>
  </si>
  <si>
    <t>\\acsfs\profiles$\regisedsj\Downloads\7ef7eba5-42f8-43e8-ae63-ce2d0183c7ce.tmp</t>
  </si>
  <si>
    <t>e6204dfc-e040-4069-afd7-fcef6471b983.tmp</t>
  </si>
  <si>
    <t>\\acsfs\profiles$\layonmof\Downloads\e6204dfc-e040-4069-afd7-fcef6471b983.tmp</t>
  </si>
  <si>
    <t>b77be989-091a-4fd0-a798-ba2b0d5eceb3.tmp</t>
  </si>
  <si>
    <t>\\acsfs\profiles$\layonmof\Downloads\b77be989-091a-4fd0-a798-ba2b0d5eceb3.tmp</t>
  </si>
  <si>
    <t>221831a2-4264-41f6-b646-de15b5ff4639.tmp</t>
  </si>
  <si>
    <t>\\acsfs\profiles$\gabrielamdp\Downloads\221831a2-4264-41f6-b646-de15b5ff4639.tmp</t>
  </si>
  <si>
    <t>859d6028-990a-4bbd-8ce5-ef7e7e610072.tmp</t>
  </si>
  <si>
    <t>\\acsfs\profiles$\victorgl\Downloads\859d6028-990a-4bbd-8ce5-ef7e7e610072.tmp</t>
  </si>
  <si>
    <t>2e2f26da-f473-46c8-9d41-dbadbfa0dd48.tmp</t>
  </si>
  <si>
    <t>\\acsfs\profiles$\gabrielamdp\Downloads\2e2f26da-f473-46c8-9d41-dbadbfa0dd48.tmp</t>
  </si>
  <si>
    <t>9e75365c-dd77-4982-a1e3-91697548872d.tmp</t>
  </si>
  <si>
    <t>\\acsfs\profiles$\rosileiam\Downloads\9e75365c-dd77-4982-a1e3-91697548872d.tmp</t>
  </si>
  <si>
    <t>fe037c32-8796-4aae-987f-4547345cf946.tmp</t>
  </si>
  <si>
    <t>\\acsfs\profiles$\karinarm\Downloads\fe037c32-8796-4aae-987f-4547345cf946.tmp</t>
  </si>
  <si>
    <t>Não confirmado 431165.crdownload</t>
  </si>
  <si>
    <t>\\acsfs\profiles$\karinarm\Downloads\Não confirmado 431165.crdownload</t>
  </si>
  <si>
    <t>lu15212aj64x.tmp</t>
  </si>
  <si>
    <t>\\acsfs\profiles$\jalilebds\Downloads\lu15212aj64x.tmp</t>
  </si>
  <si>
    <t>cd3b079c-568d-4e39-9381-dc128cff6d85.tmp</t>
  </si>
  <si>
    <t>\\acsfs\profiles$\karinarm\Downloads\cd3b079c-568d-4e39-9381-dc128cff6d85.tmp</t>
  </si>
  <si>
    <t>Não confirmado 635060.crdownload</t>
  </si>
  <si>
    <t>\\acsfs\profiles$\karinarm\Downloads\Não confirmado 635060.crdownload</t>
  </si>
  <si>
    <t>daa7ad63-096a-49c8-8c17-c44bfa9f3bbc.tmp</t>
  </si>
  <si>
    <t>\\acsfs\profiles$\karinarm\Downloads\daa7ad63-096a-49c8-8c17-c44bfa9f3bbc.tmp</t>
  </si>
  <si>
    <t>5e341c01-bd04-47f0-bde4-08bdc9ebb1c9.tmp</t>
  </si>
  <si>
    <t>\\acsfs\profiles$\karinarm\Downloads\5e341c01-bd04-47f0-bde4-08bdc9ebb1c9.tmp</t>
  </si>
  <si>
    <t>b0ad856e-7e2e-4920-ba63-4bb9b082ce43.tmp</t>
  </si>
  <si>
    <t>\\acsfs\profiles$\karinarm\Downloads\b0ad856e-7e2e-4920-ba63-4bb9b082ce43.tmp</t>
  </si>
  <si>
    <t>$IFXAXX1.xlsx</t>
  </si>
  <si>
    <t>\\acsfs\profiles$\jalilebds\Downloads\$RECYCLE.BIN\$IFXAXX1.xlsx</t>
  </si>
  <si>
    <t>$I8S1H1G.xlsx</t>
  </si>
  <si>
    <t>\\acsfs\profiles$\jalilebds\Downloads\$RECYCLE.BIN\$I8S1H1G.xlsx</t>
  </si>
  <si>
    <t>$IA5HZP7.xlsx</t>
  </si>
  <si>
    <t>\\acsfs\profiles$\jalilebds\Downloads\$RECYCLE.BIN\$IA5HZP7.xlsx</t>
  </si>
  <si>
    <t>9b1c8467-5274-40f5-b199-a8f8239ffc34.tmp</t>
  </si>
  <si>
    <t>\\acsfs\profiles$\henriqueco\Downloads\9b1c8467-5274-40f5-b199-a8f8239ffc34.tmp</t>
  </si>
  <si>
    <t>2cdbc9cb-9bb3-4728-8c61-2bef6b081579.tmp</t>
  </si>
  <si>
    <t>\\acsfs\profiles$\henriqueco\Downloads\2cdbc9cb-9bb3-4728-8c61-2bef6b081579.tmp</t>
  </si>
  <si>
    <t>e7a2697e-0d4b-4ffc-adc6-f716b4af5261.tmp</t>
  </si>
  <si>
    <t>\\acsfs\profiles$\layonmof\Downloads\e7a2697e-0d4b-4ffc-adc6-f716b4af5261.tmp</t>
  </si>
  <si>
    <t>7ece9bca-4656-403f-bfcc-d4fdc6e05893.tmp</t>
  </si>
  <si>
    <t>\\acsfs\profiles$\layonmof\Downloads\7ece9bca-4656-403f-bfcc-d4fdc6e05893.tmp</t>
  </si>
  <si>
    <t>42e04dca-4e15-4aec-82a9-5bb288e15816.tmp</t>
  </si>
  <si>
    <t>\\acsfs\profiles$\layonmof\Downloads\42e04dca-4e15-4aec-82a9-5bb288e15816.tmp</t>
  </si>
  <si>
    <t>aecc3591-20be-4cbc-93b6-b04f5b6c4b2a.tmp</t>
  </si>
  <si>
    <t>\\acsfs\profiles$\alinepp\Downloads\aecc3591-20be-4cbc-93b6-b04f5b6c4b2a.tmp</t>
  </si>
  <si>
    <t>335a92be-d7b8-4916-a413-c4882ad8d58d.tmp</t>
  </si>
  <si>
    <t>\\acsfs\profiles$\jalilebds\Downloads\335a92be-d7b8-4916-a413-c4882ad8d58d.tmp</t>
  </si>
  <si>
    <t>547f38a2-9b91-46a5-974d-c1fc9d1bfdb4.tmp</t>
  </si>
  <si>
    <t>\\acsfs\profiles$\jalilebds\Downloads\547f38a2-9b91-46a5-974d-c1fc9d1bfdb4.tmp</t>
  </si>
  <si>
    <t>.~lock.filas 1721 1725 e 1724 FINALIZADOS.xlsx#</t>
  </si>
  <si>
    <t>\\acsfs\profiles$\jalilebds\Downloads\.~lock.filas 1721 1725 e 1724 FINALIZADOS.xlsx#</t>
  </si>
  <si>
    <t>6293edd0-7c3d-4e0e-89b7-323d34ca9248.tmp</t>
  </si>
  <si>
    <t>\\acsfs\profiles$\mariajaf\Downloads\6293edd0-7c3d-4e0e-89b7-323d34ca9248.tmp</t>
  </si>
  <si>
    <t>4fe81deb-f102-452d-b039-e0fd7e567f1f.tmp</t>
  </si>
  <si>
    <t>\\acsfs\profiles$\fabianafv\Downloads\4fe81deb-f102-452d-b039-e0fd7e567f1f.tmp</t>
  </si>
  <si>
    <t>87084250-cd67-4604-af3e-8138fd52b530.tmp</t>
  </si>
  <si>
    <t>\\acsfs\profiles$\alinepp\Downloads\87084250-cd67-4604-af3e-8138fd52b530.tmp</t>
  </si>
  <si>
    <t>395955cd-73cb-415a-a938-17f85c527b49.tmp</t>
  </si>
  <si>
    <t>\\acsfs\profiles$\jalilebds\Downloads\395955cd-73cb-415a-a938-17f85c527b49.tmp</t>
  </si>
  <si>
    <t>.~lock.filas 1725 1721 e 1724 ja tratadas.xlsx#</t>
  </si>
  <si>
    <t>\\acsfs\profiles$\jalilebds\Downloads\.~lock.filas 1725 1721 e 1724 ja tratadas.xlsx#</t>
  </si>
  <si>
    <t>met life 1.txt</t>
  </si>
  <si>
    <t>\\acsfs\profiles$\thaynaracsl\My Documents\met life 1.txt</t>
  </si>
  <si>
    <t>6c5c553b-3a02-4b88-a9b6-d78d4785e0c5.tmp</t>
  </si>
  <si>
    <t>\\acsfs\profiles$\myllenardl\Downloads\6c5c553b-3a02-4b88-a9b6-d78d4785e0c5.tmp</t>
  </si>
  <si>
    <t>e4d9491d-fea5-4eae-b21a-ae4050c581cd.tmp</t>
  </si>
  <si>
    <t>\\acsfs\profiles$\brunalas\Downloads\e4d9491d-fea5-4eae-b21a-ae4050c581cd.tmp</t>
  </si>
  <si>
    <t>c88f5ab1-3a33-4721-b611-ce92a468b58d.tmp</t>
  </si>
  <si>
    <t>\\acsfs\profiles$\victorgl\Downloads\c88f5ab1-3a33-4721-b611-ce92a468b58d.tmp</t>
  </si>
  <si>
    <t>XLOG_marcosvnds_06012020_192249.log</t>
  </si>
  <si>
    <t>\\acsfs\profiles$\marcosvnds\My Documents\xworkcenter\logs\XLOG_marcosvnds_06012020_192249.log</t>
  </si>
  <si>
    <t>cbb24983-2414-48d4-aae3-a23d0061ad6b.tmp</t>
  </si>
  <si>
    <t>\\acsfs\profiles$\regisedsj\Downloads\cbb24983-2414-48d4-aae3-a23d0061ad6b.tmp</t>
  </si>
  <si>
    <t>53f5cbc4-ab06-46a5-8551-31ba5c76523a.tmp</t>
  </si>
  <si>
    <t>\\acsfs\profiles$\layonmof\Downloads\53f5cbc4-ab06-46a5-8551-31ba5c76523a.tmp</t>
  </si>
  <si>
    <t>6779;</t>
  </si>
  <si>
    <t>image2020-01-06-203600.pdf</t>
  </si>
  <si>
    <t>http://6779</t>
  </si>
  <si>
    <t>VENDAS JANEIRO.txt</t>
  </si>
  <si>
    <t>\\acsfs\profiles$\isabeldst\My Documents\VENDAS JANEIRO.txt</t>
  </si>
  <si>
    <t>5294831c-deab-4500-a3bc-7e9fb8cdd842.tmp</t>
  </si>
  <si>
    <t>\\acsfs\profiles$\layonmof\Downloads\5294831c-deab-4500-a3bc-7e9fb8cdd842.tmp</t>
  </si>
  <si>
    <t>065b887b-2d8d-4d25-8fd5-28e2cb8a906a.tmp</t>
  </si>
  <si>
    <t>\\acsfs\profiles$\joycemmdl\Downloads\065b887b-2d8d-4d25-8fd5-28e2cb8a906a.tmp</t>
  </si>
  <si>
    <t>94fa8a94-94cd-40bd-a6b1-d99508b94541.tmp</t>
  </si>
  <si>
    <t>\\acsfs\profiles$\gabrielamdp\Downloads\94fa8a94-94cd-40bd-a6b1-d99508b94541.tmp</t>
  </si>
  <si>
    <t>ulog_Acrobat12_Reader_3b8210f9-3618-47e4-b9cc-5aaaba62831a_f99f1aae-0a22-4a76-985f-70be2a07afba_0.log</t>
  </si>
  <si>
    <t>C:\Users\flaviacno\AppData\Roaming\Adobe\LogTransport2\Logs\ulog_Acrobat12_Reader_3b8210f9-3618-47e4-b9cc-5aaaba62831a_f99f1aae-0a22-4a76-985f-70be2a07afba_0.log\</t>
  </si>
  <si>
    <t>68394aaa-5731-4909-885a-c665d117cf0d.tmp</t>
  </si>
  <si>
    <t>\\acsfs\profiles$\layonmof\Downloads\68394aaa-5731-4909-885a-c665d117cf0d.tmp</t>
  </si>
  <si>
    <t>2ac702c8-c416-4c16-9566-353b94f86319.tmp</t>
  </si>
  <si>
    <t>\\acsfs\profiles$\layonmof\Downloads\2ac702c8-c416-4c16-9566-353b94f86319.tmp</t>
  </si>
  <si>
    <t>5d45288e-1844-4e1f-ac01-839a557ab009.tmp</t>
  </si>
  <si>
    <t>\\acsfs\profiles$\philipegsf\Downloads\5d45288e-1844-4e1f-ac01-839a557ab009.tmp</t>
  </si>
  <si>
    <t>19b71956-490b-4382-88c2-3f0aef06a7cb.tmp</t>
  </si>
  <si>
    <t>\\acsfs\profiles$\brendadsl\Downloads\19b71956-490b-4382-88c2-3f0aef06a7cb.tmp</t>
  </si>
  <si>
    <t>bd10c6e6-4899-4655-bf81-39f1d53bd328.tmp</t>
  </si>
  <si>
    <t>\\acsfs\profiles$\brendadsl\Downloads\bd10c6e6-4899-4655-bf81-39f1d53bd328.tmp</t>
  </si>
  <si>
    <t>c608af45-b823-45dc-a066-41abd8deafd1.tmp</t>
  </si>
  <si>
    <t>\\acsfs\profiles$\brendadsl\Downloads\c608af45-b823-45dc-a066-41abd8deafd1.tmp</t>
  </si>
  <si>
    <t>840dd6da-be50-44bd-a443-3e3db7810939.tmp</t>
  </si>
  <si>
    <t>\\acsfs\profiles$\layonmof\Downloads\840dd6da-be50-44bd-a443-3e3db7810939.tmp</t>
  </si>
  <si>
    <t>aaff1a24-7c8e-4b3b-b144-45a6ab7c5a51.tmp</t>
  </si>
  <si>
    <t>\\acsfs\profiles$\layonmof\Downloads\aaff1a24-7c8e-4b3b-b144-45a6ab7c5a51.tmp</t>
  </si>
  <si>
    <t>dff2b6d1-8752-44da-90d1-45b6d5d16e8b.tmp</t>
  </si>
  <si>
    <t>\\acsfs\profiles$\layonmof\Downloads\dff2b6d1-8752-44da-90d1-45b6d5d16e8b.tmp</t>
  </si>
  <si>
    <t>68ec0b49-f962-453c-852d-2d135d3aa778.tmp</t>
  </si>
  <si>
    <t>\\acsfs\profiles$\nathaliaos\Downloads\68ec0b49-f962-453c-852d-2d135d3aa778.tmp</t>
  </si>
  <si>
    <t>ac19d86f-5c94-4656-a3e7-d8f52349908b.tmp</t>
  </si>
  <si>
    <t>\\acsfs\profiles$\gabrielamdp\Downloads\ac19d86f-5c94-4656-a3e7-d8f52349908b.tmp</t>
  </si>
  <si>
    <t>db68ed6b-07c2-4919-9af8-95a6b4add6b1.tmp</t>
  </si>
  <si>
    <t>\\acsfs\profiles$\gabrielamdp\Downloads\db68ed6b-07c2-4919-9af8-95a6b4add6b1.tmp</t>
  </si>
  <si>
    <t>be5ef246-3d44-41ec-a59c-6248ceb0c0e0.tmp</t>
  </si>
  <si>
    <t>\\acsfs\profiles$\edicarlosdl\Downloads\be5ef246-3d44-41ec-a59c-6248ceb0c0e0.tmp</t>
  </si>
  <si>
    <t>0906c75b-d049-43ff-b38d-8908e8092527.tmp</t>
  </si>
  <si>
    <t>\\acsfs\profiles$\joycemmdl\Downloads\0906c75b-d049-43ff-b38d-8908e8092527.tmp</t>
  </si>
  <si>
    <t>482b275a-b1e7-422e-8d4c-fe40e97dc448.tmp</t>
  </si>
  <si>
    <t>\\acsfs\profiles$\sarahbal\Downloads\482b275a-b1e7-422e-8d4c-fe40e97dc448.tmp</t>
  </si>
  <si>
    <t>5cb148ab-dbcf-43e2-ab67-8bac1caa93f9.tmp</t>
  </si>
  <si>
    <t>\\acsfs\profiles$\sarahbal\Downloads\5cb148ab-dbcf-43e2-ab67-8bac1caa93f9.tmp</t>
  </si>
  <si>
    <t>2f5dd289-cbab-4576-8a3a-48a7ca3420a4.tmp</t>
  </si>
  <si>
    <t>\\acsfs\profiles$\sarahbal\Downloads\2f5dd289-cbab-4576-8a3a-48a7ca3420a4.tmp</t>
  </si>
  <si>
    <t>b2cdc29b-d31d-413a-9df5-8c499f1f179b.tmp</t>
  </si>
  <si>
    <t>\\acsfs\profiles$\sarahbal\Downloads\b2cdc29b-d31d-413a-9df5-8c499f1f179b.tmp</t>
  </si>
  <si>
    <t>0676dd14-c31d-4908-af65-c6b2ad759ee6.tmp</t>
  </si>
  <si>
    <t>\\acsfs\profiles$\sarahbal\Downloads\0676dd14-c31d-4908-af65-c6b2ad759ee6.tmp</t>
  </si>
  <si>
    <t>a0a52ce6-e9f8-4f8c-9877-31f50fad6aa4.tmp</t>
  </si>
  <si>
    <t>\\acsfs\profiles$\sarahbal\Downloads\a0a52ce6-e9f8-4f8c-9877-31f50fad6aa4.tmp</t>
  </si>
  <si>
    <t>27dc0df4-4aa5-4184-81bf-59df967f3f13.tmp</t>
  </si>
  <si>
    <t>\\acsfs\profiles$\gabrielamdp\Downloads\27dc0df4-4aa5-4184-81bf-59df967f3f13.tmp</t>
  </si>
  <si>
    <t>7e5400a0-aeba-45da-91f1-511414e27681.tmp</t>
  </si>
  <si>
    <t>\\acsfs\profiles$\gabrielamdp\Downloads\7e5400a0-aeba-45da-91f1-511414e27681.tmp</t>
  </si>
  <si>
    <t>XLOG_andrezacapf_06012020_172330.log</t>
  </si>
  <si>
    <t>\\acsfs\profiles$\andrezacapf\My Documents\xworkcenter\logs\XLOG_andrezacapf_06012020_172330.log</t>
  </si>
  <si>
    <t>lu303883quz3q.tmp</t>
  </si>
  <si>
    <t>\\acsfs\profiles$\edicarlosdl\My Documents\lu303883quz3q.tmp</t>
  </si>
  <si>
    <t>\\acsfs\profiles$\edicarlosdl\My Documents\lu303883quz3q.tmp\Configurations2\accelerator\</t>
  </si>
  <si>
    <t>\\acsfs\profiles$\edicarlosdl\My Documents\lu303883quz3q.tmp\</t>
  </si>
  <si>
    <t>layout-cache</t>
  </si>
  <si>
    <t>\\acsfs\profiles$\edicarlosdl\My Documents\lu303883quz3q.tmp\META-INF\</t>
  </si>
  <si>
    <t>\\acsfs\profiles$\edicarlosdl\My Documents\lu303883quz3q.tmp\Thumbnails\</t>
  </si>
  <si>
    <t>BASE ODONTO.txt</t>
  </si>
  <si>
    <t>\\acsfs\profiles$\edicarlosdl\My Documents\BASE ODONTO.txt</t>
  </si>
  <si>
    <t>lu303883quz3u.tmp</t>
  </si>
  <si>
    <t>\\acsfs\profiles$\edicarlosdl\My Documents\lu303883quz3u.tmp</t>
  </si>
  <si>
    <t>\\acsfs\profiles$\edicarlosdl\My Documents\lu303883quz3u.tmp\</t>
  </si>
  <si>
    <t>\\acsfs\profiles$\edicarlosdl\My Documents\lu303883quz3u.tmp\META-INF\</t>
  </si>
  <si>
    <t>\\acsfs\profiles$\edicarlosdl\My Documents\lu303883quz3u.tmp\Thumbnails\</t>
  </si>
  <si>
    <t>TAYLA ELIAS DE OLIVEIRA ALVES (15).contact</t>
  </si>
  <si>
    <t>\\acsfs\profiles$\taylaedoa\Contacts\TAYLA ELIAS DE OLIVEIRA ALVES (15).contact</t>
  </si>
  <si>
    <t>0b2d5478-c53b-42b9-aa4c-5187e45ec0ad.tmp</t>
  </si>
  <si>
    <t>\\acsfs\profiles$\taylaedoa\Downloads\0b2d5478-c53b-42b9-aa4c-5187e45ec0ad.tmp</t>
  </si>
  <si>
    <t>4090006b-6ad1-4e40-9f39-4e7a3d6d112d.tmp</t>
  </si>
  <si>
    <t>\\acsfs\profiles$\taylaedoa\Downloads\4090006b-6ad1-4e40-9f39-4e7a3d6d112d.tmp</t>
  </si>
  <si>
    <t>5e5fd7f9-ea96-4930-b627-50f0ef558817.tmp</t>
  </si>
  <si>
    <t>\\acsfs\profiles$\taylaedoa\Downloads\5e5fd7f9-ea96-4930-b627-50f0ef558817.tmp</t>
  </si>
  <si>
    <t>88225d36-38c8-43a5-bf55-3a0e39077ae2.tmp</t>
  </si>
  <si>
    <t>\\acsfs\profiles$\taylaedoa\Downloads\88225d36-38c8-43a5-bf55-3a0e39077ae2.tmp</t>
  </si>
  <si>
    <t>6f36cad2-7924-4750-9d8c-5e3c683e614f.tmp</t>
  </si>
  <si>
    <t>\\acsfs\profiles$\taylaedoa\Downloads\6f36cad2-7924-4750-9d8c-5e3c683e614f.tmp</t>
  </si>
  <si>
    <t>43d27890-434a-457b-a8ef-e66207e1efdf.tmp</t>
  </si>
  <si>
    <t>\\acsfs\profiles$\nathaliaos\Downloads\43d27890-434a-457b-a8ef-e66207e1efdf.tmp</t>
  </si>
  <si>
    <t>f01cfbaf-122a-4572-93b0-abd6dd549798.tmp</t>
  </si>
  <si>
    <t>\\acsfs\profiles$\joycemmdl\Downloads\f01cfbaf-122a-4572-93b0-abd6dd549798.tmp</t>
  </si>
  <si>
    <t>c7588123-2476-42da-a25b-72e4d4512b11.tmp</t>
  </si>
  <si>
    <t>\\acsfs\profiles$\joycemmdl\Downloads\c7588123-2476-42da-a25b-72e4d4512b11.tmp</t>
  </si>
  <si>
    <t>a35edf0c-eb72-4a0d-9065-67f9174de911.tmp</t>
  </si>
  <si>
    <t>\\acsfs\profiles$\rogeriofd\Downloads\a35edf0c-eb72-4a0d-9065-67f9174de911.tmp</t>
  </si>
  <si>
    <t>e610d396-a885-4fdc-9520-053feee043e6.tmp</t>
  </si>
  <si>
    <t>\\acsfs\profiles$\rogeriofd\Downloads\e610d396-a885-4fdc-9520-053feee043e6.tmp</t>
  </si>
  <si>
    <t>61346707-d427-49cd-b00d-907fc58eb971.tmp</t>
  </si>
  <si>
    <t>\\acsfs\profiles$\ROBERTM\Downloads\61346707-d427-49cd-b00d-907fc58eb971.tmp</t>
  </si>
  <si>
    <t>24c100bb-a50a-4cb6-bc06-5048c4ade9d0.tmp</t>
  </si>
  <si>
    <t>\\acsfs\profiles$\ROBERTM\Downloads\24c100bb-a50a-4cb6-bc06-5048c4ade9d0.tmp</t>
  </si>
  <si>
    <t>2b327cb9-d438-4fc4-9f36-f06bcb833b99.tmp</t>
  </si>
  <si>
    <t>\\acsfs\profiles$\marlyannegdls\Downloads\2b327cb9-d438-4fc4-9f36-f06bcb833b99.tmp</t>
  </si>
  <si>
    <t>1cd88d2a-24af-449a-8ecb-e81c49df5f68.tmp</t>
  </si>
  <si>
    <t>\\acsfs\profiles$\marlyannegdls\Downloads\1cd88d2a-24af-449a-8ecb-e81c49df5f68.tmp</t>
  </si>
  <si>
    <t>6bacae62-af64-4a66-98cf-46e70482c975.tmp</t>
  </si>
  <si>
    <t>\\acsfs\profiles$\ROBERTM\Downloads\6bacae62-af64-4a66-98cf-46e70482c975.tmp</t>
  </si>
  <si>
    <t>92979d2d-610f-4edd-9251-3e391089d90f.tmp</t>
  </si>
  <si>
    <t>\\acsfs\profiles$\ROBERTM\Downloads\92979d2d-610f-4edd-9251-3e391089d90f.tmp</t>
  </si>
  <si>
    <t>b209cbd0-b164-4b31-8a12-538fac467f91.tmp</t>
  </si>
  <si>
    <t>\\acsfs\profiles$\ROBERTM\Downloads\b209cbd0-b164-4b31-8a12-538fac467f91.tmp</t>
  </si>
  <si>
    <t>http:///batch?%24ct=multipart%2Fmixed%3B%20boundary%3D%22%3D%3D%3D%3D%3Ds1du77un1jl4%3D%3D%3D%3D%3D%22&amp;key=AIzaSyAy9VVXHSpS2IJpptzYtGbLP3-3_l0aBk4</t>
  </si>
  <si>
    <t>http:///batch?%24ct=multipart%2Fmixed%3B%20boundary%3D%22%3D%3D%3D%3D%3Dxsttsocvpn6h%3D%3D%3D%3D%3D%22&amp;key=AIzaSyAy9VVXHSpS2IJpptzYtGbLP3-3_l0aBk4</t>
  </si>
  <si>
    <t>XLOG_Angelicacldr_24122019_104033.log</t>
  </si>
  <si>
    <t>\\acsfs\profiles$\Angelicacldr\My Documents\xworkcenter\logs\XLOG_Angelicacldr_24122019_104033.log</t>
  </si>
  <si>
    <t>b170478c-345a-4be7-a875-9345af876893.tmp</t>
  </si>
  <si>
    <t>\\acsfs\profiles$\ROBERTM\Downloads\b170478c-345a-4be7-a875-9345af876893.tmp</t>
  </si>
  <si>
    <t>4dec2b2a-a4a6-4159-ac0f-6f7185685621.tmp</t>
  </si>
  <si>
    <t>\\acsfs\profiles$\ROZENCAM\Downloads\4dec2b2a-a4a6-4159-ac0f-6f7185685621.tmp</t>
  </si>
  <si>
    <t>23e3b546-218e-42b7-a891-37faa676be20.tmp</t>
  </si>
  <si>
    <t>\\acsfs\profiles$\ROZENCAM\Downloads\23e3b546-218e-42b7-a891-37faa676be20.tmp</t>
  </si>
  <si>
    <t>ddd55291-00bb-4416-add4-5a6bfd16a0c8.tmp</t>
  </si>
  <si>
    <t>\\acsfs\profiles$\lucasqdss\Downloads\ddd55291-00bb-4416-add4-5a6bfd16a0c8.tmp</t>
  </si>
  <si>
    <t>f6d4876f-a7cf-426b-ae6d-454cc5957a03.tmp</t>
  </si>
  <si>
    <t>\\acsfs\profiles$\lucasqdss\Downloads\f6d4876f-a7cf-426b-ae6d-454cc5957a03.tmp</t>
  </si>
  <si>
    <t>4fb79733-3ce8-4776-875a-c090922154de.tmp</t>
  </si>
  <si>
    <t>\\acsfs\profiles$\lucasqdss\Downloads\4fb79733-3ce8-4776-875a-c090922154de.tmp</t>
  </si>
  <si>
    <t>5cd49c82-4f20-4298-b4e6-09b333f2d9ee.tmp</t>
  </si>
  <si>
    <t>\\acsfs\profiles$\lucasqdss\Downloads\5cd49c82-4f20-4298-b4e6-09b333f2d9ee.tmp</t>
  </si>
  <si>
    <t>18cfdb06-4703-4957-be14-f0e3678647df.tmp</t>
  </si>
  <si>
    <t>\\acsfs\profiles$\BRUNAAR\Downloads\18cfdb06-4703-4957-be14-f0e3678647df.tmp</t>
  </si>
  <si>
    <t>5a7c0040-b86f-4f76-a125-c5eef2172038.tmp</t>
  </si>
  <si>
    <t>\\acsfs\profiles$\danielac\Downloads\5a7c0040-b86f-4f76-a125-c5eef2172038.tmp</t>
  </si>
  <si>
    <t>49025554-a639-4635-9d2d-4ca39d9380ab.tmp</t>
  </si>
  <si>
    <t>\\acsfs\profiles$\danielac\Downloads\49025554-a639-4635-9d2d-4ca39d9380ab.tmp</t>
  </si>
  <si>
    <t>45b1bb50-62dd-487a-b475-e896548d670d.tmp</t>
  </si>
  <si>
    <t>\\acsfs\profiles$\danielac\Downloads\45b1bb50-62dd-487a-b475-e896548d670d.tmp</t>
  </si>
  <si>
    <t>a848514b-2ca8-4074-a070-54b5d83d9f0e.tmp</t>
  </si>
  <si>
    <t>\\acsfs\profiles$\BRUNAAR\Downloads\a848514b-2ca8-4074-a070-54b5d83d9f0e.tmp</t>
  </si>
  <si>
    <t>c4b00fd8-5241-405c-bea4-c02ad1d94f03.tmp</t>
  </si>
  <si>
    <t>\\acsfs\profiles$\BRUNAAR\Downloads\c4b00fd8-5241-405c-bea4-c02ad1d94f03.tmp</t>
  </si>
  <si>
    <t>5602bdaf-432a-4fae-b7a2-28ed1b084bb4.tmp</t>
  </si>
  <si>
    <t>\\acsfs\profiles$\ALYNYA\Downloads\5602bdaf-432a-4fae-b7a2-28ed1b084bb4.tmp</t>
  </si>
  <si>
    <t>3c5a5cc0-fcb7-4f33-aa74-d37081d66de4.tmp</t>
  </si>
  <si>
    <t>\\acsfs\profiles$\ALYNYA\Downloads\3c5a5cc0-fcb7-4f33-aa74-d37081d66de4.tmp</t>
  </si>
  <si>
    <t>28c1233b-19e4-4589-9b0b-d80a127741fb.tmp</t>
  </si>
  <si>
    <t>\\acsfs\profiles$\anafsb\Downloads\28c1233b-19e4-4589-9b0b-d80a127741fb.tmp</t>
  </si>
  <si>
    <t>d2666c1d-99e5-4bbf-a720-f1baf1f09dae.tmp</t>
  </si>
  <si>
    <t>\\acsfs\profiles$\anafsb\Downloads\d2666c1d-99e5-4bbf-a720-f1baf1f09dae.tmp</t>
  </si>
  <si>
    <t>0ceedaf1-4a1d-4270-8de0-335edf6a0496.tmp</t>
  </si>
  <si>
    <t>\\acsfs\profiles$\anafsb\Downloads\0ceedaf1-4a1d-4270-8de0-335edf6a0496.tmp</t>
  </si>
  <si>
    <t>5c278342-f4d5-4722-9ad6-a73e826deb21.tmp</t>
  </si>
  <si>
    <t>\\acsfs\profiles$\anafsb\Downloads\5c278342-f4d5-4722-9ad6-a73e826deb21.tmp</t>
  </si>
  <si>
    <t>8571f9c8-79f9-4473-bba1-0b1f8ceaecca.tmp</t>
  </si>
  <si>
    <t>\\acsfs\profiles$\anafsb\Downloads\8571f9c8-79f9-4473-bba1-0b1f8ceaecca.tmp</t>
  </si>
  <si>
    <t>60f90f27-6d37-43d3-a867-ee29b86a9e96.tmp</t>
  </si>
  <si>
    <t>\\acsfs\profiles$\anafsb\Downloads\60f90f27-6d37-43d3-a867-ee29b86a9e96.tmp</t>
  </si>
  <si>
    <t>7ff3a1cf-c032-493a-8739-076fedb3b308.tmp</t>
  </si>
  <si>
    <t>\\acsfs\profiles$\anafsb\Downloads\7ff3a1cf-c032-493a-8739-076fedb3b308.tmp</t>
  </si>
  <si>
    <t>54cab2b3-eba9-4b9a-a230-aed2dac517bd.tmp</t>
  </si>
  <si>
    <t>\\acsfs\profiles$\vivianealda\Downloads\54cab2b3-eba9-4b9a-a230-aed2dac517bd.tmp</t>
  </si>
  <si>
    <t>788f88a3-f7b6-4aa6-8980-30884c335e43.tmp</t>
  </si>
  <si>
    <t>\\acsfs\profiles$\vivianealda\Downloads\788f88a3-f7b6-4aa6-8980-30884c335e43.tmp</t>
  </si>
  <si>
    <t>9b871a0d-73a6-4b73-a0b3-a707a95a45f5.tmp</t>
  </si>
  <si>
    <t>\\acsfs\profiles$\leonardobb\Downloads\9b871a0d-73a6-4b73-a0b3-a707a95a45f5.tmp</t>
  </si>
  <si>
    <t>84526a16-35bd-4554-838d-86aa4733b108.tmp</t>
  </si>
  <si>
    <t>\\acsfs\profiles$\leonardobb\Downloads\84526a16-35bd-4554-838d-86aa4733b108.tmp</t>
  </si>
  <si>
    <t>2df8dc22-d9c3-4caa-adcf-07588b91b0fd.tmp</t>
  </si>
  <si>
    <t>\\acsfs\profiles$\leonardobb\Downloads\2df8dc22-d9c3-4caa-adcf-07588b91b0fd.tmp</t>
  </si>
  <si>
    <t>74d99153-2a2b-4818-b3cd-f080ca7f0337.tmp</t>
  </si>
  <si>
    <t>\\acsfs\profiles$\leonardobb\Downloads\74d99153-2a2b-4818-b3cd-f080ca7f0337.tmp</t>
  </si>
  <si>
    <t>e19c753d-191c-47a4-ae21-6b9b7df95793.tmp</t>
  </si>
  <si>
    <t>\\acsfs\profiles$\leonardobb\Downloads\e19c753d-191c-47a4-ae21-6b9b7df95793.tmp</t>
  </si>
  <si>
    <t>beb4bb58-4d59-4adf-97e3-c2df848cb646.tmp</t>
  </si>
  <si>
    <t>\\acsfs\profiles$\leonardobb\Downloads\beb4bb58-4d59-4adf-97e3-c2df848cb646.tmp</t>
  </si>
  <si>
    <t>f55165e1-a65d-4fbe-97fa-148d34b7d20b.tmp</t>
  </si>
  <si>
    <t>\\acsfs\profiles$\cintiadcf\Downloads\f55165e1-a65d-4fbe-97fa-148d34b7d20b.tmp</t>
  </si>
  <si>
    <t>0f4c8db1-cfb4-4776-a020-b9bad18118f1.tmp</t>
  </si>
  <si>
    <t>\\acsfs\profiles$\cintiadcf\Downloads\0f4c8db1-cfb4-4776-a020-b9bad18118f1.tmp</t>
  </si>
  <si>
    <t>dbe3a841-e185-4443-ab59-803387e4d0ae.tmp</t>
  </si>
  <si>
    <t>\\acsfs\profiles$\cintiadcf\Downloads\dbe3a841-e185-4443-ab59-803387e4d0ae.tmp</t>
  </si>
  <si>
    <t>9fa8021e-dee8-4cc2-a91f-ad1d9d1148c7.tmp</t>
  </si>
  <si>
    <t>\\acsfs\profiles$\ALYNYA\Downloads\9fa8021e-dee8-4cc2-a91f-ad1d9d1148c7.tmp</t>
  </si>
  <si>
    <t>488c38e2-28e7-44d8-86e5-4c307f07d1e3.tmp</t>
  </si>
  <si>
    <t>\\acsfs\profiles$\lucasgpe\Downloads\488c38e2-28e7-44d8-86e5-4c307f07d1e3.tmp</t>
  </si>
  <si>
    <t>c8a63303-2969-4bc9-af3b-41d30d561278.tmp</t>
  </si>
  <si>
    <t>\\acsfs\profiles$\lucasgpe\Downloads\c8a63303-2969-4bc9-af3b-41d30d561278.tmp</t>
  </si>
  <si>
    <t>9d2216b9-e62e-44cd-ace9-6807c904b78e.tmp</t>
  </si>
  <si>
    <t>\\acsfs\profiles$\lucasgpe\Downloads\9d2216b9-e62e-44cd-ace9-6807c904b78e.tmp</t>
  </si>
  <si>
    <t>10.200.66.168</t>
  </si>
  <si>
    <t>64-1C-67-9C-84-A3</t>
  </si>
  <si>
    <t>VOTORANT-JB015</t>
  </si>
  <si>
    <t>gustavoab</t>
  </si>
  <si>
    <t>https://udpwfmniceap02/web/guest/home?p_auth=w0fcct5r&amp;p_p_id=58&amp;p_p_lifecycle=1&amp;p_p_state=maximized&amp;p_p_mode=view&amp;savelastpath=0&amp;_58_struts_action=/login/forgot_password</t>
  </si>
  <si>
    <t>d5972582-3a26-4afe-9e3d-1f30e449bc5d.tmp</t>
  </si>
  <si>
    <t>\\acsfs\profiles$\lucasgpe\Downloads\d5972582-3a26-4afe-9e3d-1f30e449bc5d.tmp</t>
  </si>
  <si>
    <t>https://udpmailboxap01.acs.com.br:8443/h/search;jsessionid=186iyb6j479g8wzznpw2x2juh?si=0&amp;so=0&amp;sc=64006&amp;st=conversation&amp;action=compose</t>
  </si>
  <si>
    <t>a26d2ca9-93a9-410b-a57b-e2cbcc8cdf4e.tmp</t>
  </si>
  <si>
    <t>\\acsfs\profiles$\inarajst\Downloads\a26d2ca9-93a9-410b-a57b-e2cbcc8cdf4e.tmp</t>
  </si>
  <si>
    <t>f6c42e39-7b71-4264-9b6a-7d5f27381770.tmp</t>
  </si>
  <si>
    <t>\\acsfs\profiles$\inarajst\Downloads\f6c42e39-7b71-4264-9b6a-7d5f27381770.tmp</t>
  </si>
  <si>
    <t>fa9d8f5b-31dc-471f-ada6-57b0d0e6f317.tmp</t>
  </si>
  <si>
    <t>\\acsfs\profiles$\inarajst\Downloads\fa9d8f5b-31dc-471f-ada6-57b0d0e6f317.tmp</t>
  </si>
  <si>
    <t>079c6415-7203-4540-920b-faee49bed06e.tmp</t>
  </si>
  <si>
    <t>\\acsfs\profiles$\inarajst\Downloads\079c6415-7203-4540-920b-faee49bed06e.tmp</t>
  </si>
  <si>
    <t>d5aac1c5-a402-45f0-8226-59740ac542ad.tmp</t>
  </si>
  <si>
    <t>\\acsfs\profiles$\leonardobb\Downloads\d5aac1c5-a402-45f0-8226-59740ac542ad.tmp</t>
  </si>
  <si>
    <t>e5b353b0-3a0f-4d58-a158-e4613bdf7fba.tmp</t>
  </si>
  <si>
    <t>\\acsfs\profiles$\websondsa\Downloads\e5b353b0-3a0f-4d58-a158-e4613bdf7fba.tmp</t>
  </si>
  <si>
    <t>02259400-9f37-4f96-b96c-a4cfcc576520.tmp</t>
  </si>
  <si>
    <t>\\acsfs\profiles$\websondsa\Downloads\02259400-9f37-4f96-b96c-a4cfcc576520.tmp</t>
  </si>
  <si>
    <t>bf941b03-538e-49bc-ace7-3dfad7344ccf.tmp</t>
  </si>
  <si>
    <t>\\acsfs\profiles$\websondsa\Downloads\bf941b03-538e-49bc-ace7-3dfad7344ccf.tmp</t>
  </si>
  <si>
    <t>84e92f79-fd76-43f0-8dbb-f2d2b2273215.tmp</t>
  </si>
  <si>
    <t>\\acsfs\profiles$\websondsa\Downloads\84e92f79-fd76-43f0-8dbb-f2d2b2273215.tmp</t>
  </si>
  <si>
    <t>de647768-1da8-4d68-a897-c538176767a7.tmp</t>
  </si>
  <si>
    <t>\\acsfs\profiles$\websondsa\Downloads\de647768-1da8-4d68-a897-c538176767a7.tmp</t>
  </si>
  <si>
    <t>9ee3c08a-db06-4f05-9c01-ae2b59dfc164.tmp</t>
  </si>
  <si>
    <t>\\acsfs\profiles$\sarahbal\Downloads\9ee3c08a-db06-4f05-9c01-ae2b59dfc164.tmp</t>
  </si>
  <si>
    <t>1c5b5df9-c9eb-4754-a605-aca357b372ee.tmp</t>
  </si>
  <si>
    <t>\\acsfs\profiles$\mariajra\Downloads\1c5b5df9-c9eb-4754-a605-aca357b372ee.tmp</t>
  </si>
  <si>
    <t>29d4c91c-e277-4ff0-a695-b17a89a360dc.tmp</t>
  </si>
  <si>
    <t>\\acsfs\profiles$\mariajra\Downloads\29d4c91c-e277-4ff0-a695-b17a89a360dc.tmp</t>
  </si>
  <si>
    <t>559e7d5e-efaa-4a22-b235-b17f834cdd7c.tmp</t>
  </si>
  <si>
    <t>\\acsfs\profiles$\mariajra\Downloads\559e7d5e-efaa-4a22-b235-b17f834cdd7c.tmp</t>
  </si>
  <si>
    <t>ad27f6a3-e143-4f28-b9a1-9846683d16f0.tmp</t>
  </si>
  <si>
    <t>\\acsfs\profiles$\inarajst\Downloads\ad27f6a3-e143-4f28-b9a1-9846683d16f0.tmp</t>
  </si>
  <si>
    <t>2abfb9b3-7352-4915-bca8-8b1e7b8e2ce7.tmp</t>
  </si>
  <si>
    <t>\\acsfs\profiles$\inarajst\Downloads\2abfb9b3-7352-4915-bca8-8b1e7b8e2ce7.tmp</t>
  </si>
  <si>
    <t>cbf91fee-9b58-4332-81d9-9679a805bf84.tmp</t>
  </si>
  <si>
    <t>\\acsfs\profiles$\inarajst\Downloads\cbf91fee-9b58-4332-81d9-9679a805bf84.tmp</t>
  </si>
  <si>
    <t>\\acsfs\profiles$\sarahbal\Contacts\</t>
  </si>
  <si>
    <t>SARAH BEATRIZ ALVES LIMA (37).contact</t>
  </si>
  <si>
    <t>\\acsfs\profiles$\sarahbal\Contacts\SARAH BEATRIZ ALVES LIMA (37).contact</t>
  </si>
  <si>
    <t>\\acsfs\profiles$\sarahbal\My Documents\My Videos\</t>
  </si>
  <si>
    <t>\\acsfs\profiles$\sarahbal\My Documents\My Videos\desktop.ini</t>
  </si>
  <si>
    <t>\\acsfs\profiles$\sarahbal\My Documents\My Pictures\</t>
  </si>
  <si>
    <t>\\acsfs\profiles$\sarahbal\My Documents\My Pictures\desktop.ini</t>
  </si>
  <si>
    <t>\\acsfs\profiles$\sarahbal\Contacts\desktop.ini</t>
  </si>
  <si>
    <t>\\acsfs\profiles$\sarahbal\Favorites\</t>
  </si>
  <si>
    <t>\\acsfs\profiles$\sarahbal\Favorites\desktop.ini</t>
  </si>
  <si>
    <t>\\acsfs\profiles$\sarahbal\My Documents\My Music\</t>
  </si>
  <si>
    <t>\\acsfs\profiles$\sarahbal\My Documents\My Music\desktop.ini</t>
  </si>
  <si>
    <t>\\acsfs\profiles$\sarahbal\Searches\</t>
  </si>
  <si>
    <t>\\acsfs\profiles$\sarahbal\Searches\desktop.ini</t>
  </si>
  <si>
    <t>\\acsfs\profiles$\sarahbal\Downloads\desktop.ini</t>
  </si>
  <si>
    <t>\\acsfs\profiles$\sarahbal\My Documents\desktop.ini</t>
  </si>
  <si>
    <t>\\acsfs\profiles$\sarahbal\Saved Games\</t>
  </si>
  <si>
    <t>\\acsfs\profiles$\sarahbal\Saved Games\desktop.ini</t>
  </si>
  <si>
    <t>\\acsfs\profiles$\sarahbal\Favorites\Links for Brasil\</t>
  </si>
  <si>
    <t>\\acsfs\profiles$\sarahbal\Favorites\Links for Brasil\desktop.ini</t>
  </si>
  <si>
    <t>\\acsfs\profiles$\sarahbal\Favorites\Links for Brasil\Microsoft Brasil.url</t>
  </si>
  <si>
    <t>\\acsfs\profiles$\sarahbal\Favorites\Links for Brasil\Windows Brasil.url</t>
  </si>
  <si>
    <t>\\acsfs\profiles$\sarahbal\Favorites\Links for Brasil\MSN Brasil.url</t>
  </si>
  <si>
    <t>59bb04ee-4f47-4c0f-9dd2-c7197078b60b.tmp</t>
  </si>
  <si>
    <t>\\acsfs\profiles$\websondsa\Downloads\59bb04ee-4f47-4c0f-9dd2-c7197078b60b.tmp</t>
  </si>
  <si>
    <t>2749fa42-b21b-497f-9db9-19d6cd978671.tmp</t>
  </si>
  <si>
    <t>\\acsfs\profiles$\sarahbal\Downloads\2749fa42-b21b-497f-9db9-19d6cd978671.tmp</t>
  </si>
  <si>
    <t>7d2cfe9d-ed84-4b69-b8c0-4980fe93f799.tmp</t>
  </si>
  <si>
    <t>\\acsfs\profiles$\sarahbal\Downloads\7d2cfe9d-ed84-4b69-b8c0-4980fe93f799.tmp</t>
  </si>
  <si>
    <t>6f4a212b-783c-439e-85b1-0c25c6eb9494.tmp</t>
  </si>
  <si>
    <t>\\acsfs\profiles$\sarahbal\Downloads\6f4a212b-783c-439e-85b1-0c25c6eb9494.tmp</t>
  </si>
  <si>
    <t>557fa828-1c94-4062-a8f3-46cb3c5a2af1.tmp</t>
  </si>
  <si>
    <t>\\acsfs\profiles$\vivianalds\Downloads\557fa828-1c94-4062-a8f3-46cb3c5a2af1.tmp</t>
  </si>
  <si>
    <t>3cd41e08-17be-4042-9d85-a65421aac136.tmp</t>
  </si>
  <si>
    <t>\\acsfs\profiles$\mariajra\Downloads\3cd41e08-17be-4042-9d85-a65421aac136.tmp</t>
  </si>
  <si>
    <t>719a7814-d973-4594-b68e-1c6733487ca9.tmp</t>
  </si>
  <si>
    <t>\\acsfs\profiles$\mariajra\Downloads\719a7814-d973-4594-b68e-1c6733487ca9.tmp</t>
  </si>
  <si>
    <t>5f6ca1d8-eb23-47da-a438-99ad9c0c1fed.tmp</t>
  </si>
  <si>
    <t>\\acsfs\profiles$\mariajra\Downloads\5f6ca1d8-eb23-47da-a438-99ad9c0c1fed.tmp</t>
  </si>
  <si>
    <t>C:\Users\danielac\Desktop\</t>
  </si>
  <si>
    <t>\\acsfs\profiles$\BRUNAAR\Contacts\</t>
  </si>
  <si>
    <t>BRUNA ASSUNCAO ROSA (4).contact</t>
  </si>
  <si>
    <t>\\acsfs\profiles$\BRUNAAR\Contacts\BRUNA ASSUNCAO ROSA (4).contact</t>
  </si>
  <si>
    <t>\\acsfs\profiles$\BRUNAAR\My Documents\My Videos\</t>
  </si>
  <si>
    <t>\\acsfs\profiles$\BRUNAAR\My Documents\My Videos\desktop.ini</t>
  </si>
  <si>
    <t>\\acsfs\profiles$\BRUNAAR\My Documents\My Pictures\</t>
  </si>
  <si>
    <t>\\acsfs\profiles$\BRUNAAR\My Documents\My Pictures\desktop.ini</t>
  </si>
  <si>
    <t>\\acsfs\profiles$\BRUNAAR\Contacts\desktop.ini</t>
  </si>
  <si>
    <t>\\acsfs\profiles$\BRUNAAR\Favorites\</t>
  </si>
  <si>
    <t>\\acsfs\profiles$\BRUNAAR\Favorites\desktop.ini</t>
  </si>
  <si>
    <t>\\acsfs\profiles$\BRUNAAR\My Documents\My Music\</t>
  </si>
  <si>
    <t>\\acsfs\profiles$\BRUNAAR\My Documents\My Music\desktop.ini</t>
  </si>
  <si>
    <t>\\acsfs\profiles$\BRUNAAR\Searches\</t>
  </si>
  <si>
    <t>\\acsfs\profiles$\BRUNAAR\Searches\desktop.ini</t>
  </si>
  <si>
    <t>\\acsfs\profiles$\BRUNAAR\Downloads\desktop.ini</t>
  </si>
  <si>
    <t>\\acsfs\profiles$\BRUNAAR\My Documents\</t>
  </si>
  <si>
    <t>\\acsfs\profiles$\BRUNAAR\My Documents\desktop.ini</t>
  </si>
  <si>
    <t>\\acsfs\profiles$\BRUNAAR\Saved Games\</t>
  </si>
  <si>
    <t>\\acsfs\profiles$\BRUNAAR\Saved Games\desktop.ini</t>
  </si>
  <si>
    <t>\\acsfs\profiles$\BRUNAAR\Favorites\Links for Brasil\</t>
  </si>
  <si>
    <t>\\acsfs\profiles$\BRUNAAR\Favorites\Links for Brasil\desktop.ini</t>
  </si>
  <si>
    <t>\\acsfs\profiles$\BRUNAAR\Favorites\Links for Brasil\Microsoft Brasil.url</t>
  </si>
  <si>
    <t>\\acsfs\profiles$\BRUNAAR\Favorites\Links for Brasil\Windows Brasil.url</t>
  </si>
  <si>
    <t>\\acsfs\profiles$\BRUNAAR\Favorites\Links for Brasil\MSN Brasil.url</t>
  </si>
  <si>
    <t>lu3648zdnn.tmp</t>
  </si>
  <si>
    <t>\\acsfs\profiles$\BRUNAAR\Numero\lu3648zdnn.tmp</t>
  </si>
  <si>
    <t>ed7cc0ef-11c8-4ccc-852a-cc078d81c8e2.tmp</t>
  </si>
  <si>
    <t>\\acsfs\profiles$\websondsa\Downloads\ed7cc0ef-11c8-4ccc-852a-cc078d81c8e2.tmp</t>
  </si>
  <si>
    <t>274cd9b4-e99d-48f3-becc-86f6700fffa2.tmp</t>
  </si>
  <si>
    <t>\\acsfs\profiles$\dhiulliananads\Downloads\274cd9b4-e99d-48f3-becc-86f6700fffa2.tmp</t>
  </si>
  <si>
    <t>897b74cc-7f3d-4526-9f22-bea9e33b27ac.tmp</t>
  </si>
  <si>
    <t>\\acsfs\profiles$\dhiulliananads\Downloads\897b74cc-7f3d-4526-9f22-bea9e33b27ac.tmp</t>
  </si>
  <si>
    <t>BRUNA ASSUNCAO ROSA (5).contact</t>
  </si>
  <si>
    <t>\\acsfs\profiles$\BRUNAAR\Contacts\BRUNA ASSUNCAO ROSA (5).contact</t>
  </si>
  <si>
    <t>\\acsfs\profiles$\BRUNAAR\My Documents\Automation Anywhere Files\ConfigFiles\</t>
  </si>
  <si>
    <t>\\acsfs\profiles$\BRUNAAR\My Documents\Automation Anywhere Files\ConfigFiles\log4net-config.xml</t>
  </si>
  <si>
    <t>\\acsfs\profiles$\BRUNAAR\My Documents\Automation Anywhere Files\</t>
  </si>
  <si>
    <t>\\acsfs\profiles$\BRUNAAR\My Documents\Automation Anywhere Files\AA.Trigger.xml</t>
  </si>
  <si>
    <t>ff15bc17-d46f-4006-b3c6-9855197e0e42.tmp</t>
  </si>
  <si>
    <t>\\acsfs\profiles$\BRUNAAR\Downloads\ff15bc17-d46f-4006-b3c6-9855197e0e42.tmp</t>
  </si>
  <si>
    <t>Não confirmado 84752.crdownload</t>
  </si>
  <si>
    <t>\\acsfs\profiles$\BRUNAAR\Downloads\Não confirmado 84752.crdownload</t>
  </si>
  <si>
    <t>3e28be74-0c67-4e7c-b3dc-59bbb9e6135e.tmp</t>
  </si>
  <si>
    <t>\\acsfs\profiles$\BRUNAAR\Downloads\3e28be74-0c67-4e7c-b3dc-59bbb9e6135e.tmp</t>
  </si>
  <si>
    <t>Não confirmado 683310.crdownload</t>
  </si>
  <si>
    <t>\\acsfs\profiles$\BRUNAAR\Downloads\Não confirmado 683310.crdownload</t>
  </si>
  <si>
    <t>64232924-1880-42b4-aa2a-c02aab39d17b.tmp</t>
  </si>
  <si>
    <t>\\acsfs\profiles$\vivianalds\Downloads\64232924-1880-42b4-aa2a-c02aab39d17b.tmp</t>
  </si>
  <si>
    <t>lu145166npsg.tmp</t>
  </si>
  <si>
    <t>\\acsfs\profiles$\VIVIANALDS\My Documents\lu145166npsg.tmp</t>
  </si>
  <si>
    <t>\\acsfs\profiles$\VIVIANALDS\My Documents\lu145166npsg.tmp\</t>
  </si>
  <si>
    <t>\\acsfs\profiles$\VIVIANALDS\My Documents\lu145166npsg.tmp\META-INF\</t>
  </si>
  <si>
    <t>\\acsfs\profiles$\VIVIANALDS\My Documents\lu145166npsg.tmp\Thumbnails\</t>
  </si>
  <si>
    <t>f6b5118c-6e19-4fbb-941c-bd09a7752518.tmp</t>
  </si>
  <si>
    <t>\\acsfs\profiles$\vivianealda\Downloads\f6b5118c-6e19-4fbb-941c-bd09a7752518.tmp</t>
  </si>
  <si>
    <t>5b0b218a-2674-4f44-be76-4290a5011adc.tmp</t>
  </si>
  <si>
    <t>\\acsfs\profiles$\inarajst\Downloads\5b0b218a-2674-4f44-be76-4290a5011adc.tmp</t>
  </si>
  <si>
    <t>DANIELA COSTA (10).contact</t>
  </si>
  <si>
    <t>\\acsfs\profiles$\danielac\Contacts\DANIELA COSTA (10).contact</t>
  </si>
  <si>
    <t>2a9ed519-a832-4527-a9a4-edbbebd716c9.tmp</t>
  </si>
  <si>
    <t>\\acsfs\profiles$\dhiulliananads\Downloads\2a9ed519-a832-4527-a9a4-edbbebd716c9.tmp</t>
  </si>
  <si>
    <t>cbe7d472-435d-4764-ad44-a05d9422ad15.tmp</t>
  </si>
  <si>
    <t>\\acsfs\profiles$\BRUNAAR\Downloads\cbe7d472-435d-4764-ad44-a05d9422ad15.tmp</t>
  </si>
  <si>
    <t>Não confirmado 269198.crdownload</t>
  </si>
  <si>
    <t>\\acsfs\profiles$\BRUNAAR\Downloads\Não confirmado 269198.crdownload</t>
  </si>
  <si>
    <t>c95d8945-aeb7-4139-adb3-971dfa7476a8.tmp</t>
  </si>
  <si>
    <t>\\acsfs\profiles$\BRUNAAR\Downloads\c95d8945-aeb7-4139-adb3-971dfa7476a8.tmp</t>
  </si>
  <si>
    <t>e1deb550-6878-4370-a2b1-655f830f9851.tmp</t>
  </si>
  <si>
    <t>\\acsfs\profiles$\BRUNAAR\Downloads\e1deb550-6878-4370-a2b1-655f830f9851.tmp</t>
  </si>
  <si>
    <t>Q29udHJvbGxlci5JRS1JbmZvQlY- (4).ica</t>
  </si>
  <si>
    <t>\\acsfs\profiles$\BRUNAAR\Downloads\Q29udHJvbGxlci5JRS1JbmZvQlY- (4).ica</t>
  </si>
  <si>
    <t>78-2B-CB-C1-06-18</t>
  </si>
  <si>
    <t>VOTORANT-FB018</t>
  </si>
  <si>
    <t>Camila Lemos Borges (2).contact</t>
  </si>
  <si>
    <t>\\acsfs\profiles$\camillaleb\Contacts\Camila Lemos Borges (2).contact</t>
  </si>
  <si>
    <t>70c6d9b2-aded-4a2e-8e44-d330366811cd.tmp</t>
  </si>
  <si>
    <t>\\acsfs\profiles$\sarahbal\Downloads\70c6d9b2-aded-4a2e-8e44-d330366811cd.tmp</t>
  </si>
  <si>
    <t>95e8bfe4-f2a1-4480-9def-db2a0e78b9ee.tmp</t>
  </si>
  <si>
    <t>\\acsfs\profiles$\anafsb\Downloads\95e8bfe4-f2a1-4480-9def-db2a0e78b9ee.tmp</t>
  </si>
  <si>
    <t>8a282014-2040-43a0-85df-4e192970db52.tmp</t>
  </si>
  <si>
    <t>\\acsfs\profiles$\danielac\Downloads\8a282014-2040-43a0-85df-4e192970db52.tmp</t>
  </si>
  <si>
    <t>d2fb6bd1-b8b5-4c2e-a7cd-0a1430f941c4.tmp</t>
  </si>
  <si>
    <t>\\acsfs\profiles$\danielac\Downloads\d2fb6bd1-b8b5-4c2e-a7cd-0a1430f941c4.tmp</t>
  </si>
  <si>
    <t>ba026058-fa1e-443b-85ce-79593b5b4b67.tmp</t>
  </si>
  <si>
    <t>\\acsfs\profiles$\danielac\Downloads\ba026058-fa1e-443b-85ce-79593b5b4b67.tmp</t>
  </si>
  <si>
    <t>4f026334-bc5a-466c-88ff-117d1b0dc26c.tmp</t>
  </si>
  <si>
    <t>\\acsfs\profiles$\danielac\Downloads\4f026334-bc5a-466c-88ff-117d1b0dc26c.tmp</t>
  </si>
  <si>
    <t>a90d07a0-e0a9-4453-882f-b5c6c8773d24.tmp</t>
  </si>
  <si>
    <t>\\acsfs\profiles$\danielac\Downloads\a90d07a0-e0a9-4453-882f-b5c6c8773d24.tmp</t>
  </si>
  <si>
    <t>1a5699e9-5460-4c38-8f28-d7f26b305c27.tmp</t>
  </si>
  <si>
    <t>\\acsfs\profiles$\rafaelahpn\Downloads\1a5699e9-5460-4c38-8f28-d7f26b305c27.tmp</t>
  </si>
  <si>
    <t>22e6d626-ba42-4108-b17d-e8933d203fd6.tmp</t>
  </si>
  <si>
    <t>\\acsfs\profiles$\BRUNAAR\Downloads\22e6d626-ba42-4108-b17d-e8933d203fd6.tmp</t>
  </si>
  <si>
    <t>lu1524011rjvd.tmp</t>
  </si>
  <si>
    <t>\\acsfs\profiles$\jonathanwap\lu1524011rjvd.tmp</t>
  </si>
  <si>
    <t>\\acsfs\profiles$\jonathanwap\lu1524011rjvd.tmp\</t>
  </si>
  <si>
    <t>\\acsfs\profiles$\jonathanwap\lu1524011rjvd.tmp\META-INF\</t>
  </si>
  <si>
    <t>\\acsfs\profiles$\jonathanwap\lu1524011rjvd.tmp\Thumbnails\</t>
  </si>
  <si>
    <t>232da9a1-3233-4f1f-a52e-827cbe6a6462.tmp</t>
  </si>
  <si>
    <t>\\acsfs\profiles$\lucasgpe\Downloads\232da9a1-3233-4f1f-a52e-827cbe6a6462.tmp</t>
  </si>
  <si>
    <t>\\acsfs\Deptos\Operacao\Banco_Votorantim\Comum\TV Mariana e Danndhara\Thumbs.db</t>
  </si>
  <si>
    <t>43b07a23-da34-4430-98a9-3c28ca2d95fb.tmp</t>
  </si>
  <si>
    <t>\\acsfs\profiles$\rafaelahpn\Downloads\43b07a23-da34-4430-98a9-3c28ca2d95fb.tmp</t>
  </si>
  <si>
    <t>6d913884-13c3-4e8f-9397-43660514c810.tmp</t>
  </si>
  <si>
    <t>\\acsfs\profiles$\rafaelahpn\Downloads\6d913884-13c3-4e8f-9397-43660514c810.tmp</t>
  </si>
  <si>
    <t>5ca9ba57-e82a-42f9-9a64-b79ff7f3ee0d.tmp</t>
  </si>
  <si>
    <t>\\acsfs\profiles$\rafaelahpn\Downloads\5ca9ba57-e82a-42f9-9a64-b79ff7f3ee0d.tmp</t>
  </si>
  <si>
    <t>38b3052b-1b7b-45ea-92d3-7253fa83d9bb.tmp</t>
  </si>
  <si>
    <t>\\acsfs\profiles$\nayarasds\Downloads\38b3052b-1b7b-45ea-92d3-7253fa83d9bb.tmp</t>
  </si>
  <si>
    <t>ac15666c-48b2-4579-9ff3-c7959d44ae40.tmp</t>
  </si>
  <si>
    <t>\\acsfs\profiles$\sarahbal\Downloads\ac15666c-48b2-4579-9ff3-c7959d44ae40.tmp</t>
  </si>
  <si>
    <t>1f33a203-e8f0-4b92-8d76-bcc23ec80f15.tmp</t>
  </si>
  <si>
    <t>\\acsfs\profiles$\gabrielarb\Downloads\1f33a203-e8f0-4b92-8d76-bcc23ec80f15.tmp</t>
  </si>
  <si>
    <t>f442540e-7a6e-463b-8d8c-2f06bb258b23.tmp</t>
  </si>
  <si>
    <t>\\acsfs\profiles$\gabrielarb\Downloads\f442540e-7a6e-463b-8d8c-2f06bb258b23.tmp</t>
  </si>
  <si>
    <t>27c1ccec-3681-4a6b-b509-4ff6b5a63968.tmp</t>
  </si>
  <si>
    <t>\\acsfs\profiles$\gabrielarb\Downloads\27c1ccec-3681-4a6b-b509-4ff6b5a63968.tmp</t>
  </si>
  <si>
    <t>0d9601b7-ffc3-49d4-823c-d5fde1de7786.tmp</t>
  </si>
  <si>
    <t>\\acsfs\profiles$\vivianalds\Downloads\0d9601b7-ffc3-49d4-823c-d5fde1de7786.tmp</t>
  </si>
  <si>
    <t>5d8bcad9-3806-4175-812d-709409c60d2c.tmp</t>
  </si>
  <si>
    <t>\\acsfs\profiles$\wenderbnm\Downloads\5d8bcad9-3806-4175-812d-709409c60d2c.tmp</t>
  </si>
  <si>
    <t>f93c289c-33da-4ac7-befa-0750857a691e.tmp</t>
  </si>
  <si>
    <t>\\acsfs\profiles$\wenderbnm\Downloads\f93c289c-33da-4ac7-befa-0750857a691e.tmp</t>
  </si>
  <si>
    <t>4a9f4c4c-b32c-4756-a8c5-f37d5219540e.tmp</t>
  </si>
  <si>
    <t>\\acsfs\profiles$\ALYNYA\Downloads\4a9f4c4c-b32c-4756-a8c5-f37d5219540e.tmp</t>
  </si>
  <si>
    <t>d26eba2b-22a3-4933-b96a-8791c3677f12.tmp</t>
  </si>
  <si>
    <t>\\acsfs\profiles$\vivianealda\Downloads\d26eba2b-22a3-4933-b96a-8791c3677f12.tmp</t>
  </si>
  <si>
    <t>51cf3095-937d-4364-871b-b29a3a5f77a7.tmp</t>
  </si>
  <si>
    <t>\\acsfs\profiles$\paulovadc\Downloads\51cf3095-937d-4364-871b-b29a3a5f77a7.tmp</t>
  </si>
  <si>
    <t>8fda02a7-877a-4e98-824c-8a9bd5638459.tmp</t>
  </si>
  <si>
    <t>\\acsfs\profiles$\gabrielaff\Downloads\8fda02a7-877a-4e98-824c-8a9bd5638459.tmp</t>
  </si>
  <si>
    <t>1f8a091e-ab15-41c4-a016-4700eab2c722.tmp</t>
  </si>
  <si>
    <t>\\acsfs\profiles$\paulovadc\Downloads\1f8a091e-ab15-41c4-a016-4700eab2c722.tmp</t>
  </si>
  <si>
    <t>7c243dbe-c7de-425a-bff2-9ae5d5985c1c.tmp</t>
  </si>
  <si>
    <t>\\acsfs\profiles$\ROZENCAM\Downloads\7c243dbe-c7de-425a-bff2-9ae5d5985c1c.tmp</t>
  </si>
  <si>
    <t>7d1f8cb0-6b49-4c7f-8d66-63a174e9eb83.tmp</t>
  </si>
  <si>
    <t>\\acsfs\profiles$\ROZENCAM\Downloads\7d1f8cb0-6b49-4c7f-8d66-63a174e9eb83.tmp</t>
  </si>
  <si>
    <t>2286f623-fe2c-4a43-8c7a-a0baf2ce4232.tmp</t>
  </si>
  <si>
    <t>\\acsfs\profiles$\danielac\Downloads\2286f623-fe2c-4a43-8c7a-a0baf2ce4232.tmp</t>
  </si>
  <si>
    <t>https://catianalv@algartech.com,cpc-controldeskavon@algartech.com,joseasn@algartech.com,lucianarsantos@algartech.com,marianadjc@algartech.com,senildapdo@algartecnologia.com.br</t>
  </si>
  <si>
    <t>c487d749-b391-4858-882b-d7cc3b37440f.tmp</t>
  </si>
  <si>
    <t>\\acsfs\profiles$\leonardobb\Downloads\c487d749-b391-4858-882b-d7cc3b37440f.tmp</t>
  </si>
  <si>
    <t>2210a2a6-dd95-4850-86a9-03a25dceb02a.tmp</t>
  </si>
  <si>
    <t>\\acsfs\profiles$\leonardobb\Downloads\2210a2a6-dd95-4850-86a9-03a25dceb02a.tmp</t>
  </si>
  <si>
    <t>742bcc03-418b-494a-b737-f32504fa8078.tmp</t>
  </si>
  <si>
    <t>\\acsfs\profiles$\ERICALSR\Downloads\742bcc03-418b-494a-b737-f32504fa8078.tmp</t>
  </si>
  <si>
    <t>3f692d5a-6872-43d9-bd54-780d968775d9.tmp</t>
  </si>
  <si>
    <t>\\acsfs\profiles$\ERICALSR\Downloads\3f692d5a-6872-43d9-bd54-780d968775d9.tmp</t>
  </si>
  <si>
    <t>362980f5-5fef-492d-adbf-cceaa8cc2791.tmp</t>
  </si>
  <si>
    <t>\\acsfs\profiles$\nathaliarmr\Downloads\362980f5-5fef-492d-adbf-cceaa8cc2791.tmp</t>
  </si>
  <si>
    <t>7f13c403-b2eb-405e-a5f9-8966e3618c27.tmp</t>
  </si>
  <si>
    <t>\\acsfs\profiles$\nathaliarmr\Downloads\7f13c403-b2eb-405e-a5f9-8966e3618c27.tmp</t>
  </si>
  <si>
    <t>3f4713b5-2778-4adb-9707-575009bb459f.tmp</t>
  </si>
  <si>
    <t>\\acsfs\profiles$\rafaelahpn\Downloads\3f4713b5-2778-4adb-9707-575009bb459f.tmp</t>
  </si>
  <si>
    <t>38c32e45-752b-4634-9f44-8eaabfe79e1f.tmp</t>
  </si>
  <si>
    <t>\\acsfs\profiles$\nayarasds\Downloads\38c32e45-752b-4634-9f44-8eaabfe79e1f.tmp</t>
  </si>
  <si>
    <t>7bbbf330-a88d-48f9-9e1f-746aa4103748.tmp</t>
  </si>
  <si>
    <t>\\acsfs\profiles$\nayarasds\Downloads\7bbbf330-a88d-48f9-9e1f-746aa4103748.tmp</t>
  </si>
  <si>
    <t>28063c91-b47e-4662-bf2d-e54800bb6eed.tmp</t>
  </si>
  <si>
    <t>\\acsfs\profiles$\nayarasds\Downloads\28063c91-b47e-4662-bf2d-e54800bb6eed.tmp</t>
  </si>
  <si>
    <t>c22280ee-7174-484b-9a20-d451fb1986cd.tmp</t>
  </si>
  <si>
    <t>\\acsfs\profiles$\luanaagl\Downloads\c22280ee-7174-484b-9a20-d451fb1986cd.tmp</t>
  </si>
  <si>
    <t>e75420ec-919a-4d25-af74-e4b6090744c8.tmp</t>
  </si>
  <si>
    <t>\\acsfs\profiles$\luanaagl\Downloads\e75420ec-919a-4d25-af74-e4b6090744c8.tmp</t>
  </si>
  <si>
    <t>35784712-21e9-4dfd-a8f5-63f1dae6f718.tmp</t>
  </si>
  <si>
    <t>\\acsfs\profiles$\luanaagl\Downloads\35784712-21e9-4dfd-a8f5-63f1dae6f718.tmp</t>
  </si>
  <si>
    <t>35f27133-c695-4636-984c-2bbbde2755a7.tmp</t>
  </si>
  <si>
    <t>\\acsfs\profiles$\luanarda\Downloads\35f27133-c695-4636-984c-2bbbde2755a7.tmp</t>
  </si>
  <si>
    <t>d2649f45-6870-4340-8abd-6e086c8eaa9a.tmp</t>
  </si>
  <si>
    <t>\\acsfs\profiles$\gabrielarb\Downloads\d2649f45-6870-4340-8abd-6e086c8eaa9a.tmp</t>
  </si>
  <si>
    <t>46bb426c-8439-4274-b1d1-a7ec02ed9908.tmp</t>
  </si>
  <si>
    <t>\\acsfs\profiles$\marcellewdl\Downloads\46bb426c-8439-4274-b1d1-a7ec02ed9908.tmp</t>
  </si>
  <si>
    <t>4ec18208-5298-4ea8-bb17-1635f51f8975.tmp</t>
  </si>
  <si>
    <t>\\acsfs\profiles$\vivianealda\Downloads\4ec18208-5298-4ea8-bb17-1635f51f8975.tmp</t>
  </si>
  <si>
    <t>f58581f1-6a22-41e0-9680-8b05cdfcfc92.tmp</t>
  </si>
  <si>
    <t>\\acsfs\profiles$\felipetds\Downloads\f58581f1-6a22-41e0-9680-8b05cdfcfc92.tmp</t>
  </si>
  <si>
    <t>1f97bf5f-6eaa-4a26-929d-76e216275c72.tmp</t>
  </si>
  <si>
    <t>\\acsfs\profiles$\felipetds\Downloads\1f97bf5f-6eaa-4a26-929d-76e216275c72.tmp</t>
  </si>
  <si>
    <t>b913e4c9-1b64-44ea-973c-5ddc54d9f9a9.tmp</t>
  </si>
  <si>
    <t>\\acsfs\profiles$\gabrielaff\Downloads\b913e4c9-1b64-44ea-973c-5ddc54d9f9a9.tmp</t>
  </si>
  <si>
    <t>0f424c9a-d2c8-445e-b6df-675a5d1b1762.tmp</t>
  </si>
  <si>
    <t>\\acsfs\profiles$\laianear\Downloads\0f424c9a-d2c8-445e-b6df-675a5d1b1762.tmp</t>
  </si>
  <si>
    <t>f05f36a2-473f-41e7-8ef3-feacdaca8c0b.tmp</t>
  </si>
  <si>
    <t>\\acsfs\profiles$\laianear\Downloads\f05f36a2-473f-41e7-8ef3-feacdaca8c0b.tmp</t>
  </si>
  <si>
    <t>7f8ef6c3-6ee0-4573-9c15-66f30e5f618f.tmp</t>
  </si>
  <si>
    <t>\\acsfs\profiles$\quindaizaagds\Downloads\7f8ef6c3-6ee0-4573-9c15-66f30e5f618f.tmp</t>
  </si>
  <si>
    <t>8932c4f8-4335-41f7-8d81-51c12f38bdf6.tmp</t>
  </si>
  <si>
    <t>\\acsfs\profiles$\quindaizaagds\Downloads\8932c4f8-4335-41f7-8d81-51c12f38bdf6.tmp</t>
  </si>
  <si>
    <t>d388afcb-22eb-4ce7-a12a-369499de376d.tmp</t>
  </si>
  <si>
    <t>\\acsfs\profiles$\quindaizaagds\Downloads\d388afcb-22eb-4ce7-a12a-369499de376d.tmp</t>
  </si>
  <si>
    <t>e235a66b-3e96-46c6-815f-d265139eb0c0.tmp</t>
  </si>
  <si>
    <t>\\acsfs\profiles$\quindaizaagds\Downloads\e235a66b-3e96-46c6-815f-d265139eb0c0.tmp</t>
  </si>
  <si>
    <t>89471eea-e88f-4fed-9d1d-5f198f0a79d1.tmp</t>
  </si>
  <si>
    <t>\\acsfs\profiles$\luanaagl\Downloads\89471eea-e88f-4fed-9d1d-5f198f0a79d1.tmp</t>
  </si>
  <si>
    <t>10ec9e73-c70a-4fee-ba03-47fb755d925c.tmp</t>
  </si>
  <si>
    <t>\\acsfs\profiles$\luanarda\Downloads\10ec9e73-c70a-4fee-ba03-47fb755d925c.tmp</t>
  </si>
  <si>
    <t>3b8b44c3-02c2-4abf-83e9-f6bc8b986546.tmp</t>
  </si>
  <si>
    <t>\\acsfs\profiles$\gabrielarb\Downloads\3b8b44c3-02c2-4abf-83e9-f6bc8b986546.tmp</t>
  </si>
  <si>
    <t>e31a6b19-72c1-43d2-8a9d-944d412f1887.tmp</t>
  </si>
  <si>
    <t>\\acsfs\profiles$\marcellewdl\Downloads\e31a6b19-72c1-43d2-8a9d-944d412f1887.tmp</t>
  </si>
  <si>
    <t>63544e64-0dc5-432e-a7e4-4ef40fa2ff11.tmp</t>
  </si>
  <si>
    <t>\\acsfs\profiles$\mariajra\Downloads\63544e64-0dc5-432e-a7e4-4ef40fa2ff11.tmp</t>
  </si>
  <si>
    <t>57524570-197f-4de7-9d1a-05b2d0b8ed31.tmp</t>
  </si>
  <si>
    <t>\\acsfs\profiles$\geovannasm\Downloads\57524570-197f-4de7-9d1a-05b2d0b8ed31.tmp</t>
  </si>
  <si>
    <t>f0ffa886-5fa6-4c48-908b-cc33d55ef9f8.tmp</t>
  </si>
  <si>
    <t>\\acsfs\profiles$\nathaliarmr\Downloads\f0ffa886-5fa6-4c48-908b-cc33d55ef9f8.tmp</t>
  </si>
  <si>
    <t>Transferencia.docx</t>
  </si>
  <si>
    <t>\\acsfs\profiles$\BRUNAAR\Numero\Transferencia.docx</t>
  </si>
  <si>
    <t>adb62399-3224-4e67-a5ed-85446f06c0ee.tmp</t>
  </si>
  <si>
    <t>\\acsfs\profiles$\milenaas\Downloads\adb62399-3224-4e67-a5ed-85446f06c0ee.tmp</t>
  </si>
  <si>
    <t>1fda5b55-51c8-4f27-8f09-4e02eec8b47e.tmp</t>
  </si>
  <si>
    <t>\\acsfs\profiles$\nayarasds\Downloads\1fda5b55-51c8-4f27-8f09-4e02eec8b47e.tmp</t>
  </si>
  <si>
    <t>577eb491-fc95-4362-b711-b4eaddc37bbd.tmp</t>
  </si>
  <si>
    <t>\\acsfs\profiles$\gabrielarb\Downloads\577eb491-fc95-4362-b711-b4eaddc37bbd.tmp</t>
  </si>
  <si>
    <t>105cb096-e861-4edc-a35b-5853c46e9217.tmp</t>
  </si>
  <si>
    <t>\\acsfs\profiles$\ANAPDSB\Downloads\105cb096-e861-4edc-a35b-5853c46e9217.tmp</t>
  </si>
  <si>
    <t>09bc9294-267f-45e2-be05-c348e069147e.tmp</t>
  </si>
  <si>
    <t>\\acsfs\profiles$\ANAPDSB\Downloads\09bc9294-267f-45e2-be05-c348e069147e.tmp</t>
  </si>
  <si>
    <t>TOYOTA CHAT - INTRADIARIO - JANEIRO.xlsm</t>
  </si>
  <si>
    <t>\\acsfs\DEPTOS\Operacao\PCP\5 - Comum\ACOMPANHAMENTO TOYOTA\01 - INTRADIÁRIO\2020\01 - JANEIRO\CRC\TOYOTA CHAT - INTRADIARIO - JANEIRO.xlsm</t>
  </si>
  <si>
    <t>\\acsfs\DEPTOS\Operacao\PCP\5 - Comum\ACOMPANHAMENTO TOYOTA\01 - INTRADIÁRIO\2020\01 - JANEIRO\MOBILITY\</t>
  </si>
  <si>
    <t>TOYOTA MOBILITY - INTRADIÁRIO - JANEIRO.xlsm</t>
  </si>
  <si>
    <t>\\acsfs\DEPTOS\Operacao\PCP\5 - Comum\ACOMPANHAMENTO TOYOTA\01 - INTRADIÁRIO\2020\01 - JANEIRO\MOBILITY\TOYOTA MOBILITY - INTRADIÁRIO - JANEIRO.xlsm</t>
  </si>
  <si>
    <t>caf500f4-4073-4c6a-8118-43904217b4f1.tmp</t>
  </si>
  <si>
    <t>\\acsfs\profiles$\milenaas\Downloads\caf500f4-4073-4c6a-8118-43904217b4f1.tmp</t>
  </si>
  <si>
    <t>cb22ec90-83b0-40d3-b455-f531467b7765.tmp</t>
  </si>
  <si>
    <t>\\acsfs\profiles$\milenaas\Downloads\cb22ec90-83b0-40d3-b455-f531467b7765.tmp</t>
  </si>
  <si>
    <t>eb7d1cfc-d619-47e3-a502-58af92382522.tmp</t>
  </si>
  <si>
    <t>\\acsfs\profiles$\antoniosva\Downloads\eb7d1cfc-d619-47e3-a502-58af92382522.tmp</t>
  </si>
  <si>
    <t>da1197e8-c89b-4f64-b0b7-7d8827168570.tmp</t>
  </si>
  <si>
    <t>\\acsfs\profiles$\antoniosva\Downloads\da1197e8-c89b-4f64-b0b7-7d8827168570.tmp</t>
  </si>
  <si>
    <t>64867869-3fc6-4381-a276-3fbc7927e1f7.tmp</t>
  </si>
  <si>
    <t>\\acsfs\profiles$\antoniosva\Downloads\64867869-3fc6-4381-a276-3fbc7927e1f7.tmp</t>
  </si>
  <si>
    <t>05a0b01f-a3e3-471b-bfac-89d6749e6df1.tmp</t>
  </si>
  <si>
    <t>\\acsfs\profiles$\antoniosva\Downloads\05a0b01f-a3e3-471b-bfac-89d6749e6df1.tmp</t>
  </si>
  <si>
    <t>52d01c96-a2f1-4cd1-ad22-5ba2053b83be.tmp</t>
  </si>
  <si>
    <t>\\acsfs\profiles$\antoniosva\Downloads\52d01c96-a2f1-4cd1-ad22-5ba2053b83be.tmp</t>
  </si>
  <si>
    <t>dcdcd76a-f8b9-4877-a937-124b147e1c04.tmp</t>
  </si>
  <si>
    <t>\\acsfs\profiles$\antoniosva\Downloads\dcdcd76a-f8b9-4877-a937-124b147e1c04.tmp</t>
  </si>
  <si>
    <t>2a55c7f0-9d90-4e9f-876c-73dde98db560.tmp</t>
  </si>
  <si>
    <t>\\acsfs\profiles$\antoniosva\Downloads\2a55c7f0-9d90-4e9f-876c-73dde98db560.tmp</t>
  </si>
  <si>
    <t>fee0d2bb-7019-479a-b7ff-25e2f3906108.tmp</t>
  </si>
  <si>
    <t>\\acsfs\profiles$\antoniosva\Downloads\fee0d2bb-7019-479a-b7ff-25e2f3906108.tmp</t>
  </si>
  <si>
    <t>b2b08aa5-c3cb-4ee6-a3d7-4dbfd09388f7.tmp</t>
  </si>
  <si>
    <t>\\acsfs\profiles$\antoniosva\Downloads\b2b08aa5-c3cb-4ee6-a3d7-4dbfd09388f7.tmp</t>
  </si>
  <si>
    <t>53f05f0b-a756-4774-ba6b-89cfb57eefdf.tmp</t>
  </si>
  <si>
    <t>\\acsfs\profiles$\antoniosva\Downloads\53f05f0b-a756-4774-ba6b-89cfb57eefdf.tmp</t>
  </si>
  <si>
    <t>1a3f09d6-4bf4-4ca3-b50b-aa870eba6ec2.tmp</t>
  </si>
  <si>
    <t>\\acsfs\profiles$\geovannasm\Downloads\1a3f09d6-4bf4-4ca3-b50b-aa870eba6ec2.tmp</t>
  </si>
  <si>
    <t>andrelpsa@algartech.com;supervisaobancovotorantim@algartech.com;</t>
  </si>
  <si>
    <t>andrelpsa@algartech.com,supervisaobancovotorantim@algartech.com</t>
  </si>
  <si>
    <t>https://outlook.office365.com/mapi/nspi/?mailboxid=72ff94cc-38be-4102-b180-a6ad5c6232a9@algartech.com</t>
  </si>
  <si>
    <t>andrelpsa@algartech.com;mirianppb@algartech.com;qualidadealgarbv@algartech.com;supervisaobancovotorantim@algartech.com;talmaiardo@algartech.com;</t>
  </si>
  <si>
    <t>andrelpsa@algartech.com,mirianppb@algartech.com,qualidadealgarbv@algartech.com,supervisaobancovotorantim@algartech.com,talmaiardo@algartech.com</t>
  </si>
  <si>
    <t>cpc-controldeskavon@algartech.com;joseasn@algartech.com;</t>
  </si>
  <si>
    <t>cpc-controldeskavon@algartech.com,joseasn@algartech.com</t>
  </si>
  <si>
    <t>f48c6235-c983-4af3-94bb-50c946a92a89.tmp</t>
  </si>
  <si>
    <t>\\acsfs\profiles$\quindaizaagds\Downloads\f48c6235-c983-4af3-94bb-50c946a92a89.tmp</t>
  </si>
  <si>
    <t>ce74f683-1385-4477-86f9-69a51789d7dd.tmp</t>
  </si>
  <si>
    <t>\\acsfs\profiles$\quindaizaagds\Downloads\ce74f683-1385-4477-86f9-69a51789d7dd.tmp</t>
  </si>
  <si>
    <t>f6ef120c-6ede-428e-9510-00aaf63acb8e.tmp</t>
  </si>
  <si>
    <t>\\acsfs\profiles$\quindaizaagds\Downloads\f6ef120c-6ede-428e-9510-00aaf63acb8e.tmp</t>
  </si>
  <si>
    <t>069f0c3a-9864-43af-a6f0-2db9aa75f464.tmp</t>
  </si>
  <si>
    <t>\\acsfs\profiles$\quindaizaagds\Downloads\069f0c3a-9864-43af-a6f0-2db9aa75f464.tmp</t>
  </si>
  <si>
    <t>44e40db8-bf7c-452a-a323-84ed876d8c63.tmp</t>
  </si>
  <si>
    <t>\\acsfs\profiles$\quindaizaagds\Downloads\44e40db8-bf7c-452a-a323-84ed876d8c63.tmp</t>
  </si>
  <si>
    <t>dff449f7-3381-4875-83f3-09840305d0a5.tmp</t>
  </si>
  <si>
    <t>\\acsfs\profiles$\larissaad\Downloads\dff449f7-3381-4875-83f3-09840305d0a5.tmp</t>
  </si>
  <si>
    <t>15b18ae2-9717-4b17-a70f-5c112268b966.tmp</t>
  </si>
  <si>
    <t>\\acsfs\profiles$\larissaad\Downloads\15b18ae2-9717-4b17-a70f-5c112268b966.tmp</t>
  </si>
  <si>
    <t>78e15642-79bb-46a2-bd72-b60bf2eaa653.tmp</t>
  </si>
  <si>
    <t>\\acsfs\profiles$\larissaad\Downloads\78e15642-79bb-46a2-bd72-b60bf2eaa653.tmp</t>
  </si>
  <si>
    <t>68dd182c-93e1-4b7c-a805-b4091299532d.tmp</t>
  </si>
  <si>
    <t>\\acsfs\profiles$\larissaad\Downloads\68dd182c-93e1-4b7c-a805-b4091299532d.tmp</t>
  </si>
  <si>
    <t>a5488735-9592-4f43-9bbe-a8a2f505a120.tmp</t>
  </si>
  <si>
    <t>\\acsfs\profiles$\larissaad\Downloads\a5488735-9592-4f43-9bbe-a8a2f505a120.tmp</t>
  </si>
  <si>
    <t>e9b2d023-cd4f-402b-9fe8-5b6c30b669a5.tmp</t>
  </si>
  <si>
    <t>\\acsfs\profiles$\milenaas\Downloads\e9b2d023-cd4f-402b-9fe8-5b6c30b669a5.tmp</t>
  </si>
  <si>
    <t>689e3c28-e30f-4f10-ba05-e4637745a50f.tmp</t>
  </si>
  <si>
    <t>\\acsfs\profiles$\luanarda\Downloads\689e3c28-e30f-4f10-ba05-e4637745a50f.tmp</t>
  </si>
  <si>
    <t>8bf5ceb9-6de3-4aa9-9d9b-648d1b56a734.tmp</t>
  </si>
  <si>
    <t>\\acsfs\profiles$\gabrielarb\Downloads\8bf5ceb9-6de3-4aa9-9d9b-648d1b56a734.tmp</t>
  </si>
  <si>
    <t>a2787797-196a-4061-a810-a78d294b1dc3.tmp</t>
  </si>
  <si>
    <t>\\acsfs\profiles$\geovannasm\Downloads\a2787797-196a-4061-a810-a78d294b1dc3.tmp</t>
  </si>
  <si>
    <t>4465db35-9dd2-405d-8066-24349051a757.tmp</t>
  </si>
  <si>
    <t>\\acsfs\profiles$\geovannasm\Downloads\4465db35-9dd2-405d-8066-24349051a757.tmp</t>
  </si>
  <si>
    <t>71549d6a-5b24-4a02-b87c-4fb677cdc7e3.tmp</t>
  </si>
  <si>
    <t>\\acsfs\profiles$\gabrielaff\Downloads\71549d6a-5b24-4a02-b87c-4fb677cdc7e3.tmp</t>
  </si>
  <si>
    <t>bd10aba4-3308-4630-9b19-53b61053c6a7.tmp</t>
  </si>
  <si>
    <t>\\acsfs\profiles$\gabrielaff\Downloads\bd10aba4-3308-4630-9b19-53b61053c6a7.tmp</t>
  </si>
  <si>
    <t>7188d4b8-6f17-44ef-a64b-9810eeff82fb.tmp</t>
  </si>
  <si>
    <t>\\acsfs\profiles$\gabrielaff\Downloads\7188d4b8-6f17-44ef-a64b-9810eeff82fb.tmp</t>
  </si>
  <si>
    <t>dc4f46db-08c1-4e71-a904-d61ff230e3bc.tmp</t>
  </si>
  <si>
    <t>\\acsfs\profiles$\gabrielaff\Downloads\dc4f46db-08c1-4e71-a904-d61ff230e3bc.tmp</t>
  </si>
  <si>
    <t>100014122394468;cpc-controldeskavon@algartech.com;joseasn@algartech.com;leonardoao@algartech.com;</t>
  </si>
  <si>
    <t>100014122394468,cpc-controldeskavon@algartech.com,joseasn@algartech.com,leonardoao@algartech.com</t>
  </si>
  <si>
    <t>1ddd363f-927c-4a04-927e-3d0d77d82af4.tmp</t>
  </si>
  <si>
    <t>\\acsfs\profiles$\rafaelamsv\Downloads\1ddd363f-927c-4a04-927e-3d0d77d82af4.tmp</t>
  </si>
  <si>
    <t>f96b6c8d-7a42-4dbf-9ba9-bc91bb1fa796.tmp</t>
  </si>
  <si>
    <t>\\acsfs\profiles$\rafaelamsv\Downloads\f96b6c8d-7a42-4dbf-9ba9-bc91bb1fa796.tmp</t>
  </si>
  <si>
    <t>d53004f3-904b-450d-ae4b-6cc6f4495c52.tmp</t>
  </si>
  <si>
    <t>\\acsfs\profiles$\rafaelamsv\Downloads\d53004f3-904b-450d-ae4b-6cc6f4495c52.tmp</t>
  </si>
  <si>
    <t>3c577c42-c5d8-45e0-b414-2f9e1bcca9aa.tmp</t>
  </si>
  <si>
    <t>\\acsfs\profiles$\geovannasm\Downloads\3c577c42-c5d8-45e0-b414-2f9e1bcca9aa.tmp</t>
  </si>
  <si>
    <t>0a17cae6-7681-4caf-a0b2-7af4ba7a4ffa.tmp</t>
  </si>
  <si>
    <t>\\acsfs\profiles$\KARENDSR\Downloads\0a17cae6-7681-4caf-a0b2-7af4ba7a4ffa.tmp</t>
  </si>
  <si>
    <t>fb98b219-30dd-4366-a34e-94de58f88710.tmp</t>
  </si>
  <si>
    <t>\\acsfs\profiles$\KARENDSR\Downloads\fb98b219-30dd-4366-a34e-94de58f88710.tmp</t>
  </si>
  <si>
    <t>0153dfb9-cd63-44f4-9820-f908a4765e70.tmp</t>
  </si>
  <si>
    <t>\\acsfs\profiles$\KARENDSR\Downloads\0153dfb9-cd63-44f4-9820-f908a4765e70.tmp</t>
  </si>
  <si>
    <t>5ada5941-f335-40a1-bc5e-137b4f13f322.tmp</t>
  </si>
  <si>
    <t>\\acsfs\profiles$\KARENDSR\Downloads\5ada5941-f335-40a1-bc5e-137b4f13f322.tmp</t>
  </si>
  <si>
    <t>652cd61d-1fe4-4c00-9150-ed79ff1c9995.tmp</t>
  </si>
  <si>
    <t>\\acsfs\profiles$\paulovadc\Downloads\652cd61d-1fe4-4c00-9150-ed79ff1c9995.tmp</t>
  </si>
  <si>
    <t>fa41f08a-2e3b-4d17-9641-6d7f557c8f23.tmp</t>
  </si>
  <si>
    <t>\\acsfs\profiles$\THYAGOSP\Downloads\fa41f08a-2e3b-4d17-9641-6d7f557c8f23.tmp</t>
  </si>
  <si>
    <t>2ada1f68-9726-4010-9967-f29f3e54b16e.tmp</t>
  </si>
  <si>
    <t>\\acsfs\profiles$\THYAGOSP\Downloads\2ada1f68-9726-4010-9967-f29f3e54b16e.tmp</t>
  </si>
  <si>
    <t>9f5d2081-56aa-4408-bca7-6b4ae7915238.tmp</t>
  </si>
  <si>
    <t>\\acsfs\profiles$\nathaliarmr\Downloads\9f5d2081-56aa-4408-bca7-6b4ae7915238.tmp</t>
  </si>
  <si>
    <t>621527a4-70c9-4d1a-938f-cbc0d81e6d68.tmp</t>
  </si>
  <si>
    <t>\\acsfs\profiles$\gabrielarb\Downloads\621527a4-70c9-4d1a-938f-cbc0d81e6d68.tmp</t>
  </si>
  <si>
    <t>1f3a941c-4cee-4172-a6ee-fb3c8d691783.tmp</t>
  </si>
  <si>
    <t>\\acsfs\profiles$\gabrielarb\Downloads\1f3a941c-4cee-4172-a6ee-fb3c8d691783.tmp</t>
  </si>
  <si>
    <t>\\acsfs\DEPTOS\Operacao\Banco_Votorantim\Qualidade\Paulo\Farol de Qualidade\Janeiro\</t>
  </si>
  <si>
    <t>Relatorio Farol nice.xls</t>
  </si>
  <si>
    <t>\\acsfs\DEPTOS\Operacao\Banco_Votorantim\Qualidade\Paulo\Farol de Qualidade\Janeiro\Relatorio Farol nice.xls</t>
  </si>
  <si>
    <t>0245eb6d-6b25-450d-ad42-aab10c8a5d44.tmp</t>
  </si>
  <si>
    <t>\\acsfs\profiles$\felipetds\Downloads\0245eb6d-6b25-450d-ad42-aab10c8a5d44.tmp</t>
  </si>
  <si>
    <t>07df9804-a0f2-4b93-8703-e5e7c446d537.tmp</t>
  </si>
  <si>
    <t>\\acsfs\profiles$\gabrielaff\Downloads\07df9804-a0f2-4b93-8703-e5e7c446d537.tmp</t>
  </si>
  <si>
    <t>3d623299-883c-4dcf-b17e-3aab93036264.tmp</t>
  </si>
  <si>
    <t>\\acsfs\profiles$\gabrielaff\Downloads\3d623299-883c-4dcf-b17e-3aab93036264.tmp</t>
  </si>
  <si>
    <t>a07a6e3f-4304-4bbb-be60-da0113167b0c.tmp</t>
  </si>
  <si>
    <t>\\acsfs\profiles$\lorrainerdl\Downloads\a07a6e3f-4304-4bbb-be60-da0113167b0c.tmp</t>
  </si>
  <si>
    <t>75145e57-f756-4858-9bd6-66a6ebba21a2.tmp</t>
  </si>
  <si>
    <t>\\acsfs\profiles$\lorrainerdl\Downloads\75145e57-f756-4858-9bd6-66a6ebba21a2.tmp</t>
  </si>
  <si>
    <t>6f97b3ef-2231-4bb9-b41f-c97b57ddf77b.tmp</t>
  </si>
  <si>
    <t>\\acsfs\profiles$\lorrainerdl\Downloads\6f97b3ef-2231-4bb9-b41f-c97b57ddf77b.tmp</t>
  </si>
  <si>
    <t>\\acsfs\DEPTOS\Operacao\Banco_Votorantim\Supervisao\SUPERS BV CARTÕES\LAYOUT TV´S\Thumbs.db</t>
  </si>
  <si>
    <t>\\acsfs\DEPTOS\Operacao\Banco_Votorantim\Supervisao\SUPERS BV CARTÕES\LAYOUT TV´S\</t>
  </si>
  <si>
    <t>.~lock.slide tvs.odp#</t>
  </si>
  <si>
    <t>\\acsfs\DEPTOS\Operacao\Banco_Votorantim\Supervisao\SUPERS BV CARTÕES\LAYOUT TV´S\.~lock.slide tvs.odp#</t>
  </si>
  <si>
    <t>\\acsfs\DEPTOS\Operacao\Banco_Votorantim\Supervisao\SUPERS BV CARTÕES\LAYOUT TV´S\.~lock.Layout TV Vendas 3.1.ppt#</t>
  </si>
  <si>
    <t>.~lock.Layout TV Vendas 2.4.ppt#</t>
  </si>
  <si>
    <t>\\acsfs\DEPTOS\Operacao\Banco_Votorantim\Supervisao\SUPERS BV CARTÕES\LAYOUT TV´S\.~lock.Layout TV Vendas 2.4.ppt#</t>
  </si>
  <si>
    <t>39a5ccb4-6f55-4a4a-a136-ac2e2f3f6042.tmp</t>
  </si>
  <si>
    <t>\\acsfs\profiles$\nataliacsl\Downloads\39a5ccb4-6f55-4a4a-a136-ac2e2f3f6042.tmp</t>
  </si>
  <si>
    <t>f848de79-a500-44e9-bfde-01f9739721f5.tmp</t>
  </si>
  <si>
    <t>\\acsfs\profiles$\nataliacsl\Downloads\f848de79-a500-44e9-bfde-01f9739721f5.tmp</t>
  </si>
  <si>
    <t>05947479-9ff4-4ef3-901c-6a7327760e6a.tmp</t>
  </si>
  <si>
    <t>\\acsfs\profiles$\lorraynevam\Downloads\05947479-9ff4-4ef3-901c-6a7327760e6a.tmp</t>
  </si>
  <si>
    <t>8e06f177-e866-430b-9ac7-7d0a7ea042e5.tmp</t>
  </si>
  <si>
    <t>\\acsfs\profiles$\lorraynevam\Downloads\8e06f177-e866-430b-9ac7-7d0a7ea042e5.tmp</t>
  </si>
  <si>
    <t>c8e27e79-ba38-436a-a09e-824cdb52eb27.tmp</t>
  </si>
  <si>
    <t>\\acsfs\profiles$\lorraynevam\Downloads\c8e27e79-ba38-436a-a09e-824cdb52eb27.tmp</t>
  </si>
  <si>
    <t>abd5b30d-12d5-4be1-8094-c73f5a7c93e3.tmp</t>
  </si>
  <si>
    <t>\\acsfs\profiles$\rafaelamsv\Downloads\abd5b30d-12d5-4be1-8094-c73f5a7c93e3.tmp</t>
  </si>
  <si>
    <t>00d13c1f-6c75-4e68-9c17-f76f2cfa4079.tmp</t>
  </si>
  <si>
    <t>\\acsfs\profiles$\rafaelamsv\Downloads\00d13c1f-6c75-4e68-9c17-f76f2cfa4079.tmp</t>
  </si>
  <si>
    <t>kit_pre_deslig_ant_term_contrato_empregado_124227_lucas lima barbosa.pdf</t>
  </si>
  <si>
    <t>40c5b470-eb4f-483c-81bc-b045cd896998.tmp</t>
  </si>
  <si>
    <t>\\acsfs\profiles$\sarahbal\Downloads\40c5b470-eb4f-483c-81bc-b045cd896998.tmp</t>
  </si>
  <si>
    <t>8e10733b-f6a7-4be6-bb04-161a1fea72cc.tmp</t>
  </si>
  <si>
    <t>\\acsfs\profiles$\geovannasm\Downloads\8e10733b-f6a7-4be6-bb04-161a1fea72cc.tmp</t>
  </si>
  <si>
    <t>cd774e3b-2dec-4506-a5cb-fe9e0ceb0a18.tmp</t>
  </si>
  <si>
    <t>\\acsfs\profiles$\camillaleb\Downloads\cd774e3b-2dec-4506-a5cb-fe9e0ceb0a18.tmp</t>
  </si>
  <si>
    <t>bd6644ec-794e-4774-ab11-6656b60949b7.tmp</t>
  </si>
  <si>
    <t>\\acsfs\profiles$\camillaleb\Downloads\bd6644ec-794e-4774-ab11-6656b60949b7.tmp</t>
  </si>
  <si>
    <t>Não confirmado 64867.crdownload</t>
  </si>
  <si>
    <t>\\acsfs\profiles$\camillaleb\Downloads\Não confirmado 64867.crdownload</t>
  </si>
  <si>
    <t>4d0e8bc2-f718-4381-b590-01cc63302151.tmp</t>
  </si>
  <si>
    <t>\\acsfs\profiles$\camillaleb\Downloads\4d0e8bc2-f718-4381-b590-01cc63302151.tmp</t>
  </si>
  <si>
    <t>4b1d30d4-015e-48fd-b724-708eda577fb5.tmp</t>
  </si>
  <si>
    <t>\\acsfs\profiles$\camillaleb\Downloads\4b1d30d4-015e-48fd-b724-708eda577fb5.tmp</t>
  </si>
  <si>
    <t>b3d06358-0f57-4b63-bc04-ad20b50c1ebd.tmp</t>
  </si>
  <si>
    <t>\\acsfs\profiles$\camillaleb\Downloads\b3d06358-0f57-4b63-bc04-ad20b50c1ebd.tmp</t>
  </si>
  <si>
    <t>XLOG_leydianeamd_06012020_093047.log</t>
  </si>
  <si>
    <t>\\acsfs\profiles$\leydianeamd\My Documents\xworkcenter\logs\XLOG_leydianeamd_06012020_093047.log</t>
  </si>
  <si>
    <t>95d61554-e27e-4e2f-814a-cba5f2955408.tmp</t>
  </si>
  <si>
    <t>\\acsfs\profiles$\mariajra\Downloads\95d61554-e27e-4e2f-814a-cba5f2955408.tmp</t>
  </si>
  <si>
    <t>d2786d29-10b9-4596-a1c2-fb8f5bb17070.tmp</t>
  </si>
  <si>
    <t>\\acsfs\profiles$\lucasgpe\Downloads\d2786d29-10b9-4596-a1c2-fb8f5bb17070.tmp</t>
  </si>
  <si>
    <t>82991555-8852-4589-bb51-97b70fc95e41.tmp</t>
  </si>
  <si>
    <t>\\acsfs\profiles$\larissaad\Downloads\82991555-8852-4589-bb51-97b70fc95e41.tmp</t>
  </si>
  <si>
    <t>caa28cf1-a947-49af-ad29-2a580ce0e030.tmp</t>
  </si>
  <si>
    <t>\\acsfs\profiles$\lorraynevam\Downloads\caa28cf1-a947-49af-ad29-2a580ce0e030.tmp</t>
  </si>
  <si>
    <t>8900f010-466a-4c59-8a68-a44fcc9cce92.tmp</t>
  </si>
  <si>
    <t>\\acsfs\profiles$\lorraynevam\Downloads\8900f010-466a-4c59-8a68-a44fcc9cce92.tmp</t>
  </si>
  <si>
    <t>\\acsfs\DEPTOS\EDUCACAO EMPRESARIAL\2 - Operações\0.01 BV CARTÕES\Mariane\Thumbs.db</t>
  </si>
  <si>
    <t>b704480b-61b6-4f13-ac09-274894c57d18.tmp</t>
  </si>
  <si>
    <t>\\acsfs\profiles$\camillaleb\Downloads\b704480b-61b6-4f13-ac09-274894c57d18.tmp</t>
  </si>
  <si>
    <t>3c7b818a-d026-4c13-914b-0d90a3fafe53.tmp</t>
  </si>
  <si>
    <t>\\acsfs\profiles$\camillaleb\Downloads\3c7b818a-d026-4c13-914b-0d90a3fafe53.tmp</t>
  </si>
  <si>
    <t>79bfcfc9-93a7-42a7-9f7b-3e6ff24bb9c0.tmp</t>
  </si>
  <si>
    <t>\\acsfs\profiles$\camillaleb\Downloads\79bfcfc9-93a7-42a7-9f7b-3e6ff24bb9c0.tmp</t>
  </si>
  <si>
    <t>09a53b0f-7e02-4816-b111-5401bd59d83c.tmp</t>
  </si>
  <si>
    <t>\\acsfs\profiles$\lorrainerdl\Downloads\09a53b0f-7e02-4816-b111-5401bd59d83c.tmp</t>
  </si>
  <si>
    <t>3166a5c1-df17-4c5a-92f8-f1bf3013d602.tmp</t>
  </si>
  <si>
    <t>\\acsfs\profiles$\pamelamcmdsg\Downloads\3166a5c1-df17-4c5a-92f8-f1bf3013d602.tmp</t>
  </si>
  <si>
    <t>Não confirmado 511373.crdownload</t>
  </si>
  <si>
    <t>\\acsfs\profiles$\pamelamcmdsg\Downloads\Não confirmado 511373.crdownload</t>
  </si>
  <si>
    <t>21db1e31-6047-446b-a91a-ae654c1c06ed.tmp</t>
  </si>
  <si>
    <t>\\acsfs\profiles$\victoriaksr\Downloads\21db1e31-6047-446b-a91a-ae654c1c06ed.tmp</t>
  </si>
  <si>
    <t>69669a44-9999-4e80-b1ee-5c4b0dd6bcc7.tmp</t>
  </si>
  <si>
    <t>\\acsfs\profiles$\vivianalds\Downloads\69669a44-9999-4e80-b1ee-5c4b0dd6bcc7.tmp</t>
  </si>
  <si>
    <t>bb01d32c-8747-418e-904d-3d1dc7362123.tmp</t>
  </si>
  <si>
    <t>\\acsfs\profiles$\wenderbnm\Downloads\bb01d32c-8747-418e-904d-3d1dc7362123.tmp</t>
  </si>
  <si>
    <t>LETICIA LIMA ALVES (16708).contact</t>
  </si>
  <si>
    <t>\\acsfs\profiles$\leticiala\Contacts\LETICIA LIMA ALVES (16708).contact</t>
  </si>
  <si>
    <t>mail.google.com/_/upload?authuser=0&amp;dcp=asu-n&amp;upload_id=AEnB2Uqgx3EhH5_a505vni5OX3fhOD_0a758O1xWeDguy0C3MwmqSK0phByKBW2H5pLw5fn7wyhCQ8TSNIgcAd5w9JhmXRMj9A&amp;upload_protocol=resumable</t>
  </si>
  <si>
    <t>acf26013-7aae-43e8-a059-7126cb5db2ed.tmp</t>
  </si>
  <si>
    <t>\\acsfs\profiles$\lorrainerdl\Downloads\acf26013-7aae-43e8-a059-7126cb5db2ed.tmp</t>
  </si>
  <si>
    <t>.~lock.Layout TV Vendas 3.2.ppt#</t>
  </si>
  <si>
    <t>\\acsfs\DEPTOS\Operacao\Banco_Votorantim\Supervisao\SUPERS BV CARTÕES\LAYOUT TV´S\.~lock.Layout TV Vendas 3.2.ppt#</t>
  </si>
  <si>
    <t>\\acsfs\DEPTOS\Operacao\Banco_Votorantim\Supervisao\SUPERS BV CARTÕES\LAYOUT TV´S\.~lock.Layout TV Vendas 2.1.ppt#</t>
  </si>
  <si>
    <t>LOG CHAMADAS DETALHADO - BV CARTÕES DEZ_JAN.xlsx</t>
  </si>
  <si>
    <t>1ccf0b3c-2f80-47dc-a04d-948172ba3017.tmp</t>
  </si>
  <si>
    <t>\\acsfs\profiles$\maxmillianosv\Downloads\1ccf0b3c-2f80-47dc-a04d-948172ba3017.tmp</t>
  </si>
  <si>
    <t>kit_pre_deslig_ant_term_contrato_empregado_124328_ranna beatriz goncalves.pdf</t>
  </si>
  <si>
    <t>70503522-34f7-4bca-8bb2-4d0f9fe8af7f.tmp</t>
  </si>
  <si>
    <t>\\acsfs\profiles$\sarahbal\Downloads\70503522-34f7-4bca-8bb2-4d0f9fe8af7f.tmp</t>
  </si>
  <si>
    <t>403d3148-da36-4069-8c6d-6ddd6e2f3870.tmp</t>
  </si>
  <si>
    <t>\\acsfs\profiles$\leticiala\Downloads\403d3148-da36-4069-8c6d-6ddd6e2f3870.tmp</t>
  </si>
  <si>
    <t>Não confirmado 419451.crdownload</t>
  </si>
  <si>
    <t>\\acsfs\profiles$\leticiala\Downloads\Não confirmado 419451.crdownload</t>
  </si>
  <si>
    <t>13b9612a-097e-42dd-aee0-48c78964246e.tmp</t>
  </si>
  <si>
    <t>\\acsfs\profiles$\leticiala\Downloads\13b9612a-097e-42dd-aee0-48c78964246e.tmp</t>
  </si>
  <si>
    <t>1e1d9b80-4b2b-44cc-9ff7-ee9e9fc0e040.tmp</t>
  </si>
  <si>
    <t>\\acsfs\profiles$\leticiala\Downloads\1e1d9b80-4b2b-44cc-9ff7-ee9e9fc0e040.tmp</t>
  </si>
  <si>
    <t>69d598c6-f17f-4152-a4cf-1b36aa1c7c7b.tmp</t>
  </si>
  <si>
    <t>\\acsfs\profiles$\leticiala\Downloads\69d598c6-f17f-4152-a4cf-1b36aa1c7c7b.tmp</t>
  </si>
  <si>
    <t>31b38afa-30fb-4009-bda5-87e8a1a966ba.tmp</t>
  </si>
  <si>
    <t>\\acsfs\profiles$\camillaleb\Downloads\31b38afa-30fb-4009-bda5-87e8a1a966ba.tmp</t>
  </si>
  <si>
    <t>6e5e162c-d7ac-4f03-ae7a-7b6b428565fe.tmp</t>
  </si>
  <si>
    <t>\\acsfs\profiles$\lucasgpe\Downloads\6e5e162c-d7ac-4f03-ae7a-7b6b428565fe.tmp</t>
  </si>
  <si>
    <t>mail.google.com/sync/u/0/i/s?hl=pt-BR&amp;c=449</t>
  </si>
  <si>
    <t>mail.google.com/sync/u/0/i/s?hl=pt-BR&amp;c=452</t>
  </si>
  <si>
    <t>a2053f10-16ed-4e4a-a17e-5558182443e1.tmp</t>
  </si>
  <si>
    <t>\\acsfs\profiles$\nathaliaos\Downloads\a2053f10-16ed-4e4a-a17e-5558182443e1.tmp</t>
  </si>
  <si>
    <t>698e0831-1a03-4046-b9e0-f2295c15acac.tmp</t>
  </si>
  <si>
    <t>\\acsfs\profiles$\gabrielarb\Downloads\698e0831-1a03-4046-b9e0-f2295c15acac.tmp</t>
  </si>
  <si>
    <t>1aef7c7a-4c79-4509-bf58-98d9fe7cdd34.tmp</t>
  </si>
  <si>
    <t>\\acsfs\profiles$\leticiala\Downloads\1aef7c7a-4c79-4509-bf58-98d9fe7cdd34.tmp</t>
  </si>
  <si>
    <t>821ce2f0-1727-4c54-ab6d-3a3257c81331.tmp</t>
  </si>
  <si>
    <t>\\acsfs\profiles$\leticiala\Downloads\821ce2f0-1727-4c54-ab6d-3a3257c81331.tmp</t>
  </si>
  <si>
    <t>1d811648-e62d-4872-86cf-837dac1e4509.tmp</t>
  </si>
  <si>
    <t>\\acsfs\profiles$\isabellegtds\Downloads\1d811648-e62d-4872-86cf-837dac1e4509.tmp</t>
  </si>
  <si>
    <t>5ef9292f-611b-4ced-a653-aebbedf599f4.tmp</t>
  </si>
  <si>
    <t>\\acsfs\profiles$\isabellegtds\Downloads\5ef9292f-611b-4ced-a653-aebbedf599f4.tmp</t>
  </si>
  <si>
    <t>f08f4961-bbaf-4044-88f1-af0403cceae3.tmp</t>
  </si>
  <si>
    <t>\\acsfs\profiles$\isabellegtds\Downloads\f08f4961-bbaf-4044-88f1-af0403cceae3.tmp</t>
  </si>
  <si>
    <t>f42eabe5-bfe7-4c3c-8b17-541659364c5e.tmp</t>
  </si>
  <si>
    <t>\\acsfs\profiles$\camillaleb\Downloads\f42eabe5-bfe7-4c3c-8b17-541659364c5e.tmp</t>
  </si>
  <si>
    <t>391f022b-a268-46e1-a427-9e21037a4efc.tmp</t>
  </si>
  <si>
    <t>\\acsfs\profiles$\mariajra\Downloads\391f022b-a268-46e1-a427-9e21037a4efc.tmp</t>
  </si>
  <si>
    <t>a4d200ad-fc2e-4f8c-b1c0-a22537aaf4ed.tmp</t>
  </si>
  <si>
    <t>\\acsfs\profiles$\danielmlds\Downloads\a4d200ad-fc2e-4f8c-b1c0-a22537aaf4ed.tmp</t>
  </si>
  <si>
    <t>b7167b5f-1929-40a8-8e20-12ca9e5ba4f6.tmp</t>
  </si>
  <si>
    <t>\\acsfs\profiles$\danielmlds\Downloads\b7167b5f-1929-40a8-8e20-12ca9e5ba4f6.tmp</t>
  </si>
  <si>
    <t>3cf58143-7d61-496c-be36-d825a4f6932a.tmp</t>
  </si>
  <si>
    <t>\\acsfs\profiles$\laianear\Downloads\3cf58143-7d61-496c-be36-d825a4f6932a.tmp</t>
  </si>
  <si>
    <t>\\acsfs\DEPTOS\Operacao\Banco_Votorantim\Qualidade\Josias\reportes\</t>
  </si>
  <si>
    <t>Agent_State_Details_Report.xlsx</t>
  </si>
  <si>
    <t>\\acsfs\DEPTOS\Operacao\Banco_Votorantim\Qualidade\Josias\reportes\Agent_State_Details_Report.xlsx</t>
  </si>
  <si>
    <t>Controle_de_Tempo.xlsx</t>
  </si>
  <si>
    <t>\\acsfs\DEPTOS\Operacao\Banco_Votorantim\Qualidade\Josias\reportes\Controle_de_Tempo.xlsx</t>
  </si>
  <si>
    <t>0bf7fe7d-7922-4961-a5a0-c311c1b29362.tmp</t>
  </si>
  <si>
    <t>\\acsfs\profiles$\leonardobb\Downloads\0bf7fe7d-7922-4961-a5a0-c311c1b29362.tmp</t>
  </si>
  <si>
    <t>80304d2d-d8e7-42d0-b1d2-c112b61a406d.tmp</t>
  </si>
  <si>
    <t>\\acsfs\profiles$\LUCASNS\Downloads\80304d2d-d8e7-42d0-b1d2-c112b61a406d.tmp</t>
  </si>
  <si>
    <t>784d0cda-31e3-40a7-8635-be60b6682c71.tmp</t>
  </si>
  <si>
    <t>\\acsfs\profiles$\LUCASNS\Downloads\784d0cda-31e3-40a7-8635-be60b6682c71.tmp</t>
  </si>
  <si>
    <t>7219ca52-915e-4d33-9e7f-24557a47a159.tmp</t>
  </si>
  <si>
    <t>\\acsfs\profiles$\gabriellalpr\Downloads\7219ca52-915e-4d33-9e7f-24557a47a159.tmp</t>
  </si>
  <si>
    <t>ad5d7918-c493-44c4-bff5-db3baa36026c.tmp</t>
  </si>
  <si>
    <t>\\acsfs\profiles$\gabriellalpr\Downloads\ad5d7918-c493-44c4-bff5-db3baa36026c.tmp</t>
  </si>
  <si>
    <t>ac8c7367-9759-4ea3-aff1-d71dfdb1ed8c.tmp</t>
  </si>
  <si>
    <t>\\acsfs\profiles$\gabrielarb\Downloads\ac8c7367-9759-4ea3-aff1-d71dfdb1ed8c.tmp</t>
  </si>
  <si>
    <t>07/01/2020;</t>
  </si>
  <si>
    <t>07/01/2020;andrelpsa@algartech.com;mirianppb@algartech.com;qualidadealgarbv@algartech.com;supervisaobancovotorantim@algartech.com;talmaiardo@algartech.com;</t>
  </si>
  <si>
    <t>07/01/2020,andrelpsa@algartech.com,mirianppb@algartech.com,qualidadealgarbv@algartech.com,supervisaobancovotorantim@algartech.com,talmaiardo@algartech.com</t>
  </si>
  <si>
    <t>lu13104122d0s.tmp</t>
  </si>
  <si>
    <t>\\acsfs\profiles$\CLAUDIAJCA\Reneg 18-12\lu13104122d0s.tmp</t>
  </si>
  <si>
    <t>\\acsfs\profiles$\CLAUDIAJCA\Reneg 18-12\lu13104122d0s.tmp\</t>
  </si>
  <si>
    <t>\\acsfs\profiles$\CLAUDIAJCA\Reneg 18-12\lu13104122d0s.tmp\META-INF\</t>
  </si>
  <si>
    <t>\\acsfs\profiles$\CLAUDIAJCA\Reneg 18-12\lu13104122d0s.tmp\Thumbnails\</t>
  </si>
  <si>
    <t>7cdc18e3-14b6-43cf-9598-73d5a95fe061.tmp</t>
  </si>
  <si>
    <t>\\acsfs\profiles$\quindaizaagds\Downloads\7cdc18e3-14b6-43cf-9598-73d5a95fe061.tmp</t>
  </si>
  <si>
    <t>4480b748-3713-42c5-a09b-155692511216.tmp</t>
  </si>
  <si>
    <t>\\acsfs\profiles$\quindaizaagds\Downloads\4480b748-3713-42c5-a09b-155692511216.tmp</t>
  </si>
  <si>
    <t>d08c1413-ae1e-4712-a3ed-0574df46d9e4.tmp</t>
  </si>
  <si>
    <t>\\acsfs\profiles$\quindaizaagds\Downloads\d08c1413-ae1e-4712-a3ed-0574df46d9e4.tmp</t>
  </si>
  <si>
    <t>981a57a7-07dd-414f-8a46-ae5aa7781e99.tmp</t>
  </si>
  <si>
    <t>\\acsfs\profiles$\quindaizaagds\Downloads\981a57a7-07dd-414f-8a46-ae5aa7781e99.tmp</t>
  </si>
  <si>
    <t>c2a57482-505c-4273-a844-eb7715765a9f.tmp</t>
  </si>
  <si>
    <t>\\acsfs\profiles$\PEDROHAB\Downloads\c2a57482-505c-4273-a844-eb7715765a9f.tmp</t>
  </si>
  <si>
    <t>7e71746e-abc5-4912-a254-b3df5334b6db.tmp</t>
  </si>
  <si>
    <t>\\acsfs\profiles$\PEDROHAB\Downloads\7e71746e-abc5-4912-a254-b3df5334b6db.tmp</t>
  </si>
  <si>
    <t>79d7962e-1851-41be-91ff-7f59b3166f3c.tmp</t>
  </si>
  <si>
    <t>\\acsfs\profiles$\PEDROHAB\Downloads\79d7962e-1851-41be-91ff-7f59b3166f3c.tmp</t>
  </si>
  <si>
    <t>54ab5707-e92a-4b4a-b0f2-c027072c130c.tmp</t>
  </si>
  <si>
    <t>\\acsfs\profiles$\PEDROHAB\Downloads\54ab5707-e92a-4b4a-b0f2-c027072c130c.tmp</t>
  </si>
  <si>
    <t>$IGHP2SA</t>
  </si>
  <si>
    <t>\\acsfs\profiles$\victoriaksr\My Documents\$RECYCLE.BIN\$IGHP2SA</t>
  </si>
  <si>
    <t>Novo Documento RTF.rtf</t>
  </si>
  <si>
    <t>\\acsfs\profiles$\victoriaksr\My Documents\Novo Documento RTF.rtf</t>
  </si>
  <si>
    <t>.~lock.Teste.rtf#</t>
  </si>
  <si>
    <t>\\acsfs\profiles$\victoriaksr\My Documents\.~lock.Teste.rtf#</t>
  </si>
  <si>
    <t>$INDIDGR.rtf</t>
  </si>
  <si>
    <t>\\acsfs\profiles$\victoriaksr\My Documents\$RECYCLE.BIN\$INDIDGR.rtf</t>
  </si>
  <si>
    <t>.~lock.Fila 1721 - REORIENTAÇÃO PRIORIDADE OFICIAL - ENCAMINHADO SUPERVISÃO 05.12.xlsx#</t>
  </si>
  <si>
    <t>\\acsfs\profiles$\victoriaksr\My Documents\.~lock.Fila 1721 - REORIENTAÇÃO PRIORIDADE OFICIAL - ENCAMINHADO SUPERVISÃO 05.12.xlsx#</t>
  </si>
  <si>
    <t>f9f0644b-41eb-480c-9d04-9e557449647f.tmp</t>
  </si>
  <si>
    <t>\\acsfs\profiles$\victoriaksr\Downloads\f9f0644b-41eb-480c-9d04-9e557449647f.tmp</t>
  </si>
  <si>
    <t>607f5778-283d-4a02-b422-8f700c8df1ce.tmp</t>
  </si>
  <si>
    <t>\\acsfs\profiles$\gabriellalpr\Downloads\607f5778-283d-4a02-b422-8f700c8df1ce.tmp</t>
  </si>
  <si>
    <t>4e4ce083-4a91-4412-bbf9-2233d24cd322.tmp</t>
  </si>
  <si>
    <t>\\acsfs\profiles$\gabrielhca\Downloads\4e4ce083-4a91-4412-bbf9-2233d24cd322.tmp</t>
  </si>
  <si>
    <t>07fc9ed5-35e1-49fa-bfd0-4511b6e6a012.tmp</t>
  </si>
  <si>
    <t>\\acsfs\profiles$\gabrielhca\Downloads\07fc9ed5-35e1-49fa-bfd0-4511b6e6a012.tmp</t>
  </si>
  <si>
    <t>9744ff8e-1d34-4958-9e4f-77e5c140bd67.tmp</t>
  </si>
  <si>
    <t>\\acsfs\profiles$\geovannasm\Downloads\9744ff8e-1d34-4958-9e4f-77e5c140bd67.tmp</t>
  </si>
  <si>
    <t>250a430d-7497-406c-80cb-e7d3e48ed476.tmp</t>
  </si>
  <si>
    <t>\\acsfs\profiles$\geovannasm\Downloads\250a430d-7497-406c-80cb-e7d3e48ed476.tmp</t>
  </si>
  <si>
    <t>ceaf2d80-586b-47cf-bfc2-2683939588cd.tmp</t>
  </si>
  <si>
    <t>\\acsfs\profiles$\LUCASBS\Downloads\ceaf2d80-586b-47cf-bfc2-2683939588cd.tmp</t>
  </si>
  <si>
    <t>6ad5890d-98cd-415b-a130-fb411aba233c.tmp</t>
  </si>
  <si>
    <t>\\acsfs\profiles$\LUCASBS\Downloads\6ad5890d-98cd-415b-a130-fb411aba233c.tmp</t>
  </si>
  <si>
    <t>0d70ad66-f5b2-4925-8770-b62239031416.tmp</t>
  </si>
  <si>
    <t>\\acsfs\profiles$\felipetds\Downloads\0d70ad66-f5b2-4925-8770-b62239031416.tmp</t>
  </si>
  <si>
    <t>andrelpsa@algartech.com;leonardoao@algartech.com;rafaelggs@algartech.com;</t>
  </si>
  <si>
    <t>andrelpsa@algartech.com,leonardoao@algartech.com,rafaelggs@algartech.com</t>
  </si>
  <si>
    <t>andrelpsa@algartech.com;leonardoao@algartech.com;rafaelggs@algartech.com;supervisaobancovotorantim@algartech.com;</t>
  </si>
  <si>
    <t>andrelpsa@algartech.com,leonardoao@algartech.com,rafaelggs@algartech.com,supervisaobancovotorantim@algartech.com</t>
  </si>
  <si>
    <t>07/01/2020;andrelpsa@algartech.com;leonardoao@algartech.com;mirianppb@algartech.com;qualidadealgarbv@algartech.com;rafaelggs@algartech.com;supervisaobancovotorantim@algartech.com;talmaiardo@algartech.com;</t>
  </si>
  <si>
    <t>07/01/2020,andrelpsa@algartech.com,leonardoao@algartech.com,mirianppb@algartech.com,qualidadealgarbv@algartech.com,rafaelggs@algartech.com,supervisaobancovotorantim@algartech.com,talmaiardo@algartech.com</t>
  </si>
  <si>
    <t>algartechcpcbv@algartech.com;andrelpsa@algartech.com;leonardoao@algartech.com;rafaelggs@algartech.com;supervisaobancovotorantim@algartech.com;</t>
  </si>
  <si>
    <t>algartechcpcbv@algartech.com,andrelpsa@algartech.com,leonardoao@algartech.com,rafaelggs@algartech.com,supervisaobancovotorantim@algartech.com</t>
  </si>
  <si>
    <t>100014122394468;andrelpsa@algartech.com;cpc-controldeskavon@algartech.com;joaogvc@algartech.com;joseasn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122394468,andrelpsa@algartech.com,cpc-controldeskavon@algartech.com,joaogvc@algartech.com,joseasn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73e191cf-f9c3-4962-829a-695f3befa059.tmp</t>
  </si>
  <si>
    <t>\\acsfs\profiles$\claudiajca\Downloads\73e191cf-f9c3-4962-829a-695f3befa059.tmp</t>
  </si>
  <si>
    <t>bf84e605-fa74-4d22-8260-13a6344ea6b0.tmp</t>
  </si>
  <si>
    <t>\\acsfs\profiles$\claudiajca\Downloads\bf84e605-fa74-4d22-8260-13a6344ea6b0.tmp</t>
  </si>
  <si>
    <t>5d27ba98-8a98-4aaa-8879-35a70f5ecf45.tmp</t>
  </si>
  <si>
    <t>\\acsfs\profiles$\PEDROHAB\Downloads\5d27ba98-8a98-4aaa-8879-35a70f5ecf45.tmp</t>
  </si>
  <si>
    <t>9a0b5f18-2ef5-423e-9527-87607cb37386.tmp</t>
  </si>
  <si>
    <t>\\acsfs\profiles$\maxmillianosv\Downloads\9a0b5f18-2ef5-423e-9527-87607cb37386.tmp</t>
  </si>
  <si>
    <t>1289976c-0448-433b-bb21-5620fad63572.tmp</t>
  </si>
  <si>
    <t>\\acsfs\profiles$\maxmillianosv\Downloads\1289976c-0448-433b-bb21-5620fad63572.tmp</t>
  </si>
  <si>
    <t>d728a809-cea0-42c7-8594-e0f79dbd3e79.tmp</t>
  </si>
  <si>
    <t>\\acsfs\profiles$\maxmillianosv\Downloads\d728a809-cea0-42c7-8594-e0f79dbd3e79.tmp</t>
  </si>
  <si>
    <t>kit_pre_deslig_ant_term_contrato_empregado_124167_ana priscila oliveira felizardo.pdf</t>
  </si>
  <si>
    <t>ded0e8bb-b7bb-4b03-8f2a-f8f94d498d74.tmp</t>
  </si>
  <si>
    <t>\\acsfs\profiles$\Flaviojmm\Downloads\ded0e8bb-b7bb-4b03-8f2a-f8f94d498d74.tmp</t>
  </si>
  <si>
    <t>\\acsfs\profiles$\Flaviojmm\Downloads\ded0e8bb-b7bb-4b03-8f2a-f8f94d498d74.tmp\</t>
  </si>
  <si>
    <t>\\acsfs\profiles$\Flaviojmm\Downloads\ded0e8bb-b7bb-4b03-8f2a-f8f94d498d74.tmp\META-INF\</t>
  </si>
  <si>
    <t>31a24336-4c92-4f93-8eb0-cd034b7a7396.tmp</t>
  </si>
  <si>
    <t>\\acsfs\profiles$\victoriaksr\Downloads\31a24336-4c92-4f93-8eb0-cd034b7a7396.tmp</t>
  </si>
  <si>
    <t>\\acsfs\profiles$\Flaviojmm\Downloads\ded0e8bb-b7bb-4b03-8f2a-f8f94d498d74.tmp\Thumbnails\</t>
  </si>
  <si>
    <t>.~lock.Filas (2).xlsx#</t>
  </si>
  <si>
    <t>\\acsfs\profiles$\victoriaksr\Downloads\.~lock.Filas (2).xlsx#</t>
  </si>
  <si>
    <t>420b535d-131d-48c3-9d77-0153ace928a9.tmp</t>
  </si>
  <si>
    <t>\\acsfs\profiles$\Flaviojmm\Downloads\420b535d-131d-48c3-9d77-0153ace928a9.tmp</t>
  </si>
  <si>
    <t>c464195e-7705-4cfc-9d4b-ebd11aaa3ebe.tmp</t>
  </si>
  <si>
    <t>\\acsfs\profiles$\Flaviojmm\Downloads\c464195e-7705-4cfc-9d4b-ebd11aaa3ebe.tmp</t>
  </si>
  <si>
    <t>8627c24c-6769-47e3-9b6d-f6708c0c0685.tmp</t>
  </si>
  <si>
    <t>\\acsfs\profiles$\victoriaksr\Downloads\8627c24c-6769-47e3-9b6d-f6708c0c0685.tmp</t>
  </si>
  <si>
    <t>c3de7e80-79d8-447a-8a40-3e67b9e5d78f.tmp</t>
  </si>
  <si>
    <t>\\acsfs\profiles$\victoriaksr\Downloads\c3de7e80-79d8-447a-8a40-3e67b9e5d78f.tmp</t>
  </si>
  <si>
    <t>\\acsfs\profiles$\victoriaksr\Downloads\$RECYCLE.BIN\</t>
  </si>
  <si>
    <t>$IUCRBI3.ica</t>
  </si>
  <si>
    <t>\\acsfs\profiles$\victoriaksr\Downloads\$RECYCLE.BIN\$IUCRBI3.ica</t>
  </si>
  <si>
    <t>$IKMGH4D.ica</t>
  </si>
  <si>
    <t>\\acsfs\profiles$\victoriaksr\Downloads\$RECYCLE.BIN\$IKMGH4D.ica</t>
  </si>
  <si>
    <t>$IYIIAIY.ica</t>
  </si>
  <si>
    <t>\\acsfs\profiles$\victoriaksr\Downloads\$RECYCLE.BIN\$IYIIAIY.ica</t>
  </si>
  <si>
    <t>$IOLFVV9.ica</t>
  </si>
  <si>
    <t>\\acsfs\profiles$\victoriaksr\Downloads\$RECYCLE.BIN\$IOLFVV9.ica</t>
  </si>
  <si>
    <t>$IK9267X.ica</t>
  </si>
  <si>
    <t>\\acsfs\profiles$\victoriaksr\Downloads\$RECYCLE.BIN\$IK9267X.ica</t>
  </si>
  <si>
    <t>$IE7AE82.pdf</t>
  </si>
  <si>
    <t>\\acsfs\profiles$\victoriaksr\Downloads\$RECYCLE.BIN\$IE7AE82.pdf</t>
  </si>
  <si>
    <t>$ITQMD5S.pdf</t>
  </si>
  <si>
    <t>\\acsfs\profiles$\victoriaksr\Downloads\$RECYCLE.BIN\$ITQMD5S.pdf</t>
  </si>
  <si>
    <t>$IY03HT5.pdf</t>
  </si>
  <si>
    <t>\\acsfs\profiles$\victoriaksr\Downloads\$RECYCLE.BIN\$IY03HT5.pdf</t>
  </si>
  <si>
    <t>$IR1ISUX.ica</t>
  </si>
  <si>
    <t>\\acsfs\profiles$\victoriaksr\Downloads\$RECYCLE.BIN\$IR1ISUX.ica</t>
  </si>
  <si>
    <t>$I33JE8L.ica</t>
  </si>
  <si>
    <t>\\acsfs\profiles$\victoriaksr\Downloads\$RECYCLE.BIN\$I33JE8L.ica</t>
  </si>
  <si>
    <t>$I7RTUCP.ica</t>
  </si>
  <si>
    <t>\\acsfs\profiles$\victoriaksr\Downloads\$RECYCLE.BIN\$I7RTUCP.ica</t>
  </si>
  <si>
    <t>$IEPSVTA.pdf</t>
  </si>
  <si>
    <t>\\acsfs\profiles$\victoriaksr\Downloads\$RECYCLE.BIN\$IEPSVTA.pdf</t>
  </si>
  <si>
    <t>$IOLBDNX.xlsx</t>
  </si>
  <si>
    <t>\\acsfs\profiles$\victoriaksr\Downloads\$RECYCLE.BIN\$IOLBDNX.xlsx</t>
  </si>
  <si>
    <t>$IH004PW.xlsx</t>
  </si>
  <si>
    <t>\\acsfs\profiles$\victoriaksr\Downloads\$RECYCLE.BIN\$IH004PW.xlsx</t>
  </si>
  <si>
    <t>ee029429-2376-4901-912a-c8d6164c8eb6.tmp</t>
  </si>
  <si>
    <t>\\acsfs\profiles$\gabriellalpr\Downloads\ee029429-2376-4901-912a-c8d6164c8eb6.tmp</t>
  </si>
  <si>
    <t>fd8decbf-fedb-4d9c-b424-00d72d437965.tmp</t>
  </si>
  <si>
    <t>\\acsfs\profiles$\kellzylenneasr\Downloads\fd8decbf-fedb-4d9c-b424-00d72d437965.tmp</t>
  </si>
  <si>
    <t>e2014249-65dd-43f7-8b9e-772e82f00ee0.tmp</t>
  </si>
  <si>
    <t>\\acsfs\profiles$\kellzylenneasr\Downloads\e2014249-65dd-43f7-8b9e-772e82f00ee0.tmp</t>
  </si>
  <si>
    <t>53928ead-23da-45cb-a19a-294cc02fabdc.tmp</t>
  </si>
  <si>
    <t>\\acsfs\profiles$\wedersonbadr\My Documents\My Music\53928ead-23da-45cb-a19a-294cc02fabdc.tmp</t>
  </si>
  <si>
    <t>5fe2476c-2454-4205-8163-11b4651b8bc5.tmp</t>
  </si>
  <si>
    <t>\\acsfs\profiles$\gabrielhca\Downloads\5fe2476c-2454-4205-8163-11b4651b8bc5.tmp</t>
  </si>
  <si>
    <t>a3bb78c0-a571-48fa-a3c9-051cb2aa8a2a.tmp</t>
  </si>
  <si>
    <t>\\acsfs\profiles$\gabrielhca\Downloads\a3bb78c0-a571-48fa-a3c9-051cb2aa8a2a.tmp</t>
  </si>
  <si>
    <t>42f73a3d-3dce-495b-b222-0cd115534ed9.tmp</t>
  </si>
  <si>
    <t>\\acsfs\profiles$\gabrielhca\Downloads\42f73a3d-3dce-495b-b222-0cd115534ed9.tmp</t>
  </si>
  <si>
    <t>bec8a334-5587-4e72-85d9-3c33dd6dc524.tmp</t>
  </si>
  <si>
    <t>\\acsfs\profiles$\gabrielhca\Downloads\bec8a334-5587-4e72-85d9-3c33dd6dc524.tmp</t>
  </si>
  <si>
    <t>23be02e7-0619-442f-9938-6053e38da756.tmp</t>
  </si>
  <si>
    <t>\\acsfs\profiles$\leticiala\Downloads\23be02e7-0619-442f-9938-6053e38da756.tmp</t>
  </si>
  <si>
    <t>ccfbb6e2-479a-4ed4-bacf-c3135ee6468d.tmp</t>
  </si>
  <si>
    <t>\\acsfs\profiles$\mariajra\Downloads\ccfbb6e2-479a-4ed4-bacf-c3135ee6468d.tmp</t>
  </si>
  <si>
    <t>edab60dd-aeb8-4aed-bd14-e968b66e9806.tmp</t>
  </si>
  <si>
    <t>\\acsfs\profiles$\danielmlds\Downloads\edab60dd-aeb8-4aed-bd14-e968b66e9806.tmp</t>
  </si>
  <si>
    <t>sofiamses</t>
  </si>
  <si>
    <t>lu13104122d10.tmp</t>
  </si>
  <si>
    <t>\\acsfs\profiles$\CLAUDIAJCA\lu13104122d10.tmp</t>
  </si>
  <si>
    <t>\\acsfs\profiles$\CLAUDIAJCA\lu13104122d10.tmp\</t>
  </si>
  <si>
    <t>\\acsfs\profiles$\CLAUDIAJCA\lu13104122d10.tmp\META-INF\</t>
  </si>
  <si>
    <t>\\acsfs\profiles$\CLAUDIAJCA\lu13104122d10.tmp\Thumbnails\</t>
  </si>
  <si>
    <t>lu13104122d15.tmp</t>
  </si>
  <si>
    <t>\\acsfs\profiles$\CLAUDIAJCA\lu13104122d15.tmp</t>
  </si>
  <si>
    <t>\\acsfs\profiles$\CLAUDIAJCA\lu13104122d15.tmp\</t>
  </si>
  <si>
    <t>\\acsfs\profiles$\CLAUDIAJCA\lu13104122d15.tmp\META-INF\</t>
  </si>
  <si>
    <t>\\acsfs\profiles$\CLAUDIAJCA\lu13104122d15.tmp\Thumbnails\</t>
  </si>
  <si>
    <t>3c343b12-3c89-4baf-a24a-266d44928dac.tmp</t>
  </si>
  <si>
    <t>\\acsfs\profiles$\maxmillianosv\Downloads\3c343b12-3c89-4baf-a24a-266d44928dac.tmp</t>
  </si>
  <si>
    <t>460a2f00-b091-4e34-ab56-7cdf03093df6.tmp</t>
  </si>
  <si>
    <t>\\acsfs\profiles$\maxmillianosv\Downloads\460a2f00-b091-4e34-ab56-7cdf03093df6.tmp</t>
  </si>
  <si>
    <t>63a94b9b-f433-435d-b37c-95261618cc7f.tmp</t>
  </si>
  <si>
    <t>\\acsfs\profiles$\maxmillianosv\Downloads\63a94b9b-f433-435d-b37c-95261618cc7f.tmp</t>
  </si>
  <si>
    <t>182e2944-0d32-46da-a27c-f10e793ee413.tmp</t>
  </si>
  <si>
    <t>\\acsfs\profiles$\maxmillianosv\Downloads\182e2944-0d32-46da-a27c-f10e793ee413.tmp</t>
  </si>
  <si>
    <t>2cbe629a-f471-442e-819b-65d34e7ed412.tmp</t>
  </si>
  <si>
    <t>\\acsfs\profiles$\luanaagl\Downloads\2cbe629a-f471-442e-819b-65d34e7ed412.tmp</t>
  </si>
  <si>
    <t>758d8578-a10e-44c7-bae3-2fe41e2507df.tmp</t>
  </si>
  <si>
    <t>\\acsfs\profiles$\maxmillianosv\Downloads\758d8578-a10e-44c7-bae3-2fe41e2507df.tmp</t>
  </si>
  <si>
    <t>10.200.66.44</t>
  </si>
  <si>
    <t>78-2B-CB-C1-05-85</t>
  </si>
  <si>
    <t>VOTORANT-ZB011</t>
  </si>
  <si>
    <t>8aee105c-cc29-4e3a-ba36-e9a64dba8c8f.tmp</t>
  </si>
  <si>
    <t>\\acsfs\profiles$\gabrielarb\Downloads\8aee105c-cc29-4e3a-ba36-e9a64dba8c8f.tmp</t>
  </si>
  <si>
    <t>361d0f95-b4e3-4dc4-99d0-95c06c833349.tmp</t>
  </si>
  <si>
    <t>\\acsfs\profiles$\vivianalds\Downloads\361d0f95-b4e3-4dc4-99d0-95c06c833349.tmp</t>
  </si>
  <si>
    <t>2b9e7421-3199-46f3-b199-dec74bfdd5c1.tmp</t>
  </si>
  <si>
    <t>\\acsfs\profiles$\PEDROHAB\Downloads\2b9e7421-3199-46f3-b199-dec74bfdd5c1.tmp</t>
  </si>
  <si>
    <t>9ec34485-62a9-416e-8df0-fbaabe2fcc1c.tmp</t>
  </si>
  <si>
    <t>\\acsfs\profiles$\rafaelamsv\Downloads\9ec34485-62a9-416e-8df0-fbaabe2fcc1c.tmp</t>
  </si>
  <si>
    <t>273ff998-dfa4-4c87-b854-e1a99a04edbf.tmp</t>
  </si>
  <si>
    <t>\\acsfs\profiles$\rafaelamsv\Downloads\273ff998-dfa4-4c87-b854-e1a99a04edbf.tmp</t>
  </si>
  <si>
    <t>236af14d-a047-41a5-a9c7-21f4f0b59350.tmp</t>
  </si>
  <si>
    <t>\\acsfs\profiles$\rafaelamsv\Downloads\236af14d-a047-41a5-a9c7-21f4f0b59350.tmp</t>
  </si>
  <si>
    <t>lu144321cgovk.tmp</t>
  </si>
  <si>
    <t>\\acsfs\profiles$\dhiulliananads\My Documents\lu144321cgovk.tmp</t>
  </si>
  <si>
    <t>\\acsfs\profiles$\dhiulliananads\My Documents\lu144321cgovk.tmp\</t>
  </si>
  <si>
    <t>\\acsfs\profiles$\dhiulliananads\My Documents\lu144321cgovk.tmp\META-INF\</t>
  </si>
  <si>
    <t>\\acsfs\profiles$\dhiulliananads\My Documents\lu144321cgovk.tmp\Thumbnails\</t>
  </si>
  <si>
    <t>kit_pre_deslig_ant_term_contrato_empregado_124238_juliano domingos de oliveira.pdf</t>
  </si>
  <si>
    <t>e89a1373-885e-44e3-a7d0-c06d33548e3f.tmp</t>
  </si>
  <si>
    <t>\\acsfs\profiles$\anafsb\Downloads\e89a1373-885e-44e3-a7d0-c06d33548e3f.tmp</t>
  </si>
  <si>
    <t>JOAO PEDRO NICOMEDES BERTOLDO GOMES (38).contact</t>
  </si>
  <si>
    <t>\\acsfs\profiles$\joaopnbg\Contacts\JOAO PEDRO NICOMEDES BERTOLDO GOMES (38).contact</t>
  </si>
  <si>
    <t>9d779a0f-5e42-498b-9ecd-9562d004b903.tmp</t>
  </si>
  <si>
    <t>\\acsfs\profiles$\laianear\Downloads\9d779a0f-5e42-498b-9ecd-9562d004b903.tmp</t>
  </si>
  <si>
    <t>\\acsfs\deptos\Operacao\PCP\5 - Comum\PLANEJAMENTO BV\23 - EXTRAÇÕES\Agent State Details\2020\JANEIRO\</t>
  </si>
  <si>
    <t>Agent State Details 03.01.2020.xlsx</t>
  </si>
  <si>
    <t>\\acsfs\deptos\Operacao\PCP\5 - Comum\PLANEJAMENTO BV\23 - EXTRAÇÕES\Agent State Details\2020\JANEIRO\Agent State Details 03.01.2020.xlsx</t>
  </si>
  <si>
    <t>Agent State Details 04.01.2020.xlsx</t>
  </si>
  <si>
    <t>\\acsfs\deptos\Operacao\PCP\5 - Comum\PLANEJAMENTO BV\23 - EXTRAÇÕES\Agent State Details\2020\JANEIRO\Agent State Details 04.01.2020.xlsx</t>
  </si>
  <si>
    <t>d3c107a5-c11d-4c9f-bf25-5822c4a0676d.tmp</t>
  </si>
  <si>
    <t>\\acsfs\profiles$\lorraynevam\Downloads\d3c107a5-c11d-4c9f-bf25-5822c4a0676d.tmp</t>
  </si>
  <si>
    <t>b177f959-a105-4194-9c5a-f55a6854d8c9.tmp</t>
  </si>
  <si>
    <t>\\acsfs\profiles$\luanaagl\Downloads\b177f959-a105-4194-9c5a-f55a6854d8c9.tmp</t>
  </si>
  <si>
    <t>d63785a3-186b-4485-8fcd-4e1c0ab85c43.tmp</t>
  </si>
  <si>
    <t>\\acsfs\profiles$\antoniosva\Downloads\d63785a3-186b-4485-8fcd-4e1c0ab85c43.tmp</t>
  </si>
  <si>
    <t>ff8a0c7d-ba51-46fb-84c2-24277c38b54a.tmp</t>
  </si>
  <si>
    <t>\\acsfs\profiles$\leticiala\Downloads\ff8a0c7d-ba51-46fb-84c2-24277c38b54a.tmp</t>
  </si>
  <si>
    <t>efa4c58d-2a6c-4cce-9d18-1018792fae52.tmp</t>
  </si>
  <si>
    <t>\\acsfs\profiles$\georgendsq\Downloads\efa4c58d-2a6c-4cce-9d18-1018792fae52.tmp</t>
  </si>
  <si>
    <t>lu80132ax9ota.tmp</t>
  </si>
  <si>
    <t>\\acsfs\profiles$\ISABELLEGTDS\Nova pasta\lu80132ax9ota.tmp</t>
  </si>
  <si>
    <t>\\acsfs\profiles$\ISABELLEGTDS\Nova pasta\lu80132ax9ota.tmp\</t>
  </si>
  <si>
    <t>\\acsfs\profiles$\ISABELLEGTDS\Nova pasta\lu80132ax9ota.tmp\META-INF\</t>
  </si>
  <si>
    <t>\\acsfs\profiles$\ISABELLEGTDS\Nova pasta\lu80132ax9ota.tmp\Thumbnails\</t>
  </si>
  <si>
    <t>a4ab34fa-c8c8-4d8d-8e49-d0bf047b3d10.tmp</t>
  </si>
  <si>
    <t>\\acsfs\profiles$\adelvinsonle\Downloads\a4ab34fa-c8c8-4d8d-8e49-d0bf047b3d10.tmp</t>
  </si>
  <si>
    <t>5d704b12-65a4-4911-89a9-262bbac9d838.tmp</t>
  </si>
  <si>
    <t>\\acsfs\profiles$\adelvinsonle\Downloads\5d704b12-65a4-4911-89a9-262bbac9d838.tmp</t>
  </si>
  <si>
    <t>330a1b43-78df-48d7-9840-2cbb50cf3340.tmp</t>
  </si>
  <si>
    <t>\\acsfs\profiles$\adelvinsonle\Downloads\330a1b43-78df-48d7-9840-2cbb50cf3340.tmp</t>
  </si>
  <si>
    <t>Pausas - FINANCEIRA.xlsb</t>
  </si>
  <si>
    <t>\\acsfs\DEPTOS\Operacao\PCP\5 - Comum\PLANEJAMENTO BV\14 - ACOMPANHAMENTO\1 - REPORT ACOMPANHAMENTO\2020\1 - JANEIRO\FINANCEIRA\Pausas - FINANCEIRA.xlsb</t>
  </si>
  <si>
    <t>77a3cd97-259a-45b9-94a4-862a54b90125.tmp</t>
  </si>
  <si>
    <t>\\acsfs\profiles$\lorrainerdl\Downloads\77a3cd97-259a-45b9-94a4-862a54b90125.tmp</t>
  </si>
  <si>
    <t>f14a1750-9a9c-43ad-a549-a545a33a0373.tmp</t>
  </si>
  <si>
    <t>\\acsfs\profiles$\leonardobb\Downloads\f14a1750-9a9c-43ad-a549-a545a33a0373.tmp</t>
  </si>
  <si>
    <t>9369fd85-036d-40a5-966d-53fb357670b6.tmp</t>
  </si>
  <si>
    <t>\\acsfs\profiles$\leonardobb\Downloads\9369fd85-036d-40a5-966d-53fb357670b6.tmp</t>
  </si>
  <si>
    <t>Agent State Details 05.01.2020.xlsx</t>
  </si>
  <si>
    <t>\\acsfs\deptos\Operacao\PCP\5 - Comum\PLANEJAMENTO BV\23 - EXTRAÇÕES\Agent State Details\2020\JANEIRO\Agent State Details 05.01.2020.xlsx</t>
  </si>
  <si>
    <t>Agent State Details 06.01.2020.xlsx</t>
  </si>
  <si>
    <t>\\acsfs\deptos\Operacao\PCP\5 - Comum\PLANEJAMENTO BV\23 - EXTRAÇÕES\Agent State Details\2020\JANEIRO\Agent State Details 06.01.2020.xlsx</t>
  </si>
  <si>
    <t>lu1696412mfzv.tmp</t>
  </si>
  <si>
    <t>\\acsfs\profiles$\CLAUDIAJCA\Reneg 18-12\lu1696412mfzv.tmp</t>
  </si>
  <si>
    <t>\\acsfs\profiles$\CLAUDIAJCA\Reneg 18-12\lu1696412mfzv.tmp\</t>
  </si>
  <si>
    <t>\\acsfs\profiles$\CLAUDIAJCA\Reneg 18-12\lu1696412mfzv.tmp\META-INF\</t>
  </si>
  <si>
    <t>\\acsfs\profiles$\CLAUDIAJCA\Reneg 18-12\lu1696412mfzv.tmp\Thumbnails\</t>
  </si>
  <si>
    <t>de6a0f35-1fe9-4111-8b28-312eaa42cc7e.tmp</t>
  </si>
  <si>
    <t>\\acsfs\profiles$\larissaad\Downloads\de6a0f35-1fe9-4111-8b28-312eaa42cc7e.tmp</t>
  </si>
  <si>
    <t>8705a2f9-1efe-4d24-ab18-a2243f865857.tmp</t>
  </si>
  <si>
    <t>\\acsfs\profiles$\jhonatadss\Downloads\8705a2f9-1efe-4d24-ab18-a2243f865857.tmp</t>
  </si>
  <si>
    <t>7e6536d1-f4aa-49f5-b8d2-100781b66ba2.tmp</t>
  </si>
  <si>
    <t>\\acsfs\profiles$\jhonatadss\Downloads\7e6536d1-f4aa-49f5-b8d2-100781b66ba2.tmp</t>
  </si>
  <si>
    <t>41d409a0-ed9b-487c-a426-6602791a637f.tmp</t>
  </si>
  <si>
    <t>\\acsfs\profiles$\jhonatadss\Downloads\41d409a0-ed9b-487c-a426-6602791a637f.tmp</t>
  </si>
  <si>
    <t>142c4876-4de3-40d4-b5f4-87fcb2934884.tmp</t>
  </si>
  <si>
    <t>\\acsfs\profiles$\jhonatadss\Downloads\142c4876-4de3-40d4-b5f4-87fcb2934884.tmp</t>
  </si>
  <si>
    <t>lu1873615g45j.tmp</t>
  </si>
  <si>
    <t>\\acsfs\profiles$\Flaviojmm\My Documents\lu1873615g45j.tmp</t>
  </si>
  <si>
    <t>\\acsfs\profiles$\Flaviojmm\My Documents\lu1873615g45j.tmp\</t>
  </si>
  <si>
    <t>\\acsfs\profiles$\Flaviojmm\My Documents\lu1873615g45j.tmp\META-INF\</t>
  </si>
  <si>
    <t>\\acsfs\profiles$\Flaviojmm\My Documents\lu1873615g45j.tmp\Thumbnails\</t>
  </si>
  <si>
    <t>1a944326-fd55-4cab-8cb2-6c522b03f13b.tmp</t>
  </si>
  <si>
    <t>\\acsfs\profiles$\nayarasds\Downloads\1a944326-fd55-4cab-8cb2-6c522b03f13b.tmp</t>
  </si>
  <si>
    <t>395d97f0-6e3e-47ad-aea9-fb0c1d42fd91.tmp</t>
  </si>
  <si>
    <t>\\acsfs\profiles$\gabriellalpr\Downloads\395d97f0-6e3e-47ad-aea9-fb0c1d42fd91.tmp</t>
  </si>
  <si>
    <t>03bf2af0-511f-4c57-9b0e-b1b86ad8f935.tmp</t>
  </si>
  <si>
    <t>\\acsfs\profiles$\luanaagl\Downloads\03bf2af0-511f-4c57-9b0e-b1b86ad8f935.tmp</t>
  </si>
  <si>
    <t>2be2f111-9361-4f5c-be7d-29257cfe415b.tmp</t>
  </si>
  <si>
    <t>\\acsfs\profiles$\georgendsq\Downloads\2be2f111-9361-4f5c-be7d-29257cfe415b.tmp</t>
  </si>
  <si>
    <t>6750a837-256d-4aee-ab82-ce5deee74517.tmp</t>
  </si>
  <si>
    <t>\\acsfs\profiles$\georgendsq\Downloads\6750a837-256d-4aee-ab82-ce5deee74517.tmp</t>
  </si>
  <si>
    <t>297c4b0f-774a-496c-901c-c90a8cc81bb9.tmp</t>
  </si>
  <si>
    <t>\\acsfs\profiles$\georgendsq\Downloads\297c4b0f-774a-496c-901c-c90a8cc81bb9.tmp</t>
  </si>
  <si>
    <t>cbe2e29f-a7d0-47df-92ed-bd4a6b4d3c18.tmp</t>
  </si>
  <si>
    <t>\\acsfs\profiles$\georgendsq\Downloads\cbe2e29f-a7d0-47df-92ed-bd4a6b4d3c18.tmp</t>
  </si>
  <si>
    <t>b2be7135-2c88-4eb6-923e-289e29a21fbd.tmp</t>
  </si>
  <si>
    <t>\\acsfs\profiles$\georgendsq\Downloads\b2be7135-2c88-4eb6-923e-289e29a21fbd.tmp</t>
  </si>
  <si>
    <t>69700ddf-44e6-4968-a23a-453a1179e3f8.tmp</t>
  </si>
  <si>
    <t>\\acsfs\profiles$\ALYNYA\Downloads\69700ddf-44e6-4968-a23a-453a1179e3f8.tmp</t>
  </si>
  <si>
    <t>mail.google.com/_/upload?authuser=0&amp;dcp=asu-n&amp;upload_id=AEnB2UpLx-jmxo-O0GWs2qJnjhJbG32uew0Hq8So5eEDkkiAAJE7B_PM1sDodnU3iu0tCpHl1i4G3Hjy43PCkqn6u-ucb5QRXcrU-zNP7yFByzI6J3j45Tk&amp;upload_protocol=resumable</t>
  </si>
  <si>
    <t>winrt--{S-1-5-21-602162358-764733703-839522115-342484}-.searchconnector-ms</t>
  </si>
  <si>
    <t>\\acsfs\profiles$\henriquehmdo\Searches\winrt--{S-1-5-21-602162358-764733703-839522115-342484}-.searchconnector-ms</t>
  </si>
  <si>
    <t>ba95b453-96ac-4f94-87ee-e78e13b5db27.tmp</t>
  </si>
  <si>
    <t>\\acsfs\profiles$\henriquehmdo\Downloads\ba95b453-96ac-4f94-87ee-e78e13b5db27.tmp</t>
  </si>
  <si>
    <t>\\acsfs\deptos\Operacao\PCP\5 - Comum\PLANEJAMENTO BV\23 - EXTRAÇÕES\Agente Login Logout details report\2020\JANEIRO\</t>
  </si>
  <si>
    <t>AGENT LOGIN LOGOUT DETAILS REPORT 03.01.2020.xlsx</t>
  </si>
  <si>
    <t>\\acsfs\deptos\Operacao\PCP\5 - Comum\PLANEJAMENTO BV\23 - EXTRAÇÕES\Agente Login Logout details report\2020\JANEIRO\AGENT LOGIN LOGOUT DETAILS REPORT 03.01.2020.xlsx</t>
  </si>
  <si>
    <t>f584d699-b32c-45c7-98f8-7d128b4d8590.tmp</t>
  </si>
  <si>
    <t>\\acsfs\profiles$\LUCASNS\Downloads\f584d699-b32c-45c7-98f8-7d128b4d8590.tmp</t>
  </si>
  <si>
    <t>2c9980f9-71d7-47f1-96b8-cec1c401d1e8.tmp</t>
  </si>
  <si>
    <t>\\acsfs\profiles$\gabrielaff\Downloads\2c9980f9-71d7-47f1-96b8-cec1c401d1e8.tmp</t>
  </si>
  <si>
    <t>5d58072a-16a8-44d8-8fae-ee53519a5306.tmp</t>
  </si>
  <si>
    <t>\\acsfs\profiles$\lorrainerdl\Downloads\5d58072a-16a8-44d8-8fae-ee53519a5306.tmp</t>
  </si>
  <si>
    <t>Unconfirmed 186546.crdownload</t>
  </si>
  <si>
    <t>\\acsfs\profiles$\henriquehmdo\Downloads\Unconfirmed 186546.crdownload</t>
  </si>
  <si>
    <t>e3651f42-0ef2-4561-a0ca-f2ea5990d5ef.tmp</t>
  </si>
  <si>
    <t>\\acsfs\profiles$\henriquehmdo\Downloads\e3651f42-0ef2-4561-a0ca-f2ea5990d5ef.tmp</t>
  </si>
  <si>
    <t>40a3e224-0f92-4997-908c-eb8b2c46cf74.tmp</t>
  </si>
  <si>
    <t>\\acsfs\profiles$\henriquehmdo\Downloads\40a3e224-0f92-4997-908c-eb8b2c46cf74.tmp</t>
  </si>
  <si>
    <t>63072f57-6fa1-4b5e-a755-ca80614804cf.tmp</t>
  </si>
  <si>
    <t>\\acsfs\profiles$\henriquehmdo\Downloads\63072f57-6fa1-4b5e-a755-ca80614804cf.tmp</t>
  </si>
  <si>
    <t>781d80be-0344-4713-ab06-0e63db419578.tmp</t>
  </si>
  <si>
    <t>\\acsfs\profiles$\THYAGOSP\Downloads\781d80be-0344-4713-ab06-0e63db419578.tmp</t>
  </si>
  <si>
    <t>1181515f-4ec1-4036-a0d4-dc16986d41cd.tmp</t>
  </si>
  <si>
    <t>\\acsfs\profiles$\THYAGOSP\Downloads\1181515f-4ec1-4036-a0d4-dc16986d41cd.tmp</t>
  </si>
  <si>
    <t>c51aa471-6369-4e9d-9186-52678b2ba422.tmp</t>
  </si>
  <si>
    <t>\\acsfs\profiles$\THYAGOSP\Downloads\c51aa471-6369-4e9d-9186-52678b2ba422.tmp</t>
  </si>
  <si>
    <t>AGENT LOGIN LOGOUT DETAILS REPORT 04.01.2020.xlsx</t>
  </si>
  <si>
    <t>\\acsfs\deptos\Operacao\PCP\5 - Comum\PLANEJAMENTO BV\23 - EXTRAÇÕES\Agente Login Logout details report\2020\JANEIRO\AGENT LOGIN LOGOUT DETAILS REPORT 04.01.2020.xlsx</t>
  </si>
  <si>
    <t>AGENT LOGIN LOGOUT DETAILS REPORT 05.01.2020.xlsx</t>
  </si>
  <si>
    <t>\\acsfs\deptos\Operacao\PCP\5 - Comum\PLANEJAMENTO BV\23 - EXTRAÇÕES\Agente Login Logout details report\2020\JANEIRO\AGENT LOGIN LOGOUT DETAILS REPORT 05.01.2020.xlsx</t>
  </si>
  <si>
    <t>7f62ba3d-a3d7-4812-8fe7-98941a91b2b4.tmp</t>
  </si>
  <si>
    <t>\\acsfs\profiles$\quindaizaagds\Downloads\7f62ba3d-a3d7-4812-8fe7-98941a91b2b4.tmp</t>
  </si>
  <si>
    <t>d755c663-8fc8-4fab-80af-315eaf83a5c4.tmp</t>
  </si>
  <si>
    <t>\\acsfs\profiles$\LUCASNS\Downloads\d755c663-8fc8-4fab-80af-315eaf83a5c4.tmp</t>
  </si>
  <si>
    <t>ae708915-0132-4323-a7a0-b9444b287bc2.tmp</t>
  </si>
  <si>
    <t>\\acsfs\profiles$\rafaelahpn\Downloads\ae708915-0132-4323-a7a0-b9444b287bc2.tmp</t>
  </si>
  <si>
    <t>19a3599a-b89b-40df-9809-1b14fc053e1a.tmp</t>
  </si>
  <si>
    <t>\\acsfs\profiles$\rafaelahpn\Downloads\19a3599a-b89b-40df-9809-1b14fc053e1a.tmp</t>
  </si>
  <si>
    <t>62b3b669-d60c-428b-b816-c9c1a10694cf.tmp</t>
  </si>
  <si>
    <t>\\acsfs\profiles$\gabriellalpr\Downloads\62b3b669-d60c-428b-b816-c9c1a10694cf.tmp</t>
  </si>
  <si>
    <t>0e450243-e3f0-45b5-b81b-40c57d483500.tmp</t>
  </si>
  <si>
    <t>\\acsfs\profiles$\gabrielarb\Downloads\0e450243-e3f0-45b5-b81b-40c57d483500.tmp</t>
  </si>
  <si>
    <t>8ad023e3-6283-4597-b786-23a85b36a98a.tmp</t>
  </si>
  <si>
    <t>\\acsfs\profiles$\marcellewdl\Downloads\8ad023e3-6283-4597-b786-23a85b36a98a.tmp</t>
  </si>
  <si>
    <t>35c05f0e-c4f9-442f-90cc-1497b6108cc0.tmp</t>
  </si>
  <si>
    <t>\\acsfs\profiles$\marcellewdl\Downloads\35c05f0e-c4f9-442f-90cc-1497b6108cc0.tmp</t>
  </si>
  <si>
    <t>7227a2a5-0561-4ac6-a972-a3f960652be0.tmp</t>
  </si>
  <si>
    <t>\\acsfs\profiles$\marcellewdl\Downloads\7227a2a5-0561-4ac6-a972-a3f960652be0.tmp</t>
  </si>
  <si>
    <t>ebd3190a-d757-4c04-a26a-072a6ba48e3f.tmp</t>
  </si>
  <si>
    <t>\\acsfs\profiles$\marcellewdl\Downloads\ebd3190a-d757-4c04-a26a-072a6ba48e3f.tmp</t>
  </si>
  <si>
    <t>lu197961gzre5.tmp</t>
  </si>
  <si>
    <t>\\acsfs\profiles$\LUCASBS\RENEG BV\Consolidado\lu197961gzre5.tmp</t>
  </si>
  <si>
    <t>\\acsfs\profiles$\LUCASBS\RENEG BV\Consolidado\lu197961gzre5.tmp\</t>
  </si>
  <si>
    <t>\\acsfs\profiles$\LUCASBS\RENEG BV\Consolidado\lu197961gzre5.tmp\META-INF\</t>
  </si>
  <si>
    <t>\\acsfs\profiles$\LUCASBS\RENEG BV\Consolidado\lu197961gzre5.tmp\Thumbnails\</t>
  </si>
  <si>
    <t>lu197961gzrea.tmp</t>
  </si>
  <si>
    <t>\\acsfs\profiles$\LUCASBS\RENEG BV\Consolidado\lu197961gzrea.tmp</t>
  </si>
  <si>
    <t>\\acsfs\profiles$\LUCASBS\RENEG BV\Consolidado\lu197961gzrea.tmp\</t>
  </si>
  <si>
    <t>\\acsfs\profiles$\LUCASBS\RENEG BV\Consolidado\lu197961gzrea.tmp\META-INF\</t>
  </si>
  <si>
    <t>\\acsfs\profiles$\LUCASBS\RENEG BV\Consolidado\lu197961gzrea.tmp\Thumbnails\</t>
  </si>
  <si>
    <t>b858c84a-7083-44f1-a5d5-42f252c1c622.tmp</t>
  </si>
  <si>
    <t>\\acsfs\profiles$\paulovadc\Downloads\b858c84a-7083-44f1-a5d5-42f252c1c622.tmp</t>
  </si>
  <si>
    <t>89eced9c-eaf6-4022-a900-60b7858c0101.tmp</t>
  </si>
  <si>
    <t>\\acsfs\profiles$\ROZENCAM\Downloads\89eced9c-eaf6-4022-a900-60b7858c0101.tmp</t>
  </si>
  <si>
    <t>768b7096-dea9-4be3-8ef5-cb1bdeb20bcc.tmp</t>
  </si>
  <si>
    <t>\\acsfs\profiles$\matheushds\Downloads\768b7096-dea9-4be3-8ef5-cb1bdeb20bcc.tmp</t>
  </si>
  <si>
    <t>c361298e-8fcc-43e5-9ebe-c54a91fc7fc4.tmp</t>
  </si>
  <si>
    <t>\\acsfs\profiles$\matheushds\Downloads\c361298e-8fcc-43e5-9ebe-c54a91fc7fc4.tmp</t>
  </si>
  <si>
    <t>83fa6c70-4992-48fd-87f6-ca235a07aaf4.tmp</t>
  </si>
  <si>
    <t>\\acsfs\profiles$\inarajst\Downloads\83fa6c70-4992-48fd-87f6-ca235a07aaf4.tmp</t>
  </si>
  <si>
    <t>AGENT LOGIN LOGOUT DETAILS REPORT 06.01.2020.xlsx</t>
  </si>
  <si>
    <t>\\acsfs\deptos\Operacao\PCP\5 - Comum\PLANEJAMENTO BV\23 - EXTRAÇÕES\Agente Login Logout details report\2020\JANEIRO\AGENT LOGIN LOGOUT DETAILS REPORT 06.01.2020.xlsx</t>
  </si>
  <si>
    <t>a602df7c-b091-450e-b315-e1d3631652a5.tmp</t>
  </si>
  <si>
    <t>\\acsfs\profiles$\quindaizaagds\Downloads\a602df7c-b091-450e-b315-e1d3631652a5.tmp</t>
  </si>
  <si>
    <t>9a684422-f7e9-4417-9ba3-28142303960b.tmp</t>
  </si>
  <si>
    <t>\\acsfs\profiles$\PEDROHAB\Downloads\9a684422-f7e9-4417-9ba3-28142303960b.tmp</t>
  </si>
  <si>
    <t>Relatorio de Vendas - Auditoria BV Cartoes (Janeiro) -correto - auditor.xlsx</t>
  </si>
  <si>
    <t>\\acsfs\DEPTOS\Operacao\Banco_Votorantim\Qualidade\Anderson\Jose\Atualizado\Relatorio de Vendas - Auditoria BV Cartoes (Janeiro) -correto - auditor.xlsx</t>
  </si>
  <si>
    <t>d32913de-9d92-4d7e-baf2-ac3a48ae9d46.tmp</t>
  </si>
  <si>
    <t>\\acsfs\profiles$\mariagsg\Downloads\d32913de-9d92-4d7e-baf2-ac3a48ae9d46.tmp</t>
  </si>
  <si>
    <t>e8d18988-285f-494f-a3b0-d227daf3bce1.tmp</t>
  </si>
  <si>
    <t>\\acsfs\profiles$\mariagsg\Downloads\e8d18988-285f-494f-a3b0-d227daf3bce1.tmp</t>
  </si>
  <si>
    <t>b8a75082-5663-435d-a0af-9749c2471d75.tmp</t>
  </si>
  <si>
    <t>\\acsfs\profiles$\luanaagl\Downloads\b8a75082-5663-435d-a0af-9749c2471d75.tmp</t>
  </si>
  <si>
    <t>08e4cac7-e0f4-4ad6-982a-1d9791a32be1.tmp</t>
  </si>
  <si>
    <t>\\acsfs\profiles$\luanaagl\Downloads\08e4cac7-e0f4-4ad6-982a-1d9791a32be1.tmp</t>
  </si>
  <si>
    <t>13ec0616-fbd6-4bd2-855f-830065b8a124.tmp</t>
  </si>
  <si>
    <t>\\acsfs\profiles$\ALYNYA\Downloads\13ec0616-fbd6-4bd2-855f-830065b8a124.tmp</t>
  </si>
  <si>
    <t>ff43110a-7edd-4c33-89a4-8c41ddeb676a.tmp</t>
  </si>
  <si>
    <t>\\acsfs\profiles$\camillaleb\Downloads\ff43110a-7edd-4c33-89a4-8c41ddeb676a.tmp</t>
  </si>
  <si>
    <t>C:\Users\raicdf\Documents\</t>
  </si>
  <si>
    <t>Ferias.png</t>
  </si>
  <si>
    <t>4a88b23b-7004-4019-823a-039bd7a969c1.tmp</t>
  </si>
  <si>
    <t>\\acsfs\profiles$\matheushds\Downloads\4a88b23b-7004-4019-823a-039bd7a969c1.tmp</t>
  </si>
  <si>
    <t>541bd42d-ec28-42b7-ab1d-c3b6184e2b2f.tmp</t>
  </si>
  <si>
    <t>\\acsfs\profiles$\matheushds\Downloads\541bd42d-ec28-42b7-ab1d-c3b6184e2b2f.tmp</t>
  </si>
  <si>
    <t>c8406797-577e-4305-9764-455fedb0d51a.tmp</t>
  </si>
  <si>
    <t>\\acsfs\profiles$\claudiajca\Downloads\c8406797-577e-4305-9764-455fedb0d51a.tmp</t>
  </si>
  <si>
    <t>fc634998-4021-45b8-aecf-f5ed96978263.tmp</t>
  </si>
  <si>
    <t>\\acsfs\profiles$\claudiajca\Downloads\fc634998-4021-45b8-aecf-f5ed96978263.tmp</t>
  </si>
  <si>
    <t>\\acsfs\ACS\Gabriel da Silva\Contemporânea\Gen\2B0A47A8.tmp\</t>
  </si>
  <si>
    <t>\\acsfs\ACS\Gabriel da Silva\Contemporânea\Gen\2B0A47A8.tmp\:Zone.Identifier:$DATA</t>
  </si>
  <si>
    <t>Dados turma inicial.xlsx</t>
  </si>
  <si>
    <t>\\acsfs\ACS\Gabriel da Silva\Contemporânea\Gen\Dados turma inicial.xlsx</t>
  </si>
  <si>
    <t>outlook.office.com/owa/service.svc?action=CreateItem&amp;app=Mail&amp;n=818</t>
  </si>
  <si>
    <t>luizffn@algartech.com;mirianppb@algartech.com;robsonams@algartech.com;</t>
  </si>
  <si>
    <t>luizffn@algartech.com,mirianppb@algartech.com,robsonams@algartech.com</t>
  </si>
  <si>
    <t>outlook.office.com/owa/service.svc?action=CreateItem&amp;app=Mail&amp;n=841</t>
  </si>
  <si>
    <t>outlook.office.com/owa/service.svc?action=CreateItem&amp;app=Mail&amp;n=850</t>
  </si>
  <si>
    <t>5be5c779-88d4-4b53-b79e-7874b9437c6d.tmp</t>
  </si>
  <si>
    <t>\\acsfs\profiles$\rafaelahpn\Downloads\5be5c779-88d4-4b53-b79e-7874b9437c6d.tmp</t>
  </si>
  <si>
    <t>1716d600-1269-41ed-ba47-ed9a62feab1d.tmp</t>
  </si>
  <si>
    <t>\\acsfs\profiles$\sarahbal\Downloads\1716d600-1269-41ed-ba47-ed9a62feab1d.tmp</t>
  </si>
  <si>
    <t>2fd444ba-82f5-4c7d-832b-4fe1dfac8cb3.tmp</t>
  </si>
  <si>
    <t>\\acsfs\profiles$\sarahbal\Downloads\2fd444ba-82f5-4c7d-832b-4fe1dfac8cb3.tmp</t>
  </si>
  <si>
    <t>a75a2508-4e4d-4a37-9cc0-dc29ed27274f.tmp</t>
  </si>
  <si>
    <t>\\acsfs\profiles$\marcellewdl\Downloads\a75a2508-4e4d-4a37-9cc0-dc29ed27274f.tmp</t>
  </si>
  <si>
    <t>\\acsfs\ACS\001 - Qualidade Lilian\PAULO\FAROL DE QUALIDADE\Janeiro\FAROL DE QUALIDADE.pptx</t>
  </si>
  <si>
    <t>786a4319-950d-4a68-97a8-33d954591a53.tmp</t>
  </si>
  <si>
    <t>\\acsfs\profiles$\jaquelinecp\Downloads\786a4319-950d-4a68-97a8-33d954591a53.tmp</t>
  </si>
  <si>
    <t>d009edb2-11c8-4d21-938e-5df5a28b06f6.tmp</t>
  </si>
  <si>
    <t>\\acsfs\profiles$\francislayneads\Downloads\d009edb2-11c8-4d21-938e-5df5a28b06f6.tmp</t>
  </si>
  <si>
    <t>dc5582fa-de4f-419a-bad3-fcc0595b01f3.tmp</t>
  </si>
  <si>
    <t>\\acsfs\profiles$\francislayneads\Downloads\dc5582fa-de4f-419a-bad3-fcc0595b01f3.tmp</t>
  </si>
  <si>
    <t>YASMIN SOARES COSTA_1_6774009165065041610_1_32.wav</t>
  </si>
  <si>
    <t>\\acsfs\Deptos\EDUCACAO EMPRESARIAL\KÉSIA\Ligações 1º Ciclo - Janeiro 2020\YASMIN SOARES COSTA_1_6774009165065041610_1_32.wav</t>
  </si>
  <si>
    <t>4547776a-a222-4e0e-8f91-e8a709f35158.tmp</t>
  </si>
  <si>
    <t>\\acsfs\profiles$\gabrielaff\Downloads\4547776a-a222-4e0e-8f91-e8a709f35158.tmp</t>
  </si>
  <si>
    <t>martala@algartech.com;</t>
  </si>
  <si>
    <t>martala@algartech.com</t>
  </si>
  <si>
    <t>GABRIELA FERREIRA SILVA (20428).contact</t>
  </si>
  <si>
    <t>\\acsfs\profiles$\gabrielafs\Contacts\GABRIELA FERREIRA SILVA (20428).contact</t>
  </si>
  <si>
    <t>4222a5b9-cb69-493f-aa77-8c6a3aee1a68.tmp</t>
  </si>
  <si>
    <t>\\acsfs\profiles$\leonardobb\Downloads\4222a5b9-cb69-493f-aa77-8c6a3aee1a68.tmp</t>
  </si>
  <si>
    <t>d302bf18-d744-4024-a719-f8f02c40c736.tmp</t>
  </si>
  <si>
    <t>\\acsfs\profiles$\lorraynevam\Downloads\d302bf18-d744-4024-a719-f8f02c40c736.tmp</t>
  </si>
  <si>
    <t>88d627a2-6262-4398-88d7-d8512018f032.tmp</t>
  </si>
  <si>
    <t>\\acsfs\profiles$\gabrielarb\Downloads\88d627a2-6262-4398-88d7-d8512018f032.tmp</t>
  </si>
  <si>
    <t>lu144441jw0t.tmp</t>
  </si>
  <si>
    <t>\\acsfs\profiles$\ALEXANDREMM\lu144441jw0t.tmp</t>
  </si>
  <si>
    <t>\\acsfs\profiles$\ALEXANDREMM\lu144441jw0t.tmp\</t>
  </si>
  <si>
    <t>\\acsfs\profiles$\ALEXANDREMM\lu144441jw0t.tmp\META-INF\</t>
  </si>
  <si>
    <t>\\acsfs\profiles$\ALEXANDREMM\lu144441jw0t.tmp\Thumbnails\</t>
  </si>
  <si>
    <t>c771746e-55c2-4c69-a765-f7078f7084b9.tmp</t>
  </si>
  <si>
    <t>\\acsfs\profiles$\gabrielafs\Downloads\c771746e-55c2-4c69-a765-f7078f7084b9.tmp</t>
  </si>
  <si>
    <t>b3153832-a2a7-4dd7-9053-921968fbd26c.tmp</t>
  </si>
  <si>
    <t>\\acsfs\profiles$\gabrielafs\Downloads\b3153832-a2a7-4dd7-9053-921968fbd26c.tmp</t>
  </si>
  <si>
    <t>c3c23f69-7e3a-405b-91e4-0120bcdb1fdf.tmp</t>
  </si>
  <si>
    <t>\\acsfs\profiles$\gabrielafs\Downloads\c3c23f69-7e3a-405b-91e4-0120bcdb1fdf.tmp</t>
  </si>
  <si>
    <t>5a7a4a26-e633-4a4e-8c9c-be464aeda4e2.tmp</t>
  </si>
  <si>
    <t>\\acsfs\profiles$\gabrielafs\Downloads\5a7a4a26-e633-4a4e-8c9c-be464aeda4e2.tmp</t>
  </si>
  <si>
    <t>72b28a0d-95ba-4df6-8882-7a5703a33a0d.tmp</t>
  </si>
  <si>
    <t>\\acsfs\profiles$\THYAGOSP\Downloads\72b28a0d-95ba-4df6-8882-7a5703a33a0d.tmp</t>
  </si>
  <si>
    <t>\\acsfs\ACS\Gabriel da Silva\Contemporânea\Gen\600176E1.tmp\</t>
  </si>
  <si>
    <t>\\acsfs\ACS\Gabriel da Silva\Contemporânea\Gen\600176E1.tmp\:Zone.Identifier:$DATA</t>
  </si>
  <si>
    <t>outlook.office.com/owa/service.svc?action=CreateItem&amp;app=Mail&amp;n=156</t>
  </si>
  <si>
    <t>9a9aff70-d663-49b0-85ec-150fd191dcd3.tmp</t>
  </si>
  <si>
    <t>\\acsfs\profiles$\lorraynevam\Downloads\9a9aff70-d663-49b0-85ec-150fd191dcd3.tmp</t>
  </si>
  <si>
    <t>d862242e-aab2-4284-a4ea-c41ea3671dbb.tmp</t>
  </si>
  <si>
    <t>\\acsfs\profiles$\lorraynevam\Downloads\d862242e-aab2-4284-a4ea-c41ea3671dbb.tmp</t>
  </si>
  <si>
    <t>7531136b-6290-4ec8-bb67-667cf60425f4.tmp</t>
  </si>
  <si>
    <t>\\acsfs\profiles$\rafaelamsv\Downloads\7531136b-6290-4ec8-bb67-667cf60425f4.tmp</t>
  </si>
  <si>
    <t>LAIS RIBEIRO_1_6774810189350644011_1_32.wav</t>
  </si>
  <si>
    <t>\\acsfs\Deptos\EDUCACAO EMPRESARIAL\KÉSIA\Ligações 1º Ciclo - Janeiro 2020\LAIS RIBEIRO_1_6774810189350644011_1_32.wav</t>
  </si>
  <si>
    <t>C:\Users\josiascdsj\Downloads\</t>
  </si>
  <si>
    <t>\\acsfs\DEPTOS\Operacao\PCP\5 - Comum\JUKA\Divisão Supervisores.xlsx</t>
  </si>
  <si>
    <t>\\acsfs\DEPTOS\Operacao\PCP\5 - Comum\JUKA\Divisão Supervisores.xlsx\</t>
  </si>
  <si>
    <t>\\acsfs\DEPTOS\Operacao\PCP\5 - Comum\JUKA\Divisão Supervisores.xlsx\:Zone.Identifier:$DATA</t>
  </si>
  <si>
    <t>7ed42a54-a6a0-4517-9426-97f70be8ded3.tmp</t>
  </si>
  <si>
    <t>\\acsfs\profiles$\felipetds\Downloads\7ed42a54-a6a0-4517-9426-97f70be8ded3.tmp</t>
  </si>
  <si>
    <t>https://andrelpsa@algartech.com,leonardoao@algartech.com,rafaelggs@algartech.com,supervisaobancovotorantim@algartech.com</t>
  </si>
  <si>
    <t>martala@algartech.com;supervisaobancovotorantim@algartech.com;</t>
  </si>
  <si>
    <t>martala@algartech.com,supervisaobancovotorantim@algartech.com</t>
  </si>
  <si>
    <t>ef09a001-504e-4af9-8f61-07cbfda870db.tmp</t>
  </si>
  <si>
    <t>\\acsfs\profiles$\gabrielafs\Downloads\ef09a001-504e-4af9-8f61-07cbfda870db.tmp</t>
  </si>
  <si>
    <t>27fb1709-a880-4973-b162-9911a28e4645.tmp</t>
  </si>
  <si>
    <t>\\acsfs\profiles$\leonardobb\Downloads\27fb1709-a880-4973-b162-9911a28e4645.tmp</t>
  </si>
  <si>
    <t>lu144321cgovp.tmp</t>
  </si>
  <si>
    <t>\\acsfs\profiles$\dhiulliananads\My Documents\lu144321cgovp.tmp</t>
  </si>
  <si>
    <t>\\acsfs\profiles$\dhiulliananads\My Documents\lu144321cgovp.tmp\</t>
  </si>
  <si>
    <t>\\acsfs\profiles$\dhiulliananads\My Documents\lu144321cgovp.tmp\META-INF\</t>
  </si>
  <si>
    <t>\\acsfs\profiles$\dhiulliananads\My Documents\lu144321cgovp.tmp\Thumbnails\</t>
  </si>
  <si>
    <t>61352108-ef7a-4f59-973e-54f781eb5efa.tmp</t>
  </si>
  <si>
    <t>\\acsfs\profiles$\sarahbal\Downloads\61352108-ef7a-4f59-973e-54f781eb5efa.tmp</t>
  </si>
  <si>
    <t>1ec6a98a-8aef-49f4-9b78-ebfbbbb39b23.tmp</t>
  </si>
  <si>
    <t>\\acsfs\profiles$\gabrielarb\Downloads\1ec6a98a-8aef-49f4-9b78-ebfbbbb39b23.tmp</t>
  </si>
  <si>
    <t>9ab99640-94bd-45d3-8a40-f16a396eda9c.tmp</t>
  </si>
  <si>
    <t>\\acsfs\profiles$\camillaleb\Downloads\9ab99640-94bd-45d3-8a40-f16a396eda9c.tmp</t>
  </si>
  <si>
    <t>39df5d55-3ff4-4528-8f9d-ddd45aa1e9cc.tmp</t>
  </si>
  <si>
    <t>\\acsfs\profiles$\KARENDSR\Downloads\39df5d55-3ff4-4528-8f9d-ddd45aa1e9cc.tmp</t>
  </si>
  <si>
    <t>6db0bb84-a708-4bc4-98d8-f8715e241f41.tmp</t>
  </si>
  <si>
    <t>\\acsfs\profiles$\lucasgpe\Downloads\6db0bb84-a708-4bc4-98d8-f8715e241f41.tmp</t>
  </si>
  <si>
    <t>e1099aa9-22a2-4480-97f7-b478f2fe8b76.tmp</t>
  </si>
  <si>
    <t>\\acsfs\profiles$\gabrielafs\Downloads\e1099aa9-22a2-4480-97f7-b478f2fe8b76.tmp</t>
  </si>
  <si>
    <t>image2020-01-07-095533.pdf</t>
  </si>
  <si>
    <t>IMG-20200107-WA0000.jpg</t>
  </si>
  <si>
    <t>IMG-20200107-WA0001.jpg</t>
  </si>
  <si>
    <t>andregc@algartech.com;douglassp@algartech.com;douglassp@algartecnologia.com.br;julianaem@algartech.com;supervisaobancovotorantim@algartech.com;taysdss@algartech.com;topperformance@algartech.com;</t>
  </si>
  <si>
    <t>andregc@algartech.com,douglassp@algartech.com,douglassp@algartecnologia.com.br,julianaem@algartech.com,supervisaobancovotorantim@algartech.com,taysdss@algartech.com,topperformance@algartech.com</t>
  </si>
  <si>
    <t>andregc@algartech.com;andrelps@algartech.com;camilasilva@algartech.com;joaogbma@algartech.com;julianaem@algartech.com;marcelobsa@algartech.com;supervisaobancovotorantim@algartech.com;taysdss@algartech.com;topperformance@algartech.com;</t>
  </si>
  <si>
    <t>andregc@algartech.com,andrelps@algartech.com,camilasilva@algartech.com,joaogbma@algartech.com,julianaem@algartech.com,marcelobsa@algartech.com,supervisaobancovotorantim@algartech.com,taysdss@algartech.com,topperformance@algartech.com</t>
  </si>
  <si>
    <t>79c8a780-8339-4a9e-948a-1d092023b37c.tmp</t>
  </si>
  <si>
    <t>\\acsfs\profiles$\rafaelamsv\Downloads\79c8a780-8339-4a9e-948a-1d092023b37c.tmp</t>
  </si>
  <si>
    <t>3ffda9b3-8ea8-4040-afd1-9992af104893.tmp</t>
  </si>
  <si>
    <t>\\acsfs\profiles$\luanarda\Downloads\3ffda9b3-8ea8-4040-afd1-9992af104893.tmp</t>
  </si>
  <si>
    <t>e49cc92f-9fdf-4b5b-966f-d79da72399ca.tmp</t>
  </si>
  <si>
    <t>\\acsfs\profiles$\marcellewdl\Downloads\e49cc92f-9fdf-4b5b-966f-d79da72399ca.tmp</t>
  </si>
  <si>
    <t>80c2cd14-bdc8-4186-86d9-e346f1f3ab7b.tmp</t>
  </si>
  <si>
    <t>\\acsfs\profiles$\gabrielhca\Downloads\80c2cd14-bdc8-4186-86d9-e346f1f3ab7b.tmp</t>
  </si>
  <si>
    <t>\\acsfs\ACS\001 - Qualidade Lilian\PAULO\1° Ciclo Janeiro Tainara.txt</t>
  </si>
  <si>
    <t>mail.google.com/mail/u/0/jserror?script=https://mail.google.com/mail/u/0/#inbox&amp;error=class$obf_1008: [/sync/u/0/el2] ef: unsupported http status: 503&amp;line=not available&amp;txz=p</t>
  </si>
  <si>
    <t>85e94e1a-f03b-495b-96a8-e07c04ad24fa.tmp</t>
  </si>
  <si>
    <t>\\acsfs\profiles$\lorenabmc\Downloads\85e94e1a-f03b-495b-96a8-e07c04ad24fa.tmp</t>
  </si>
  <si>
    <t>11cfd8e7-5622-4ddc-b0ba-65f80a68fafd.tmp</t>
  </si>
  <si>
    <t>\\acsfs\profiles$\lorenabmc\Downloads\11cfd8e7-5622-4ddc-b0ba-65f80a68fafd.tmp</t>
  </si>
  <si>
    <t>975fdcbf-560b-465a-92ed-b7cda0534ad4.tmp</t>
  </si>
  <si>
    <t>\\acsfs\profiles$\lorenabmc\Downloads\975fdcbf-560b-465a-92ed-b7cda0534ad4.tmp</t>
  </si>
  <si>
    <t>78673447-5caa-429e-be2e-c0c722d59a61.tmp</t>
  </si>
  <si>
    <t>\\acsfs\profiles$\gabrielafs\Downloads\78673447-5caa-429e-be2e-c0c722d59a61.tmp</t>
  </si>
  <si>
    <t>\\acsfs\deptos\Operacao\PCP\5 - Comum\PLANEJAMENTO BV\23 - EXTRAÇÕES\Agent utilization\2020\</t>
  </si>
  <si>
    <t>Agent utilization 01.01.2020 a 06.01.2020.xlsx</t>
  </si>
  <si>
    <t>\\acsfs\deptos\Operacao\PCP\5 - Comum\PLANEJAMENTO BV\23 - EXTRAÇÕES\Agent utilization\2020\Agent utilization 01.01.2020 a 06.01.2020.xlsx</t>
  </si>
  <si>
    <t>\\acsfs\profiles$\laislg\My Documents\My Pictures\</t>
  </si>
  <si>
    <t>\\acsfs\profiles$\LAISLG\My Documents\My Videos\desktop.ini</t>
  </si>
  <si>
    <t>\\acsfs\profiles$\LAISLG\My Documents\My Videos\</t>
  </si>
  <si>
    <t>\\acsfs\profiles$\laislg\My Documents\My Music\</t>
  </si>
  <si>
    <t>\\acsfs\profiles$\LAISLG\My Documents\My Pictures\desktop.ini</t>
  </si>
  <si>
    <t>\\acsfs\profiles$\laislg\My Documents\My Videos\</t>
  </si>
  <si>
    <t>\\acsfs\profiles$\LAISLG\Contacts\</t>
  </si>
  <si>
    <t>\\acsfs\profiles$\LAISLG\Contacts\desktop.ini</t>
  </si>
  <si>
    <t>\\acsfs\profiles$\laislg\My Documents\</t>
  </si>
  <si>
    <t>\\acsfs\profiles$\LAISLG\Favorites\desktop.ini</t>
  </si>
  <si>
    <t>\\acsfs\profiles$\LAISLG\My Documents\My Music\desktop.ini</t>
  </si>
  <si>
    <t>\\acsfs\profiles$\LAISLG\My Documents\My Music\</t>
  </si>
  <si>
    <t>\\acsfs\profiles$\LAISLG\Searches\</t>
  </si>
  <si>
    <t>\\acsfs\profiles$\LAISLG\Searches\desktop.ini</t>
  </si>
  <si>
    <t>\\acsfs\profiles$\LAISLG\Downloads\desktop.ini</t>
  </si>
  <si>
    <t>\\acsfs\profiles$\laislg\Favorites\</t>
  </si>
  <si>
    <t>\\acsfs\profiles$\LAISLG\My Documents\desktop.ini</t>
  </si>
  <si>
    <t>\\acsfs\profiles$\LAISLG\My Documents\</t>
  </si>
  <si>
    <t>\\acsfs\profiles$\laislg\Downloads\</t>
  </si>
  <si>
    <t>\\acsfs\profiles$\LAISLG\Saved Games\desktop.ini</t>
  </si>
  <si>
    <t>winrt--{S-1-5-21-602162358-764733703-839522115-354138}-.searchconnector-ms</t>
  </si>
  <si>
    <t>\\acsfs\profiles$\LAISLG\Searches\winrt--{S-1-5-21-602162358-764733703-839522115-354138}-.searchconnector-ms</t>
  </si>
  <si>
    <t>69c71da9-b461-4944-afa5-d72a31e5dbe3.tmp</t>
  </si>
  <si>
    <t>\\acsfs\profiles$\kellzylenneasr\Downloads\69c71da9-b461-4944-afa5-d72a31e5dbe3.tmp</t>
  </si>
  <si>
    <t>c72bcad1-66c7-445f-ae6d-746c86cb0b64.tmp</t>
  </si>
  <si>
    <t>\\acsfs\profiles$\wenderbnm\Downloads\c72bcad1-66c7-445f-ae6d-746c86cb0b64.tmp</t>
  </si>
  <si>
    <t>df88caa1-3d9c-4d06-b697-122c58d13a11.tmp</t>
  </si>
  <si>
    <t>\\acsfs\profiles$\mariajra\Downloads\df88caa1-3d9c-4d06-b697-122c58d13a11.tmp</t>
  </si>
  <si>
    <t>32fce8d9-6230-4049-bde5-c2de41147dd3.tmp</t>
  </si>
  <si>
    <t>\\acsfs\profiles$\LAISLG\Downloads\32fce8d9-6230-4049-bde5-c2de41147dd3.tmp</t>
  </si>
  <si>
    <t>99bd819c-1145-44ad-81c1-ec3df767b837.tmp</t>
  </si>
  <si>
    <t>\\acsfs\profiles$\LAISLG\Downloads\99bd819c-1145-44ad-81c1-ec3df767b837.tmp</t>
  </si>
  <si>
    <t>tainaralg@bv.algartech.com</t>
  </si>
  <si>
    <t>https://udpmailboxap01.acs.com.br:8443/h/search?si=0&amp;so=0&amp;sc=64317&amp;st=conversation&amp;action=compose</t>
  </si>
  <si>
    <t>tainaralg@bv.algartech.com;</t>
  </si>
  <si>
    <t>https://tainaralg@bv.algartech.com</t>
  </si>
  <si>
    <t>6e329d95-0728-4faf-8464-3f68abb8793f.tmp</t>
  </si>
  <si>
    <t>\\acsfs\profiles$\vivianalds\Downloads\6e329d95-0728-4faf-8464-3f68abb8793f.tmp</t>
  </si>
  <si>
    <t>NATHALIA RIOS MODESTO RODRIGUES_1_6775136976232320651_1_32.wav</t>
  </si>
  <si>
    <t>\\acsfs\Deptos\EDUCACAO EMPRESARIAL\KÉSIA\Ligações 1º Ciclo - Janeiro 2020\NATHALIA RIOS MODESTO RODRIGUES_1_6775136976232320651_1_32.wav</t>
  </si>
  <si>
    <t>https://web.vortex.data.microsoft.com/collect/v1?$mscomcookies=false&amp;ext-javascript-msfpc='guid=5141dda26f71436784cda5d7dc632608&amp;hash=5141&amp;lv=201910&amp;v=4&amp;lu=1572340960663'</t>
  </si>
  <si>
    <t>10.200.67.126</t>
  </si>
  <si>
    <t>74-86-7A-FB-17-FA</t>
  </si>
  <si>
    <t>VOTORANT-FB004</t>
  </si>
  <si>
    <t>tatianefr</t>
  </si>
  <si>
    <t>\\acsfs\profiles$\tatianefr\My Documents\xworkcenter\lex\</t>
  </si>
  <si>
    <t>\\acsfs\profiles$\tatianefr\My Documents\xworkcenter\lex\temp.tlx</t>
  </si>
  <si>
    <t>bed194f3-8604-4748-a809-d1ce208e9f0c.tmp</t>
  </si>
  <si>
    <t>\\acsfs\profiles$\gabrielafs\Downloads\bed194f3-8604-4748-a809-d1ce208e9f0c.tmp</t>
  </si>
  <si>
    <t>mail.google.com/sync/u/0/i/s?hl=pt-BR&amp;c=559</t>
  </si>
  <si>
    <t>mail.google.com/sync/u/0/i/s?hl=pt-BR&amp;c=564</t>
  </si>
  <si>
    <t>6737d452-77eb-4c09-90d8-262bdf7fdfee.tmp</t>
  </si>
  <si>
    <t>\\acsfs\profiles$\lorraynevam\Downloads\6737d452-77eb-4c09-90d8-262bdf7fdfee.tmp</t>
  </si>
  <si>
    <t>aa902f86-f2fb-4625-a4a7-b5041524beb0.tmp</t>
  </si>
  <si>
    <t>\\acsfs\profiles$\lorraynevam\Downloads\aa902f86-f2fb-4625-a4a7-b5041524beb0.tmp</t>
  </si>
  <si>
    <t>18ee8ab8-61e9-48ba-991a-78b37caedeb1.tmp</t>
  </si>
  <si>
    <t>\\acsfs\profiles$\nathaliarmr\Downloads\18ee8ab8-61e9-48ba-991a-78b37caedeb1.tmp</t>
  </si>
  <si>
    <t>a8c73ab5-3456-49b6-848d-ccb96c2ee1e8.tmp</t>
  </si>
  <si>
    <t>\\acsfs\profiles$\lucasqdss\Downloads\a8c73ab5-3456-49b6-848d-ccb96c2ee1e8.tmp</t>
  </si>
  <si>
    <t>527f0f71-3f95-47db-a50e-50f2b1b13178.tmp</t>
  </si>
  <si>
    <t>\\acsfs\profiles$\dhiulliananads\Downloads\527f0f71-3f95-47db-a50e-50f2b1b13178.tmp</t>
  </si>
  <si>
    <t>ab2b6ccc-f33a-4305-91e4-ba78fedcdb5e.tmp</t>
  </si>
  <si>
    <t>\\acsfs\profiles$\dhiulliananads\Downloads\ab2b6ccc-f33a-4305-91e4-ba78fedcdb5e.tmp</t>
  </si>
  <si>
    <t>355fe542-75a6-4844-a36f-a712741612eb.tmp</t>
  </si>
  <si>
    <t>\\acsfs\profiles$\vivianalds\Downloads\355fe542-75a6-4844-a36f-a712741612eb.tmp</t>
  </si>
  <si>
    <t>3fc69d3e-aa94-47e7-a049-9fc33fe0d263.tmp</t>
  </si>
  <si>
    <t>\\acsfs\profiles$\vivianalds\Downloads\3fc69d3e-aa94-47e7-a049-9fc33fe0d263.tmp</t>
  </si>
  <si>
    <t>90f53931-4b3d-4bfb-b534-de4d06081eb9.tmp</t>
  </si>
  <si>
    <t>\\acsfs\profiles$\vivianalds\Downloads\90f53931-4b3d-4bfb-b534-de4d06081eb9.tmp</t>
  </si>
  <si>
    <t>71d57998-0264-45c4-a02b-df697f3167c5.tmp</t>
  </si>
  <si>
    <t>\\acsfs\profiles$\vivianalds\Downloads\71d57998-0264-45c4-a02b-df697f3167c5.tmp</t>
  </si>
  <si>
    <t>DANIELA COSTA_1_6773609123221147707_1_32.wav</t>
  </si>
  <si>
    <t>\\acsfs\Deptos\EDUCACAO EMPRESARIAL\KÉSIA\Ligações 1º Ciclo - Janeiro 2020\DANIELA COSTA_1_6773609123221147707_1_32.wav</t>
  </si>
  <si>
    <t>ecaad9fe-d05b-472e-a4d4-84e07114252b.tmp</t>
  </si>
  <si>
    <t>\\acsfs\profiles$\adelvinsonle\Downloads\ecaad9fe-d05b-472e-a4d4-84e07114252b.tmp</t>
  </si>
  <si>
    <t>\\acsfs\DEPTOS\Operacao\PCP\5 - Comum\JUKA\836D9361.tmp\</t>
  </si>
  <si>
    <t>\\acsfs\DEPTOS\Operacao\PCP\5 - Comum\JUKA\836D9361.tmp\:Zone.Identifier:$DATA</t>
  </si>
  <si>
    <t>07/01/2020;7;</t>
  </si>
  <si>
    <t>https://07/01/2020,7</t>
  </si>
  <si>
    <t>\\acsfs\profiles$\ellencds\Downloads\</t>
  </si>
  <si>
    <t>7ca7b4db-f82b-4eb7-8159-f577c194b46f.tmp</t>
  </si>
  <si>
    <t>\\acsfs\profiles$\ellencds\Downloads\7ca7b4db-f82b-4eb7-8159-f577c194b46f.tmp</t>
  </si>
  <si>
    <t>40238fb7-9501-47f3-8450-a89d677ceb59.tmp</t>
  </si>
  <si>
    <t>\\acsfs\profiles$\ellencds\Downloads\40238fb7-9501-47f3-8450-a89d677ceb59.tmp</t>
  </si>
  <si>
    <t>\\acsfs\DEPTOS\Operacao\Banco_Votorantim\Qualidade\Anderson\Jose\Alerta.xlsx\</t>
  </si>
  <si>
    <t>\\acsfs\DEPTOS\Operacao\Banco_Votorantim\Qualidade\Anderson\Jose\Alerta.xlsx</t>
  </si>
  <si>
    <t>Alerta.xlsx</t>
  </si>
  <si>
    <t>43ebdfbd-1bf0-43ee-80c7-6c79539b6e69.tmp</t>
  </si>
  <si>
    <t>\\acsfs\profiles$\vivianalds\Downloads\43ebdfbd-1bf0-43ee-80c7-6c79539b6e69.tmp</t>
  </si>
  <si>
    <t>ee9ee6b9-9632-4c51-9981-4c9aa093f6d1.tmp</t>
  </si>
  <si>
    <t>\\acsfs\profiles$\vivianalds\Downloads\ee9ee6b9-9632-4c51-9981-4c9aa093f6d1.tmp</t>
  </si>
  <si>
    <t>8e8a6182-b8ee-499d-a2b7-0de1df239540.tmp</t>
  </si>
  <si>
    <t>\\acsfs\profiles$\lorenabmc\Downloads\8e8a6182-b8ee-499d-a2b7-0de1df239540.tmp</t>
  </si>
  <si>
    <t>9f13b98e-cf10-4a54-b2eb-d547976adfc9.tmp</t>
  </si>
  <si>
    <t>\\acsfs\profiles$\lorenabmc\Downloads\9f13b98e-cf10-4a54-b2eb-d547976adfc9.tmp</t>
  </si>
  <si>
    <t>1470bc1a-56b0-4b23-9985-a1de6d9b969c.tmp</t>
  </si>
  <si>
    <t>\\acsfs\profiles$\gabrielafs\Downloads\1470bc1a-56b0-4b23-9985-a1de6d9b969c.tmp</t>
  </si>
  <si>
    <t>6768d917-a9fa-4574-a845-088c9adfe0a8.tmp</t>
  </si>
  <si>
    <t>\\acsfs\profiles$\laianear\Downloads\6768d917-a9fa-4574-a845-088c9adfe0a8.tmp</t>
  </si>
  <si>
    <t>6d269ed6-8d61-48ad-a4c1-d631289a7840.tmp</t>
  </si>
  <si>
    <t>\\acsfs\profiles$\gabrielarb\Downloads\6d269ed6-8d61-48ad-a4c1-d631289a7840.tmp</t>
  </si>
  <si>
    <t>72a57e69-5bbe-4eb6-9e91-30f8fa37fcf3.tmp</t>
  </si>
  <si>
    <t>\\acsfs\profiles$\gabrielarb\Downloads\72a57e69-5bbe-4eb6-9e91-30f8fa37fcf3.tmp</t>
  </si>
  <si>
    <t>lu144441jw0y.tmp</t>
  </si>
  <si>
    <t>\\acsfs\profiles$\ALEXANDREMM\lu144441jw0y.tmp</t>
  </si>
  <si>
    <t>\\acsfs\profiles$\ALEXANDREMM\lu144441jw0y.tmp\</t>
  </si>
  <si>
    <t>\\acsfs\profiles$\ALEXANDREMM\lu144441jw0y.tmp\META-INF\</t>
  </si>
  <si>
    <t>\\acsfs\profiles$\ALEXANDREMM\lu144441jw0y.tmp\Thumbnails\</t>
  </si>
  <si>
    <t>85022f1a-7e21-40c4-bb5d-fd9dec0710a5.tmp</t>
  </si>
  <si>
    <t>\\acsfs\profiles$\camillaleb\Downloads\85022f1a-7e21-40c4-bb5d-fd9dec0710a5.tmp</t>
  </si>
  <si>
    <t>cceca49f-e0e8-4700-8b27-b2b06ac38778.tmp</t>
  </si>
  <si>
    <t>\\acsfs\profiles$\websondsa\Downloads\cceca49f-e0e8-4700-8b27-b2b06ac38778.tmp</t>
  </si>
  <si>
    <t>Mundo BV_Base.xlsx</t>
  </si>
  <si>
    <t>\\acsfs\ACS\Gabriel da Silva\Contemporânea\Acessos\Mundo BV_Base.xlsx</t>
  </si>
  <si>
    <t>aabac49b-0841-4203-a508-ccc86d953489.tmp</t>
  </si>
  <si>
    <t>\\acsfs\profiles$\gabriellalpr\Downloads\aabac49b-0841-4203-a508-ccc86d953489.tmp</t>
  </si>
  <si>
    <t>719a3511-e042-4ff7-9c1a-3fa8c747dfb2.tmp</t>
  </si>
  <si>
    <t>\\acsfs\profiles$\gabrielaff\Downloads\719a3511-e042-4ff7-9c1a-3fa8c747dfb2.tmp</t>
  </si>
  <si>
    <t>e9e214ee-a704-44d8-bf03-c08f60c0efab.tmp</t>
  </si>
  <si>
    <t>\\acsfs\profiles$\lucasgpe\Downloads\e9e214ee-a704-44d8-bf03-c08f60c0efab.tmp</t>
  </si>
  <si>
    <t>a04ac11e-7374-426e-bc68-ffc95e3914e6.tmp</t>
  </si>
  <si>
    <t>\\acsfs\profiles$\inarajst\Downloads\a04ac11e-7374-426e-bc68-ffc95e3914e6.tmp</t>
  </si>
  <si>
    <t>7887f804-21d5-45d7-8ff4-43a3685334cd.tmp</t>
  </si>
  <si>
    <t>\\acsfs\profiles$\inarajst\Downloads\7887f804-21d5-45d7-8ff4-43a3685334cd.tmp</t>
  </si>
  <si>
    <t>1e4a10d7-e785-4263-a3e5-d8ef1c94e0aa.tmp</t>
  </si>
  <si>
    <t>\\acsfs\profiles$\inarajst\Downloads\1e4a10d7-e785-4263-a3e5-d8ef1c94e0aa.tmp</t>
  </si>
  <si>
    <t>1c35f787-2dc3-41ae-a025-cb25f44f3a2b.tmp</t>
  </si>
  <si>
    <t>\\acsfs\profiles$\larissaad\Downloads\1c35f787-2dc3-41ae-a025-cb25f44f3a2b.tmp</t>
  </si>
  <si>
    <t>1198d5bf-6bee-467c-b151-e886dd314aa9.tmp</t>
  </si>
  <si>
    <t>\\acsfs\profiles$\gabrielsma\Downloads\1198d5bf-6bee-467c-b151-e886dd314aa9.tmp</t>
  </si>
  <si>
    <t>\\acsfs\ACS\Gabriel da Silva\Contemporânea\Gen\Q29udHJvbGxlci5JbnRyYW5ldC1DaHJvbWU-.ica.crdownload</t>
  </si>
  <si>
    <t>8b50e06d-1189-4d95-b42f-4e4dd4f0b7ca.tmp</t>
  </si>
  <si>
    <t>\\acsfs\profiles$\gabrielsma\Downloads\8b50e06d-1189-4d95-b42f-4e4dd4f0b7ca.tmp</t>
  </si>
  <si>
    <t>331c5a31-614f-447c-b1a4-d3a1d60af604.tmp</t>
  </si>
  <si>
    <t>\\acsfs\profiles$\gabrielsma\Downloads\331c5a31-614f-447c-b1a4-d3a1d60af604.tmp</t>
  </si>
  <si>
    <t>\\acsfs\ACS\Gabriel da Silva\Contemporânea\Acessos\Evidências\</t>
  </si>
  <si>
    <t>rayaneRosilene_GenesysErro.jpg.crdownload</t>
  </si>
  <si>
    <t>\\acsfs\ACS\Gabriel da Silva\Contemporânea\Acessos\Evidências\rayaneRosilene_GenesysErro.jpg.crdownload</t>
  </si>
  <si>
    <t>rayaneRosilene_GenesysErro.jpg:Zone.Identifier</t>
  </si>
  <si>
    <t>\\acsfs\ACS\Gabriel da Silva\Contemporânea\Acessos\Evidências\rayaneRosilene_GenesysErro.jpg:Zone.Identifier</t>
  </si>
  <si>
    <t>c9e8762d-204c-4c09-9880-ec0af430b77c.tmp</t>
  </si>
  <si>
    <t>\\acsfs\profiles$\gabriellalpr\Downloads\c9e8762d-204c-4c09-9880-ec0af430b77c.tmp</t>
  </si>
  <si>
    <t>7ea339b5-b992-48b5-99b7-51a3f63dc266.tmp</t>
  </si>
  <si>
    <t>\\acsfs\profiles$\antoniosva\Downloads\7ea339b5-b992-48b5-99b7-51a3f63dc266.tmp</t>
  </si>
  <si>
    <t>ca2b0b07-9c86-4207-8168-e03a6b47581c.tmp</t>
  </si>
  <si>
    <t>\\acsfs\profiles$\francislayneads\Downloads\ca2b0b07-9c86-4207-8168-e03a6b47581c.tmp</t>
  </si>
  <si>
    <t>JONATHAN WILLIAM ALVES PEREIRA_1_6775101439672914058_1_32.wav</t>
  </si>
  <si>
    <t>\\acsfs\Deptos\EDUCACAO EMPRESARIAL\KÉSIA\Ligações 1º Ciclo - Janeiro 2020\JONATHAN WILLIAM ALVES PEREIRA_1_6775101439672914058_1_32.wav</t>
  </si>
  <si>
    <t>0edbe344-5257-4d66-9f04-711b9bb5b735.tmp</t>
  </si>
  <si>
    <t>\\acsfs\profiles$\paulovadc\Downloads\0edbe344-5257-4d66-9f04-711b9bb5b735.tmp</t>
  </si>
  <si>
    <t>6433e825-1242-4a63-9046-9ee7b16b21a2.tmp</t>
  </si>
  <si>
    <t>\\acsfs\profiles$\rafaelahpn\Downloads\6433e825-1242-4a63-9046-9ee7b16b21a2.tmp</t>
  </si>
  <si>
    <t>\\acsfs\ACS\001 - Qualidade Lilian\ELIANE\</t>
  </si>
  <si>
    <t>RELATORIO EXCEL.xls</t>
  </si>
  <si>
    <t>\\acsfs\ACS\001 - Qualidade Lilian\ELIANE\RELATORIO EXCEL.xls</t>
  </si>
  <si>
    <t>1d61c84f-5abb-445f-9ea8-3fc043cc256b.tmp</t>
  </si>
  <si>
    <t>\\acsfs\profiles$\milenaas\Downloads\1d61c84f-5abb-445f-9ea8-3fc043cc256b.tmp</t>
  </si>
  <si>
    <t>f66cd7bd-ee04-4e25-b97d-5cbeedc2e0cf.tmp</t>
  </si>
  <si>
    <t>\\acsfs\profiles$\LUCASBS\Downloads\f66cd7bd-ee04-4e25-b97d-5cbeedc2e0cf.tmp</t>
  </si>
  <si>
    <t>c6ecbbc5-c331-4e41-bb52-83b286114600.tmp</t>
  </si>
  <si>
    <t>\\acsfs\profiles$\isabellegtds\Downloads\c6ecbbc5-c331-4e41-bb52-83b286114600.tmp</t>
  </si>
  <si>
    <t>413a4b04-00d4-4d0a-905a-8acf4f419df5.tmp</t>
  </si>
  <si>
    <t>\\acsfs\profiles$\felipetds\Downloads\413a4b04-00d4-4d0a-905a-8acf4f419df5.tmp</t>
  </si>
  <si>
    <t>459428f3-7017-426b-bacc-0df754ab5c29.tmp</t>
  </si>
  <si>
    <t>\\acsfs\profiles$\ROZENCAM\Downloads\459428f3-7017-426b-bacc-0df754ab5c29.tmp</t>
  </si>
  <si>
    <t>7e97eeb5-0dd5-481d-84e2-2a31b7c5ca66.tmp</t>
  </si>
  <si>
    <t>\\acsfs\profiles$\gabrielafs\Downloads\7e97eeb5-0dd5-481d-84e2-2a31b7c5ca66.tmp</t>
  </si>
  <si>
    <t>lu1696412mg03.tmp</t>
  </si>
  <si>
    <t>\\acsfs\profiles$\CLAUDIAJCA\lu1696412mg03.tmp</t>
  </si>
  <si>
    <t>\\acsfs\profiles$\CLAUDIAJCA\lu1696412mg03.tmp\</t>
  </si>
  <si>
    <t>\\acsfs\profiles$\CLAUDIAJCA\lu1696412mg03.tmp\META-INF\</t>
  </si>
  <si>
    <t>\\acsfs\profiles$\CLAUDIAJCA\lu1696412mg03.tmp\Thumbnails\</t>
  </si>
  <si>
    <t>outlook.office.com/owa/service.svc?action=CreateItem&amp;app=Mail&amp;n=202</t>
  </si>
  <si>
    <t>andrelpsa@algartech.com;bvs-gestorescentral@bv.com.br;eliane.martins@bv.com.br;janaina.pereira@bv.com.br;jose.gomes@bv.com.br;robsonams@algartech.com;</t>
  </si>
  <si>
    <t>andrelpsa@algartech.com,bvs-gestorescentral@bv.com.br,eliane.martins@bv.com.br,janaina.pereira@bv.com.br,jose.gomes@bv.com.br,robsonams@algartech.com</t>
  </si>
  <si>
    <t>6f2e46fd-0a23-4c90-aa43-5225a1be8a47.tmp</t>
  </si>
  <si>
    <t>\\acsfs\profiles$\rafaelahpn\Downloads\6f2e46fd-0a23-4c90-aa43-5225a1be8a47.tmp</t>
  </si>
  <si>
    <t>Nice 06.xls</t>
  </si>
  <si>
    <t>\\acsfs\ACS\001 - Qualidade Lilian\PAULO\FAROL DE QUALIDADE\Janeiro\Nice 06.xls</t>
  </si>
  <si>
    <t>LUANA ROSA DE ALMEIDA_1_6775455615561041611_1_32.wav</t>
  </si>
  <si>
    <t>\\acsfs\Deptos\EDUCACAO EMPRESARIAL\KÉSIA\Ligações 1º Ciclo - Janeiro 2020\LUANA ROSA DE ALMEIDA_1_6775455615561041611_1_32.wav</t>
  </si>
  <si>
    <t>outlook.office.com/owa/service.svc?action=CreateItem&amp;app=Mail&amp;n=220</t>
  </si>
  <si>
    <t>45809dc7-ebb5-42ac-9412-d82f31a3cd7a.tmp</t>
  </si>
  <si>
    <t>\\acsfs\profiles$\rafaelahpn\Downloads\45809dc7-ebb5-42ac-9412-d82f31a3cd7a.tmp</t>
  </si>
  <si>
    <t>5c622355-22cc-4fc4-9d2d-e495517afae3.tmp</t>
  </si>
  <si>
    <t>\\acsfs\profiles$\rafaelahpn\Downloads\5c622355-22cc-4fc4-9d2d-e495517afae3.tmp</t>
  </si>
  <si>
    <t>581727dc-0908-46f7-9512-8c98af1e5d54.tmp</t>
  </si>
  <si>
    <t>\\acsfs\profiles$\luanarda\Downloads\581727dc-0908-46f7-9512-8c98af1e5d54.tmp</t>
  </si>
  <si>
    <t>90edfe00-a81f-4537-99ac-9c9638ce80c4.tmp</t>
  </si>
  <si>
    <t>\\acsfs\profiles$\lucasgpe\Downloads\90edfe00-a81f-4537-99ac-9c9638ce80c4.tmp</t>
  </si>
  <si>
    <t>c29c3856-8506-4507-af4c-cff5f36bb880.tmp</t>
  </si>
  <si>
    <t>\\acsfs\profiles$\inarajst\Downloads\c29c3856-8506-4507-af4c-cff5f36bb880.tmp</t>
  </si>
  <si>
    <t>87fd29f7-d5d9-48b1-906f-730fb0b73d52.tmp</t>
  </si>
  <si>
    <t>\\acsfs\profiles$\inarajst\Downloads\87fd29f7-d5d9-48b1-906f-730fb0b73d52.tmp</t>
  </si>
  <si>
    <t>a0c1000d-501d-423f-9b0e-4e19e20fd025.tmp</t>
  </si>
  <si>
    <t>\\acsfs\profiles$\laianear\Downloads\a0c1000d-501d-423f-9b0e-4e19e20fd025.tmp</t>
  </si>
  <si>
    <t>0071dbb2-696c-4d32-b70f-84164ee6191d.tmp</t>
  </si>
  <si>
    <t>\\acsfs\profiles$\Flaviojmm\Downloads\0071dbb2-696c-4d32-b70f-84164ee6191d.tmp</t>
  </si>
  <si>
    <t>lu14796za7pk.tmp</t>
  </si>
  <si>
    <t>\\acsfs\profiles$\victoriaksr\Downloads\lu14796za7pk.tmp</t>
  </si>
  <si>
    <t>http:///batch?%24ct=multipart%2Fmixed%3B%20boundary%3D%22%3D%3D%3D%3D%3Dbpafo568z9z3%3D%3D%3D%3D%3D%22&amp;key=AIzaSyAy9VVXHSpS2IJpptzYtGbLP3-3_l0aBk4</t>
  </si>
  <si>
    <t>http:///batch?%24ct=multipart%2Fmixed%3B%20boundary%3D%22%3D%3D%3D%3D%3Ddt2a1haqkr6w%3D%3D%3D%3D%3D%22&amp;key=AIzaSyAy9VVXHSpS2IJpptzYtGbLP3-3_l0aBk4</t>
  </si>
  <si>
    <t>ancestorhasaugmentedpermissions;containsunsubscribedchildren;copyable;displayname;domain;emailaddress;explicitlytrashed;filesize;hasthumbnail;hasvisitorpermissions;id;id);items(kind;ken;lastmodifyinguser(kind;lastviewedbymedate;mimetype;modifiedbymedate;modifieddate;ontainsunsubscribedchildren;owners(kind;permission;permissionid;picture;quotabytesused;shareable;shared;sharedwithmedate;thumbnailversion;title;userpermission(role);workspaceids;</t>
  </si>
  <si>
    <t>http://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,permissionid,picture,quotabytesused,shareable,shared,sharedwithmedate,thumbnailversion,title,userpermission(role),workspaceids</t>
  </si>
  <si>
    <t>KIT_PRE_DESLIG_PEDIDO_DEMISSAO_AUSENTE_100707_NATHALIA DIAS FERNANDES.pdf</t>
  </si>
  <si>
    <t>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,permissionid,picture,quotabytesused,shareable,shared,sharedwithmedate,thumbnailversion,title,userpermission(role),workspaceids</t>
  </si>
  <si>
    <t>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;permissionid;picture;quotabytesused;shareable;shared;sharedwithmedate;thumbnailversion;title;userpermission(role);workspaceids;</t>
  </si>
  <si>
    <t>http://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,permissionid,picture,quotabytesused,shareable,shared,sharedwithmedate,thumbnailversion,title,userpermission(role),workspaceids</t>
  </si>
  <si>
    <t>http:///batch?%24ct=multipart%2Fmixed%3B%20boundary%3D%22%3D%3D%3D%3D%3Dp0vob6w0rucm%3D%3D%3D%3D%3D%22&amp;key=AIzaSyAy9VVXHSpS2IJpptzYtGbLP3-3_l0aBk4</t>
  </si>
  <si>
    <t>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;permission;permissionid;picture;quotabytesused;rpermissions;shareable;shared;sharedwithmedate;thumbnailversion;title;userpermission(role);workspaceids;</t>
  </si>
  <si>
    <t>http://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,permission,permissionid,picture,quotabytesused,rpermissions,shareable,shared,sharedwithmedate,thumbnailversion,title,userpermission(role),workspaceids</t>
  </si>
  <si>
    <t>http:///batch?%24ct=multipart%2Fmixed%3B%20boundary%3D%22%3D%3D%3D%3D%3D299c9xph5yit%3D%3D%3D%3D%3D%22&amp;key=AIzaSyAy9VVXHSpS2IJpptzYtGbLP3-3_l0aBk4</t>
  </si>
  <si>
    <t>http:///batch?%24ct=multipart%2Fmixed%3B%20boundary%3D%22%3D%3D%3D%3D%3D3n9w02tk8koo%3D%3D%3D%3D%3D%22&amp;key=AIzaSyAy9VVXHSpS2IJpptzYtGbLP3-3_l0aBk4</t>
  </si>
  <si>
    <t>334b1769-191d-448b-96e1-56590b1984da.tmp</t>
  </si>
  <si>
    <t>\\acsfs\profiles$\leticiala\Downloads\334b1769-191d-448b-96e1-56590b1984da.tmp</t>
  </si>
  <si>
    <t>ANA CLARA MORAES SILVEIRA_1_6774856287234632014_1_32.wav</t>
  </si>
  <si>
    <t>\\acsfs\Deptos\EDUCACAO EMPRESARIAL\KÉSIA\Ligações 1º Ciclo - Janeiro 2020\ANA CLARA MORAES SILVEIRA_1_6774856287234632014_1_32.wav</t>
  </si>
  <si>
    <t>85957670-4f85-43ca-b7f8-3448e9366c71.tmp</t>
  </si>
  <si>
    <t>\\acsfs\profiles$\quindaizaagds\Downloads\85957670-4f85-43ca-b7f8-3448e9366c71.tmp</t>
  </si>
  <si>
    <t>http:///batch?%24ct=multipart%2Fmixed%3B%20boundary%3D%22%3D%3D%3D%3D%3D7e41bp1zzvkv%3D%3D%3D%3D%3D%22&amp;key=AIzaSyAy9VVXHSpS2IJpptzYtGbLP3-3_l0aBk4</t>
  </si>
  <si>
    <t>http:///batch?%24ct=multipart%2Fmixed%3B%20boundary%3D%22%3D%3D%3D%3D%3D4erhlnx7xa0q%3D%3D%3D%3D%3D%22&amp;key=AIzaSyAy9VVXHSpS2IJpptzYtGbLP3-3_l0aBk4</t>
  </si>
  <si>
    <t>http:///batch?%24ct=multipart%2Fmixed%3B%20boundary%3D%22%3D%3D%3D%3D%3D7u3cjbwxmvdo%3D%3D%3D%3D%3D%22&amp;key=AIzaSyAy9VVXHSpS2IJpptzYtGbLP3-3_l0aBk4</t>
  </si>
  <si>
    <t>http:///batch?%24ct=multipart%2Fmixed%3B%20boundary%3D%22%3D%3D%3D%3D%3Dtrvufe714ipy%3D%3D%3D%3D%3D%22&amp;key=AIzaSyAy9VVXHSpS2IJpptzYtGbLP3-3_l0aBk4</t>
  </si>
  <si>
    <t>ancest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;permission;permissionid;pictu;picture;quotabytesused;rpermissions;shareable;shared;sharedwithmedate;thumbnailversion;title;userpermission(role);workspaceids;</t>
  </si>
  <si>
    <t>http://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,permission,permissionid,pictu,picture,quotabytesused,rpermissions,shareable,shared,sharedwithmedate,thumbnailversion,title,userpermission(role),workspaceids</t>
  </si>
  <si>
    <t>http:///batch?%24ct=multipart%2Fmixed%3B%20boundary%3D%22%3D%3D%3D%3D%3D6r9kw3ezdjze%3D%3D%3D%3D%3D%22&amp;key=AIzaSyAy9VVXHSpS2IJpptzYtGbLP3-3_l0aBk4</t>
  </si>
  <si>
    <t>http:///batch?%24ct=multipart%2Fmixed%3B%20boundary%3D%22%3D%3D%3D%3D%3Dx6uibvw3y2du%3D%3D%3D%3D%3D%22&amp;key=AIzaSyAy9VVXHSpS2IJpptzYtGbLP3-3_l0aBk4</t>
  </si>
  <si>
    <t>http:///batch?%24ct=multipart%2Fmixed%3B%20boundary%3D%22%3D%3D%3D%3D%3Dk51vmu8nllc4%3D%3D%3D%3D%3D%22&amp;key=AIzaSyAy9VVXHSpS2IJpptzYtGbLP3-3_l0aBk4</t>
  </si>
  <si>
    <t>2f5_u x-goog-authuser: 0 --=====k51vmu8nllc4=====--;ancest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;permission;permissionid;pictu;picture;quotabytesused;rpermissions;shareable;shared;sharedwithmedate;thumbnailversion;title;userpermission(role);workspaceids;</t>
  </si>
  <si>
    <t>http://2f5_u x-goog-authuser: 0 --=====k51vmu8nllc4=====-- ,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,permission,permissionid,pictu,picture,quotabytesused,rpermissions,shareable,shared,sharedwithmedate,thumbnailversion,title,userpermission(role),workspaceids</t>
  </si>
  <si>
    <t>C:\Users\luizffn\Downloads\</t>
  </si>
  <si>
    <t>PENDENCIAS VALORES-CHAMADOS.xlsx</t>
  </si>
  <si>
    <t>\\acsfs\ACS\Gabriel da Silva\Contemporânea\BDBV\422DA86C.tmp\</t>
  </si>
  <si>
    <t>\\acsfs\ACS\Gabriel da Silva\Contemporânea\BDBV\422DA86C.tmp\:Zone.Identifier:$DATA</t>
  </si>
  <si>
    <t>\\acsfs\ACS\Gabriel da Silva\Contemporânea\BDBV\Banco de Dados BV.xlsx\</t>
  </si>
  <si>
    <t>\\acsfs\ACS\Gabriel da Silva\Contemporânea\BDBV\Banco de Dados BV.xlsx</t>
  </si>
  <si>
    <t>Banco de Dados BV.xlsx</t>
  </si>
  <si>
    <t>http:///batch?%24ct=multipart%2Fmixed%3B%20boundary%3D%22%3D%3D%3D%3D%3D57703jrneu7b%3D%3D%3D%3D%3D%22&amp;key=AIzaSyAy9VVXHSpS2IJpptzYtGbLP3-3_l0aBk4</t>
  </si>
  <si>
    <t>"languagecode":"pt-br";"requesttype":"background_request";"scenariotype;"timezone":"-03:00";ancestorhasaugment;ancestorhasaugmentedpermissions;containsunsubscribedchildren;displayname;domain;emailaddress;ess"}};expl;filesize;hasthumbnail;hasvisitorpermissions;id;id);items(kind;ken;lastmodifyinguser(kind;lastviewedbymedate;modifiedbymedate;modifieddate;ontainsunsubscribedchildren;owners(kind;p";permissionid;picture;shared;sharedwithmedate;thumbnailversion;title;userpermission(role);workspaceids;</t>
  </si>
  <si>
    <t>http://"languagecode":"pt-br","requesttype":"background_request","scenariotype,"timezone":"-03:00",ancestorhasaugment,ancestorhasaugmentedpermissions,containsunsubscribedchildren,displayname,domain,emailaddress,ess"}},expl,filesize,hasthumbnail,hasvisitorpermissions,id,id),items(kind,ken,lastmodifyinguser(kind,lastviewedbymedate,modifiedbymedate,modifieddate,ontainsunsubscribedchildren,owners(kind,p",permissionid,picture,shared,sharedwithmedate,thumbnailversion,title,userpermission(role),workspaceids</t>
  </si>
  <si>
    <t>"languagecode":"pt-br","requesttype":"background_request","scenariotype,"timezone":"-03:00",ancestorhasaugment,ancestorhasaugmentedpermissions,containsunsubscribedchildren,displayname,domain,emailaddress,ess"}},expl,filesize,hasthumbnail,hasvisitorpermissions,id,id),items(kind,ken,lastmodifyinguser(kind,lastviewedbymedate,modifiedbymedate,modifieddate,ontainsunsubscribedchildren,owners(kind,p",permissionid,picture,shared,sharedwithmedate,thumbnailversion,title,userpermission(role),workspaceids</t>
  </si>
  <si>
    <t>"languagecode":"pt-br";"requesttype":"background_request";"scenariotype;"timezone":"-03:00";ancestorhasaugment;ancestorhasaugmentedpermissions;containsunsubscribedchildren;displayname;domain;emailaddress;ess"}};expl;file(kind;fileid;filesize;hasthumbnail;hasvisitorpermissions;id;id);items(deleted;items(kin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background_request","scenariotype,"timezone":"-03:00",ancestorhasaugment,ancestorhasaugmentedpermissions,containsunsubscribedchildren,displayname,domain,emailaddress,ess"}},expl,file(kind,fileid,filesize,hasthumbnail,hasvisitorpermissions,id,id),items(deleted,items(kin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vjrohn43cov4%3D%3D%3D%3D%3D%22&amp;key=AIzaSyAy9VVXHSpS2IJpptzYtGbLP3-3_l0aBk4</t>
  </si>
  <si>
    <t>http:///batch?%24ct=multipart%2Fmixed%3B%20boundary%3D%22%3D%3D%3D%3D%3Dmntc4in4iyf8%3D%3D%3D%3D%3D%22&amp;key=AIzaSyAy9VVXHSpS2IJpptzYtGbLP3-3_l0aBk4</t>
  </si>
  <si>
    <t>http:///batch?%24ct=multipart%2Fmixed%3B%20boundary%3D%22%3D%3D%3D%3D%3Dbqtrm61cbois%3D%3D%3D%3D%3D%22&amp;key=AIzaSyAy9VVXHSpS2IJpptzYtGbLP3-3_l0aBk4</t>
  </si>
  <si>
    <t>"languagecode":"pt-br";"requesttype":"background_request";"scenariotype;"timezone":"-03:00";ancest;ancestorhasaugment;ancestorhasaugmentedpermissions;containsunsubscribedchildren;displayname;domain;emailaddress;ess"}};expl;file(kind;fileid;filesize;hasthumbnail;hasvisitorpermissions;id;id);items(deleted;items(kind;ken;kind;lastmodifyinguser(kind;lastviewedbymedate;modifiedbymedate;modifieddate;ontainsunsubscribedchildren;owners(kind;p";per;permissionid;pictu;picture;rpermissions;shared;sharedwithmedate;thumbnailversion;title;userpermission(role);workspaceids;</t>
  </si>
  <si>
    <t>http://"languagecode":"pt-br","requesttype":"background_request","scenariotype,"timezone":"-03:00",ancest,ancestorhasaugment,ancestorhasaugmentedpermissions,containsunsubscribedchildren,displayname,domain,emailaddress,ess"}},expl,file(kind,fileid,filesize,hasthumbnail,hasvisitorpermissions,id,id),items(deleted,items(kind,ken,kind,lastmodifyinguser(kind,lastviewedbymedate,modifiedbymedate,modifieddate,ontainsunsubscribedchildren,owners(kind,p",per,permissionid,pictu,picture,rpermissions,shared,sharedwithmedate,thumbnailversion,title,userpermission(role),workspaceids</t>
  </si>
  <si>
    <t>http:///batch?%24ct=multipart%2Fmixed%3B%20boundary%3D%22%3D%3D%3D%3D%3Dhm6qw2g00jja%3D%3D%3D%3D%3D%22&amp;key=AIzaSyAy9VVXHSpS2IJpptzYtGbLP3-3_l0aBk4</t>
  </si>
  <si>
    <t>http:///batch?%24ct=multipart%2Fmixed%3B%20boundary%3D%22%3D%3D%3D%3D%3Dg6bown1r6ot%3D%3D%3D%3D%3D%22&amp;key=AIzaSyAy9VVXHSpS2IJpptzYtGbLP3-3_l0aBk4</t>
  </si>
  <si>
    <t>http:///batch?%24ct=multipart%2Fmixed%3B%20boundary%3D%22%3D%3D%3D%3D%3Drwnvb65fl1e9%3D%3D%3D%3D%3D%22&amp;key=AIzaSyAy9VVXHSpS2IJpptzYtGbLP3-3_l0aBk4</t>
  </si>
  <si>
    <t>http:///batch?%24ct=multipart%2Fmixed%3B%20boundary%3D%22%3D%3D%3D%3D%3Drww4hrw19zoo%3D%3D%3D%3D%3D%22&amp;key=AIzaSyAy9VVXHSpS2IJpptzYtGbLP3-3_l0aBk4</t>
  </si>
  <si>
    <t>http:///batch?%24ct=multipart%2Fmixed%3B%20boundary%3D%22%3D%3D%3D%3D%3Din15xyup08wa%3D%3D%3D%3D%3D%22&amp;key=AIzaSyAy9VVXHSpS2IJpptzYtGbLP3-3_l0aBk4</t>
  </si>
  <si>
    <t>http:///batch?%24ct=multipart%2Fmixed%3B%20boundary%3D%22%3D%3D%3D%3D%3D6ovc549dmnl%3D%3D%3D%3D%3D%22&amp;key=AIzaSyAy9VVXHSpS2IJpptzYtGbLP3-3_l0aBk4</t>
  </si>
  <si>
    <t>http:///batch?%24ct=multipart%2Fmixed%3B%20boundary%3D%22%3D%3D%3D%3D%3Dvdok9fwiznlg%3D%3D%3D%3D%3D%22&amp;key=AIzaSyAy9VVXHSpS2IJpptzYtGbLP3-3_l0aBk4</t>
  </si>
  <si>
    <t>http:///batch?%24ct=multipart%2Fmixed%3B%20boundary%3D%22%3D%3D%3D%3D%3D42ckpcqde2xu%3D%3D%3D%3D%3D%22&amp;key=AIzaSyAy9VVXHSpS2IJpptzYtGbLP3-3_l0aBk4</t>
  </si>
  <si>
    <t>bbc370e3-256c-4743-b787-556918a7884c.tmp</t>
  </si>
  <si>
    <t>\\acsfs\profiles$\mariajra\Downloads\bbc370e3-256c-4743-b787-556918a7884c.tmp</t>
  </si>
  <si>
    <t>\\acsfs\ACS\Gabriel da Silva\Contemporânea\BDBV\3F450193.tmp\</t>
  </si>
  <si>
    <t>\\acsfs\ACS\Gabriel da Silva\Contemporânea\BDBV\3F450193.tmp\:Zone.Identifier:$DATA</t>
  </si>
  <si>
    <t>\\acsfs\ACS\Gabriel da Silva\Contemporânea\BDBV\8C766B46.tmp\</t>
  </si>
  <si>
    <t>\\acsfs\ACS\Gabriel da Silva\Contemporânea\BDBV\8C766B46.tmp\:Zone.Identifier:$DATA</t>
  </si>
  <si>
    <t>http:///batch?%24ct=multipart%2Fmixed%3B%20boundary%3D%22%3D%3D%3D%3D%3Dic1vndxzsmo3%3D%3D%3D%3D%3D%22&amp;key=AIzaSyAy9VVXHSpS2IJpptzYtGbLP3-3_l0aBk4</t>
  </si>
  <si>
    <t>http:///batch?%24ct=multipart%2Fmixed%3B%20boundary%3D%22%3D%3D%3D%3D%3Df09jaaorc7f9%3D%3D%3D%3D%3D%22&amp;key=AIzaSyAy9VVXHSpS2IJpptzYtGbLP3-3_l0aBk4</t>
  </si>
  <si>
    <t>http:///batch?%24ct=multipart%2Fmixed%3B%20boundary%3D%22%3D%3D%3D%3D%3Dwmanyixraf56%3D%3D%3D%3D%3D%22&amp;key=AIzaSyAy9VVXHSpS2IJpptzYtGbLP3-3_l0aBk4</t>
  </si>
  <si>
    <t>http:///batch?%24ct=multipart%2Fmixed%3B%20boundary%3D%22%3D%3D%3D%3D%3Dq21ne3sl1882%3D%3D%3D%3D%3D%22&amp;key=AIzaSyAy9VVXHSpS2IJpptzYtGbLP3-3_l0aBk4</t>
  </si>
  <si>
    <t>http:///batch?%24ct=multipart%2Fmixed%3B%20boundary%3D%22%3D%3D%3D%3D%3Duqmogncdi1gr%3D%3D%3D%3D%3D%22&amp;key=AIzaSyAy9VVXHSpS2IJpptzYtGbLP3-3_l0aBk4</t>
  </si>
  <si>
    <t>http:///batch?%24ct=multipart%2Fmixed%3B%20boundary%3D%22%3D%3D%3D%3D%3D182c8jq1rurs%3D%3D%3D%3D%3D%22&amp;key=AIzaSyAy9VVXHSpS2IJpptzYtGbLP3-3_l0aBk4</t>
  </si>
  <si>
    <t>http:///batch?%24ct=multipart%2Fmixed%3B%20boundary%3D%22%3D%3D%3D%3D%3Ducuarbxljhdg%3D%3D%3D%3D%3D%22&amp;key=AIzaSyAy9VVXHSpS2IJpptzYtGbLP3-3_l0aBk4</t>
  </si>
  <si>
    <t>http:///batch?%24ct=multipart%2Fmixed%3B%20boundary%3D%22%3D%3D%3D%3D%3Dihnv8ido6zc8%3D%3D%3D%3D%3D%22&amp;key=AIzaSyAy9VVXHSpS2IJpptzYtGbLP3-3_l0aBk4</t>
  </si>
  <si>
    <t>http:///batch?%24ct=multipart%2Fmixed%3B%20boundary%3D%22%3D%3D%3D%3D%3Dv157kzm7l3eb%3D%3D%3D%3D%3D%22&amp;key=AIzaSyAy9VVXHSpS2IJpptzYtGbLP3-3_l0aBk4</t>
  </si>
  <si>
    <t>http:///batch?%24ct=multipart%2Fmixed%3B%20boundary%3D%22%3D%3D%3D%3D%3D83ka7u2qn9mj%3D%3D%3D%3D%3D%22&amp;key=AIzaSyAy9VVXHSpS2IJpptzYtGbLP3-3_l0aBk4</t>
  </si>
  <si>
    <t>http:///batch?%24ct=multipart%2Fmixed%3B%20boundary%3D%22%3D%3D%3D%3D%3Dyrck6ko311dt%3D%3D%3D%3D%3D%22&amp;key=AIzaSyAy9VVXHSpS2IJpptzYtGbLP3-3_l0aBk4</t>
  </si>
  <si>
    <t>http:///batch?%24ct=multipart%2Fmixed%3B%20boundary%3D%22%3D%3D%3D%3D%3Dvn19osyopgz2%3D%3D%3D%3D%3D%22&amp;key=AIzaSyAy9VVXHSpS2IJpptzYtGbLP3-3_l0aBk4</t>
  </si>
  <si>
    <t>http:///batch?%24ct=multipart%2Fmixed%3B%20boundary%3D%22%3D%3D%3D%3D%3Da663hy17vba0%3D%3D%3D%3D%3D%22&amp;key=AIzaSyAy9VVXHSpS2IJpptzYtGbLP3-3_l0aBk4</t>
  </si>
  <si>
    <t>http:///batch?%24ct=multipart%2Fmixed%3B%20boundary%3D%22%3D%3D%3D%3D%3Ddf8qj0b2luay%3D%3D%3D%3D%3D%22&amp;key=AIzaSyAy9VVXHSpS2IJpptzYtGbLP3-3_l0aBk4</t>
  </si>
  <si>
    <t>http:///batch?%24ct=multipart%2Fmixed%3B%20boundary%3D%22%3D%3D%3D%3D%3D80zirsm0hb8x%3D%3D%3D%3D%3D%22&amp;key=AIzaSyAy9VVXHSpS2IJpptzYtGbLP3-3_l0aBk4</t>
  </si>
  <si>
    <t>http:///batch?%24ct=multipart%2Fmixed%3B%20boundary%3D%22%3D%3D%3D%3D%3Dqxl8rer841r9%3D%3D%3D%3D%3D%22&amp;key=AIzaSyAy9VVXHSpS2IJpptzYtGbLP3-3_l0aBk4</t>
  </si>
  <si>
    <t>http:///batch?%24ct=multipart%2Fmixed%3B%20boundary%3D%22%3D%3D%3D%3D%3Decklk6q9jv8k%3D%3D%3D%3D%3D%22&amp;key=AIzaSyAy9VVXHSpS2IJpptzYtGbLP3-3_l0aBk4</t>
  </si>
  <si>
    <t>http:///batch?%24ct=multipart%2Fmixed%3B%20boundary%3D%22%3D%3D%3D%3D%3Ddhz5bnfpzo5q%3D%3D%3D%3D%3D%22&amp;key=AIzaSyAy9VVXHSpS2IJpptzYtGbLP3-3_l0aBk4</t>
  </si>
  <si>
    <t>http:///batch?%24ct=multipart%2Fmixed%3B%20boundary%3D%22%3D%3D%3D%3D%3Dl77hx3zcpbi1%3D%3D%3D%3D%3D%22&amp;key=AIzaSyAy9VVXHSpS2IJpptzYtGbLP3-3_l0aBk4</t>
  </si>
  <si>
    <t>http:///batch?%24ct=multipart%2Fmixed%3B%20boundary%3D%22%3D%3D%3D%3D%3Diz6j2pecxfms%3D%3D%3D%3D%3D%22&amp;key=AIzaSyAy9VVXHSpS2IJpptzYtGbLP3-3_l0aBk4</t>
  </si>
  <si>
    <t>http:///batch?%24ct=multipart%2Fmixed%3B%20boundary%3D%22%3D%3D%3D%3D%3Dnfefu378uknk%3D%3D%3D%3D%3D%22&amp;key=AIzaSyAy9VVXHSpS2IJpptzYtGbLP3-3_l0aBk4</t>
  </si>
  <si>
    <t>83e8af5c-5f2e-40c8-97ba-f573d293a5c2.tmp</t>
  </si>
  <si>
    <t>\\acsfs\profiles$\leticiala\Downloads\83e8af5c-5f2e-40c8-97ba-f573d293a5c2.tmp</t>
  </si>
  <si>
    <t>JOAO VITOR ALVES LIMA (21).contact</t>
  </si>
  <si>
    <t>\\acsfs\profiles$\JOAOVAL\Contacts\JOAO VITOR ALVES LIMA (21).contact</t>
  </si>
  <si>
    <t>11ac840e-8ed3-4e2c-b5f0-e8780a95ec06.tmp</t>
  </si>
  <si>
    <t>\\acsfs\profiles$\JOAOVAL\Downloads\11ac840e-8ed3-4e2c-b5f0-e8780a95ec06.tmp</t>
  </si>
  <si>
    <t>35400f5f-4a65-4b44-9587-37fdebec0f27.tmp</t>
  </si>
  <si>
    <t>\\acsfs\profiles$\JOAOVAL\Downloads\35400f5f-4a65-4b44-9587-37fdebec0f27.tmp</t>
  </si>
  <si>
    <t>fbfea7d4-efd2-4913-b854-2099d5b16e7f.tmp</t>
  </si>
  <si>
    <t>\\acsfs\profiles$\JOAOVAL\Downloads\fbfea7d4-efd2-4913-b854-2099d5b16e7f.tmp</t>
  </si>
  <si>
    <t>058c64ed-3ea5-46a9-974c-6c683c2527dd.tmp</t>
  </si>
  <si>
    <t>\\acsfs\profiles$\ROZENCAM\Downloads\058c64ed-3ea5-46a9-974c-6c683c2527dd.tmp</t>
  </si>
  <si>
    <t>6af58015-e904-4545-a64e-3e1e0b9100c6.tmp</t>
  </si>
  <si>
    <t>\\acsfs\profiles$\luizffn\Downloads\6af58015-e904-4545-a64e-3e1e0b9100c6.tmp</t>
  </si>
  <si>
    <t>\\acsfs\profiles$\luizffn\Downloads\6af58015-e904-4545-a64e-3e1e0b9100c6.tmp\ppt\media\</t>
  </si>
  <si>
    <t>image1.png</t>
  </si>
  <si>
    <t>image3.png</t>
  </si>
  <si>
    <t>image9.png</t>
  </si>
  <si>
    <t>\\acsfs\profiles$\luizffn\Downloads\6af58015-e904-4545-a64e-3e1e0b9100c6.tmp\ppt\</t>
  </si>
  <si>
    <t>presentation.xml</t>
  </si>
  <si>
    <t>\\acsfs\profiles$\luizffn\Downloads\6af58015-e904-4545-a64e-3e1e0b9100c6.tmp\ppt\slideLayouts\</t>
  </si>
  <si>
    <t>slideLayout1.xml</t>
  </si>
  <si>
    <t>slideLayout10.xml</t>
  </si>
  <si>
    <t>slideLayout11.xml</t>
  </si>
  <si>
    <t>slideLayout2.xml</t>
  </si>
  <si>
    <t>slideLayout3.xml</t>
  </si>
  <si>
    <t>slideLayout4.xml</t>
  </si>
  <si>
    <t>slideLayout5.xml</t>
  </si>
  <si>
    <t>slideLayout6.xml</t>
  </si>
  <si>
    <t>slideLayout7.xml</t>
  </si>
  <si>
    <t>slideLayout8.xml</t>
  </si>
  <si>
    <t>slideLayout9.xml</t>
  </si>
  <si>
    <t>\\acsfs\profiles$\luizffn\Downloads\6af58015-e904-4545-a64e-3e1e0b9100c6.tmp\ppt\slideLayouts\_rels\</t>
  </si>
  <si>
    <t>slideLayout1.xml.rels</t>
  </si>
  <si>
    <t>slideLayout10.xml.rels</t>
  </si>
  <si>
    <t>slideLayout11.xml.rels</t>
  </si>
  <si>
    <t>slideLayout2.xml.rels</t>
  </si>
  <si>
    <t>slideLayout3.xml.rels</t>
  </si>
  <si>
    <t>slideLayout4.xml.rels</t>
  </si>
  <si>
    <t>slideLayout5.xml.rels</t>
  </si>
  <si>
    <t>slideLayout6.xml.rels</t>
  </si>
  <si>
    <t>slideLayout7.xml.rels</t>
  </si>
  <si>
    <t>slideLayout8.xml.rels</t>
  </si>
  <si>
    <t>slideLayout9.xml.rels</t>
  </si>
  <si>
    <t>\\acsfs\profiles$\luizffn\Downloads\6af58015-e904-4545-a64e-3e1e0b9100c6.tmp\ppt\slideMasters\</t>
  </si>
  <si>
    <t>slideMaster1.xml</t>
  </si>
  <si>
    <t>\\acsfs\profiles$\luizffn\Downloads\6af58015-e904-4545-a64e-3e1e0b9100c6.tmp\ppt\slideMasters\_rels\</t>
  </si>
  <si>
    <t>slideMaster1.xml.rels</t>
  </si>
  <si>
    <t>\\acsfs\profiles$\luizffn\Downloads\6af58015-e904-4545-a64e-3e1e0b9100c6.tmp\ppt\slides\</t>
  </si>
  <si>
    <t>slide1.xml</t>
  </si>
  <si>
    <t>\\acsfs\profiles$\luizffn\Downloads\6af58015-e904-4545-a64e-3e1e0b9100c6.tmp\ppt\slides\_rels\</t>
  </si>
  <si>
    <t>slide1.xml.rels</t>
  </si>
  <si>
    <t>\\acsfs\profiles$\luizffn\Downloads\6af58015-e904-4545-a64e-3e1e0b9100c6.tmp\ppt\theme\</t>
  </si>
  <si>
    <t>theme1.xml</t>
  </si>
  <si>
    <t>\\acsfs\profiles$\luizffn\Downloads\6af58015-e904-4545-a64e-3e1e0b9100c6.tmp\ppt\_rels\</t>
  </si>
  <si>
    <t>presentation.xml.rels</t>
  </si>
  <si>
    <t>\\acsfs\profiles$\luizffn\Downloads\6af58015-e904-4545-a64e-3e1e0b9100c6.tmp\</t>
  </si>
  <si>
    <t>[Content_Types].xml</t>
  </si>
  <si>
    <t>\\acsfs\profiles$\luizffn\Downloads\6af58015-e904-4545-a64e-3e1e0b9100c6.tmp\_rels\</t>
  </si>
  <si>
    <t>.rels</t>
  </si>
  <si>
    <t>Não confirmado 47470.crdownload</t>
  </si>
  <si>
    <t>\\acsfs\profiles$\luizffn\Downloads\Não confirmado 47470.crdownload</t>
  </si>
  <si>
    <t>Report de entrega final.pptx:Zone.Identifier</t>
  </si>
  <si>
    <t>\\acsfs\profiles$\luizffn\Downloads\Report de entrega final.pptx:Zone.Identifier</t>
  </si>
  <si>
    <t>da5cde93-8667-4ed9-ac2a-19119577230e.tmp</t>
  </si>
  <si>
    <t>\\acsfs\profiles$\dhiulliananads\Downloads\da5cde93-8667-4ed9-ac2a-19119577230e.tmp</t>
  </si>
  <si>
    <t>LINKS DE ACESSO.txt</t>
  </si>
  <si>
    <t>\\acsfs\Deptos\Operacao\Banco_Votorantim\Comum\LINKS DE ACESSO.txt</t>
  </si>
  <si>
    <t>http:///batch?%24ct=multipart%2Fmixed%3B%20boundary%3D%22%3D%3D%3D%3D%3Dvzpo04jp4xh3%3D%3D%3D%3D%3D%22&amp;key=AIzaSyAy9VVXHSpS2IJpptzYtGbLP3-3_l0aBk4</t>
  </si>
  <si>
    <t>http:///batch?%24ct=multipart%2Fmixed%3B%20boundary%3D%22%3D%3D%3D%3D%3Dc5x1379qh0qd%3D%3D%3D%3D%3D%22&amp;key=AIzaSyAy9VVXHSpS2IJpptzYtGbLP3-3_l0aBk4</t>
  </si>
  <si>
    <t>http:///batch?%24ct=multipart%2Fmixed%3B%20boundary%3D%22%3D%3D%3D%3D%3Dsr7qj563vuz%3D%3D%3D%3D%3D%22&amp;key=AIzaSyAy9VVXHSpS2IJpptzYtGbLP3-3_l0aBk4</t>
  </si>
  <si>
    <t>e8bec158-facb-4f50-8798-6b1eb2650579.tmp</t>
  </si>
  <si>
    <t>\\acsfs\profiles$\lorenabmc\Downloads\e8bec158-facb-4f50-8798-6b1eb2650579.tmp</t>
  </si>
  <si>
    <t>Reneg Venc 08.01.xlsx</t>
  </si>
  <si>
    <t>\\acsfs\DEPTOS\Operacao\Banco_Votorantim\Supervisao\SUPERS BV CARTÕES\ADILSON\Reneg Venc 08.01.xlsx</t>
  </si>
  <si>
    <t>http:///batch?%24ct=multipart%2Fmixed%3B%20boundary%3D%22%3D%3D%3D%3D%3Dkrl4jdv29bz9%3D%3D%3D%3D%3D%22&amp;key=AIzaSyAy9VVXHSpS2IJpptzYtGbLP3-3_l0aBk4</t>
  </si>
  <si>
    <t>http:///batch?%24ct=multipart%2Fmixed%3B%20boundary%3D%22%3D%3D%3D%3D%3D7d04jk4oyz7g%3D%3D%3D%3D%3D%22&amp;key=AIzaSyAy9VVXHSpS2IJpptzYtGbLP3-3_l0aBk4</t>
  </si>
  <si>
    <t>http:///batch?%24ct=multipart%2Fmixed%3B%20boundary%3D%22%3D%3D%3D%3D%3D9kribnkk1z6z%3D%3D%3D%3D%3D%22&amp;key=AIzaSyAy9VVXHSpS2IJpptzYtGbLP3-3_l0aBk4</t>
  </si>
  <si>
    <t>1co?fields=kind;ancestorhasaugmentedpermissions;containsunsubscribedchildren;displayname;domain;emailaddress;filesize;filesize�;hasthumbnail;hasvisitorpermissions;id);items(kind;ken;lastmodifyinguser(kind;lastviewedbymedate;modifiedbymedate;modifieddate;ontainsunsubscribedchildren;owners(kind;permiss;permission;permissionid;picture;picture�;thumbnailversion;workspaceids;</t>
  </si>
  <si>
    <t>http://1co?fields=kind,ancestorhasaugmentedpermissions,containsunsubscribedchildren,displayname,domain,emailaddress,filesize,filesize�,hasthumbnail,hasvisitorpermissions,id),items(kind,ken,lastmodifyinguser(kind,lastviewedbymedate,modifiedbymedate,modifieddate,ontainsunsubscribedchildren,owners(kind,permiss,permission,permissionid,picture,picture�,thumbnailversion,workspaceids</t>
  </si>
  <si>
    <t>http:///batch?%24ct=multipart%2Fmixed%3B%20boundary%3D%22%3D%3D%3D%3D%3Do60ljuldea5j%3D%3D%3D%3D%3D%22&amp;key=AIzaSyAy9VVXHSpS2IJpptzYtGbLP3-3_l0aBk4</t>
  </si>
  <si>
    <t>1co?fields=kind;ancestorhasaugmentedpermissions;containsunsubscribedchildren;displayname;domain;emailaddress;file(kind;fileid;filesize;filesize�;hasthumbnail;hasvisitorpermissions;id;id);items(deleted;items(kind;ken;kind;lastmodifyinguser(kind;lastviewedbymedate;modifiedbymedate;modifieddate;ontainsunsubscribedchildren;owners(kind;per;permiss;permission;permissionid;picture;picture�;shared;sharedwithmedate;thumbnailversion;title;userpermission(role);workspaceids;</t>
  </si>
  <si>
    <t>http://1co?fields=kind,ancestorhasaugmentedpermissions,containsunsubscribedchildren,displayname,domain,emailaddress,file(kind,fileid,filesize,filesize�,hasthumbnail,hasvisitorpermissions,id,id),items(deleted,items(kind,ken,kind,lastmodifyinguser(kind,lastviewedbymedate,modifiedbymedate,modifieddate,ontainsunsubscribedchildren,owners(kind,per,permiss,permission,permissionid,picture,picture�,shared,sharedwithmedate,thumbnailversion,title,userpermission(role),workspaceids</t>
  </si>
  <si>
    <t>http:///batch?%24ct=multipart%2Fmixed%3B%20boundary%3D%22%3D%3D%3D%3D%3Da8p6qn99ccjn%3D%3D%3D%3D%3D%22&amp;key=AIzaSyAy9VVXHSpS2IJpptzYtGbLP3-3_l0aBk4</t>
  </si>
  <si>
    <t>1co?fields=kind;ancestorhasaugmentedpermissions;containsunsubscribedchildren;displayname;domain;emailaddress;file(kind;fileid;filesize;filesize�;hasthumbnail;hasvisitorpermissions;id;id);items(deleted;items(kind;jn===== content-;ken;kind;lastmodifyinguser(kind;lastviewedbymedate;modifiedbymedate;modifieddate;ontainsunsubscribedchildren;owners(kind;per;permiss;permission;permissionid;picture;picture�;shared;sharedwithmedate;thumbnailversion;title;userpermission(role);workspaceids;</t>
  </si>
  <si>
    <t>http://1co?fields=kind,ancestorhasaugmentedpermissions,containsunsubscribedchildren,displayname,domain,emailaddress,file(kind,fileid,filesize,filesize�,hasthumbnail,hasvisitorpermissions,id,id),items(deleted,items(kind,jn===== content-,ken,kind,lastmodifyinguser(kind,lastviewedbymedate,modifiedbymedate,modifieddate,ontainsunsubscribedchildren,owners(kind,per,permiss,permission,permissionid,picture,picture�,shared,sharedwithmedate,thumbnailversion,title,userpermission(role),workspaceids</t>
  </si>
  <si>
    <t>http:///batch?%24ct=multipart%2Fmixed%3B%20boundary%3D%22%3D%3D%3D%3D%3Dzyy9f78gh01%3D%3D%3D%3D%3D%22&amp;key=AIzaSyAy9VVXHSpS2IJpptzYtGbLP3-3_l0aBk4</t>
  </si>
  <si>
    <t>http:///batch?%24ct=multipart%2Fmixed%3B%20boundary%3D%22%3D%3D%3D%3D%3Dipqzk59me2wv%3D%3D%3D%3D%3D%22&amp;key=AIzaSyAy9VVXHSpS2IJpptzYtGbLP3-3_l0aBk4</t>
  </si>
  <si>
    <t>http:///batch?%24ct=multipart%2Fmixed%3B%20boundary%3D%22%3D%3D%3D%3D%3Dy06rwp4tuk9w%3D%3D%3D%3D%3D%22&amp;key=AIzaSyAy9VVXHSpS2IJpptzYtGbLP3-3_l0aBk4</t>
  </si>
  <si>
    <t>http:///batch?%24ct=multipart%2Fmixed%3B%20boundary%3D%22%3D%3D%3D%3D%3D8bxb10p7t50a%3D%3D%3D%3D%3D%22&amp;key=AIzaSyAy9VVXHSpS2IJpptzYtGbLP3-3_l0aBk4</t>
  </si>
  <si>
    <t>http:///batch?%24ct=multipart%2Fmixed%3B%20boundary%3D%22%3D%3D%3D%3D%3Dj0rboy6ioxr%3D%3D%3D%3D%3D%22&amp;key=AIzaSyAy9VVXHSpS2IJpptzYtGbLP3-3_l0aBk4</t>
  </si>
  <si>
    <t>http:///batch?%24ct=multipart%2Fmixed%3B%20boundary%3D%22%3D%3D%3D%3D%3Dpnfdc2or5hpf%3D%3D%3D%3D%3D%22&amp;key=AIzaSyAy9VVXHSpS2IJpptzYtGbLP3-3_l0aBk4</t>
  </si>
  <si>
    <t>http:///batch?%24ct=multipart%2Fmixed%3B%20boundary%3D%22%3D%3D%3D%3D%3De8wx3n17thxd%3D%3D%3D%3D%3D%22&amp;key=AIzaSyAy9VVXHSpS2IJpptzYtGbLP3-3_l0aBk4</t>
  </si>
  <si>
    <t>http:///batch?%24ct=multipart%2Fmixed%3B%20boundary%3D%22%3D%3D%3D%3D%3Drgsh90m1dlxq%3D%3D%3D%3D%3D%22&amp;key=AIzaSyAy9VVXHSpS2IJpptzYtGbLP3-3_l0aBk4</t>
  </si>
  <si>
    <t>http:///batch?%24ct=multipart%2Fmixed%3B%20boundary%3D%22%3D%3D%3D%3D%3D91h7uj4xw0ra%3D%3D%3D%3D%3D%22&amp;key=AIzaSyAy9VVXHSpS2IJpptzYtGbLP3-3_l0aBk4</t>
  </si>
  <si>
    <t>http:///batch?%24ct=multipart%2Fmixed%3B%20boundary%3D%22%3D%3D%3D%3D%3Drkrjh7k6o280%3D%3D%3D%3D%3D%22&amp;key=AIzaSyAy9VVXHSpS2IJpptzYtGbLP3-3_l0aBk4</t>
  </si>
  <si>
    <t>http:///batch?%24ct=multipart%2Fmixed%3B%20boundary%3D%22%3D%3D%3D%3D%3D34fmwutl0pe9%3D%3D%3D%3D%3D%22&amp;key=AIzaSyAy9VVXHSpS2IJpptzYtGbLP3-3_l0aBk4</t>
  </si>
  <si>
    <t>http:///batch?%24ct=multipart%2Fmixed%3B%20boundary%3D%22%3D%3D%3D%3D%3Ds8ik5zrmdgoh%3D%3D%3D%3D%3D%22&amp;key=AIzaSyAy9VVXHSpS2IJpptzYtGbLP3-3_l0aBk4</t>
  </si>
  <si>
    <t>"languagecode":"pt-br";"requesttype":"background_request";"scenariotype;"timezone":"-03:00";ancestorhasaugmentedpermissions;containsunsubscribedchildren;displayname;domain;emailaddress;ess"}};file(kind;fileid;filesize;hasthumbnail;hasvisitorpermissions;id;id);items(delete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background_request","scenariotype,"timezone":"-03:00",ancestorhasaugmentedpermissions,containsunsubscribedchildren,displayname,domain,emailaddress,ess"}}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rkz6et5vlw8o%3D%3D%3D%3D%3D%22&amp;key=AIzaSyAy9VVXHSpS2IJpptzYtGbLP3-3_l0aBk4</t>
  </si>
  <si>
    <t>http:///batch?%24ct=multipart%2Fmixed%3B%20boundary%3D%22%3D%3D%3D%3D%3Dvimqk0icoqm3%3D%3D%3D%3D%3D%22&amp;key=AIzaSyAy9VVXHSpS2IJpptzYtGbLP3-3_l0aBk4</t>
  </si>
  <si>
    <t>http:///batch?%24ct=multipart%2Fmixed%3B%20boundary%3D%22%3D%3D%3D%3D%3Dsdwlvofqkloy%3D%3D%3D%3D%3D%22&amp;key=AIzaSyAy9VVXHSpS2IJpptzYtGbLP3-3_l0aBk4</t>
  </si>
  <si>
    <t>http:///batch?%24ct=multipart%2Fmixed%3B%20boundary%3D%22%3D%3D%3D%3D%3Da8ddl7ans734%3D%3D%3D%3D%3D%22&amp;key=AIzaSyAy9VVXHSpS2IJpptzYtGbLP3-3_l0aBk4</t>
  </si>
  <si>
    <t>http:///batch?%24ct=multipart%2Fmixed%3B%20boundary%3D%22%3D%3D%3D%3D%3D5cskik5n0upk%3D%3D%3D%3D%3D%22&amp;key=AIzaSyAy9VVXHSpS2IJpptzYtGbLP3-3_l0aBk4</t>
  </si>
  <si>
    <t>http:///batch?%24ct=multipart%2Fmixed%3B%20boundary%3D%22%3D%3D%3D%3D%3D9yjfrg67ovee%3D%3D%3D%3D%3D%22&amp;key=AIzaSyAy9VVXHSpS2IJpptzYtGbLP3-3_l0aBk4</t>
  </si>
  <si>
    <t>http:///batch?%24ct=multipart%2Fmixed%3B%20boundary%3D%22%3D%3D%3D%3D%3Dwndim7z8nvqf%3D%3D%3D%3D%3D%22&amp;key=AIzaSyAy9VVXHSpS2IJpptzYtGbLP3-3_l0aBk4</t>
  </si>
  <si>
    <t>http:///batch?%24ct=multipart%2Fmixed%3B%20boundary%3D%22%3D%3D%3D%3D%3D90q6y31urb7e%3D%3D%3D%3D%3D%22&amp;key=AIzaSyAy9VVXHSpS2IJpptzYtGbLP3-3_l0aBk4</t>
  </si>
  <si>
    <t>http:///batch?%24ct=multipart%2Fmixed%3B%20boundary%3D%22%3D%3D%3D%3D%3Dnf1ue36v2gcb%3D%3D%3D%3D%3D%22&amp;key=AIzaSyAy9VVXHSpS2IJpptzYtGbLP3-3_l0aBk4</t>
  </si>
  <si>
    <t>http:///batch?%24ct=multipart%2Fmixed%3B%20boundary%3D%22%3D%3D%3D%3D%3D8x39razg4h2z%3D%3D%3D%3D%3D%22&amp;key=AIzaSyAy9VVXHSpS2IJpptzYtGbLP3-3_l0aBk4</t>
  </si>
  <si>
    <t>"languagecode":"pt-br";"requesttype":"background_request";"scenariotype;"timezone":"-03:00"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;permissionid;picture;shared;sharedwithmedate;thumbnailversion;title;userpermission(role);workspaceids;</t>
  </si>
  <si>
    <t>http://"languagecode":"pt-br","requesttype":"background_request","scenariotype,"timezone":"-03:00"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,permissionid,picture,shared,sharedwithmedate,thumbnailversion,title,userpermission(role),workspaceids</t>
  </si>
  <si>
    <t>http:///batch?%24ct=multipart%2Fmixed%3B%20boundary%3D%22%3D%3D%3D%3D%3D529q3zwwsz2d%3D%3D%3D%3D%3D%22&amp;key=AIzaSyAy9VVXHSpS2IJpptzYtGbLP3-3_l0aBk4</t>
  </si>
  <si>
    <t>"languagecode":"pt-br";"requesttype":"background_request";"scenariotype;"timezone":"-03:00";ances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;permissionid;pict;picture;rpermissions;shared;sharedwithmedate;thumbnailversion;title;userpermission(role);workspaceids;</t>
  </si>
  <si>
    <t>http://"languagecode":"pt-br","requesttype":"background_request","scenariotype,"timezone":"-03:00",ances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,permissionid,pict,picture,rpermissions,shared,sharedwithmedate,thumbnailversion,title,userpermission(role),workspaceids</t>
  </si>
  <si>
    <t>http:///batch?%24ct=multipart%2Fmixed%3B%20boundary%3D%22%3D%3D%3D%3D%3Df271xl5zl0a%3D%3D%3D%3D%3D%22&amp;key=AIzaSyAy9VVXHSpS2IJpptzYtGbLP3-3_l0aBk4</t>
  </si>
  <si>
    <t>http:///batch?%24ct=multipart%2Fmixed%3B%20boundary%3D%22%3D%3D%3D%3D%3Ddboikmawz921%3D%3D%3D%3D%3D%22&amp;key=AIzaSyAy9VVXHSpS2IJpptzYtGbLP3-3_l0aBk4</t>
  </si>
  <si>
    <t>http:///batch?%24ct=multipart%2Fmixed%3B%20boundary%3D%22%3D%3D%3D%3D%3D60fpx6811m52%3D%3D%3D%3D%3D%22&amp;key=AIzaSyAy9VVXHSpS2IJpptzYtGbLP3-3_l0aBk4</t>
  </si>
  <si>
    <t>"[[null;0;0.5827505827505828];0.9784735812133072]]];0];0b4g7zau3a_h4eunnzjjumxnyvldmwmpxlw5retq5eefccgrv;1;1.618996222342148;10;1011\;10203409;1162434;11656.859999988228;12157.964999991236;12371.229999989737;1272;1272];1280];1280]];135;136.2749999971129;136.274ll;14034884;14036164;1578407695648000];1578407697656000;1578407697676000;1578407699481000;1578407699602000;15];18iqout_smr8yltoluhs1lx2i6k9sjbqn;1];1aptnjny12koij_dgpqxqrwi3qplpa9w5;1co";1gf1lynjocvmnyjccvqaknqg7s91lyswl;1i-d9oegnvkfd5lp10gpgre9w3xkkg0ek;1q-mnb3nmhon-h2_ku1pkvrdiwl1sgirg;1wilcwdbrbivd2qxxutowlb5dwkklofcy;1wrc0oyjyce_pgjcq9ke3fczrfrsnv6qz;2;200;200];224.743;230.3200000023935;24.021184036315493;283657575;288;2];3;3055;3365000;3413099;3413149;3421299;3];4501714;4549989;4553589;4622059;4622369;4635744;5;5173389;5180824;521947;5219479;5229874;6;611;612;629;6621229;7;7034514;713.7800000054995;717.823];8;8944;8945;9;91005];91023;91023];91025;91112;91112];91143;91143];9483;["https://clie;[1;[13]]];[15;[1578407695648000;[2;[229;[288000;[2]];[370</t>
  </si>
  <si>
    <t>http://"[[null,0,0.5827505827505828],0.9784735812133072]]],0],0b4g7zau3a_h4eunnzjjumxnyvldmwmpxlw5retq5eefccgrv,1,1.618996222342148,10,1011\,10203409,1162434,11656.859999988228,12157.964999991236,12371.229999989737,1272,1272],1280],1280]],135,136.2749999971129,136.274ll,14034884,14036164,1578407695648000],1578407697656000,1578407697676000,1578407699481000,1578407699602000,15],18iqout_smr8yltoluhs1lx2i6k9sjbqn,1],1aptnjny12koij_dgpqxqrwi3qplpa9w5,1co",1gf1lynjocvmnyjccvqaknqg7s91lyswl,1i-d9oegnvkfd5lp10gpgre9w3xkkg0ek,1q-mnb3nmhon-h2_ku1pkvrdiwl1sgirg,1wilcwdbrbivd2qxxutowlb5dwkklofcy,1wrc0oyjyce_pgjcq9ke3fczrfrsnv6qz,2,200,200],224.743,230.3200000023935,24.021184036315493,283657575,288,2],3,3055,3365000,3413099,3413149,3421299,3],4501714,4549989,4553589,4622059,4622369,4635744,5,5173389,5180824,521947,5219479,5229874,6,611,612,629,6621229,7,7034514,713.7800000054995,717.823],8,8944,8945,9,91005],91023,91023],91025,91112,91112],91143,91143],9483,["https://clie,[1,[13]]],[15,[1578407695648000,[2,[229,[288000,[2</t>
  </si>
  <si>
    <t>http:///batch?%24ct=multipart%2Fmixed%3B%20boundary%3D%22%3D%3D%3D%3D%3D8poes3dtq57n%3D%3D%3D%3D%3D%22&amp;key=AIzaSyAy9VVXHSpS2IJpptzYtGbLP3-3_l0aBk4</t>
  </si>
  <si>
    <t>http:///batch?%24ct=multipart%2Fmixed%3B%20boundary%3D%22%3D%3D%3D%3D%3Dnvkjtjg0k2vp%3D%3D%3D%3D%3D%22&amp;key=AIzaSyAy9VVXHSpS2IJpptzYtGbLP3-3_l0aBk4</t>
  </si>
  <si>
    <t>"languagecode":"pt-br";"requesttype":"background_request";"scenariotype;"timezone":"-03:00";ances;ancest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;permissionid;pict;pictu;picture;rpermissions;shared;sharedwithmedate;thumbnailversion;title;userpermission(role);workspaceids;</t>
  </si>
  <si>
    <t>http://"languagecode":"pt-br","requesttype":"background_request","scenariotype,"timezone":"-03:00",ances,ancest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,permissionid,pict,pictu,picture,rpermissions,shared,sharedwithmedate,thumbnailversion,title,userpermission(role),workspaceids</t>
  </si>
  <si>
    <t>http:///batch?%24ct=multipart%2Fmixed%3B%20boundary%3D%22%3D%3D%3D%3D%3Dtnje2d7jsi98%3D%3D%3D%3D%3D%22&amp;key=AIzaSyAy9VVXHSpS2IJpptzYtGbLP3-3_l0aBk4</t>
  </si>
  <si>
    <t>http:///batch?%24ct=multipart%2Fmixed%3B%20boundary%3D%22%3D%3D%3D%3D%3Daxw3iciig73m%3D%3D%3D%3D%3D%22&amp;key=AIzaSyAy9VVXHSpS2IJpptzYtGbLP3-3_l0aBk4</t>
  </si>
  <si>
    <t>http:///batch?%24ct=multipart%2Fmixed%3B%20boundary%3D%22%3D%3D%3D%3D%3Dxsokh732ep4r%3D%3D%3D%3D%3D%22&amp;key=AIzaSyAy9VVXHSpS2IJpptzYtGbLP3-3_l0aBk4</t>
  </si>
  <si>
    <t>http:///batch?%24ct=multipart%2Fmixed%3B%20boundary%3D%22%3D%3D%3D%3D%3D3e6znmpvpyim%3D%3D%3D%3D%3D%22&amp;key=AIzaSyAy9VVXHSpS2IJpptzYtGbLP3-3_l0aBk4</t>
  </si>
  <si>
    <t>http:///batch?%24ct=multipart%2Fmixed%3B%20boundary%3D%22%3D%3D%3D%3D%3Dx0nf7qi4c4hp%3D%3D%3D%3D%3D%22&amp;key=AIzaSyAy9VVXHSpS2IJpptzYtGbLP3-3_l0aBk4</t>
  </si>
  <si>
    <t>http:///batch?%24ct=multipart%2Fmixed%3B%20boundary%3D%22%3D%3D%3D%3D%3Drzlw8c3ikxyb%3D%3D%3D%3D%3D%22&amp;key=AIzaSyAy9VVXHSpS2IJpptzYtGbLP3-3_l0aBk4</t>
  </si>
  <si>
    <t>http:///batch?%24ct=multipart%2Fmixed%3B%20boundary%3D%22%3D%3D%3D%3D%3D9arq8uq71h1u%3D%3D%3D%3D%3D%22&amp;key=AIzaSyAy9VVXHSpS2IJpptzYtGbLP3-3_l0aBk4</t>
  </si>
  <si>
    <t>http:///batch?%24ct=multipart%2Fmixed%3B%20boundary%3D%22%3D%3D%3D%3D%3D970r42ssue0u%3D%3D%3D%3D%3D%22&amp;key=AIzaSyAy9VVXHSpS2IJpptzYtGbLP3-3_l0aBk4</t>
  </si>
  <si>
    <t>http:///batch/drive/v2internal</t>
  </si>
  <si>
    <t>"languagecode":"pt-br";"requesttype":"background_request";"scenariotype;"timezone":"-03:00";actionitems;ances;ancest;ancestorhasaugmentedpermission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emailaddress;ess"}};explicitlytrashed;file(kind;fileextension;fileid;filesize;flaggedforabuse;foldercolor;folderfeatures;hasaugmentedpermissions;haschildfolders;hasthumbnail;hasvisitorpermissions;hidden;id;id);items(deleted;items(kind;ken;kind;labels(starred;lastmodifyinguser(kind;lastviewedbymedate;mimetype;modifiedbymedate;modifieddate;ontainsunsubscribedchildren;organizationdisplayname;owners(kind;p";parents(id);passivelysubscribed;per;permissioni;permissionid;pict;pictu;picture;primarydomainname;primar</t>
  </si>
  <si>
    <t>http://"languagecode":"pt-br","requesttype":"background_request","scenariotype,"timezone":"-03:00",actionitems,ances,ancest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emailaddress,ess"}}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imetype,modifiedbymedate,modifieddate,ontainsunsubscribedchildren,organizationdisplayname,owners(kind,p",parents(id),passivelysubscribed,per,permissioni,permissionid,pict,pictu,picture,primarydomainname</t>
  </si>
  <si>
    <t>http:///batch?%24ct=multipart%2Fmixed%3B%20boundary%3D%22%3D%3D%3D%3D%3Dmxcaw8hk8jbt%3D%3D%3D%3D%3D%22&amp;key=AIzaSyAy9VVXHSpS2IJpptzYtGbLP3-3_l0aBk4</t>
  </si>
  <si>
    <t>http:///batch?%24ct=multipart%2Fmixed%3B%20boundary%3D%22%3D%3D%3D%3D%3D6a4r9limh2ib%3D%3D%3D%3D%3D%22&amp;key=AIzaSyAy9VVXHSpS2IJpptzYtGbLP3-3_l0aBk4</t>
  </si>
  <si>
    <t>http:///batch?%24ct=multipart%2Fmixed%3B%20boundary%3D%22%3D%3D%3D%3D%3Degoj7gzhr7t1%3D%3D%3D%3D%3D%22&amp;key=AIzaSyAy9VVXHSpS2IJpptzYtGbLP3-3_l0aBk4</t>
  </si>
  <si>
    <t>"languagecode":"pt-br";"requesttype":"background_request";"scenariotype;"timezone":"-03:00";actionitems;ances;ancest;ancestorhasaugmentedpe;ancestorhasaugmentedpermission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emailaddres;emailaddress;ess"}};explicitlytrashed;file(kind;fileextension;fileid;filesize;flaggedforabuse;foldercolor;folderfeatures;hasaugmentedpermissions;haschildfolders;hasthumbnail;hasvisitorpermissions;hidden;id;id);items(deleted;items(kind;ken;kind;labels(starred;lastmodifyinguser(kind;lastviewedbymedate;mimetype;modifiedbymedate;modifieddate;ontainsunsubscribedchildren;organizationdisplayname;owners(kind;p";parents(id);passivelysubscribed;per;permissioni;permissionid;pict;pic</t>
  </si>
  <si>
    <t>http://"languagecode":"pt-br","requesttype":"background_request","scenariotype,"timezone":"-03:00",actionitems,ances,ancest,ancestorhasaugmentedpe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emailaddres,emailaddress,ess"}}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imetype,modifiedbymedate,modifieddate,ontainsunsubscribedchildren,organizationdisplayname,owners(kind,p",parents(id),passivelysubscribed,per,permissioni,permissionid,p</t>
  </si>
  <si>
    <t>http:///batch?%24ct=multipart%2Fmixed%3B%20boundary%3D%22%3D%3D%3D%3D%3D34xtegaltth2%3D%3D%3D%3D%3D%22&amp;key=AIzaSyAy9VVXHSpS2IJpptzYtGbLP3-3_l0aBk4</t>
  </si>
  <si>
    <t>http:///batch?%24ct=multipart%2Fmixed%3B%20boundary%3D%22%3D%3D%3D%3D%3Dfb68crrr7urt%3D%3D%3D%3D%3D%22&amp;key=AIzaSyAy9VVXHSpS2IJpptzYtGbLP3-3_l0aBk4</t>
  </si>
  <si>
    <t>http:///batch?%24ct=multipart%2Fmixed%3B%20boundary%3D%22%3D%3D%3D%3D%3Dmhkem3coo1zj%3D%3D%3D%3D%3D%22&amp;key=AIzaSyAy9VVXHSpS2IJpptzYtGbLP3-3_l0aBk4</t>
  </si>
  <si>
    <t>http:///batch?%24ct=multipart%2Fmixed%3B%20boundary%3D%22%3D%3D%3D%3D%3Dj8opp4m2dy46%3D%3D%3D%3D%3D%22&amp;key=AIzaSyAy9VVXHSpS2IJpptzYtGbLP3-3_l0aBk4</t>
  </si>
  <si>
    <t>http:///batch?%24ct=multipart%2Fmixed%3B%20boundary%3D%22%3D%3D%3D%3D%3Du3swagwx5lgk%3D%3D%3D%3D%3D%22&amp;key=AIzaSyAy9VVXHSpS2IJpptzYtGbLP3-3_l0aBk4</t>
  </si>
  <si>
    <t>http:///batch?%24ct=multipart%2Fmixed%3B%20boundary%3D%22%3D%3D%3D%3D%3D46tek75jg02n%3D%3D%3D%3D%3D%22&amp;key=AIzaSyAy9VVXHSpS2IJpptzYtGbLP3-3_l0aBk4</t>
  </si>
  <si>
    <t>http:///batch?%24ct=multipart%2Fmixed%3B%20boundary%3D%22%3D%3D%3D%3D%3D9i9mvgpcuhuz%3D%3D%3D%3D%3D%22&amp;key=AIzaSyAy9VVXHSpS2IJpptzYtGbLP3-3_l0aBk4</t>
  </si>
  <si>
    <t>http:///batch?%24ct=multipart%2Fmixed%3B%20boundary%3D%22%3D%3D%3D%3D%3D8zyjcs627t8p%3D%3D%3D%3D%3D%22&amp;key=AIzaSyAy9VVXHSpS2IJpptzYtGbLP3-3_l0aBk4</t>
  </si>
  <si>
    <t>http:///batch?%24ct=multipart%2Fmixed%3B%20boundary%3D%22%3D%3D%3D%3D%3Dnjh7bjnb27kl%3D%3D%3D%3D%3D%22&amp;key=AIzaSyAy9VVXHSpS2IJpptzYtGbLP3-3_l0aBk4</t>
  </si>
  <si>
    <t>http:///batch?%24ct=multipart%2Fmixed%3B%20boundary%3D%22%3D%3D%3D%3D%3Dl5vip2gigu8v%3D%3D%3D%3D%3D%22&amp;key=AIzaSyAy9VVXHSpS2IJpptzYtGbLP3-3_l0aBk4</t>
  </si>
  <si>
    <t>http:///batch?%24ct=multipart%2Fmixed%3B%20boundary%3D%22%3D%3D%3D%3D%3Disyvfbo9gji3%3D%3D%3D%3D%3D%22&amp;key=AIzaSyAy9VVXHSpS2IJpptzYtGbLP3-3_l0aBk4</t>
  </si>
  <si>
    <t>http:///batch?%24ct=multipart%2Fmixed%3B%20boundary%3D%22%3D%3D%3D%3D%3Dyvqdi4re88qz%3D%3D%3D%3D%3D%22&amp;key=AIzaSyAy9VVXHSpS2IJpptzYtGbLP3-3_l0aBk4</t>
  </si>
  <si>
    <t>http:///batch?%24ct=multipart%2Fmixed%3B%20boundary%3D%22%3D%3D%3D%3D%3Dqbelx8lgw96g%3D%3D%3D%3D%3D%22&amp;key=AIzaSyAy9VVXHSpS2IJpptzYtGbLP3-3_l0aBk4</t>
  </si>
  <si>
    <t>http:///batch?%24ct=multipart%2Fmixed%3B%20boundary%3D%22%3D%3D%3D%3D%3Dfq8wgb16r91e%3D%3D%3D%3D%3D%22&amp;key=AIzaSyAy9VVXHSpS2IJpptzYtGbLP3-3_l0aBk4</t>
  </si>
  <si>
    <t>http:///batch?%24ct=multipart%2Fmixed%3B%20boundary%3D%22%3D%3D%3D%3D%3Dqixzqx1pkvad%3D%3D%3D%3D%3D%22&amp;key=AIzaSyAy9VVXHSpS2IJpptzYtGbLP3-3_l0aBk4</t>
  </si>
  <si>
    <t>http:///batch?%24ct=multipart%2Fmixed%3B%20boundary%3D%22%3D%3D%3D%3D%3De3lnhlwwr2ei%3D%3D%3D%3D%3D%22&amp;key=AIzaSyAy9VVXHSpS2IJpptzYtGbLP3-3_l0aBk4</t>
  </si>
  <si>
    <t>http:///batch?%24ct=multipart%2Fmixed%3B%20boundary%3D%22%3D%3D%3D%3D%3Dhsasqfjsypl3%3D%3D%3D%3D%3D%22&amp;key=AIzaSyAy9VVXHSpS2IJpptzYtGbLP3-3_l0aBk4</t>
  </si>
  <si>
    <t>http:///batch?%24ct=multipart%2Fmixed%3B%20boundary%3D%22%3D%3D%3D%3D%3Df5p95opbtybm%3D%3D%3D%3D%3D%22&amp;key=AIzaSyAy9VVXHSpS2IJpptzYtGbLP3-3_l0aBk4</t>
  </si>
  <si>
    <t>http:///batch?%24ct=multipart%2Fmixed%3B%20boundary%3D%22%3D%3D%3D%3D%3Dh8pnx42fyy34%3D%3D%3D%3D%3D%22&amp;key=AIzaSyAy9VVXHSpS2IJpptzYtGbLP3-3_l0aBk4</t>
  </si>
  <si>
    <t>ancest;ancestorhasaugmentedpermissions;containsunsubscribedchildren;dbed71ccf95d41361f0a99428a736bfdc_u x-goog-authuser: 0 --=====h8pnx42fyy34=====-- orhasaugmentedpermissions;displayname;domain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rmissions,containsunsubscribedchildren,dbed71ccf95d41361f0a99428a736bfdc_u x-goog-authuser: 0 --=====h8pnx42fyy34=====-- orhasaugmentedpermissions,displayname,domain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6885ha1k4az4%3D%3D%3D%3D%3D%22&amp;key=AIzaSyAy9VVXHSpS2IJpptzYtGbLP3-3_l0aBk4</t>
  </si>
  <si>
    <t>http:///batch?%24ct=multipart%2Fmixed%3B%20boundary%3D%22%3D%3D%3D%3D%3D3f1x21lwse3w%3D%3D%3D%3D%3D%22&amp;key=AIzaSyAy9VVXHSpS2IJpptzYtGbLP3-3_l0aBk4</t>
  </si>
  <si>
    <t>1578407718574000]]];ancestorhasaugmentedpe;bzr8vub17sahoa/t8gykfiour5q w;containsunsubscribedchildren;displayname;domain;emailaddres;emailaddress;filesize;id);lastmodifyinguser(kind;lastviewedbymedate;modifiedbymedate;ontainsunsubscribedchildren;owners(kind;permissionid;picture;rpermissions;rzldnddrgl";workspaceids;</t>
  </si>
  <si>
    <t>http://1578407718574000]]],ancestorhasaugmentedpe,bzr8vub17sahoa/t8gykfiour5q w,containsunsubscribedchildren,displayname,domain,emailaddres,emailaddress,filesize,id),lastmodifyinguser(kind,lastviewedbymedate,modifiedbymedate,ontainsunsubscribedchildren,owners(kind,permissionid,picture,rpermissions,rzldnddrgl",workspaceids</t>
  </si>
  <si>
    <t>http:///batch?%24ct=multipart%2Fmixed%3B%20boundary%3D%22%3D%3D%3D%3D%3Danw56e4umawp%3D%3D%3D%3D%3D%22&amp;key=AIzaSyAy9VVXHSpS2IJpptzYtGbLP3-3_l0aBk4</t>
  </si>
  <si>
    <t>http:///batch?%24ct=multipart%2Fmixed%3B%20boundary%3D%22%3D%3D%3D%3D%3Dphsztfqsg3o5%3D%3D%3D%3D%3D%22&amp;key=AIzaSyAy9VVXHSpS2IJpptzYtGbLP3-3_l0aBk4</t>
  </si>
  <si>
    <t>ancestorhasaugmentedpermissions;containsunsubscribedchildren;copyable;displayname;domain;emailaddress;explicitlytrashed;filesize;hasthumbnail;hasvisitorpermissions;id;id);items(kind;ken;lastmodifyinguser(kind;lastviewedbymedate;mimetype;modifiedbymedate;modifieddate;ontainsunsubscribedchildren;owners(kind;permissionid;picture;quotabytesused;shareable;shared;sharedwithmedate;thumbnailversion;title;userpermission(role);workspaceids;</t>
  </si>
  <si>
    <t>http://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ure,quotabytesused,shareable,shared,sharedwithmedate,thumbnailversion,title,userpermission(role),workspaceids</t>
  </si>
  <si>
    <t>http:///batch?%24ct=multipart%2Fmixed%3B%20boundary%3D%22%3D%3D%3D%3D%3Dp0ys0ijgqq6z%3D%3D%3D%3D%3D%22&amp;key=AIzaSyAy9VVXHSpS2IJpptzYtGbLP3-3_l0aBk4</t>
  </si>
  <si>
    <t>ances;ancestorhasaugmentedpermissions;containsunsubscribedchildren;copyable;displayname;domain;emailaddress;explicitlytrashed;filesize;hasthumbnail;hasvisitorpermissions;id;id);items(kind;ken;lastmodifyinguser(kind;lastviewedbymedate;mimetype;modifiedbymedate;modifieddate;ontainsunsubscribedchildren;owners(kind;permissionid;pict;picture;quotabytesused;rpermissions;shareable;shared;sharedwithmedate;thumbnailversion;title;userpermission(role);workspaceids;</t>
  </si>
  <si>
    <t>http://ances,ancestorhasaugmentedpermissions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,picture,quotabytesused,rpermissions,shareable,shared,sharedwithmedate,thumbnailversion,title,userpermission(role),workspaceids</t>
  </si>
  <si>
    <t>http:///batch?%24ct=multipart%2Fmixed%3B%20boundary%3D%22%3D%3D%3D%3D%3Dximtrqz4d65b%3D%3D%3D%3D%3D%22&amp;key=AIzaSyAy9VVXHSpS2IJpptzYtGbLP3-3_l0aBk4</t>
  </si>
  <si>
    <t>http:///batch?%24ct=multipart%2Fmixed%3B%20boundary%3D%22%3D%3D%3D%3D%3D63jbjinq5l6y%3D%3D%3D%3D%3D%22&amp;key=AIzaSyAy9VVXHSpS2IJpptzYtGbLP3-3_l0aBk4</t>
  </si>
  <si>
    <t>ances;ancestorhasaugmentedpermissions;containsunsubscribedchildren;copyable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;picture;quotabytesused;rpermissions;shareable;shared;sharedwithmedate;thumbnailversion;title;userpermission(role);workspaceids;</t>
  </si>
  <si>
    <t>http://ances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,picture,quotabytesused,rpermissions,shareable,shared,sharedwithmedate,thumbnailversion,title,userpermission(role),workspaceids</t>
  </si>
  <si>
    <t>http:///batch?%24ct=multipart%2Fmixed%3B%20boundary%3D%22%3D%3D%3D%3D%3Dm0zeu9qv79po%3D%3D%3D%3D%3D%22&amp;key=AIzaSyAy9VVXHSpS2IJpptzYtGbLP3-3_l0aBk4</t>
  </si>
  <si>
    <t>http:///batch?%24ct=multipart%2Fmixed%3B%20boundary%3D%22%3D%3D%3D%3D%3Dnr86izfmhely%3D%3D%3D%3D%3D%22&amp;key=AIzaSyAy9VVXHSpS2IJpptzYtGbLP3-3_l0aBk4</t>
  </si>
  <si>
    <t>http:///batch?%24ct=multipart%2Fmixed%3B%20boundary%3D%22%3D%3D%3D%3D%3Docggwb6y7zga%3D%3D%3D%3D%3D%22&amp;key=AIzaSyAy9VVXHSpS2IJpptzYtGbLP3-3_l0aBk4</t>
  </si>
  <si>
    <t>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nces;ancestorhasaugmentedpermissions;containsunsubscribedchildren;copyable;displayname;domain;emailaddress;explicitlytrashed;file(kind;fileid;filesize;hasthumbnail;hasvisitorpermissions;id;id);items(deleted;items(kind;ken;kind;lastmodifyinguser(kind;lastviewedbymedate;mimetype;mimetype2metype�;modifiedbymedate;modifieddate;ontainsunsubscribedchildren;owners(kind;per;permissionid;pict;picture;quotabytesused;rpermissions;shareable;shared;sharedwithmedate;thumbnailversion;title;userpermission(role);workspaceids;</t>
  </si>
  <si>
    <t>http://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nces,ancestorhasaugmentedpermissions,containsunsubscribedchildren,copyable,displayname,domain,emailaddress,explicitlytrashed,file(kind,fileid,filesize,hasthumbnail,hasvisitorpermissions,id,id),items(deleted,items(kind,ken,kind,lastmodifyinguser(kind,lastviewedbymedate,mimetype,mimetype2metype�,modifiedbymedate,modifieddate,ontainsunsubscribedchildren,owners(kind,per,permissionid,pict,picture,quotabytesused,rpermissions,shareable,shared,sharedwithmedate,thumbnailversion,title,userpermission(role),workspaceids</t>
  </si>
  <si>
    <t>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ctionitems;additionalroles;ances;ancestorhasaugmentedpermissions;audienceid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customerid));displayname;domain;emailaddress;explicitlytrashed;file(kind;fileextension;fileid;filesize;flaggedforabuse;foldercolor;folderfeatures;hasaugmentedpermissions;haschildfolders;hasthumbnail;hasvisitorpermissions;hidden;id;id);items(deleted;items(kind;ken;kind;labels(starred;lastmodifyinguser(kind;lastviewedbymedat</t>
  </si>
  <si>
    <t>http://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ile(kind,fileextension,fileid,filesize,flaggedforabuse,foldercolor,folderfeatures,hasaugmentedpermissions,haschildfolders,hasthumbnail,hasvisitorpermissions,hidden,id,id),items(deleted,items(kind,ken,kind,labels(starred,lastmodifyinguser(kind,lastviewed</t>
  </si>
  <si>
    <t>http:///batch?%24ct=multipart%2Fmixed%3B%20boundary%3D%22%3D%3D%3D%3D%3D4ckgoi5jk27y%3D%3D%3D%3D%3D%22&amp;key=AIzaSyAy9VVXHSpS2IJpptzYtGbLP3-3_l0aBk4</t>
  </si>
  <si>
    <t>http:///batch?%24ct=multipart%2Fmixed%3B%20boundary%3D%22%3D%3D%3D%3D%3Djn0rberfl0zc%3D%3D%3D%3D%3D%22&amp;key=AIzaSyAy9VVXHSpS2IJpptzYtGbLP3-3_l0aBk4</t>
  </si>
  <si>
    <t>http:///batch?%24ct=multipart%2Fmixed%3B%20boundary%3D%22%3D%3D%3D%3D%3Dcdsk4umql20e%3D%3D%3D%3D%3D%22&amp;key=AIzaSyAy9VVXHSpS2IJpptzYtGbLP3-3_l0aBk4</t>
  </si>
  <si>
    <t>http:///batch?%24ct=multipart%2Fmixed%3B%20boundary%3D%22%3D%3D%3D%3D%3Dyu6w0vbj89p4%3D%3D%3D%3D%3D%22&amp;key=AIzaSyAy9VVXHSpS2IJpptzYtGbLP3-3_l0aBk4</t>
  </si>
  <si>
    <t>http:///batch?%24ct=multipart%2Fmixed%3B%20boundary%3D%22%3D%3D%3D%3D%3D6a39fe9jeaym%3D%3D%3D%3D%3D%22&amp;key=AIzaSyAy9VVXHSpS2IJpptzYtGbLP3-3_l0aBk4</t>
  </si>
  <si>
    <t>http:///batch?%24ct=multipart%2Fmixed%3B%20boundary%3D%22%3D%3D%3D%3D%3D6j1uwp18zmq0%3D%3D%3D%3D%3D%22&amp;key=AIzaSyAy9VVXHSpS2IJpptzYtGbLP3-3_l0aBk4</t>
  </si>
  <si>
    <t>http:///batch?%24ct=multipart%2Fmixed%3B%20boundary%3D%22%3D%3D%3D%3D%3D3lvhkz7s55r8%3D%3D%3D%3D%3D%22&amp;key=AIzaSyAy9VVXHSpS2IJpptzYtGbLP3-3_l0aBk4</t>
  </si>
  <si>
    <t>http:///batch?%24ct=multipart%2Fmixed%3B%20boundary%3D%22%3D%3D%3D%3D%3D2ld7ir22dbxl%3D%3D%3D%3D%3D%22&amp;key=AIzaSyAy9VVXHSpS2IJpptzYtGbLP3-3_l0aBk4</t>
  </si>
  <si>
    <t>http:///batch?%24ct=multipart%2Fmixed%3B%20boundary%3D%22%3D%3D%3D%3D%3D28ad4jwj3gg5%3D%3D%3D%3D%3D%22&amp;key=AIzaSyAy9VVXHSpS2IJpptzYtGbLP3-3_l0aBk4</t>
  </si>
  <si>
    <t>http:///batch?%24ct=multipart%2Fmixed%3B%20boundary%3D%22%3D%3D%3D%3D%3D33b85vhjawqj%3D%3D%3D%3D%3D%22&amp;key=AIzaSyAy9VVXHSpS2IJpptzYtGbLP3-3_l0aBk4</t>
  </si>
  <si>
    <t>http:///batch?%24ct=multipart%2Fmixed%3B%20boundary%3D%22%3D%3D%3D%3D%3D7msk3v5c2m9a%3D%3D%3D%3D%3D%22&amp;key=AIzaSyAy9VVXHSpS2IJpptzYtGbLP3-3_l0aBk4</t>
  </si>
  <si>
    <t>http:///batch?%24ct=multipart%2Fmixed%3B%20boundary%3D%22%3D%3D%3D%3D%3Dl8x5rrfzd5f4%3D%3D%3D%3D%3D%22&amp;key=AIzaSyAy9VVXHSpS2IJpptzYtGbLP3-3_l0aBk4</t>
  </si>
  <si>
    <t>http:///batch?%24ct=multipart%2Fmixed%3B%20boundary%3D%22%3D%3D%3D%3D%3Dfkzji3cmdgk%3D%3D%3D%3D%3D%22&amp;key=AIzaSyAy9VVXHSpS2IJpptzYtGbLP3-3_l0aBk4</t>
  </si>
  <si>
    <t>http:///batch?%24ct=multipart%2Fmixed%3B%20boundary%3D%22%3D%3D%3D%3D%3Doxss6wxeg2z0%3D%3D%3D%3D%3D%22&amp;key=AIzaSyAy9VVXHSpS2IJpptzYtGbLP3-3_l0aBk4</t>
  </si>
  <si>
    <t>http:///batch?%24ct=multipart%2Fmixed%3B%20boundary%3D%22%3D%3D%3D%3D%3Drizptme09tb7%3D%3D%3D%3D%3D%22&amp;key=AIzaSyAy9VVXHSpS2IJpptzYtGbLP3-3_l0aBk4</t>
  </si>
  <si>
    <t>http:///batch?%24ct=multipart%2Fmixed%3B%20boundary%3D%22%3D%3D%3D%3D%3Dpaumsrtd4v47%3D%3D%3D%3D%3D%22&amp;key=AIzaSyAy9VVXHSpS2IJpptzYtGbLP3-3_l0aBk4</t>
  </si>
  <si>
    <t>http:///batch?%24ct=multipart%2Fmixed%3B%20boundary%3D%22%3D%3D%3D%3D%3Dr8oy1q6drj0u%3D%3D%3D%3D%3D%22&amp;key=AIzaSyAy9VVXHSpS2IJpptzYtGbLP3-3_l0aBk4</t>
  </si>
  <si>
    <t>BRUNA LARA ARAUJO SANTOS_1_6773752497819433190_1_32.wav</t>
  </si>
  <si>
    <t>\\acsfs\Deptos\EDUCACAO EMPRESARIAL\KÉSIA\Ligações 1º Ciclo - Janeiro 2020\BRUNA LARA ARAUJO SANTOS_1_6773752497819433190_1_32.wav</t>
  </si>
  <si>
    <t>#tec-infraestrutura-citrix@votorantimwm.com.br;andrelps@algartech.com;andrelpsa@algartech.com;daniel.riccetto@bv.com.br;elder.aranha@bv.com.br;jose.gomes@bv.com.br;robsonams@algartech.com;walter.consiglio@bv.com.br;</t>
  </si>
  <si>
    <t>#tec-infraestrutura-citrix@votorantimwm.com.br,andrelps@algartech.com,andrelpsa@algartech.com,daniel.riccetto@bv.com.br,elder.aranha@bv.com.br,jose.gomes@bv.com.br,robsonams@algartech.com,walter.consiglio@bv.com.br</t>
  </si>
  <si>
    <t>07/01/2020,7</t>
  </si>
  <si>
    <t>mail.google.com/sync/u/0/i/s?hl=pt-BR&amp;c=730</t>
  </si>
  <si>
    <t>mail.google.com/sync/u/0/i/s?hl=pt-BR&amp;c=732</t>
  </si>
  <si>
    <t>mail.google.com/sync/u/0/i/s?hl=pt-BR&amp;c=745</t>
  </si>
  <si>
    <t>\\acsfs\ACS\Gabriel da Silva\Contemporânea\BDBV\604DD4B.tmp\</t>
  </si>
  <si>
    <t>\\acsfs\ACS\Gabriel da Silva\Contemporânea\BDBV\604DD4B.tmp\:Zone.Identifier:$DATA</t>
  </si>
  <si>
    <t>f9e70d44-e045-46a3-9358-5e0c226b8bad.tmp</t>
  </si>
  <si>
    <t>\\acsfs\profiles$\maxmillianosv\Downloads\f9e70d44-e045-46a3-9358-5e0c226b8bad.tmp</t>
  </si>
  <si>
    <t>http:///batch?%24ct=multipart%2Fmixed%3B%20boundary%3D%22%3D%3D%3D%3D%3D2qfsp23vqb1y%3D%3D%3D%3D%3D%22&amp;key=AIzaSyAy9VVXHSpS2IJpptzYtGbLP3-3_l0aBk4</t>
  </si>
  <si>
    <t>http:///batch?%24ct=multipart%2Fmixed%3B%20boundary%3D%22%3D%3D%3D%3D%3Dshmcpoioratr%3D%3D%3D%3D%3D%22&amp;key=AIzaSyAy9VVXHSpS2IJpptzYtGbLP3-3_l0aBk4</t>
  </si>
  <si>
    <t>ancestorhasaugmentedpermissions;containsunsubscribedchildren;displayname;domain;emailadd;emailaddress;filesize;hasthumbnail;hasvisitorpermissions;id;id);items(kind;ken;lastmodifyinguser(kind;lastviewedbymedate;modifiedbymedate;modifieddate;ontainsunsubscribedchildren;owners(kind;permissionid;picture;shared;sharedwithmedat;thumbnailversion;title;workspaceids;</t>
  </si>
  <si>
    <t>http://ancestorhasaugmentedpermissions,containsunsubscribedchildren,displayname,domain,emailadd,emailaddress,filesize,hasthumbnail,hasvisitorpermissions,id,id),items(kind,ken,lastmodifyinguser(kind,lastviewedbymedate,modifiedbymedate,modifieddate,ontainsunsubscribedchildren,owners(kind,permissionid,picture,shared,sharedwithmedat,thumbnailversion,title,workspaceids</t>
  </si>
  <si>
    <t>Análise Upgrade.xlsx</t>
  </si>
  <si>
    <t>ancestorhasaugmentedpermissions,containsunsubscribedchildren,displayname,domain,emailadd,emailaddress,filesize,hasthumbnail,hasvisitorpermissions,id,id),items(kind,ken,lastmodifyinguser(kind,lastviewedbymedate,modifiedbymedate,modifieddate,ontainsunsubscribedchildren,owners(kind,permissionid,picture,shared,sharedwithmedat,thumbnailversion,title,workspaceids</t>
  </si>
  <si>
    <t>Vendas até 3110 - Fechamento.xlsx</t>
  </si>
  <si>
    <t>ancestorhasaugmentedpermissions;containsunsubscribedchildren;displayname;domain;emailadd;emailaddress;file(kind;fileid;filesize;hasthumbnail;hasvisitorpermissions;id;id);items(deleted;items(kind;ken;kind;lastmodifyinguser(kind;lastviewedbymedate;modifiedbymedate;modifieddate;ontainsunsubscribedchildren;owners(kind;per;permissionid;picture;shared;sharedwithmedat;sharedwithmedate;thumbnailversion;title;userpermission(role);workspaceids;</t>
  </si>
  <si>
    <t>http://ancestorhasaugmentedpermissions,containsunsubscribedchildren,displayname,domain,emailadd,emailaddress,file(kind,fileid,filesize,hasthumbnail,hasvisitorpermissions,id,id),items(deleted,items(kind,ken,kind,lastmodifyinguser(kind,lastviewedbymedate,modifiedbymedate,modifieddate,ontainsunsubscribedchildren,owners(kind,per,permissionid,picture,shared,sharedwithmedat,sharedwithmedate,thumbnailversion,title,userpermission(role),workspaceids</t>
  </si>
  <si>
    <t>http:///batch?%24ct=multipart%2Fmixed%3B%20boundary%3D%22%3D%3D%3D%3D%3Dnuo9px4aplj%3D%3D%3D%3D%3D%22&amp;key=AIzaSyAy9VVXHSpS2IJpptzYtGbLP3-3_l0aBk4</t>
  </si>
  <si>
    <t>1714774998;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ctionitems;additionalroles;ances;ancestorhasaugmentedpermissions;audienceid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customerid));displayname;domain;emailaddress;explicitlytrashed;false;file(kind;fileextension;fileid;filesize;flaggedforabuse;foldercolor;folderfeatures;hasaugmentedpermissions;haschildfolders;hasthumbnail;hasvisitorpermissions;hidden;id;id);items(deleted;items(kind;ken;ken=ac4w5vjwhmbcfst7sp1vhgywdcqqazbcuq:1578</t>
  </si>
  <si>
    <t>http://1714774998,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alse,file(kind,fileextension,fileid,filesize,flaggedforabuse,foldercolor,folderfeatures,hasaugmentedpermissions,haschildfolders,hasthumbnail,hasvisitorpermissions,hidden,id,id),items(deleted,items(kind,ken,ken=ac4w5vjwhmbcfst7sp1vhgywdcqqazbc</t>
  </si>
  <si>
    <t>"mimetype":"appli;1714774998;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;actionitems;additionalroles;ances;ancestorhasaugmentedpermissions;audienceid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customerid));displayname;domain;emailaddress;explicitlytrashed;false;file(kind;fileextension;fileid;filesize;flaggedforabuse;foldercolor;folderfeatures;hasaugmentedpermissions;haschildfolders;hasthumbnail;hasvisitorpermissions;hidden;id;id);items(deleted;items(kind;ken;ken=ac4w5vjwhmbcfst7sp1vh</t>
  </si>
  <si>
    <t>http://"mimetype":"appli,1714774998,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alse,file(kind,fileextension,fileid,filesize,flaggedforabuse,foldercolor,folderfeatures,hasaugmentedpermissions,haschildfolders,hasthumbnail,hasvisitorpermissions,hidden,id,id),items(deleted,items(kind,ken,ken=ac4w5vjwhmbcfs</t>
  </si>
  <si>
    <t>\\acsfs\DEPTOS\Operacao\Banco_Votorantim\Supervisao\SUPERS BV CARTÕES\ADILSON\JOAO VICTOR\JOAO VICTOR\</t>
  </si>
  <si>
    <t>"mimetype":"appli,1714774998,6d44de37efc2cd87e787d422f00299e773_u x-goog-authuser: 0 --=====ocggwb6y7zga===== content-type: application/http content-transfer-encoding: binary get /drive/v2internal/files/11rswcv8_rshqkmurkpocvwhmolwvqq8j?opendrive=false&amp;reason=102&amp;synctype=0&amp;errorrecovery=false&amp;fields=kind,actionitems,additionalroles,ances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customerid)),displayname,domain,emailaddress,explicitlytrashed,false,file(kind,fileextension,fileid,filesize,flaggedforabuse,foldercolor,folderfeatures,hasaugmentedpermissions,haschildfolders,hasthumbnail,hasvisitorpermissions,hidden,id,id),items(deleted,items(kind,ken,ken=ac4w5vjwhmbcfst7sp1vh</t>
  </si>
  <si>
    <t>http://drive.google.com/upload/drive?key=AIzaSyAy9VVXHSpS2IJpptzYtGbLP3-3_l0aBk4</t>
  </si>
  <si>
    <t>http:///batch?%24ct=multipart%2Fmixed%3B%20boundary%3D%22%3D%3D%3D%3D%3D5mk2b5h98w8o%3D%3D%3D%3D%3D%22&amp;key=AIzaSyAy9VVXHSpS2IJpptzYtGbLP3-3_l0aBk4</t>
  </si>
  <si>
    <t>\\acsfs\DEPTOS\Operacao\Banco_Votorantim\Supervisao\SUPERS BV CARTÕES\ADILSON\JOAO VICTOR\JOAO VICTOR\Treinamentos e Repasses\</t>
  </si>
  <si>
    <t>Abordagens Atualizado.docx</t>
  </si>
  <si>
    <t>Vendas Novembro Equipe Ana Vitória premio.xlsx</t>
  </si>
  <si>
    <t>http:///batch?%24ct=multipart%2Fmixed%3B%20boundary%3D%22%3D%3D%3D%3D%3Dkrvgx04as348%3D%3D%3D%3D%3D%22&amp;key=AIzaSyAy9VVXHSpS2IJpptzYtGbLP3-3_l0aBk4</t>
  </si>
  <si>
    <t>Abordagens Seguros Atualizado.pdf</t>
  </si>
  <si>
    <t>Abordagens Seguros Atualizado.docx</t>
  </si>
  <si>
    <t>\\acsfs\DEPTOS\Operacao\Banco_Votorantim\Supervisao\SUPERS BV CARTÕES\ADILSON\JOAO VICTOR\JOAO VICTOR\Treinamentos e Repasses\Novatos.pptx\</t>
  </si>
  <si>
    <t>image10.svg</t>
  </si>
  <si>
    <t>image14.svg</t>
  </si>
  <si>
    <t>image6.svg</t>
  </si>
  <si>
    <t>Novatos.pptx</t>
  </si>
  <si>
    <t>http:///batch?%24ct=multipart%2Fmixed%3B%20boundary%3D%22%3D%3D%3D%3D%3D4ia7fdkju0br%3D%3D%3D%3D%3D%22&amp;key=AIzaSyAy9VVXHSpS2IJpptzYtGbLP3-3_l0aBk4</t>
  </si>
  <si>
    <t>Planejamento Janeiro - João Victor.xlsx</t>
  </si>
  <si>
    <t>\\acsfs\DEPTOS\Operacao\Banco_Votorantim\Supervisao\SUPERS BV CARTÕES\ADILSON\JOAO VICTOR\JOAO VICTOR\Treinamentos e Repasses\Treinamento de Vendas Novatos.pptx\</t>
  </si>
  <si>
    <t>Treinamento de Vendas Novatos.pptx</t>
  </si>
  <si>
    <t>\\acsfs\DEPTOS\Operacao\Banco_Votorantim\Supervisao\SUPERS BV CARTÕES\ADILSON\JOAO VICTOR\JOAO VICTOR\Treinamentos e Repasses\Treinamento MetLife.pptx\</t>
  </si>
  <si>
    <t>image16.svg</t>
  </si>
  <si>
    <t>image18.svg</t>
  </si>
  <si>
    <t>image20.svg</t>
  </si>
  <si>
    <t>image22.svg</t>
  </si>
  <si>
    <t>image24.svg</t>
  </si>
  <si>
    <t>Treinamento MetLife.pptx</t>
  </si>
  <si>
    <t>\\acsfs\DEPTOS\Operacao\Banco_Votorantim\Supervisao\SUPERS BV CARTÕES\ADILSON\JOAO VICTOR\JOAO VICTOR\Treinamentos e Repasses\Treinamento Residencial.pptx\</t>
  </si>
  <si>
    <t>image26.svg</t>
  </si>
  <si>
    <t>image28.svg</t>
  </si>
  <si>
    <t>image32.svg</t>
  </si>
  <si>
    <t>image34.svg</t>
  </si>
  <si>
    <t>image36.svg</t>
  </si>
  <si>
    <t>image38.svg</t>
  </si>
  <si>
    <t>image40.svg</t>
  </si>
  <si>
    <t>image5.svg</t>
  </si>
  <si>
    <t>Treinamento Residencial.pptx</t>
  </si>
  <si>
    <t>Treinamento SPF.pptx</t>
  </si>
  <si>
    <t>http:///batch?%24ct=multipart%2Fmixed%3B%20boundary%3D%22%3D%3D%3D%3D%3D5sr4i06b3pdh%3D%3D%3D%3D%3D%22&amp;key=AIzaSyAy9VVXHSpS2IJpptzYtGbLP3-3_l0aBk4</t>
  </si>
  <si>
    <t>http:///batch?%24ct=multipart%2Fmixed%3B%20boundary%3D%22%3D%3D%3D%3D%3D5m8dlfc4q5zq%3D%3D%3D%3D%3D%22&amp;key=AIzaSyAy9VVXHSpS2IJpptzYtGbLP3-3_l0aBk4</t>
  </si>
  <si>
    <t>http:///batch?%24ct=multipart%2Fmixed%3B%20boundary%3D%22%3D%3D%3D%3D%3De9ol46op55er%3D%3D%3D%3D%3D%22&amp;key=AIzaSyAy9VVXHSpS2IJpptzYtGbLP3-3_l0aBk4</t>
  </si>
  <si>
    <t>http:///batch?%24ct=multipart%2Fmixed%3B%20boundary%3D%22%3D%3D%3D%3D%3Dg5unofopnatr%3D%3D%3D%3D%3D%22&amp;key=AIzaSyAy9VVXHSpS2IJpptzYtGbLP3-3_l0aBk4</t>
  </si>
  <si>
    <t>http:///batch?%24ct=multipart%2Fmixed%3B%20boundary%3D%22%3D%3D%3D%3D%3Dsx9h8x6uz7c%3D%3D%3D%3D%3D%22&amp;key=AIzaSyAy9VVXHSpS2IJpptzYtGbLP3-3_l0aBk4</t>
  </si>
  <si>
    <t>ances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;picture;rpermissions;shared;sharedwithmedate;thumbnailversion;title;userpermission(role);workspaceids;</t>
  </si>
  <si>
    <t>http://ances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,picture,rpermissions,shared,sharedwithmedate,thumbnailversion,title,userpermission(role),workspaceids</t>
  </si>
  <si>
    <t>http:///batch?%24ct=multipart%2Fmixed%3B%20boundary%3D%22%3D%3D%3D%3D%3D4dglcab7dglh%3D%3D%3D%3D%3D%22&amp;key=AIzaSyAy9VVXHSpS2IJpptzYtGbLP3-3_l0aBk4</t>
  </si>
  <si>
    <t>ances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;pictu;picture;rpermissions;shared;sharedwithmedate;thumbnailversion;title;userpermission(role);workspaceids;</t>
  </si>
  <si>
    <t>http://ances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,pictu,picture,rpermissions,shared,sharedwithmedate,thumbnailversion,title,userpermission(role),workspaceids</t>
  </si>
  <si>
    <t>http:///batch?%24ct=multipart%2Fmixed%3B%20boundary%3D%22%3D%3D%3D%3D%3Ddah6wyey0r4n%3D%3D%3D%3D%3D%22&amp;key=AIzaSyAy9VVXHSpS2IJpptzYtGbLP3-3_l0aBk4</t>
  </si>
  <si>
    <t>ances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;pictu;picture;r"}'q�h��;rpermissions;shared;sharedwithmedate;thumbnailversion;title;userpermission(role);workspaceids;</t>
  </si>
  <si>
    <t>http://ances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,pictu,picture,r"}'q�h��,rpermissions,shared,sharedwithmedate,thumbnailversion,title,userpermission(role),workspaceids</t>
  </si>
  <si>
    <t>http:///batch?%24ct=multipart%2Fmixed%3B%20boundary%3D%22%3D%3D%3D%3D%3Dgfasotqh8fx0%3D%3D%3D%3D%3D%22&amp;key=AIzaSyAy9VVXHSpS2IJpptzYtGbLP3-3_l0aBk4</t>
  </si>
  <si>
    <t>http:///batch?%24ct=multipart%2Fmixed%3B%20boundary%3D%22%3D%3D%3D%3D%3Dcrkk17hxzy63%3D%3D%3D%3D%3D%22&amp;key=AIzaSyAy9VVXHSpS2IJpptzYtGbLP3-3_l0aBk4</t>
  </si>
  <si>
    <t>http:///batch?%24ct=multipart%2Fmixed%3B%20boundary%3D%22%3D%3D%3D%3D%3Dxrsogh8t2c2%3D%3D%3D%3D%3D%22&amp;key=AIzaSyAy9VVXHSpS2IJpptzYtGbLP3-3_l0aBk4</t>
  </si>
  <si>
    <t>http:///batch?%24ct=multipart%2Fmixed%3B%20boundary%3D%22%3D%3D%3D%3D%3Drzkt4m76sup0%3D%3D%3D%3D%3D%22&amp;key=AIzaSyAy9VVXHSpS2IJpptzYtGbLP3-3_l0aBk4</t>
  </si>
  <si>
    <t>"languagecode":"pt-br";"requesttype":"background_request";"requesttype":"live_request";"scenariotype;"scenariotype":"dr;"scenariotype":"dri;"timezone":"-03:00";ance;ancestorhasaugmentedpermissions;containsunsubscribedchildren;displayname;domain;emailaddress;ess"}};filesize;hasthumbnail;hasvisitorpermissions;id;id);items(kind;ken;lastmodifyinguser(kind;lastviewedbymedate;modifiedbymedate;modifieddate;ontainsunsubscribedchildren;owners(kind;p";permissionid;picture;shared;sharedwithmedate;thumbnailversion;title;userpermissio;workspaceids;</t>
  </si>
  <si>
    <t>http://"languagecode":"pt-br","requesttype":"background_request","requesttype":"live_request","scenariotype,"scenariotype":"dr,"scenariotype":"dri,"timezone":"-03:00",ance,ancestorhasaugmentedpermissions,containsunsubscribedchildren,displayname,domain,emailaddress,ess"}},filesize,hasthumbnail,hasvisitorpermissions,id,id),items(kind,ken,lastmodifyinguser(kind,lastviewedbymedate,modifiedbymedate,modifieddate,ontainsunsubscribedchildren,owners(kind,p",permissionid,picture,shared,sharedwithmedate,thumbnailversion,title,userpermissio,workspaceids</t>
  </si>
  <si>
    <t>C:\Users\adilsonloj\Desktop\Medidas Disciplinares\</t>
  </si>
  <si>
    <t>Formulário - Feedback Registrado Desvio Isabelle 1.doc</t>
  </si>
  <si>
    <t>"languagecode":"pt-br","requesttype":"background_request","requesttype":"live_request","scenariotype,"scenariotype":"dr,"scenariotype":"dri,"timezone":"-03:00",ance,ancestorhasaugmentedpermissions,containsunsubscribedchildren,displayname,domain,emailaddress,ess"}},filesize,hasthumbnail,hasvisitorpermissions,id,id),items(kind,ken,lastmodifyinguser(kind,lastviewedbymedate,modifiedbymedate,modifieddate,ontainsunsubscribedchildren,owners(kind,p",permissionid,picture,shared,sharedwithmedate,thumbnailversion,title,userpermissio,workspaceids</t>
  </si>
  <si>
    <t>"languagecode":"pt-br";"requesttype":"background_request";"requesttype":"live_request";"scenariotype;"scenariotype":"dr;"scenariotype":"dri;"timezone":"-03:00";ance;ancestorhasaugmentedpermissions;containsunsubscribedchildren;displayname;domain;emailaddress;ess"}};file(kind;fileid;filesize;hasthumbnail;hasvisitorpermissions;id;id);items(deleted;items(kind;ken;kind;lastmodifyinguser(kind;lastviewedbymedate;modifiedbymedate;modifieddate;ontainsunsubscribedchildren;owners(kind;p";per;permissionid;picture;shared;sharedwithmedate;thumbnailversion;title;userpermissio;userpermission(role);workspaceids;</t>
  </si>
  <si>
    <t>http://"languagecode":"pt-br","requesttype":"background_request","requesttype":"live_request","scenariotype,"scenariotype":"dr,"scenariotype":"dri,"timezone":"-03:00",ance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vlgxwqa0j6j%3D%3D%3D%3D%3D%22&amp;key=AIzaSyAy9VVXHSpS2IJpptzYtGbLP3-3_l0aBk4</t>
  </si>
  <si>
    <t>http:///batch?%24ct=multipart%2Fmixed%3B%20boundary%3D%22%3D%3D%3D%3D%3Dyv0d6nogs22y%3D%3D%3D%3D%3D%22&amp;key=AIzaSyAy9VVXHSpS2IJpptzYtGbLP3-3_l0aBk4</t>
  </si>
  <si>
    <t>Formulário - Feedback Registrado Desvio Quindaiza.doc</t>
  </si>
  <si>
    <t>"languagecode":"pt-br","requesttype":"background_request","requesttype":"live_request","scenariotype,"scenariotype":"dr,"scenariotype":"dri,"timezone":"-03:00",ance,ancestorhasaugmentedpermissions,containsunsubscribedchildren,displayname,domain,emailaddress,ess"}},file(kind,fileid,filesize,hasthumbnail,hasvisitorpermissions,id,id),items(deleted,items(kind,ken,kind,lastmodifyinguser(kind,lastviewedbymedate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fkvvof1e2jhu%3D%3D%3D%3D%3D%22&amp;key=AIzaSyAy9VVXHSpS2IJpptzYtGbLP3-3_l0aBk4</t>
  </si>
  <si>
    <t>http:///batch?%24ct=multipart%2Fmixed%3B%20boundary%3D%22%3D%3D%3D%3D%3Dt8fyqsv6agr3%3D%3D%3D%3D%3D%22&amp;key=AIzaSyAy9VVXHSpS2IJpptzYtGbLP3-3_l0aBk4</t>
  </si>
  <si>
    <t>Formulário - Feedback Registrado Kamilla.doc</t>
  </si>
  <si>
    <t>http:///batch?%24ct=multipart%2Fmixed%3B%20boundary%3D%22%3D%3D%3D%3D%3D3n8nlvshfa0y%3D%3D%3D%3D%3D%22&amp;key=AIzaSyAy9VVXHSpS2IJpptzYtGbLP3-3_l0aBk4</t>
  </si>
  <si>
    <t>http:///batch?%24ct=multipart%2Fmixed%3B%20boundary%3D%22%3D%3D%3D%3D%3Dqc0y392v8vqb%3D%3D%3D%3D%3D%22&amp;key=AIzaSyAy9VVXHSpS2IJpptzYtGbLP3-3_l0aBk4</t>
  </si>
  <si>
    <t>http:///batch?%24ct=multipart%2Fmixed%3B%20boundary%3D%22%3D%3D%3D%3D%3D3hfrrjdzn6xb%3D%3D%3D%3D%3D%22&amp;key=AIzaSyAy9VVXHSpS2IJpptzYtGbLP3-3_l0aBk4</t>
  </si>
  <si>
    <t>"languagecode":"pt-br";"requesttype":"background_request";"requesttype":"live_request";"scenariotype;"scenariotype":"dr;"scenariotype":"dri;"timezone":"-03:00";ance;ancestorhasaugmentedpermissions;be0ac73b6a534bf7cd88217d9c8c8408819b5_u x-goog-authuser: 0 --=====3hfrrjdzn6xb=====-- =====-- vhgywdcqqazbcuq:1578407685767&amp;buildlabel=drive.web-frontend_20191211.00_p1;containsunsubscribedchildren;displayname;domain;emailaddress;ess"}};file(kind;fileid;filesize;hasthumbnail;hasvisitorpermissions;id;id);items(deleted;items(kind;ken;kind;labels(starred;last;lastmodifyinguser(kind;lastmodif�;lastviewedbymedate;modifiedbymedate;modifieddate;ontainsunsubscribedchildren;owners(kind;p";per;permissionid;picture;shared;sharedwithmedate;thumbnailversion;title;userpermissio;userpermission(role);workspaceids;</t>
  </si>
  <si>
    <t>http://"languagecode":"pt-br","requesttype":"background_request","requesttype":"live_request","scenariotype,"scenariotype":"dr,"scenariotype":"dri,"timezone":"-03:00",ance,ancestorhasaugmentedpermissions,be0ac73b6a534bf7cd88217d9c8c8408819b5_u x-goog-authuser: 0 --=====3hfrrjdzn6xb=====-- =====-- vhgywdcqqazbcuq:1578407685767&amp;buildlabel=drive.web-frontend_20191211.00_p1,containsunsubscribedchildren,displayname,domain,emailaddress,ess"}},file(kind,fileid,filesize,hasthumbnail,hasvisitorpermissions,id,id),items(deleted,items(kind,ken,kind,labels(starred,last,lastmodifyinguser(kind,lastmodif�,lastviewedbymedate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1rcabfpjc51r%3D%3D%3D%3D%3D%22&amp;key=AIzaSyAy9VVXHSpS2IJpptzYtGbLP3-3_l0aBk4</t>
  </si>
  <si>
    <t>"languagecode":"pt-br";"requesttype":"background_request";"requesttype":"live_request";"scenariotype;"scenariotype":"dr;"scenariotype":"dri;"timezone":"-03:00";ance;ancestorhasaugmentedpermissions;be0ac73b6a534bf7cd88217d9c8c8408819b5_u x-goog-authuser: 0 --=====1rcabfpjc51r=====-- =====-- iewedbymedate;be0ac73b6a534bf7cd88217d9c8c8408819b5_u x-goog-authuser: 0 --=====3hfrrjdzn6xb=====-- =====-- vhgywdcqqazbcuq:1578407685767&amp;buildlabel=drive.web-frontend_20191211.00_p1;containsunsubscribedchildren;displayname;domain;emailaddress;ess"}};file(kind;fileid;filesize;hasthumbnail;hasvisitorpermissions;id;id);items(deleted;items(kind;ken;kind;labels(starred;last;lastmodifyinguser(kind;lastmodif�;lastviewedbymedate;m85uxjhj15wl1ouxevlta4g-uh77rsxggjkcersa0jieu3yzomk9hvwg2qxgllkdnkkdcijgtrlztnejexgxs8urrgsub2x�;modifiedbymedate;modifieddate;ontainsunsubscribedchildren;owners(kind;p";per;permissionid;picture;shared;sharedwithmedate;thumbnailversion;title;userpermissio;userpermission(role);workspaceids;</t>
  </si>
  <si>
    <t>http://"languagecode":"pt-br","requesttype":"background_request","requesttype":"live_request","scenariotype,"scenariotype":"dr,"scenariotype":"dri,"timezone":"-03:00",ance,ancestorhasaugmentedpermissions,be0ac73b6a534bf7cd88217d9c8c8408819b5_u x-goog-authuser: 0 --=====1rcabfpjc51r=====-- =====-- iewedbymedate,be0ac73b6a534bf7cd88217d9c8c8408819b5_u x-goog-authuser: 0 --=====3hfrrjdzn6xb=====-- =====-- vhgywdcqqazbcuq:1578407685767&amp;buildlabel=drive.web-frontend_20191211.00_p1,containsunsubscribedchildren,displayname,domain,emailaddress,ess"}},file(kind,fileid,filesize,hasthumbnail,hasvisitorpermissions,id,id),items(deleted,items(kind,ken,kind,labels(starred,last,lastmodifyinguser(kind,lastmodif�,lastviewedbymedate,m85uxjhj15wl1ouxevlta4g-uh77rsxggjkcersa0jieu3yzomk9hvwg2qxgllkdnkkdcijgtrlztnejexgxs8urrgsub2x�,modifiedbymedate,modifieddate,ontainsunsubscribedchildren,owners(kind,p",per,permissionid,picture,shared,sharedwithmedate,thumbnailversion,title,userpermissio,userpermission(role),workspaceids</t>
  </si>
  <si>
    <t>http:///batch?%24ct=multipart%2Fmixed%3B%20boundary%3D%22%3D%3D%3D%3D%3D4zn8mgu4chx3%3D%3D%3D%3D%3D%22&amp;key=AIzaSyAy9VVXHSpS2IJpptzYtGbLP3-3_l0aBk4</t>
  </si>
  <si>
    <t>http:///batch?%24ct=multipart%2Fmixed%3B%20boundary%3D%22%3D%3D%3D%3D%3Dngqdgsfhl3zw%3D%3D%3D%3D%3D%22&amp;key=AIzaSyAy9VVXHSpS2IJpptzYtGbLP3-3_l0aBk4</t>
  </si>
  <si>
    <t>http:///batch?%24ct=multipart%2Fmixed%3B%20boundary%3D%22%3D%3D%3D%3D%3Dwrpgix527z4n%3D%3D%3D%3D%3D%22&amp;key=AIzaSyAy9VVXHSpS2IJpptzYtGbLP3-3_l0aBk4</t>
  </si>
  <si>
    <t>"languagecode":"pt-br";"requesttype":"live_request";"scenariotype":"dri;"timezone":"-03:00"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live_request","scenariotype":"dri,"timezone":"-03:00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rfokj6muxbn7%3D%3D%3D%3D%3D%22&amp;key=AIzaSyAy9VVXHSpS2IJpptzYtGbLP3-3_l0aBk4</t>
  </si>
  <si>
    <t>Checklist TOP Adilson.xlsx</t>
  </si>
  <si>
    <t>"languagecode":"pt-br","requesttype":"live_request","scenariotype":"dri,"timezone":"-03:00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q8wl76ysp36g%3D%3D%3D%3D%3D%22&amp;key=AIzaSyAy9VVXHSpS2IJpptzYtGbLP3-3_l0aBk4</t>
  </si>
  <si>
    <t>http:///batch?%24ct=multipart%2Fmixed%3B%20boundary%3D%22%3D%3D%3D%3D%3Dl82d677fcc3s%3D%3D%3D%3D%3D%22&amp;key=AIzaSyAy9VVXHSpS2IJpptzYtGbLP3-3_l0aBk4</t>
  </si>
  <si>
    <t>"languagecode":"pt-br";"requesttype":"live_request";"scenariotype":"dri;"timezone":"-03:00";3s===== content-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";per;permissionid;picture;shared;sharedwithmedate;thumbnailversion;title;userpermission(role);workspaceids;</t>
  </si>
  <si>
    <t>http://"languagecode":"pt-br","requesttype":"live_request","scenariotype":"dri,"timezone":"-03:00",3s===== content-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nxx693k5pnah%3D%3D%3D%3D%3D%22&amp;key=AIzaSyAy9VVXHSpS2IJpptzYtGbLP3-3_l0aBk4</t>
  </si>
  <si>
    <t>http:///batch?%24ct=multipart%2Fmixed%3B%20boundary%3D%22%3D%3D%3D%3D%3Dbnq2s6yt1h8p%3D%3D%3D%3D%3D%22&amp;key=AIzaSyAy9VVXHSpS2IJpptzYtGbLP3-3_l0aBk4</t>
  </si>
  <si>
    <t>ee1fc878-f890-46f0-a5d7-c068d0aada42.tmp</t>
  </si>
  <si>
    <t>\\acsfs\profiles$\danielmlds\Downloads\ee1fc878-f890-46f0-a5d7-c068d0aada42.tmp</t>
  </si>
  <si>
    <t>6653f43d-5b00-4885-8087-0e832df34129.tmp</t>
  </si>
  <si>
    <t>\\acsfs\profiles$\gabrielafs\Downloads\6653f43d-5b00-4885-8087-0e832df34129.tmp</t>
  </si>
  <si>
    <t>e748823a-808b-4da5-8746-2d884b12aa7a.tmp</t>
  </si>
  <si>
    <t>\\acsfs\profiles$\gabrielhca\Downloads\e748823a-808b-4da5-8746-2d884b12aa7a.tmp</t>
  </si>
  <si>
    <t>b68bacb3-1210-4880-b7d2-497a6955c400.tmp</t>
  </si>
  <si>
    <t>\\acsfs\profiles$\vivianalds\Downloads\b68bacb3-1210-4880-b7d2-497a6955c400.tmp</t>
  </si>
  <si>
    <t>5872a797-1310-47cc-8105-22e838912040.tmp</t>
  </si>
  <si>
    <t>\\acsfs\profiles$\vivianalds\Downloads\5872a797-1310-47cc-8105-22e838912040.tmp</t>
  </si>
  <si>
    <t>9f5c8ad6-e902-4ddb-9e07-0d61c304ff1b.tmp</t>
  </si>
  <si>
    <t>\\acsfs\profiles$\JOAOVAL\Downloads\9f5c8ad6-e902-4ddb-9e07-0d61c304ff1b.tmp</t>
  </si>
  <si>
    <t>70416545-a314-4345-bb3e-8afca8006b90.tmp</t>
  </si>
  <si>
    <t>\\acsfs\profiles$\JOAOVAL\Downloads\70416545-a314-4345-bb3e-8afca8006b90.tmp</t>
  </si>
  <si>
    <t>http://algar.facebook.com/login/async_sso/?source=login_source_workplace_landing</t>
  </si>
  <si>
    <t>http:///batch?%24ct=multipart%2Fmixed%3B%20boundary%3D%22%3D%3D%3D%3D%3Dqf32svz0b2qj%3D%3D%3D%3D%3D%22&amp;key=AIzaSyAy9VVXHSpS2IJpptzYtGbLP3-3_l0aBk4</t>
  </si>
  <si>
    <t>http:///batch?%24ct=multipart%2Fmixed%3B%20boundary%3D%22%3D%3D%3D%3D%3D6ilsau8x8mpr%3D%3D%3D%3D%3D%22&amp;key=AIzaSyAy9VVXHSpS2IJpptzYtGbLP3-3_l0aBk4</t>
  </si>
  <si>
    <t>http:///batch?%24ct=multipart%2Fmixed%3B%20boundary%3D%22%3D%3D%3D%3D%3D74d9cyppkzac%3D%3D%3D%3D%3D%22&amp;key=AIzaSyAy9VVXHSpS2IJpptzYtGbLP3-3_l0aBk4</t>
  </si>
  <si>
    <t>http:///batch?%24ct=multipart%2Fmixed%3B%20boundary%3D%22%3D%3D%3D%3D%3D3z0lt5scfcpi%3D%3D%3D%3D%3D%22&amp;key=AIzaSyAy9VVXHSpS2IJpptzYtGbLP3-3_l0aBk4</t>
  </si>
  <si>
    <t>http:///batch?%24ct=multipart%2Fmixed%3B%20boundary%3D%22%3D%3D%3D%3D%3D4753jlywka3i%3D%3D%3D%3D%3D%22&amp;key=AIzaSyAy9VVXHSpS2IJpptzYtGbLP3-3_l0aBk4</t>
  </si>
  <si>
    <t>http:///batch?%24ct=multipart%2Fmixed%3B%20boundary%3D%22%3D%3D%3D%3D%3Dppfhyb3kwin9%3D%3D%3D%3D%3D%22&amp;key=AIzaSyAy9VVXHSpS2IJpptzYtGbLP3-3_l0aBk4</t>
  </si>
  <si>
    <t>http:///batch?%24ct=multipart%2Fmixed%3B%20boundary%3D%22%3D%3D%3D%3D%3Dpnd1y74nwpep%3D%3D%3D%3D%3D%22&amp;key=AIzaSyAy9VVXHSpS2IJpptzYtGbLP3-3_l0aBk4</t>
  </si>
  <si>
    <t>http:///batch?%24ct=multipart%2Fmixed%3B%20boundary%3D%22%3D%3D%3D%3D%3Dst1qy1b96uye%3D%3D%3D%3D%3D%22&amp;key=AIzaSyAy9VVXHSpS2IJpptzYtGbLP3-3_l0aBk4</t>
  </si>
  <si>
    <t>http:///batch?%24ct=multipart%2Fmixed%3B%20boundary%3D%22%3D%3D%3D%3D%3Dh7zlzxcip2l9%3D%3D%3D%3D%3D%22&amp;key=AIzaSyAy9VVXHSpS2IJpptzYtGbLP3-3_l0aBk4</t>
  </si>
  <si>
    <t>http:///batch?%24ct=multipart%2Fmixed%3B%20boundary%3D%22%3D%3D%3D%3D%3Djay5hu9jfng5%3D%3D%3D%3D%3D%22&amp;key=AIzaSyAy9VVXHSpS2IJpptzYtGbLP3-3_l0aBk4</t>
  </si>
  <si>
    <t>http://dc.services.visualstudio.com/v2/track</t>
  </si>
  <si>
    <t>http:///batch?%24ct=multipart%2Fmixed%3B%20boundary%3D%22%3D%3D%3D%3D%3Dihyavkfo4ujq%3D%3D%3D%3D%3D%22&amp;key=AIzaSyAy9VVXHSpS2IJpptzYtGbLP3-3_l0aBk4</t>
  </si>
  <si>
    <t>http:///batch?%24ct=multipart%2Fmixed%3B%20boundary%3D%22%3D%3D%3D%3D%3Dov4j3td3kec9%3D%3D%3D%3D%3D%22&amp;key=AIzaSyAy9VVXHSpS2IJpptzYtGbLP3-3_l0aBk4</t>
  </si>
  <si>
    <t>http:///batch?%24ct=multipart%2Fmixed%3B%20boundary%3D%22%3D%3D%3D%3D%3Dyjmrv1pxpxh3%3D%3D%3D%3D%3D%22&amp;key=AIzaSyAy9VVXHSpS2IJpptzYtGbLP3-3_l0aBk4</t>
  </si>
  <si>
    <t>1578408284556000]]];6ieiffrgl"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1578408284556000]]],6ieiffrgl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l6r9d0dl27ok%3D%3D%3D%3D%3D%22&amp;key=AIzaSyAy9VVXHSpS2IJpptzYtGbLP3-3_l0aBk4</t>
  </si>
  <si>
    <t>http:///batch?%24ct=multipart%2Fmixed%3B%20boundary%3D%22%3D%3D%3D%3D%3Die1yf6i7a7vc%3D%3D%3D%3D%3D%22&amp;key=AIzaSyAy9VVXHSpS2IJpptzYtGbLP3-3_l0aBk4</t>
  </si>
  <si>
    <t>1578408284556000]]];27618_u x-goog-authuser: 0 --=====ie1yf6i7a7vc=====-- =====--;6ieiffrgl"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1578408284556000]]],27618_u x-goog-authuser: 0 --=====ie1yf6i7a7vc=====-- =====-- ,6ieiffrgl"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2523877d-36c4-4fd9-a01d-2227a1e49d94.tmp</t>
  </si>
  <si>
    <t>\\acsfs\profiles$\danielmlds\Downloads\2523877d-36c4-4fd9-a01d-2227a1e49d94.tmp</t>
  </si>
  <si>
    <t>b5df9202-46ac-444e-8cea-2bb9b9744326.tmp</t>
  </si>
  <si>
    <t>\\acsfs\profiles$\THYAGOSP\Downloads\b5df9202-46ac-444e-8cea-2bb9b9744326.tmp</t>
  </si>
  <si>
    <t>a4a69b7b-05d0-44f4-b1c0-d97689d83eca.tmp</t>
  </si>
  <si>
    <t>\\acsfs\profiles$\gabrielhca\Downloads\a4a69b7b-05d0-44f4-b1c0-d97689d83eca.tmp</t>
  </si>
  <si>
    <t>3301137c-fd19-4c4f-b518-af8f47c572dc.tmp</t>
  </si>
  <si>
    <t>\\acsfs\profiles$\JOAOVAL\Downloads\3301137c-fd19-4c4f-b518-af8f47c572dc.tmp</t>
  </si>
  <si>
    <t>0a938eed-dfad-44dd-aefb-0db9ddc29065.tmp</t>
  </si>
  <si>
    <t>\\acsfs\profiles$\leticiala\Downloads\0a938eed-dfad-44dd-aefb-0db9ddc29065.tmp</t>
  </si>
  <si>
    <t>99d158e2-f0d4-4be6-8a56-f44c0986d6e8.tmp</t>
  </si>
  <si>
    <t>\\acsfs\profiles$\ROZENCAM\Downloads\99d158e2-f0d4-4be6-8a56-f44c0986d6e8.tmp</t>
  </si>
  <si>
    <t>JUCELIA OLIVEIRA DE AMORIM_1_6774862252944209587_1_32.wav</t>
  </si>
  <si>
    <t>\\acsfs\Deptos\EDUCACAO EMPRESARIAL\KÉSIA\Ligações 1º Ciclo - Janeiro 2020\JUCELIA OLIVEIRA DE AMORIM_1_6774862252944209587_1_32.wav</t>
  </si>
  <si>
    <t>10.200.67.155</t>
  </si>
  <si>
    <t>78-2B-CB-C3-48-8C</t>
  </si>
  <si>
    <t>VOTORANT-IB004</t>
  </si>
  <si>
    <t>c:\users\raicdf\pictures\</t>
  </si>
  <si>
    <t>1.png</t>
  </si>
  <si>
    <t>4b6f6146-af3b-41b0-bb99-60fef39c560d.tmp</t>
  </si>
  <si>
    <t>\\acsfs\profiles$\nataliacsl\Downloads\4b6f6146-af3b-41b0-bb99-60fef39c560d.tmp</t>
  </si>
  <si>
    <t>803cd545-bf7e-4004-89bc-f25edef19179.tmp</t>
  </si>
  <si>
    <t>\\acsfs\profiles$\nathaliarmr\Downloads\803cd545-bf7e-4004-89bc-f25edef19179.tmp</t>
  </si>
  <si>
    <t>8fc4bc88-24ce-456c-a0c5-3c7572ef88f0.tmp</t>
  </si>
  <si>
    <t>\\acsfs\profiles$\rafaelamsv\Downloads\8fc4bc88-24ce-456c-a0c5-3c7572ef88f0.tmp</t>
  </si>
  <si>
    <t>02c6c0e0-e7cc-435e-8ff0-b268ae55d01b.tmp</t>
  </si>
  <si>
    <t>\\acsfs\profiles$\milenaas\Downloads\02c6c0e0-e7cc-435e-8ff0-b268ae55d01b.tmp</t>
  </si>
  <si>
    <t>79600cc7-f5a0-488c-9d6b-00775d78ec6d.tmp</t>
  </si>
  <si>
    <t>\\acsfs\profiles$\gabrielarb\Downloads\79600cc7-f5a0-488c-9d6b-00775d78ec6d.tmp</t>
  </si>
  <si>
    <t>http:///batch?%24ct=multipart%2Fmixed%3B%20boundary%3D%22%3D%3D%3D%3D%3Dpgpt6wriv4xd%3D%3D%3D%3D%3D%22&amp;key=AIzaSyAy9VVXHSpS2IJpptzYtGbLP3-3_l0aBk4</t>
  </si>
  <si>
    <t>http:///batch?%24ct=multipart%2Fmixed%3B%20boundary%3D%22%3D%3D%3D%3D%3Dnmhl45sdydud%3D%3D%3D%3D%3D%22&amp;key=AIzaSyAy9VVXHSpS2IJpptzYtGbLP3-3_l0aBk4</t>
  </si>
  <si>
    <t>http:///batch?%24ct=multipart%2Fmixed%3B%20boundary%3D%22%3D%3D%3D%3D%3Ddh0c1li2zfxf%3D%3D%3D%3D%3D%22&amp;key=AIzaSyAy9VVXHSpS2IJpptzYtGbLP3-3_l0aBk4</t>
  </si>
  <si>
    <t>600caff1-d92c-48c9-8e23-0123537ab5e1.tmp</t>
  </si>
  <si>
    <t>\\acsfs\profiles$\isabellegtds\Downloads\600caff1-d92c-48c9-8e23-0123537ab5e1.tmp</t>
  </si>
  <si>
    <t>\\acsfs\ACS\Gabriel da Silva\Contemporânea\Acessos\Pasta2.xlsx</t>
  </si>
  <si>
    <t>outlook.office.com/owa/service.svc?action=CreateItem&amp;app=Mail&amp;n=292</t>
  </si>
  <si>
    <t>\\acsfs\ACS\Gabriel da Silva\Contemporânea\BDBV\D9C0D276.tmp\</t>
  </si>
  <si>
    <t>\\acsfs\ACS\Gabriel da Silva\Contemporânea\BDBV\D9C0D276.tmp\:Zone.Identifier:$DATA</t>
  </si>
  <si>
    <t>275079ee-14bf-4937-9a4a-aee90b8a65e8.tmp</t>
  </si>
  <si>
    <t>\\acsfs\profiles$\nathaliarmr\Downloads\275079ee-14bf-4937-9a4a-aee90b8a65e8.tmp</t>
  </si>
  <si>
    <t>aab9010d-4585-4cb4-9c73-bc6d300faec0.tmp</t>
  </si>
  <si>
    <t>\\acsfs\profiles$\sarahbal\Downloads\aab9010d-4585-4cb4-9c73-bc6d300faec0.tmp</t>
  </si>
  <si>
    <t>d17e3687-dc97-412d-9944-e688a29d6844.tmp</t>
  </si>
  <si>
    <t>\\acsfs\profiles$\luanarda\Downloads\d17e3687-dc97-412d-9944-e688a29d6844.tmp</t>
  </si>
  <si>
    <t>b6c9e610-675d-4ff3-a1c7-4fc0a93281c2.tmp</t>
  </si>
  <si>
    <t>\\acsfs\profiles$\isabellegtds\Downloads\b6c9e610-675d-4ff3-a1c7-4fc0a93281c2.tmp</t>
  </si>
  <si>
    <t>02e55e60-9dda-40a6-bbc8-99771305784f.tmp</t>
  </si>
  <si>
    <t>\\acsfs\profiles$\isabellegtds\Downloads\02e55e60-9dda-40a6-bbc8-99771305784f.tmp</t>
  </si>
  <si>
    <t>andrelpsa@algartech.com;bvs-gestorescentral@bv.com.br;bvs-planejamentodeoperacoesetrafego@bv.com.br;cpc-controldeskavon@algartech.com;eliane.martins@bv.com.br;flora.lira@bv.com.br;joaogvc@algartech.com;jose.gomes@bv.com.br;joseasn@algartech.com;josiascdsj@algartech.com;leonardoao@algartech.com;luiz.henriquesantos@avon.com;marianadjc@algartech.com;maristelavodq@bv.algartech.com;paulacn@algartech.com;qualidadealgarbv@algartech.com;rafael.ramos@bv.com.br;rafaelggs@algartech.com;raphael.balmant@bv.com.br;regis.costa@bv.com.br;supervisaobancovotorantim@algartech.com;taysdss@algartech.com;thiagolrc@bv.algartech.com;viniciussg@algartech.com;</t>
  </si>
  <si>
    <t>andrelpsa@algartech.com,bvs-gestorescentral@bv.com.br,bvs-planejamentodeoperacoesetrafego@bv.com.br,cpc-controldeskavon@algartech.com,eliane.martins@bv.com.br,flora.lira@bv.com.br,joaogvc@algartech.com,jose.gomes@bv.com.br,joseasn@algartech.com,josiascdsj@algartech.com,leonardoao@algartech.com,luiz.henriquesantos@avon.com,marianadjc@algartech.com,maristelavodq@bv.algartech.com,paulacn@algartech.com,qualidadealgarbv@algartech.com,rafael.ramos@bv.com.br,rafaelggs@algartech.com,raphael.balmant@bv.com.br,regis.costa@bv.com.br,supervisaobancovotorantim@algartech.com,taysdss@algartech.com,thiagolrc@bv.algartech.com,viniciussg@algartech.com</t>
  </si>
  <si>
    <t>mail.google.com/sync/u/0/i/s?hl=pt-BR&amp;c=779</t>
  </si>
  <si>
    <t>mail.google.com/sync/u/0/i/s?hl=pt-BR&amp;c=781</t>
  </si>
  <si>
    <t>801a6112-f4f1-405c-a98a-d23f470a437f.tmp</t>
  </si>
  <si>
    <t>\\acsfs\profiles$\luanarda\Downloads\801a6112-f4f1-405c-a98a-d23f470a437f.tmp</t>
  </si>
  <si>
    <t>mail.google.com/sync/u/0/i/s?hl=pt-BR&amp;c=787</t>
  </si>
  <si>
    <t>25c0d104-32f2-4073-b7b8-27d0081b347b.tmp</t>
  </si>
  <si>
    <t>\\acsfs\profiles$\felipetds\Downloads\25c0d104-32f2-4073-b7b8-27d0081b347b.tmp</t>
  </si>
  <si>
    <t>100014221982664;</t>
  </si>
  <si>
    <t>https://100014221982664</t>
  </si>
  <si>
    <t>3759d2ed-ac7e-4f25-8dde-9ff6e800cc29.tmp</t>
  </si>
  <si>
    <t>\\acsfs\profiles$\lorrainerdl\Downloads\3759d2ed-ac7e-4f25-8dde-9ff6e800cc29.tmp</t>
  </si>
  <si>
    <t>837d3bc9-e0d5-43c0-a129-eeca0a7c5e65.tmp</t>
  </si>
  <si>
    <t>\\acsfs\profiles$\henriquehmdo\Downloads\837d3bc9-e0d5-43c0-a129-eeca0a7c5e65.tmp</t>
  </si>
  <si>
    <t>20e1bdaa-bfc3-4f1a-921c-f0ba0ece00db.tmp</t>
  </si>
  <si>
    <t>\\acsfs\profiles$\leonardobb\Downloads\20e1bdaa-bfc3-4f1a-921c-f0ba0ece00db.tmp</t>
  </si>
  <si>
    <t>51635a8c-e264-434d-9d40-2decbdb78a79.tmp</t>
  </si>
  <si>
    <t>\\acsfs\profiles$\leonardobb\Downloads\51635a8c-e264-434d-9d40-2decbdb78a79.tmp</t>
  </si>
  <si>
    <t>d6618db3-3a97-4e96-9e08-04fcfd47ca91.tmp</t>
  </si>
  <si>
    <t>\\acsfs\profiles$\leonardobb\Downloads\d6618db3-3a97-4e96-9e08-04fcfd47ca91.tmp</t>
  </si>
  <si>
    <t>1837fe9c-923e-4429-a4ae-9516c9f675a1.tmp</t>
  </si>
  <si>
    <t>\\acsfs\profiles$\leonardobb\Downloads\1837fe9c-923e-4429-a4ae-9516c9f675a1.tmp</t>
  </si>
  <si>
    <t>4ad49fe9-9a4a-4204-8d7f-bbbfcc7b9881.tmp</t>
  </si>
  <si>
    <t>\\acsfs\profiles$\LUISPLS\Downloads\4ad49fe9-9a4a-4204-8d7f-bbbfcc7b9881.tmp</t>
  </si>
  <si>
    <t>RELATORIO DE LOGIN - FINANCEIRA - 02-01 - Cópia.xlsm</t>
  </si>
  <si>
    <t>\\acsfs\DEPTOS\Operacao\PCP\5 - Comum\PLANEJAMENTO BV\14 - ACOMPANHAMENTO\1 - REPORT ACOMPANHAMENTO\2020\1 - JANEIRO\FINANCEIRA\Login Logout Financeira\RELATORIO DE LOGIN - FINANCEIRA - 02-01 - Cópia.xlsm</t>
  </si>
  <si>
    <t>algar - kit_pre_deslig_justa causa_100649_gabriela rodrigues barreiro (1).pdf</t>
  </si>
  <si>
    <t>comunicado de desligamento por justa causa.docx</t>
  </si>
  <si>
    <t>7b239273-9fef-4e25-b371-51104b0bc7b8.tmp</t>
  </si>
  <si>
    <t>\\acsfs\profiles$\geovannasm\Downloads\7b239273-9fef-4e25-b371-51104b0bc7b8.tmp</t>
  </si>
  <si>
    <t>16e7560e-d85c-4ea7-b93b-9740728a53c8.tmp</t>
  </si>
  <si>
    <t>\\acsfs\profiles$\mariagsg\Downloads\16e7560e-d85c-4ea7-b93b-9740728a53c8.tmp</t>
  </si>
  <si>
    <t>8620f6d1-779f-4317-8c64-3d0b0e1fbf81.tmp</t>
  </si>
  <si>
    <t>\\acsfs\profiles$\gabrielarb\Downloads\8620f6d1-779f-4317-8c64-3d0b0e1fbf81.tmp</t>
  </si>
  <si>
    <t>1f82acea-7bdf-4806-a026-555cbe7a4629.tmp</t>
  </si>
  <si>
    <t>\\acsfs\profiles$\LUISPLS\Downloads\1f82acea-7bdf-4806-a026-555cbe7a4629.tmp</t>
  </si>
  <si>
    <t>d4b7fbc6-ce2c-4b34-b4fc-86674ed91ae2.tmp</t>
  </si>
  <si>
    <t>\\acsfs\profiles$\adelvinsonle\Downloads\d4b7fbc6-ce2c-4b34-b4fc-86674ed91ae2.tmp</t>
  </si>
  <si>
    <t>028be2ab-8b18-4369-9d57-0e8e1bd0e6ef.tmp</t>
  </si>
  <si>
    <t>\\acsfs\profiles$\lorrainerdl\Downloads\028be2ab-8b18-4369-9d57-0e8e1bd0e6ef.tmp</t>
  </si>
  <si>
    <t>922b240c-d29d-4b66-a07a-ba0214c3fc82.tmp</t>
  </si>
  <si>
    <t>\\acsfs\profiles$\leonardobb\Downloads\922b240c-d29d-4b66-a07a-ba0214c3fc82.tmp</t>
  </si>
  <si>
    <t>outlook.office.com/owa/service.svc?action=CreateItem&amp;app=Mail&amp;n=413</t>
  </si>
  <si>
    <t>outlook.office.com/owa/service.svc?action=CreateItem&amp;app=Mail&amp;n=445</t>
  </si>
  <si>
    <t>outlook.office.com/owa/service.svc?action=UpdateItem&amp;app=Mail&amp;n=465</t>
  </si>
  <si>
    <t>\\acsfs\profiles$\gabrielsma\Desktop\</t>
  </si>
  <si>
    <t>Meu Arquivo de Dados do Outlook(1).pst</t>
  </si>
  <si>
    <t>\\acsfs\profiles$\gabrielsma\Desktop\Meu Arquivo de Dados do Outlook(1).pst</t>
  </si>
  <si>
    <t>\\acsfs\ACS\Gabriel da Silva\Contemporânea\BDBV\A6ADD65.tmp\</t>
  </si>
  <si>
    <t>\\acsfs\ACS\Gabriel da Silva\Contemporânea\BDBV\A6ADD65.tmp\:Zone.Identifier:$DATA</t>
  </si>
  <si>
    <t>5f7fe476-355c-42f0-a285-51a218e84592.tmp</t>
  </si>
  <si>
    <t>\\acsfs\profiles$\geovannasm\Downloads\5f7fe476-355c-42f0-a285-51a218e84592.tmp</t>
  </si>
  <si>
    <t>8b347c66-5818-4822-883c-e999429311b6.tmp</t>
  </si>
  <si>
    <t>\\acsfs\profiles$\geovannasm\Downloads\8b347c66-5818-4822-883c-e999429311b6.tmp</t>
  </si>
  <si>
    <t>1e86da80-34e3-4619-93f8-3e00a0445041.tmp</t>
  </si>
  <si>
    <t>\\acsfs\profiles$\wenderbnm\Downloads\1e86da80-34e3-4619-93f8-3e00a0445041.tmp</t>
  </si>
  <si>
    <t>Gabriel Da Silva Martins</t>
  </si>
  <si>
    <t>/o=exchangelabs/ou=exchange administrative group (fydibohf23spdlt)/cn=recipients/cn=5af2cae509964078b2026f7f550380b0-andre luis;/o=exchangelabs/ou=exchange administrative group (fydibohf23spdlt)/cn=recipients/cn=be0b59caa4dc43e39afaa089f44ef778-leonardo al;/o=exchangelabs/ou=exchange administrative group (fydibohf23spdlt)/cn=recipients/cn=d7b7225eca6c432cb952e8bf01b50f4b-algar tech;/o=exchangelabs/ou=exchange administrative group (fydibohf23spdlt)/cn=recipients/cn=user8e89d2d7;eliane.martins@bv.com.br;flora.lira@bv.com.br;jose.gomes@bv.com.br;</t>
  </si>
  <si>
    <t>RES: Desligados da semana - ALGAR</t>
  </si>
  <si>
    <t>/o=exchangelabs/ou=exchange administrative group (fydibohf23spdlt)/cn=recipients/cn=5af2cae509964078b2026f7f550380b0-andre luis,/o=exchangelabs/ou=exchange administrative group (fydibohf23spdlt)/cn=recipients/cn=be0b59caa4dc43e39afaa089f44ef778-leonardo al,/o=exchangelabs/ou=exchange administrative group (fydibohf23spdlt)/cn=recipients/cn=d7b7225eca6c432cb952e8bf01b50f4b-algar tech,/o=exchangelabs/ou=exchange administrative group (fydibohf23spdlt)/cn=recipients/cn=user8e89d2d7,eliane.martins@bv.com.br,flora.lira@bv.com.br,jose.gomes@bv.com.br</t>
  </si>
  <si>
    <t>lu144321cgovu.tmp</t>
  </si>
  <si>
    <t>\\acsfs\profiles$\dhiulliananads\My Documents\lu144321cgovu.tmp</t>
  </si>
  <si>
    <t>\\acsfs\profiles$\dhiulliananads\My Documents\lu144321cgovu.tmp\</t>
  </si>
  <si>
    <t>\\acsfs\profiles$\dhiulliananads\My Documents\lu144321cgovu.tmp\META-INF\</t>
  </si>
  <si>
    <t>\\acsfs\profiles$\dhiulliananads\My Documents\lu144321cgovu.tmp\Thumbnails\</t>
  </si>
  <si>
    <t>3f3a446f-c00e-4e30-93c1-d45b214a8661.tmp</t>
  </si>
  <si>
    <t>\\acsfs\profiles$\vivianalds\Downloads\3f3a446f-c00e-4e30-93c1-d45b214a8661.tmp</t>
  </si>
  <si>
    <t>e9b304f5-2512-46c9-b1f3-5bd02c416d19.tmp</t>
  </si>
  <si>
    <t>\\acsfs\profiles$\marcosvnds\Downloads\e9b304f5-2512-46c9-b1f3-5bd02c416d19.tmp</t>
  </si>
  <si>
    <t>cc929cba-150e-44d1-9fbb-2bd0d3e8b06b.tmp</t>
  </si>
  <si>
    <t>\\acsfs\profiles$\marcosvnds\Downloads\cc929cba-150e-44d1-9fbb-2bd0d3e8b06b.tmp</t>
  </si>
  <si>
    <t>f0b779f8-5b4a-4582-a162-d5baa0feeaae.tmp</t>
  </si>
  <si>
    <t>\\acsfs\profiles$\marcosvnds\Downloads\f0b779f8-5b4a-4582-a162-d5baa0feeaae.tmp</t>
  </si>
  <si>
    <t>aacd7ece-61d4-4cde-b9de-f8c995397cb6.tmp</t>
  </si>
  <si>
    <t>\\acsfs\profiles$\marcosvnds\Downloads\aacd7ece-61d4-4cde-b9de-f8c995397cb6.tmp</t>
  </si>
  <si>
    <t>1ed98fd9-27ac-41e5-b9f9-4384a6e44767.tmp</t>
  </si>
  <si>
    <t>\\acsfs\profiles$\marcosvnds\Downloads\1ed98fd9-27ac-41e5-b9f9-4384a6e44767.tmp</t>
  </si>
  <si>
    <t>c9e66c3c-cb6a-436a-afa3-7886218ed9ab.tmp</t>
  </si>
  <si>
    <t>\\acsfs\profiles$\marcosvnds\Downloads\c9e66c3c-cb6a-436a-afa3-7886218ed9ab.tmp</t>
  </si>
  <si>
    <t>48cdfa47-494e-4618-9dbc-2c9b9738f03d.tmp</t>
  </si>
  <si>
    <t>\\acsfs\profiles$\leonardobb\Downloads\48cdfa47-494e-4618-9dbc-2c9b9738f03d.tmp</t>
  </si>
  <si>
    <t>/o=exchangelabs/ou=exchange administrative group (fydibohf23spdlt)/cn=recipients/cn=5af2cae509964078b2026f7f550380b0-andre luis;/o=exchangelabs/ou=exchange administrative group (fydibohf23spdlt)/cn=recipients/cn=be0b59caa4dc43e39afaa089f44ef778-leonardo al;/o=exchangelabs/ou=exchange administrative group (fydibohf23spdlt)/cn=recipients/cn=d7b7225eca6c432cb952e8bf01b50f4b-algar tech;/o=exchangelabs/ou=exchange administrative group (fydibohf23spdlt)/cn=recipients/cn=user8e89d2d7;eliane.martins@bv.com.br;flora.lira@bv.com.br;gabrielsma@bv.algartech.com;jose.gomes@bv.com.br;</t>
  </si>
  <si>
    <t>/o=exchangelabs/ou=exchange administrative group (fydibohf23spdlt)/cn=recipients/cn=5af2cae509964078b2026f7f550380b0-andre luis,/o=exchangelabs/ou=exchange administrative group (fydibohf23spdlt)/cn=recipients/cn=be0b59caa4dc43e39afaa089f44ef778-leonardo al,/o=exchangelabs/ou=exchange administrative group (fydibohf23spdlt)/cn=recipients/cn=d7b7225eca6c432cb952e8bf01b50f4b-algar tech,/o=exchangelabs/ou=exchange administrative group (fydibohf23spdlt)/cn=recipients/cn=user8e89d2d7,eliane.martins@bv.com.br,flora.lira@bv.com.br,gabrielsma@bv.algartech.com,jose.gomes@bv.com.br</t>
  </si>
  <si>
    <t>870b421c-f3ef-453a-b9a0-07a25a8507aa.tmp</t>
  </si>
  <si>
    <t>\\acsfs\profiles$\Flaviojmm\Downloads\870b421c-f3ef-453a-b9a0-07a25a8507aa.tmp</t>
  </si>
  <si>
    <t>f8109e3d-5519-4fd2-891e-397b81f95fb5.tmp</t>
  </si>
  <si>
    <t>\\acsfs\profiles$\gabriellalpr\Downloads\f8109e3d-5519-4fd2-891e-397b81f95fb5.tmp</t>
  </si>
  <si>
    <t>93114ff5-fb04-404e-9619-6470d06f4d68.tmp</t>
  </si>
  <si>
    <t>\\acsfs\profiles$\marcosvnds\Downloads\93114ff5-fb04-404e-9619-6470d06f4d68.tmp</t>
  </si>
  <si>
    <t>e180a6eb-1fbb-4f9c-8fe8-cdd8dff35a1f.tmp</t>
  </si>
  <si>
    <t>\\acsfs\profiles$\marcosvnds\Downloads\e180a6eb-1fbb-4f9c-8fe8-cdd8dff35a1f.tmp</t>
  </si>
  <si>
    <t>7c0b7dba-8451-4977-a980-19bc5862b779.tmp</t>
  </si>
  <si>
    <t>\\acsfs\profiles$\LUCASBS\Downloads\7c0b7dba-8451-4977-a980-19bc5862b779.tmp</t>
  </si>
  <si>
    <t>3140c3d7-4005-48de-806a-1ca50164067c.tmp</t>
  </si>
  <si>
    <t>\\acsfs\profiles$\felipetds\Downloads\3140c3d7-4005-48de-806a-1ca50164067c.tmp</t>
  </si>
  <si>
    <t>4c0b9227-e670-423a-a2d3-0269cadfc087.tmp</t>
  </si>
  <si>
    <t>\\acsfs\profiles$\leonardobb\Downloads\4c0b9227-e670-423a-a2d3-0269cadfc087.tmp</t>
  </si>
  <si>
    <t>c707899c-1e60-4ce6-b760-b7c9ab7b0a72.tmp</t>
  </si>
  <si>
    <t>\\acsfs\profiles$\geovannasm\Downloads\c707899c-1e60-4ce6-b760-b7c9ab7b0a72.tmp</t>
  </si>
  <si>
    <t>071c428f-5758-4a05-b62f-5624df47c26d.tmp</t>
  </si>
  <si>
    <t>\\acsfs\profiles$\mariajra\Downloads\071c428f-5758-4a05-b62f-5624df47c26d.tmp</t>
  </si>
  <si>
    <t>c9976323-a750-4ef0-9ef3-1c31acdfaeac.tmp</t>
  </si>
  <si>
    <t>\\acsfs\profiles$\mariajra\Downloads\c9976323-a750-4ef0-9ef3-1c31acdfaeac.tmp</t>
  </si>
  <si>
    <t>100014221982664;joaogvc@algartech.com;leonardoao@algartech.com;paulacn@algartech.com;rafaelggs@algartech.com;taysdss@algartech.com;viniciussg@algartech.com;</t>
  </si>
  <si>
    <t>100014221982664,joaogvc@algartech.com,leonardoao@algartech.com,paulacn@algartech.com,rafaelggs@algartech.com,taysdss@algartech.com,viniciussg@algartech.com</t>
  </si>
  <si>
    <t>100014221982664;joaogvc@algartech.com;leonardoao@algartech.com;paulacn@algartech.com;rafaelggs@algartech.com;robsonams@algartech.com;taysdss@algartech.com;viniciussg@algartech.com;</t>
  </si>
  <si>
    <t>100014221982664,joaogvc@algartech.com,leonardoao@algartech.com,paulacn@algartech.com,rafaelggs@algartech.com,robsonams@algartech.com,taysdss@algartech.com,viniciussg@algartech.com</t>
  </si>
  <si>
    <t>RELATORIO DE LOGIN - FINANCEIRA - 06-01.xlsm</t>
  </si>
  <si>
    <t>\\acsfs\DEPTOS\Operacao\PCP\5 - Comum\PLANEJAMENTO BV\14 - ACOMPANHAMENTO\1 - REPORT ACOMPANHAMENTO\2020\1 - JANEIRO\FINANCEIRA\Login Logout Financeira\RELATORIO DE LOGIN - FINANCEIRA - 06-01.xlsm</t>
  </si>
  <si>
    <t>mail.google.com/mail/u/0/jserror?script=https://mail.google.com/mail/u/0/#inbox&amp;error=class$obf_1010: [/sync/u/0/el2] ef: unsupported http status: 503&amp;line=not available&amp;txz=p</t>
  </si>
  <si>
    <t>3a116c50-13b3-4f6f-a0c4-e0098932dd66.tmp</t>
  </si>
  <si>
    <t>\\acsfs\profiles$\henriquehmdo\Downloads\3a116c50-13b3-4f6f-a0c4-e0098932dd66.tmp</t>
  </si>
  <si>
    <t>07/01/2020;andrelpsa@algartech.com;leonardoao@algartech.com;mirianppb@algartech.com;qualidadealgarbv@algartech.com;rafaelggs@algartech.com;robsonams@algartech.com;supervisaobancovotorantim@algartech.com;talmaiardo@algartech.com;</t>
  </si>
  <si>
    <t>07/01/2020,andrelpsa@algartech.com,leonardoao@algartech.com,mirianppb@algartech.com,qualidadealgarbv@algartech.com,rafaelggs@algartech.com,robsonams@algartech.com,supervisaobancovotorantim@algartech.com,talmaiardo@algartech.com</t>
  </si>
  <si>
    <t>dae58171-b95f-4fb0-b50b-471027b7fb38.tmp</t>
  </si>
  <si>
    <t>\\acsfs\profiles$\lorenabmc\Downloads\dae58171-b95f-4fb0-b50b-471027b7fb38.tmp</t>
  </si>
  <si>
    <t>lu1981211oi1u.tmp</t>
  </si>
  <si>
    <t>\\acsfs\profiles$\ALYNYA\My Documents\lu1981211oi1u.tmp</t>
  </si>
  <si>
    <t>\\acsfs\profiles$\ALYNYA\My Documents\lu1981211oi1u.tmp\</t>
  </si>
  <si>
    <t>\\acsfs\profiles$\ALYNYA\My Documents\lu1981211oi1u.tmp\META-INF\</t>
  </si>
  <si>
    <t>\\acsfs\profiles$\ALYNYA\My Documents\lu1981211oi1u.tmp\Thumbnails\</t>
  </si>
  <si>
    <t>b7f792c0-ffa3-4626-80f2-99c697b60dda.tmp</t>
  </si>
  <si>
    <t>\\acsfs\profiles$\LUCASBS\Downloads\b7f792c0-ffa3-4626-80f2-99c697b60dda.tmp</t>
  </si>
  <si>
    <t>80d453ec-4df2-4e4f-924e-21c2c75f5796.tmp</t>
  </si>
  <si>
    <t>\\acsfs\profiles$\felipetds\Downloads\80d453ec-4df2-4e4f-924e-21c2c75f5796.tmp</t>
  </si>
  <si>
    <t>mail.google.com/mail/u/0/jserror?script=https://mail.google.com/mail/u/0/#inbox&amp;error=class$obf_1010: [/sync/u/0/i/bv] ef: unsupported http status: 503&amp;line=not available&amp;txz=p</t>
  </si>
  <si>
    <t>6c3d3f74-d043-46a1-9277-0a465332b7e1.tmp</t>
  </si>
  <si>
    <t>\\acsfs\profiles$\Flaviojmm\Downloads\6c3d3f74-d043-46a1-9277-0a465332b7e1.tmp</t>
  </si>
  <si>
    <t>459b727a-5f1e-460c-acde-616469d11351.tmp</t>
  </si>
  <si>
    <t>\\acsfs\profiles$\luanarda\Downloads\459b727a-5f1e-460c-acde-616469d11351.tmp</t>
  </si>
  <si>
    <t>bfd7cbdf-6915-4ca2-8d2e-639534c44f25.tmp</t>
  </si>
  <si>
    <t>\\acsfs\profiles$\laylaams\Downloads\bfd7cbdf-6915-4ca2-8d2e-639534c44f25.tmp</t>
  </si>
  <si>
    <t>3f4cdd51-ed82-4f46-9a31-84aead813484.tmp</t>
  </si>
  <si>
    <t>\\acsfs\profiles$\laylaams\Downloads\3f4cdd51-ed82-4f46-9a31-84aead813484.tmp</t>
  </si>
  <si>
    <t>\\acsfs\DEPTOS\Operacao\Banco_Votorantim\Supervisao\SUPERS BV CARTÕES\ADILSON\JOAO VICTOR\</t>
  </si>
  <si>
    <t>\\acsfs\DEPTOS\Operacao\Banco_Votorantim\Supervisao\SUPERS BV CARTÕES\ADILSON\JOAO VICTOR\Thumbs.db</t>
  </si>
  <si>
    <t>08dc62b2-d4b9-468d-bed6-fc90b71bd3d1.tmp</t>
  </si>
  <si>
    <t>\\acsfs\profiles$\dhiulliananads\Downloads\08dc62b2-d4b9-468d-bed6-fc90b71bd3d1.tmp</t>
  </si>
  <si>
    <t>80b7178a-e60c-4bac-b716-280a1f9654fc.tmp</t>
  </si>
  <si>
    <t>\\acsfs\profiles$\antoniosva\Downloads\80b7178a-e60c-4bac-b716-280a1f9654fc.tmp</t>
  </si>
  <si>
    <t>\\acsfs\profiles$\marcosvnds\My Documents\dbxwc\</t>
  </si>
  <si>
    <t>\\acsfs\profiles$\marcosvnds\My Documents\dbxwc\dbxwc.xwc</t>
  </si>
  <si>
    <t>409368b5-12bd-41c7-9c5e-6461bf9b0207.tmp</t>
  </si>
  <si>
    <t>\\acsfs\profiles$\nathaliarmr\Downloads\409368b5-12bd-41c7-9c5e-6461bf9b0207.tmp</t>
  </si>
  <si>
    <t>fernandaab@algartech.com;talmaiardo@algartech.com;</t>
  </si>
  <si>
    <t>fernandaab@algartech.com,talmaiardo@algartech.com</t>
  </si>
  <si>
    <t>fernandaab@algartech.com;talmaiardo@algartech.com;thiagord@algartech.com;</t>
  </si>
  <si>
    <t>fernandaab@algartech.com,talmaiardo@algartech.com,thiagord@algartech.com</t>
  </si>
  <si>
    <t>fernandaab@algartech.com;talmaiardo@algartech.com;thiagordu@algartech.com;</t>
  </si>
  <si>
    <t>fernandaab@algartech.com,talmaiardo@algartech.com,thiagordu@algartech.com</t>
  </si>
  <si>
    <t>fernandaab@algartech.com;talmaiardo@algartech.com;thiagord@algartech.com;thiagordu@algartech.com;</t>
  </si>
  <si>
    <t>fernandaab@algartech.com,talmaiardo@algartech.com,thiagord@algartech.com,thiagordu@algartech.com</t>
  </si>
  <si>
    <t>http:///batch?%24ct=multipart%2Fmixed%3B%20boundary%3D%22%3D%3D%3D%3D%3Dkgco3clrt1ul%3D%3D%3D%3D%3D%22&amp;key=AIzaSyAy9VVXHSpS2IJpptzYtGbLP3-3_l0aBk4</t>
  </si>
  <si>
    <t>1714774998;ancestorhasaugmentedpermissions;containsunsubscribedchildren;displayname;domain;emailaddress;false;file(kind;fileid;filesize;hasthumbnail;hasvisitorpermissions;id;id);items(deleted;ken;kind;lastmodifyinguser(kind;lastviewedbymedate;m85uxjhj15wl1ouxevlta4g-uh77rsxggjkcersa0jieu3yzomk9hvwg2qxgllkdnkkdcijgtrlztnejexgxs8urrgsub2xpyfi4e2-qhuwmpxvveodapccungpeb13k_oi_nizhiltnwzoagquc0ooxrnqrth0ihsb-q_u9jh6fv5umyyryl_j8qt3fyxzgmj2myktbh2qzj39qlqcqcnwlb6jr78sl93uxccpapx8kpkn7kijkfhmbud8_s9y;modifiedbymedate;modifieddate;null;ontainsunsubscribedchildren;owners(kind;per;permissionid;picture;shared;sharedwithmedate;thumbnailversion;title;true]";ungpeb13k_oi_nizhiltnwzoagquc0ooxrnqrth0ihsb-q_u9jh6fv5umyyryl_j8qt3fyxzgmj2myktbh2qzj39qlqcqcnwlb6jr78sl93uxccpapx8kpkn7kijkfhmbud8_s9yishbtt9rcgmd_8gtuefwnxtuskv3qomf0js8vwrdujedwx_c3lohvcpjhxjfnjlox_s69bvkvlsynkoivzcqurtiyl6xc_txn0haj8a6vghyt-sfxi8ctzj8yzebwfa2alvuh046hjelbh52kwz2b0hi-incibokdromdxl1a\";userpermission(role);workspaceids;</t>
  </si>
  <si>
    <t>http://1714774998,ancestorhasaugmentedpermissions,containsunsubscribedchildren,displayname,domain,emailaddress,false,file(kind,fileid,filesize,hasthumbnail,hasvisitorpermissions,id,id),items(deleted,ken,kind,lastmodifyinguser(kind,lastviewedbymedate,m85uxjhj15wl1ouxevlta4g-uh77rsxggjkcersa0jieu3yzomk9hvwg2qxgllkdnkkdcijgtrlztnejexgxs8urrgsub2xpyfi4e2-qhuwmpxvveodapccungpeb13k_oi_nizhiltnwzoagquc0ooxrnqrth0ihsb-q_u9jh6fv5umyyryl_j8qt3fyxzgmj2myktbh2qzj39qlqcqcnwlb6jr78sl93uxccpapx8kpkn7kijkfhmbud8_s9y,modifiedbymedate,modifieddate,null,ontainsunsubscribedchildren,owners(kind,per,permissionid,picture,shared,sharedwithmedate,thumbnailversion,title,true]",ungpeb13k_oi_nizhiltnwzoagquc0ooxrnqrth0ihsb-q_u9jh6fv5umyyryl_j8qt3fyxzgmj2myktbh2qzj39qlqcqcnwlb6jr78sl93uxccpapx8kpkn7kijkfhmbud8_s9yishbtt9rcgmd_8gtuefwnxtuskv3qomf0js8vwrdujedwx_c3lohvcpjhxjfnjlox_s69bvkvlsynkoivzcqurtiyl6xc_txn0haj8a6vghyt-sfxi8ctzj8yzebwfa2alvuh046hjelbh52kwz2b0hi-incibokdromdxl1a\",userpermission(role),workspaceids</t>
  </si>
  <si>
    <t>http:///batch?%24ct=multipart%2Fmixed%3B%20boundary%3D%22%3D%3D%3D%3D%3Dhl5axbw4xw6z%3D%3D%3D%3D%3D%22&amp;key=AIzaSyAy9VVXHSpS2IJpptzYtGbLP3-3_l0aBk4</t>
  </si>
  <si>
    <t>http:///batch?%24ct=multipart%2Fmixed%3B%20boundary%3D%22%3D%3D%3D%3D%3Dmmmnk4z0k57q%3D%3D%3D%3D%3D%22&amp;key=AIzaSyAy9VVXHSpS2IJpptzYtGbLP3-3_l0aBk4</t>
  </si>
  <si>
    <t>472e4dac-a8c6-49a4-99ed-8ff7c2e7a9ce.tmp</t>
  </si>
  <si>
    <t>\\acsfs\profiles$\camillaleb\Downloads\472e4dac-a8c6-49a4-99ed-8ff7c2e7a9ce.tmp</t>
  </si>
  <si>
    <t>5abfd79c-2a3e-48b3-8862-7366231198c7.tmp</t>
  </si>
  <si>
    <t>\\acsfs\profiles$\larissaad\Downloads\5abfd79c-2a3e-48b3-8862-7366231198c7.tmp</t>
  </si>
  <si>
    <t>ca5ead92-9484-47a4-8c10-79093206758c.tmp</t>
  </si>
  <si>
    <t>\\acsfs\profiles$\vivianalds\Downloads\ca5ead92-9484-47a4-8c10-79093206758c.tmp</t>
  </si>
  <si>
    <t>http:///batch?%24ct=multipart%2Fmixed%3B%20boundary%3D%22%3D%3D%3D%3D%3D3z801zu0fe4g%3D%3D%3D%3D%3D%22&amp;key=AIzaSyAy9VVXHSpS2IJpptzYtGbLP3-3_l0aBk4</t>
  </si>
  <si>
    <t>1714774998;ancest;ancestorhasaugmentedpermissions;containsunsubscribedchildren;displayname;domain;emailaddress;false;file(kind;fileid;filesize;hasthumbnail;hasvisitorpermissions;id;id);items(deleted;ken;kind;lastmodifyinguser(kind;lastviewedbymedate;m85uxjhj15wl1ouxevlta4g-uh77rsxggjkcersa0jieu3yzomk9hvwg2qxgllkdnkkdcijgtrlztnejexgxs8urrgsub2xpyfi4e2-qhuwmpxvveodapccungpeb13k_oi_nizhiltnwzoagquc0ooxrnqrth0ihsb-q_u9jh6fv5umyyryl_j8qt3fyxzgmj2myktbh2qzj39qlqcqcnwlb6jr78sl93uxccpapx8kpkn7kijkfhmbud8_s9y;modifiedbymedate;modifieddate;null;ontainsunsubscribedchildren;owners(kind;per;permissionid;pictu;picture;rpermissions;shared;sharedwithmedate;thumbnailversion;title;true]";ungpeb13k_oi_nizhiltnwzoagquc0ooxrnqrth0ihsb-q_u9jh6fv5umyyryl_j8qt3fyxzgmj2myktbh2qzj39qlqcqcnwlb6jr78sl93uxccpapx8kpkn7kijkfhmbud8_s9yishbtt9rcgmd_8gtuefwnxtuskv3qomf0js8vwrdujedwx_c3lohvcpjhxjfnjlox_s69bvkvlsynkoivzcqurtiyl6xc_txn0haj8a6vghyt-sfxi8ctzj8yzebwfagalvuhhu3skyei0xulwde5fiy_upupdy5gngvpa1-m\";ungpeb13k_oi_nizhiltnwzoagquc0ooxrnqr</t>
  </si>
  <si>
    <t>http://1714774998,ancest,ancestorhasaugmentedpermissions,containsunsubscribedchildren,displayname,domain,emailaddress,false,file(kind,fileid,filesize,hasthumbnail,hasvisitorpermissions,id,id),items(deleted,ken,kind,lastmodifyinguser(kind,lastviewedbymedate,m85uxjhj15wl1ouxevlta4g-uh77rsxggjkcersa0jieu3yzomk9hvwg2qxgllkdnkkdcijgtrlztnejexgxs8urrgsub2xpyfi4e2-qhuwmpxvveodapccungpeb13k_oi_nizhiltnwzoagquc0ooxrnqrth0ihsb-q_u9jh6fv5umyyryl_j8qt3fyxzgmj2myktbh2qzj39qlqcqcnwlb6jr78sl93uxccpapx8kpkn7kijkfhmbud8_s9y,modifiedbymedate,modifieddate,null,ontainsunsubscribedchildren,owners(kind,per,permissionid,pictu,picture,rpermissions,shared,sharedwithmedate,thumbnailversion,title,true]",ungpeb13k_oi_nizhiltnwzoagquc0ooxrnqrth0ihsb-q_u9jh6fv5umyyryl_j8qt3fyxzgmj2myktbh2qzj39qlqcqcnwlb6jr78sl93uxccpapx8kpkn7kijkfhmbud8_s9yishbtt9rcgmd_8gtuefwnxtuskv3qomf0js8vwrdujedwx_c3lohvcpjhxjfnjlox_s69bvkvlsynkoivzcqurtiyl6xc_txn0haj8a6vghyt-sfxi8ctzj8yzebwfagalvuhhu3skyei0xulwde5fiy_upupdy5gngvpa1-m\",ungpeb13k_oi_nizhiltnwzoagquc0</t>
  </si>
  <si>
    <t>http:///batch?%24ct=multipart%2Fmixed%3B%20boundary%3D%22%3D%3D%3D%3D%3D7ed3wvs8najy%3D%3D%3D%3D%3D%22&amp;key=AIzaSyAy9VVXHSpS2IJpptzYtGbLP3-3_l0aBk4</t>
  </si>
  <si>
    <t>http:///batch?%24ct=multipart%2Fmixed%3B%20boundary%3D%22%3D%3D%3D%3D%3D1q2jnwfgy5av%3D%3D%3D%3D%3D%22&amp;key=AIzaSyAy9VVXHSpS2IJpptzYtGbLP3-3_l0aBk4</t>
  </si>
  <si>
    <t>1c2a4609-4cf0-496f-9366-ff1cfa01bdb5.tmp</t>
  </si>
  <si>
    <t>\\acsfs\profiles$\lorrainerdl\Downloads\1c2a4609-4cf0-496f-9366-ff1cfa01bdb5.tmp</t>
  </si>
  <si>
    <t>429a1839-ea97-44cc-9dc1-74dfb2a7c344.tmp</t>
  </si>
  <si>
    <t>\\acsfs\profiles$\quindaizaagds\Downloads\429a1839-ea97-44cc-9dc1-74dfb2a7c344.tmp</t>
  </si>
  <si>
    <t>c320eb8e-0785-438a-85a2-69b2cf1c84fe.tmp</t>
  </si>
  <si>
    <t>\\acsfs\profiles$\larissaad\Downloads\c320eb8e-0785-438a-85a2-69b2cf1c84fe.tmp</t>
  </si>
  <si>
    <t>e45946fc-8c2f-4136-b518-a88fff58828d.tmp</t>
  </si>
  <si>
    <t>\\acsfs\profiles$\larissaad\Downloads\e45946fc-8c2f-4136-b518-a88fff58828d.tmp</t>
  </si>
  <si>
    <t>1c6db423-3c5b-4f73-a613-aa0d2b719d6c.tmp</t>
  </si>
  <si>
    <t>\\acsfs\profiles$\larissaad\Downloads\1c6db423-3c5b-4f73-a613-aa0d2b719d6c.tmp</t>
  </si>
  <si>
    <t>51544c67-6f19-4da9-8c3a-787cd28b351f.tmp</t>
  </si>
  <si>
    <t>\\acsfs\profiles$\larissaad\Downloads\51544c67-6f19-4da9-8c3a-787cd28b351f.tmp</t>
  </si>
  <si>
    <t>5a97f745-f8b9-470f-bc61-247d324424de.tmp</t>
  </si>
  <si>
    <t>\\acsfs\profiles$\maxmillianosv\Downloads\5a97f745-f8b9-470f-bc61-247d324424de.tmp</t>
  </si>
  <si>
    <t>lu144321cgow4.tmp</t>
  </si>
  <si>
    <t>\\acsfs\profiles$\dhiulliananads\My Documents\lu144321cgow4.tmp</t>
  </si>
  <si>
    <t>\\acsfs\profiles$\dhiulliananads\My Documents\lu144321cgow4.tmp\</t>
  </si>
  <si>
    <t>\\acsfs\profiles$\dhiulliananads\My Documents\lu144321cgow4.tmp\META-INF\</t>
  </si>
  <si>
    <t>\\acsfs\profiles$\dhiulliananads\My Documents\lu144321cgow4.tmp\Thumbnails\</t>
  </si>
  <si>
    <t>359c0486-e475-4a35-8f79-5b63f4d01137.tmp</t>
  </si>
  <si>
    <t>\\acsfs\profiles$\lorenabmc\Downloads\359c0486-e475-4a35-8f79-5b63f4d01137.tmp</t>
  </si>
  <si>
    <t>725dfffc-cfc5-49c8-afdf-a751b69b5323.tmp</t>
  </si>
  <si>
    <t>\\acsfs\profiles$\websondsa\Downloads\725dfffc-cfc5-49c8-afdf-a751b69b5323.tmp</t>
  </si>
  <si>
    <t>57967e31-18eb-4ad1-8bc7-648300f6b9a7.tmp</t>
  </si>
  <si>
    <t>\\acsfs\profiles$\quindaizaagds\Downloads\57967e31-18eb-4ad1-8bc7-648300f6b9a7.tmp</t>
  </si>
  <si>
    <t>abd70c80-aaa6-4914-9ae1-eb79cc101cd6.tmp</t>
  </si>
  <si>
    <t>\\acsfs\profiles$\quindaizaagds\Downloads\abd70c80-aaa6-4914-9ae1-eb79cc101cd6.tmp</t>
  </si>
  <si>
    <t>cf097318-ef05-4326-b493-15038e5b970b.tmp</t>
  </si>
  <si>
    <t>\\acsfs\profiles$\larissaad\Downloads\cf097318-ef05-4326-b493-15038e5b970b.tmp</t>
  </si>
  <si>
    <t>0f41062e-4799-41cd-8687-26489a611ba7.tmp</t>
  </si>
  <si>
    <t>\\acsfs\profiles$\LAISLG\Downloads\0f41062e-4799-41cd-8687-26489a611ba7.tmp</t>
  </si>
  <si>
    <t>5be858e8-1bb7-4e92-9211-7e6dfd4d0187.tmp</t>
  </si>
  <si>
    <t>\\acsfs\profiles$\claudiajca\Downloads\5be858e8-1bb7-4e92-9211-7e6dfd4d0187.tmp</t>
  </si>
  <si>
    <t>33f3b28f-4fbf-48e6-b952-711550f498df.tmp</t>
  </si>
  <si>
    <t>\\acsfs\profiles$\geovannasm\Downloads\33f3b28f-4fbf-48e6-b952-711550f498df.tmp</t>
  </si>
  <si>
    <t>2e98346e-b257-459e-8e9a-136c7ff27d88.tmp</t>
  </si>
  <si>
    <t>\\acsfs\profiles$\geovannasm\Downloads\2e98346e-b257-459e-8e9a-136c7ff27d88.tmp</t>
  </si>
  <si>
    <t>Edicarlos -27-11-19 18-24_1_6764096930301676506_1_32.wav</t>
  </si>
  <si>
    <t>\\acsfs\DEPTOS\EDUCACAO EMPRESARIAL\2 - Operações\0 - BV\5 - QUALIDADE\Nova pasta\jose\Edicarlos -27-11-19 18-24_1_6764096930301676506_1_32.wav</t>
  </si>
  <si>
    <t>ff86acaf-adc0-410c-b99e-c24572625366.tmp</t>
  </si>
  <si>
    <t>\\acsfs\profiles$\gabrielarb\Downloads\ff86acaf-adc0-410c-b99e-c24572625366.tmp</t>
  </si>
  <si>
    <t>563fca63-9a98-4fec-82b2-9630ed38da95.tmp</t>
  </si>
  <si>
    <t>\\acsfs\profiles$\gabrielarb\Downloads\563fca63-9a98-4fec-82b2-9630ed38da95.tmp</t>
  </si>
  <si>
    <t>248199ae-b872-4377-bc82-39b974169a5a.tmp</t>
  </si>
  <si>
    <t>\\acsfs\profiles$\gabrielarb\Downloads\248199ae-b872-4377-bc82-39b974169a5a.tmp</t>
  </si>
  <si>
    <t>a22cbe13-e315-4409-9b0c-ce97a437ce3b.tmp</t>
  </si>
  <si>
    <t>\\acsfs\profiles$\gabrielarb\Downloads\a22cbe13-e315-4409-9b0c-ce97a437ce3b.tmp</t>
  </si>
  <si>
    <t>lu123400v7s3q9.tmp</t>
  </si>
  <si>
    <t>\\acsfs\DEPTOS\Operacao\Banco_Votorantim\Supervisao\SUPERS BV CARTÕES\ANA VITORIA\APOIO\lu123400v7s3q9.tmp</t>
  </si>
  <si>
    <t>lu123400v7s3qf.tmp</t>
  </si>
  <si>
    <t>\\acsfs\DEPTOS\Operacao\Banco_Votorantim\Supervisao\SUPERS BV CARTÕES\ANA VITORIA\APOIO\lu123400v7s3qf.tmp</t>
  </si>
  <si>
    <t>\\acsfs\DEPTOS\Operacao\Banco_Votorantim\Supervisao\SUPERS BV CARTÕES\ANA VITORIA\APOIO\lu123400v7s3qf.tmp\</t>
  </si>
  <si>
    <t>\\acsfs\DEPTOS\Operacao\Banco_Votorantim\Supervisao\SUPERS BV CARTÕES\ANA VITORIA\APOIO\lu123400v7s3qf.tmp\META-INF\</t>
  </si>
  <si>
    <t>\\acsfs\DEPTOS\Operacao\Banco_Votorantim\Supervisao\SUPERS BV CARTÕES\ANA VITORIA\APOIO\lu123400v7s3qf.tmp\Thumbnails\</t>
  </si>
  <si>
    <t>https://algar.folhasinergyrh.com.br/dependente/upload?id=0&amp;idsolicitacao=19017&amp;nomedependente=davi lucca alves canuto</t>
  </si>
  <si>
    <t>documentaaoparainclusodedependente.zip</t>
  </si>
  <si>
    <t>C:\Users\raicdf\Downloads\documentaaoparainclusodedependente.zip\</t>
  </si>
  <si>
    <t>20200107_130324.jpg</t>
  </si>
  <si>
    <t>20200107_130346.jpg</t>
  </si>
  <si>
    <t>20200107_130402.jpg</t>
  </si>
  <si>
    <t>20200107_130510.jpg</t>
  </si>
  <si>
    <t>20200107_130537.jpg</t>
  </si>
  <si>
    <t>35dc995f-83b1-420d-b142-8585c9541c16.tmp</t>
  </si>
  <si>
    <t>\\acsfs\profiles$\brendadsl\Downloads\35dc995f-83b1-420d-b142-8585c9541c16.tmp</t>
  </si>
  <si>
    <t>f283a063-c76c-4302-8727-58df32ae7b4e.tmp</t>
  </si>
  <si>
    <t>\\acsfs\profiles$\brendadsl\Downloads\f283a063-c76c-4302-8727-58df32ae7b4e.tmp</t>
  </si>
  <si>
    <t>ee74a3d3-05a9-40a7-a322-a723c0be1ceb.tmp</t>
  </si>
  <si>
    <t>\\acsfs\profiles$\brendadsl\Downloads\ee74a3d3-05a9-40a7-a322-a723c0be1ceb.tmp</t>
  </si>
  <si>
    <t>ef8328c8-4488-42ea-9b4d-01dc42373a1a.tmp</t>
  </si>
  <si>
    <t>\\acsfs\profiles$\brendadsl\Downloads\ef8328c8-4488-42ea-9b4d-01dc42373a1a.tmp</t>
  </si>
  <si>
    <t>44bde423-eea7-4ab5-aa2c-2d0a0ce822d5.tmp</t>
  </si>
  <si>
    <t>\\acsfs\profiles$\brendadsl\Downloads\44bde423-eea7-4ab5-aa2c-2d0a0ce822d5.tmp</t>
  </si>
  <si>
    <t>a2ac78cd-848b-439f-8d8a-a837a7692d9c.tmp</t>
  </si>
  <si>
    <t>\\acsfs\profiles$\brendadsl\Downloads\a2ac78cd-848b-439f-8d8a-a837a7692d9c.tmp</t>
  </si>
  <si>
    <t>b842ad88-3487-4bdd-b416-6c1ad5f59686.tmp</t>
  </si>
  <si>
    <t>\\acsfs\profiles$\leonardobb\Downloads\b842ad88-3487-4bdd-b416-6c1ad5f59686.tmp</t>
  </si>
  <si>
    <t>b214615c-5225-401f-825f-4ece04234747.tmp</t>
  </si>
  <si>
    <t>\\acsfs\profiles$\leonardobb\Downloads\b214615c-5225-401f-825f-4ece04234747.tmp</t>
  </si>
  <si>
    <t>1f5d3cd8-0639-4487-8e99-724a19dee5e9.tmp</t>
  </si>
  <si>
    <t>\\acsfs\profiles$\claudiajca\Downloads\1f5d3cd8-0639-4487-8e99-724a19dee5e9.tmp</t>
  </si>
  <si>
    <t>lu144321cgowf.tmp</t>
  </si>
  <si>
    <t>\\acsfs\profiles$\dhiulliananads\My Documents\lu144321cgowf.tmp</t>
  </si>
  <si>
    <t>\\acsfs\profiles$\dhiulliananads\My Documents\lu144321cgowf.tmp\</t>
  </si>
  <si>
    <t>\\acsfs\profiles$\dhiulliananads\My Documents\lu144321cgowf.tmp\META-INF\</t>
  </si>
  <si>
    <t>\\acsfs\profiles$\dhiulliananads\My Documents\lu144321cgowf.tmp\Thumbnails\</t>
  </si>
  <si>
    <t>e21a156c-8f38-405f-a3f9-74fe9d76236d.tmp</t>
  </si>
  <si>
    <t>\\acsfs\profiles$\andrezacapf\Downloads\e21a156c-8f38-405f-a3f9-74fe9d76236d.tmp</t>
  </si>
  <si>
    <t>088d5b96-4034-4aa7-9689-240a75d9378a.tmp</t>
  </si>
  <si>
    <t>\\acsfs\profiles$\andrezacapf\Downloads\088d5b96-4034-4aa7-9689-240a75d9378a.tmp</t>
  </si>
  <si>
    <t>39730399-d934-4a17-a27b-0ba38a6a843d.tmp</t>
  </si>
  <si>
    <t>\\acsfs\profiles$\andrezacapf\Downloads\39730399-d934-4a17-a27b-0ba38a6a843d.tmp</t>
  </si>
  <si>
    <t>d19e33e3-d3a9-4b65-a63e-629e73fc4c83.tmp</t>
  </si>
  <si>
    <t>\\acsfs\profiles$\andrezacapf\Downloads\d19e33e3-d3a9-4b65-a63e-629e73fc4c83.tmp</t>
  </si>
  <si>
    <t>7eef0d55-77e3-427c-b275-024734c6ec42.tmp</t>
  </si>
  <si>
    <t>\\acsfs\profiles$\andrezacapf\Downloads\7eef0d55-77e3-427c-b275-024734c6ec42.tmp</t>
  </si>
  <si>
    <t>b56de874-b4a0-457a-97ba-d85d19104d08.tmp</t>
  </si>
  <si>
    <t>\\acsfs\profiles$\andrezacapf\Downloads\b56de874-b4a0-457a-97ba-d85d19104d08.tmp</t>
  </si>
  <si>
    <t>d39cef7e-d64e-47f7-bf1b-0f588ea529d2.tmp</t>
  </si>
  <si>
    <t>\\acsfs\profiles$\andrezacapf\Downloads\d39cef7e-d64e-47f7-bf1b-0f588ea529d2.tmp</t>
  </si>
  <si>
    <t>0bafcb21-d25f-4de1-b605-65edb08061ab.tmp</t>
  </si>
  <si>
    <t>\\acsfs\profiles$\francislayneads\Downloads\0bafcb21-d25f-4de1-b605-65edb08061ab.tmp</t>
  </si>
  <si>
    <t>lu144321cgowl.tmp</t>
  </si>
  <si>
    <t>\\acsfs\profiles$\dhiulliananads\My Documents\lu144321cgowl.tmp</t>
  </si>
  <si>
    <t>\\acsfs\profiles$\dhiulliananads\My Documents\lu144321cgowl.tmp\</t>
  </si>
  <si>
    <t>\\acsfs\profiles$\dhiulliananads\My Documents\lu144321cgowl.tmp\META-INF\</t>
  </si>
  <si>
    <t>\\acsfs\profiles$\dhiulliananads\My Documents\lu144321cgowl.tmp\Thumbnails\</t>
  </si>
  <si>
    <t>lu144321cgowr.tmp</t>
  </si>
  <si>
    <t>\\acsfs\profiles$\dhiulliananads\My Documents\lu144321cgowr.tmp</t>
  </si>
  <si>
    <t>\\acsfs\profiles$\dhiulliananads\My Documents\lu144321cgowr.tmp\</t>
  </si>
  <si>
    <t>\\acsfs\profiles$\dhiulliananads\My Documents\lu144321cgowr.tmp\META-INF\</t>
  </si>
  <si>
    <t>\\acsfs\profiles$\dhiulliananads\My Documents\lu144321cgowr.tmp\Thumbnails\</t>
  </si>
  <si>
    <t>d02be825-36f0-45e4-a10d-2371300f8335.tmp</t>
  </si>
  <si>
    <t>\\acsfs\profiles$\leonardobb\Downloads\d02be825-36f0-45e4-a10d-2371300f8335.tmp</t>
  </si>
  <si>
    <t>a3d90781-5829-4a0f-b649-ad288531f9f3.tmp</t>
  </si>
  <si>
    <t>\\acsfs\profiles$\quindaizaagds\Downloads\a3d90781-5829-4a0f-b649-ad288531f9f3.tmp</t>
  </si>
  <si>
    <t>Não confirmado 206426.crdownload</t>
  </si>
  <si>
    <t>\\acsfs\ACS\Gabriel da Silva\Contemporânea\NPS\NPS_Voz\Janeiro.20\Não confirmado 206426.crdownload</t>
  </si>
  <si>
    <t>3ec33119-c42a-4397-a107-d35147f4df13.tmp</t>
  </si>
  <si>
    <t>\\acsfs\profiles$\andrezacapf\Downloads\3ec33119-c42a-4397-a107-d35147f4df13.tmp</t>
  </si>
  <si>
    <t>3b38377d-2abd-4ad6-86b9-44d7fdad0395.tmp</t>
  </si>
  <si>
    <t>\\acsfs\profiles$\andrezacapf\Downloads\3b38377d-2abd-4ad6-86b9-44d7fdad0395.tmp</t>
  </si>
  <si>
    <t>818690d9-2c14-4a88-ab3b-72ba7a9f5b17.tmp</t>
  </si>
  <si>
    <t>\\acsfs\profiles$\andrezacapf\Downloads\818690d9-2c14-4a88-ab3b-72ba7a9f5b17.tmp</t>
  </si>
  <si>
    <t>3d0c025b-c531-4a6c-b101-56ccf2bd1da1.tmp</t>
  </si>
  <si>
    <t>\\acsfs\profiles$\nayarasds\Downloads\3d0c025b-c531-4a6c-b101-56ccf2bd1da1.tmp</t>
  </si>
  <si>
    <t>REGIS AUGUSTO DA SILVA ABREU (25002).contact</t>
  </si>
  <si>
    <t>\\acsfs\profiles$\regisadsa\Contacts\REGIS AUGUSTO DA SILVA ABREU (25002).contact</t>
  </si>
  <si>
    <t>a005f57c-7332-4d7e-9938-cc0587d755bb.tmp</t>
  </si>
  <si>
    <t>\\acsfs\profiles$\regisadsa\Downloads\a005f57c-7332-4d7e-9938-cc0587d755bb.tmp</t>
  </si>
  <si>
    <t>87dfb85a-7ea1-4995-9184-a451b1a638a7.tmp</t>
  </si>
  <si>
    <t>\\acsfs\profiles$\regisadsa\Downloads\87dfb85a-7ea1-4995-9184-a451b1a638a7.tmp</t>
  </si>
  <si>
    <t>b286d683-50f1-444f-bcf5-a0c8ba22ee74.tmp</t>
  </si>
  <si>
    <t>\\acsfs\profiles$\isabellegtds\Downloads\b286d683-50f1-444f-bcf5-a0c8ba22ee74.tmp</t>
  </si>
  <si>
    <t>470def6e-c34b-4048-b740-45fdbbdb35e7.tmp</t>
  </si>
  <si>
    <t>\\acsfs\profiles$\lorrainerdl\Downloads\470def6e-c34b-4048-b740-45fdbbdb35e7.tmp</t>
  </si>
  <si>
    <t>99d8d1f9-6218-4194-816e-2bb33f3a3c7a.tmp</t>
  </si>
  <si>
    <t>\\acsfs\profiles$\lorrainerdl\Downloads\99d8d1f9-6218-4194-816e-2bb33f3a3c7a.tmp</t>
  </si>
  <si>
    <t>http:///batch?%24ct=multipart%2Fmixed%3B%20boundary%3D%22%3D%3D%3D%3D%3Dw8vyypcr09k0%3D%3D%3D%3D%3D%22&amp;key=AIzaSyAy9VVXHSpS2IJpptzYtGbLP3-3_l0aBk4</t>
  </si>
  <si>
    <t>http:///batch?%24ct=multipart%2Fmixed%3B%20boundary%3D%22%3D%3D%3D%3D%3Dn3mjszhcl3oy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http:///batch?%24ct=multipart%2Fmixed%3B%20boundary%3D%22%3D%3D%3D%3D%3Dttwjxugwlm10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http:///batch?%24ct=multipart%2Fmixed%3B%20boundary%3D%22%3D%3D%3D%3D%3Di27h68j76e7k%3D%3D%3D%3D%3D%22&amp;key=AIzaSyAy9VVXHSpS2IJpptzYtGbLP3-3_l0aBk4</t>
  </si>
  <si>
    <t>http:///batch?%24ct=multipart%2Fmixed%3B%20boundary%3D%22%3D%3D%3D%3D%3Djplo559q1ak%3D%3D%3D%3D%3D%22&amp;key=AIzaSyAy9VVXHSpS2IJpptzYtGbLP3-3_l0aBk4</t>
  </si>
  <si>
    <t>http:///batch?%24ct=multipart%2Fmixed%3B%20boundary%3D%22%3D%3D%3D%3D%3Dtf937g7bgl0b%3D%3D%3D%3D%3D%22&amp;key=AIzaSyAy9VVXHSpS2IJpptzYtGbLP3-3_l0aBk4</t>
  </si>
  <si>
    <t>ancestorhasaugmen;ancestorhasaugmentedpermissions;containsunsubscribedchildren;displayname;domain;emaila;emailaddress;file(kind;fileid;filesize;hasthumbnail;hasvisitorpermissions;id;id);items(deleted;ken;kind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,ancestorhasaugmentedpermissions,containsunsubscribedchildren,displayname,domain,emaila,emailaddress,file(kind,fileid,filesize,hasthumbnail,hasvisitorpermissions,id,id),items(deleted,ken,kind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oyfx65sjwpl9%3D%3D%3D%3D%3D%22&amp;key=AIzaSyAy9VVXHSpS2IJpptzYtGbLP3-3_l0aBk4</t>
  </si>
  <si>
    <t>http:///batch?%24ct=multipart%2Fmixed%3B%20boundary%3D%22%3D%3D%3D%3D%3D2mwmfnve51sr%3D%3D%3D%3D%3D%22&amp;key=AIzaSyAy9VVXHSpS2IJpptzYtGbLP3-3_l0aBk4</t>
  </si>
  <si>
    <t>http:///batch?%24ct=multipart%2Fmixed%3B%20boundary%3D%22%3D%3D%3D%3D%3Dufo65lqn36g8%3D%3D%3D%3D%3D%22&amp;key=AIzaSyAy9VVXHSpS2IJpptzYtGbLP3-3_l0aBk4</t>
  </si>
  <si>
    <t>ancest;ancestorhasaugmen;ancestorhasaugmentedpermissions;containsunsubscribedchildren;displayname;domain;emaila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,ancestorhasaugmentedpermissions,containsunsubscribedchildren,displayname,domain,emaila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u6cp4ap70fb3%3D%3D%3D%3D%3D%22&amp;key=AIzaSyAy9VVXHSpS2IJpptzYtGbLP3-3_l0aBk4</t>
  </si>
  <si>
    <t>http:///batch?%24ct=multipart%2Fmixed%3B%20boundary%3D%22%3D%3D%3D%3D%3Dpcbe7natuef9%3D%3D%3D%3D%3D%22&amp;key=AIzaSyAy9VVXHSpS2IJpptzYtGbLP3-3_l0aBk4</t>
  </si>
  <si>
    <t>http:///batch?%24ct=multipart%2Fmixed%3B%20boundary%3D%22%3D%3D%3D%3D%3Dguu3cv993ppq%3D%3D%3D%3D%3D%22&amp;key=AIzaSyAy9VVXHSpS2IJpptzYtGbLP3-3_l0aBk4</t>
  </si>
  <si>
    <t>http:///batch?%24ct=multipart%2Fmixed%3B%20boundary%3D%22%3D%3D%3D%3D%3Dr7w9ohmxfuxf%3D%3D%3D%3D%3D%22&amp;key=AIzaSyAy9VVXHSpS2IJpptzYtGbLP3-3_l0aBk4</t>
  </si>
  <si>
    <t>http:///batch?%24ct=multipart%2Fmixed%3B%20boundary%3D%22%3D%3D%3D%3D%3Deomsrix2l8bt%3D%3D%3D%3D%3D%22&amp;key=AIzaSyAy9VVXHSpS2IJpptzYtGbLP3-3_l0aBk4</t>
  </si>
  <si>
    <t>http:///batch?%24ct=multipart%2Fmixed%3B%20boundary%3D%22%3D%3D%3D%3D%3D3vn71elz78de%3D%3D%3D%3D%3D%22&amp;key=AIzaSyAy9VVXHSpS2IJpptzYtGbLP3-3_l0aBk4</t>
  </si>
  <si>
    <t>http:///batch?%24ct=multipart%2Fmixed%3B%20boundary%3D%22%3D%3D%3D%3D%3Dfds9palx4or7%3D%3D%3D%3D%3D%22&amp;key=AIzaSyAy9VVXHSpS2IJpptzYtGbLP3-3_l0aBk4</t>
  </si>
  <si>
    <t>0;0.491;0.491];0.668;0];1.795000000129221;1017.7050000002055;1018.3400000005349;102.89000000011583;1033.914999999979;1068.145000000186;1124.5800000006057;12.200000000120781;12.379999999211577;12.854];1285.7050000002346;13.636;137.449;15.344;15.344];15.552;15.552];1590.64];181.32999999943422;2.759999999398133;21.464;21.464];21.7;21.7];24.85999999953492;25.529999999889696;284.38999999980297;3;32.54500000002736;32.615000000078;33.212;33.212];35.02499999922293;37.325000000237196;38.434];4;4.014999999526481;4.843;41.8550000003961;5;5.314999999427528;5.710000000362925;508.139;54.7100000003411;6.009];700";721.2749999998778;721.4650000005349;733.3650000000489;734.0950000007069;734.295000000202;734.4950000006065;734.5700000005309;742.4550000005183;873.7950000004275;875.8000000007087;876.5250000005835;877.0100000001548;878.0750000005355;89.91499999956432;890.048];910.6300000003102;910.6300000003102�;:400;["https://clients6.google.com/drive/v2internal/about?opendrive=true&amp;reason=301&amp;synctype=0&amp;errorrecovery=false&amp;fields</t>
  </si>
  <si>
    <t>http://0,0.491,0.491],0.668,0],1.795000000129221,1017.7050000002055,1018.3400000005349,102.89000000011583,1033.914999999979,1068.145000000186,1124.5800000006057,12.200000000120781,12.379999999211577,12.854],1285.7050000002346,13.636,137.449,15.344,15.344],15.552,15.552],1590.64],181.32999999943422,2.759999999398133,21.464,21.464],21.7,21.7],24.85999999953492,25.529999999889696,284.38999999980297,3,32.54500000002736,32.615000000078,33.212,33.212],35.02499999922293,37.325000000237196,38.434],4,4.014999999526481,4.843,41.8550000003961,5,5.314999999427528,5.710000000362925,508.139,54.7100000003411,6.009],700",721.2749999998778,721.4650000005349,733.3650000000489,734.0950000007069,734.295000000202,734.4950000006065,734.5700000005309,742.4550000005183,873.7950000004275,875.8000000007087,876.5250000005835,877.0100000001548,878.0750000005355,89.91499999956432,890.048],910.6300000003102,910.6300000003102�,:400,["https://clients6.google.com/drive/v2internal/about?opendrive=true&amp;reason=301&amp;synctype=0&amp;errorrecovery=false</t>
  </si>
  <si>
    <t>0;0.491;0.491];0.668;0];1.795000000129221;1017.7050000002055;1018.3400000005349;102.89000000011583;1033.914999999979;1068.145000000186;1124.5800000006057;12.200000000120781;12.379999999211577;12.854];127.5999999998021;1285.7050000002346;13.636;1300.2750000005108;1304.5050000000629;1307.9250000000684;137.449;1404.9400000003516;146.9150000002628;1483.3750000007058;15.344;15.344];15.552;15.552];150.6199999994351;151.5349999999671;1534.8350000003848;1535.385000000133;1590.64];181.32999999943422;2.759999999398133;21.464;21.464];21.7;21.7];24.85999999953492;25.529999999889696;284.38999999980297;3;32.54500000002736;32.615000000078;33.212;33.212];35.02499999922293;37.325000000237196;38.434];4;4.014999999526481;4.843;41.8550000003961;5;5.314999999427528;5.710000000362925;508.139;52.17499999980646;54.7100000003411;6.009];65.27000000;65.270000000055;700";721.2749999998778;721.4650000005349;73.13499999963824;733.3650000000489;734.0950000007069;734.295000000202;734.4950000006065;734.5700000005309;742.4550000005183;873.795</t>
  </si>
  <si>
    <t>http://0,0.491,0.491],0.668,0],1.795000000129221,1017.7050000002055,1018.3400000005349,102.89000000011583,1033.914999999979,1068.145000000186,1124.5800000006057,12.200000000120781,12.379999999211577,12.854],127.5999999998021,1285.7050000002346,13.636,1300.2750000005108,1304.5050000000629,1307.9250000000684,137.449,1404.9400000003516,146.9150000002628,1483.3750000007058,15.344,15.344],15.552,15.552],150.6199999994351,151.5349999999671,1534.8350000003848,1535.385000000133,1590.64],181.32999999943422,2.759999999398133,21.464,21.464],21.7,21.7],24.85999999953492,25.529999999889696,284.38999999980297,3,32.54500000002736,32.615000000078,33.212,33.212],35.02499999922293,37.325000000237196,38.434],4,4.014999999526481,4.843,41.8550000003961,5,5.314999999427528,5.710000000362925,508.139,52.17499999980646,54.7100000003411,6.009],65.27000000,65.270000000055,700",721.2749999998778,721.4650000005349,73.13499999963824,733.3650000000489,734.0950000007069,734.295000000202,734.4950000006065,734.5700000005309,742.4550000005183,</t>
  </si>
  <si>
    <t>0;0.491;0.491];0.668;0];1.795000000129221;1017.7050000002055;1018.3400000005349;102.89000000011583;1033.914999999979;1068.145000000186;1124.5800000006057;12.200000000120781;12.379999999211577;12.854];127.128;127.5999999998021;1285.7050000002346;13.636;1300.2750000005108;1304.5050000000629;1307.9250000000684;137.449;1404.9400000003516;146.9150000002628;1479.395000000295;1483.3750000007058;15.344;15.344];15.552;15.552];150.6199999994351;151.5349999999671;153.77500000067812;1534.8350000003848;1535.385000000133;1545.1200000006793;1590.64];181.32999999943422;1818.5499999999593;2.759999999398133;21.464;21.464];21.7;21.7];24.85999999953492;25.529999999889696;272.7199999999357;284.38999999980297;3;32.54500000002736;32.615000000078;33.212;33.212];348.88500000033673;35.02499999922293;37.325000000237196;38.434];4;4.014999999526481;4.843;41.8550000003961;445.366];5;5.314999999427528;5.710000000362925;508.139;52.17499999980646;54.7100000003411;6.009];65.27000000;65.270000000055;700";721.2749999998778;721.4650000005349;73.</t>
  </si>
  <si>
    <t>http://0,0.491,0.491],0.668,0],1.795000000129221,1017.7050000002055,1018.3400000005349,102.89000000011583,1033.914999999979,1068.145000000186,1124.5800000006057,12.200000000120781,12.379999999211577,12.854],127.128,127.5999999998021,1285.7050000002346,13.636,1300.2750000005108,1304.5050000000629,1307.9250000000684,137.449,1404.9400000003516,146.9150000002628,1479.395000000295,1483.3750000007058,15.344,15.344],15.552,15.552],150.6199999994351,151.5349999999671,153.77500000067812,1534.8350000003848,1535.385000000133,1545.1200000006793,1590.64],181.32999999943422,1818.5499999999593,2.759999999398133,21.464,21.464],21.7,21.7],24.85999999953492,25.529999999889696,272.7199999999357,284.38999999980297,3,32.54500000002736,32.615000000078,33.212,33.212],348.88500000033673,35.02499999922293,37.325000000237196,38.434],4,4.014999999526481,4.843,41.8550000003961,445.366],5,5.314999999427528,5.710000000362925,508.139,52.17499999980646,54.7100000003411,6.009],65.27000000,65.270000000055,700",721.2749999998778,721.4650000005</t>
  </si>
  <si>
    <t>0;0.491;0.491];0.668;0];1.795000000129221;1017.7050000002055;1018.3400000005349;102.89000000011583;1033.914999999979;1068.145000000186;1124.5800000006057;12.200000000120781;12.379999999211577;12.854];127.128;127.5999999998021;1285.7050000002346;13.636;1300.2750000005108;1304.5050000000629;1307.9250000000684;137.449;1404.9400000003516;146.9150000002628;1479.395000000295;1483.3750000007058;15.344;15.344];15.552;15.552];150.6199999994351;151.5349999999671;153.77500000067812;1534.8350000003848;1535.385000000133;1545.1200000006793;1590.64];181.32999999943422;1818.5499999999593;2.759999999398133;21.464;21.464];21.7;21.7];24.85999999953492;25.529999999889696;272.7199999999357;284.38999999980297;3;32.54500000002736;32.615000000078;33.212;33.212];348.88500000033673;35.02499999922293;37.325000000237196;37.479999999959546;38.434];4;4.014999999526481;4.843;41.8550000003961;445.366];5;5.314999999427528;5.710000000362925;508.139;52.17499999980646;52.53499;54.7100000003411;5556.100000000697;5599.9000000001615;6.009];65.2700</t>
  </si>
  <si>
    <t>http://0,0.491,0.491],0.668,0],1.795000000129221,1017.7050000002055,1018.3400000005349,102.89000000011583,1033.914999999979,1068.145000000186,1124.5800000006057,12.200000000120781,12.379999999211577,12.854],127.128,127.5999999998021,1285.7050000002346,13.636,1300.2750000005108,1304.5050000000629,1307.9250000000684,137.449,1404.9400000003516,146.9150000002628,1479.395000000295,1483.3750000007058,15.344,15.344],15.552,15.552],150.6199999994351,151.5349999999671,153.77500000067812,1534.8350000003848,1535.385000000133,1545.1200000006793,1590.64],181.32999999943422,1818.5499999999593,2.759999999398133,21.464,21.464],21.7,21.7],24.85999999953492,25.529999999889696,272.7199999999357,284.38999999980297,3,32.54500000002736,32.615000000078,33.212,33.212],348.88500000033673,35.02499999922293,37.325000000237196,37.479999999959546,38.434],4,4.014999999526481,4.843,41.8550000003961,445.366],5,5.314999999427528,5.710000000362925,508.139,52.17499999980646,52.53499,54.7100000003411,5556.100000000697,5599.9000000001615,6.009],</t>
  </si>
  <si>
    <t>0;0.491;0.491];0.668;0.929;0];1.146];1.795000000129221;1017.7050000002055;1018.3400000005349;102.89000000011583;1033.914999999979;1068.145000000186;11.237;11.531;1124.5800000006057;12.200000000120781;12.379999999211577;12.854];121.82500000017171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81.32999999943422;1818.5499999999593;198.17500000044674;2.22];2.759999999398133;21.464;21.464];21.7;21.7];21.987;21.987];224.743;23.276;23.276];24.85999999953492;25.529999999889696;272.7199999999357;284.38999999980297;3;30.416];319.1500000002634;32.54500000002736;32.615000000078;33.212;33.212];348.88500000033673;35.02499999922293;37.325000000237196;37.479999999959546;38.434];39.043];4;4.014999999526481;4.843;41.85</t>
  </si>
  <si>
    <t>http://0,0.491,0.491],0.668,0.929,0],1.146],1.795000000129221,1017.7050000002055,1018.3400000005349,102.89000000011583,1033.914999999979,1068.145000000186,11.237,11.531,1124.5800000006057,12.200000000120781,12.379999999211577,12.854],121.82500000017171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81.32999999943422,1818.5499999999593,198.17500000044674,2.22],2.759999999398133,21.464,21.464],21.7,21.7],21.987,21.987],224.743,23.276,23.276],24.85999999953492,25.529999999889696,272.7199999999357,284.38999999980297,3,30.416],319.1500000002634,32.54500000002736,32.615000000078,33.212,33.212],348.88500000033673,35.02499999922293,37.325000000237196,37.479999999959546,38.434],39.043],4,4.014999999526481,4.84</t>
  </si>
  <si>
    <t>0;0.441;0.491;0.491];0.668;0.697];0.929;0];1.146];1.795000000129221;1017.7050000002055;1018.3400000005349;102.89000000011583;1033.914999999979;1068.145000000186;11.237;11.531;1124.5800000006057;12.200000000120781;12.379999999211577;12.854];121.82500000017171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7.549;17.549];181.32999999943422;1818.5499999999593;198.17500000044674;2.22];2.759999999398133;21.279999999933352;21.464;21.464];21.7;21.7];21.874;21.874];21.987;21.987];224.743;23.212;23.212];23.276;23.276];237.5850000007631;24.85999999953492;25.529999999889696;272.7199999999357;284.38999999980297;288.6900000003152;29.727];3;30.416];319.1500000002634;32.54500000002736;32.615000000078;33.212;33.212];3</t>
  </si>
  <si>
    <t>http://0,0.441,0.491,0.491],0.668,0.697],0.929,0],1.146],1.795000000129221,1017.7050000002055,1018.3400000005349,102.89000000011583,1033.914999999979,1068.145000000186,11.237,11.531,1124.5800000006057,12.200000000120781,12.379999999211577,12.854],121.82500000017171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7.549,17.549],181.32999999943422,1818.5499999999593,198.17500000044674,2.22],2.759999999398133,21.279999999933352,21.464,21.464],21.7,21.7],21.874,21.874],21.987,21.987],224.743,23.212,23.212],23.276,23.276],237.5850000007631,24.85999999953492,25.529999999889696,272.7199999999357,284.38999999980297,288.6900000003152,29.727],3,30.416],319.1500000002634,32.54500000002736,32.615000000078,33.212,33</t>
  </si>
  <si>
    <t>0;0.273;0.341;0.371];0.384;0.441;0.491;0.491];0.526;0.562;0.616];0.668;0.675];0.697];0.908];0.929;0.964];0];1.146];1.795000000129221;1017.7050000002055;1018.3400000005349;102.89000000011583;1033.914999999979;1068.145000000186;11.237;11.531;1124.5800000006057;12.200000000120781;12.379999999211577;12.854];121.82500000017171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7.549;17.549];181.32999999943422;1818.5499999999593;198.17500000044674;2.22];2.759999999398133;21.279999999933352;21.464;21.464];21.7;21.7];21.874;21.874];21.987;21.987];224.743;23.212;23.212];23.276;23.276];23.804999999811116;237.5850000007631;24.85999999953492;25.529999999889696;272.7199999999357;284.38999999980297;288.6900000003152;29</t>
  </si>
  <si>
    <t>http://0,0.273,0.341,0.371],0.384,0.441,0.491,0.491],0.526,0.562,0.616],0.668,0.675],0.697],0.908],0.929,0.964],0],1.146],1.795000000129221,1017.7050000002055,1018.3400000005349,102.89000000011583,1033.914999999979,1068.145000000186,11.237,11.531,1124.5800000006057,12.200000000120781,12.379999999211577,12.854],121.82500000017171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7.549,17.549],181.32999999943422,1818.5499999999593,198.17500000044674,2.22],2.759999999398133,21.279999999933352,21.464,21.464],21.7,21.7],21.874,21.874],21.987,21.987],224.743,23.212,23.212],23.276,23.276],23.804999999811116,237.5850000007631,24.85999999953492,25.529999999889696,272.7199999999357,284.38999999980297,288.690000000</t>
  </si>
  <si>
    <t>0;0.273;0.306;0.311;0.341;0.371];0.384;0.441;0.491;0.491];0.526;0.534];0.562;0.616];0.62];0.668;0.675];0.697];0.908];0.929;0.964];0];1.146];1.795000000129221;1017.7050000002055;1018.3400000005349;102.89000000011583;1033.914999999979;1068.145000000186;11.237;11.531;1124.5800000006057;12.200000000120781;12.379999999211577;12.38;12.854];121.82500000017171;1230.000000000473;127.128;127.5999999998021;1285.7050000002346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90.64];17.549;17.549];17.84499999939726;1782.5000000002547;181.32999999943422;1818.5499999999593;198.17500000044674;2.155000000129803;2.22];2.395000000433356;2.6099999995494727;2.759999999398133;21.279999999933352;21.464;21.464];21.7;21.7];21.874;21.874];21.987;21.987];224.743;23.212;23.212];23.27</t>
  </si>
  <si>
    <t>http://0,0.273,0.306,0.311,0.341,0.371],0.384,0.441,0.491,0.491],0.526,0.534],0.562,0.616],0.62],0.668,0.675],0.697],0.908],0.929,0.964],0],1.146],1.795000000129221,1017.7050000002055,1018.3400000005349,102.89000000011583,1033.914999999979,1068.145000000186,11.237,11.531,1124.5800000006057,12.200000000120781,12.379999999211577,12.38,12.854],121.82500000017171,1230.000000000473,127.128,127.5999999998021,1285.7050000002346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90.64],17.549,17.549],17.84499999939726,1782.5000000002547,181.32999999943422,1818.5499999999593,198.17500000044674,2.155000000129803,2.22],2.395000000433356,2.6099999995494727,2.759999999398133,21.279999999933352,21.464,21.464],21.7,21.7],21.874,21.874],21.987,21.987],224.743,23.212,23.212</t>
  </si>
  <si>
    <t>0;0.273;0.306;0.311;0.341;0.371];0.384;0.441;0.491;0.491];0.526;0.534];0.562;0.616];0.62];0.668;0.675];0.697];0.908];0.929;0.964];0];1.146];1.795000000129221;10;1017.7050000002055;1018.3400000005349;102.89000000011583;1033.914999999979;1068.145000000186;11;11.237;11.531;1124.5800000006057;1193;1193];12;12.200000000120781;12.379999999211577;12.38;12.854];121.82500000017171;1230.000000000473;124.38000000020111;127.128;127.5999999998021;1280];1280]];1285.7050000002346;13;13.636;1300.2750000005108;1304.5050000000629;1307.9250000000684;131.84000000001106;137.449;1404.9400000003516;146.9150000002628;1479.395000000295;1483.3750000007058;15.344;15.344];15.552;15.552];150.6199999994351;151.5349999999671;153.77500000067812;1534.8350000003848;1535.385000000133;1545.1200000006793;1578415869012000;1578415882546000;1578415882782000;1590.64];17.549;17.549];17.84499999939726;1782.5000000002547;181.32999999943422;1818.5499999999593;198.17500000044674;1];2.155000000129803;2.22];2.395000000433356;2.457;2.5299999997514533;2.6099</t>
  </si>
  <si>
    <t>http://0,0.273,0.306,0.311,0.341,0.371],0.384,0.441,0.491,0.491],0.526,0.534],0.562,0.616],0.62],0.668,0.675],0.697],0.908],0.929,0.964],0],1.146],1.795000000129221,10,1017.7050000002055,1018.3400000005349,102.89000000011583,1033.914999999979,1068.145000000186,11,11.237,11.531,1124.5800000006057,1193,1193],12,12.200000000120781,12.379999999211577,12.38,12.854],121.82500000017171,1230.000000000473,124.38000000020111,127.128,127.5999999998021,1280],1280]],1285.7050000002346,13,13.636,1300.2750000005108,1304.5050000000629,1307.9250000000684,131.84000000001106,137.449,1404.9400000003516,146.9150000002628,1479.395000000295,1483.3750000007058,15.344,15.344],15.552,15.552],150.6199999994351,151.5349999999671,153.77500000067812,1534.8350000003848,1535.385000000133,1545.1200000006793,1578415869012000,1578415882546000,1578415882782000,1590.64],17.549,17.549],17.84499999939726,1782.5000000002547,181.32999999943422,1818.5499999999593,198.17500000044674,1],2.155000000129803,2.22],2.395000000433356,2.457,2.5299999997514533</t>
  </si>
  <si>
    <t>0;0.273;0.306;0.311;0.341;0.371];0.384;0.441;0.491;0.491];0.526;0.534];0.562;0.616];0.62];0.668;0.675];0.697];0.908];0.929;0.964];0];1.146];1.795000000129221;10;1017.7050000002055;1018.3400000005349;102.89000000011583;1033.914999999979;1068.145000000186;1083656409722;11;11.237;11.531;1124.5800000006057;1193;1193];12;12.200000000120781;12.379999999211577;12.38;12.854];121.82500000017171;1230.000000000473;124.38000000020111;127.128;127.5999999998021;1280];1280]];1285.7050000002346;13;13.636;1300.2750000005108;1304.5050000000629;1307.9250000000684;131.84000000001106;137.449;14;1404.9400000003516;146.9150000002628;1479.395000000295;1483.3750000007058;15;15.344;15.344];15.552;15.552];150.6199999994351;151.5349999999671;153.77500000067812;1534.8350000003848;1535.385000000133;1545.1200000006793;1578415869012000;1578415882546000;1578415882782000;1578415882798000;1578415885064000;1578415885476000;1590.64];16;17.549;17.549];17.84499999939726;1782.5000000002547;181.32999999943422;1818.5499999999593;198.17500000044674;1]</t>
  </si>
  <si>
    <t>http://0,0.273,0.306,0.311,0.341,0.371],0.384,0.441,0.491,0.491],0.526,0.534],0.562,0.616],0.62],0.668,0.675],0.697],0.908],0.929,0.964],0],1.146],1.795000000129221,10,1017.7050000002055,1018.3400000005349,102.89000000011583,1033.914999999979,1068.145000000186,1083656409722,11,11.237,11.531,1124.5800000006057,1193,1193],12,12.200000000120781,12.379999999211577,12.38,12.854],121.82500000017171,1230.000000000473,124.38000000020111,127.128,127.5999999998021,1280],1280]],1285.7050000002346,13,13.636,1300.2750000005108,1304.5050000000629,1307.9250000000684,131.84000000001106,137.449,14,1404.9400000003516,146.9150000002628,1479.395000000295,1483.3750000007058,15,15.344,15.344],15.552,15.552],150.6199999994351,151.5349999999671,153.77500000067812,1534.8350000003848,1535.385000000133,1545.1200000006793,1578415869012000,1578415882546000,1578415882782000,1578415882798000,1578415885064000,1578415885476000,1590.64],16,17.549,17.549],17.84499999939726,1782.5000000002547,181.32999999943422,1818.5499999999593,198.1750000004</t>
  </si>
  <si>
    <t>0;0.273;0.306;0.311;0.341;0.371];0.384;0.441;0.491;0.491];0.526;0.534];0.562;0.616];0.62];0.668;0.675];0.697];0.908];0.929;0.964];0];1.146];1.795000000129221;10;1017.7050000002055;1018.3400000005349;102.89000000011583;1033.914999999979;1068.145000000186;1083656409722;11;11.237;11.531;1124.5800000006057;1193;1193];12;12.200000000120781;12.379999999211577;12.38;12.854];121.82500000017171;1230.000000000473;124.38000000020111;127.128;127.5999999998021;1280];1280]];1280]]�;1285.7050000002346;13;13.636;1300.2750000005108;1304.5050000000629;1307.9250000000684;131.84000000001106;137.449;1379;1380;1380];14;1404.9400000003516;146.9150000002628;1479.395000000295;1483.3750000007058;15;15.344;15.344];15.552;15.552];150.6199999994351;151.5349999999671;153.77500000067812;1534.8350000003848;1535.385000000133;1545.1200000006793;1578415869012000;1578415882546000;1578415882782000;1578415882798000;1578415885064000;1578415885476000;1578415885478000;1578415886006000;1578415890165000;1578415910017000;1578415917657000;1590.64];16;17</t>
  </si>
  <si>
    <t>http://0,0.273,0.306,0.311,0.341,0.371],0.384,0.441,0.491,0.491],0.526,0.534],0.562,0.616],0.62],0.668,0.675],0.697],0.908],0.929,0.964],0],1.146],1.795000000129221,10,1017.7050000002055,1018.3400000005349,102.89000000011583,1033.914999999979,1068.145000000186,1083656409722,11,11.237,11.531,1124.5800000006057,1193,1193],12,12.200000000120781,12.379999999211577,12.38,12.854],121.82500000017171,1230.000000000473,124.38000000020111,127.128,127.5999999998021,1280],1280]],1280]]�,1285.7050000002346,13,13.636,1300.2750000005108,1304.5050000000629,1307.9250000000684,131.84000000001106,137.449,1379,1380,1380],14,1404.9400000003516,146.9150000002628,1479.395000000295,1483.3750000007058,15,15.344,15.344],15.552,15.552],150.6199999994351,151.5349999999671,153.77500000067812,1534.8350000003848,1535.385000000133,1545.1200000006793,1578415869012000,1578415882546000,1578415882782000,1578415882798000,1578415885064000,1578415885476000,1578415885478000,1578415886006000,1578415890165000,1578415910017000,1578415917657000,1590.64</t>
  </si>
  <si>
    <t>"mozilla/5.0 (windows nt 6.1; win64; x64) applewebkit/537.36 (khtml;0;0.273;0.306;0.311;0.341;0.371];0.384;0.441;0.491;0.491];0.526;0.534];0.562;0.616];0.62];0.668;0.675];0.697];0.908];0.929;0.964];0];1;1.146];1.795000000129221;10;10000];1017.7050000002055;1018.3400000005349;102.89000000011583;1033.914999999979;1068.145000000186;1083656409722;11;11.237;11.531;1124.5800000006057;1193;1193];12;12.200000000120781;12.379999999211577;12.38;12.854];121.82500000017171;1230.000000000473;124.38000000020111;127.128;127.5999999998021;1280];1280]];1280]]�;1285.7050000002346;13;13.636;1300.2750000005108;1304.5050000000629;1307.9250000000684;131.84000000001106;137.449;13700109;13700167;13700185;13700451;13700563;13700607;13700883;13700946;13700951;13700982;13701078;13701139;13701207;13701214;13701235]];13701235]]];13701239;13701262;13701298;13701418;13701422;13701430;13701450;13701458;13701486;13701506;13701510;13701534;13701537;13701573;13701577;13701589;13701609;13701614;13701621;13701625;13701653;13701657;13701693;13701</t>
  </si>
  <si>
    <t>http://"mozilla/5.0 (windows nt 6.1; win64; x64) applewebkit/537.36 (khtml,0,0.273,0.306,0.311,0.341,0.371],0.384,0.441,0.491,0.491],0.526,0.534],0.562,0.616],0.62],0.668,0.675],0.697],0.908],0.929,0.964],0],1,1.146],1.795000000129221,10,10000],1017.7050000002055,1018.3400000005349,102.89000000011583,1033.914999999979,1068.145000000186,1083656409722,11,11.237,11.531,1124.5800000006057,1193,1193],12,12.200000000120781,12.379999999211577,12.38,12.854],121.82500000017171,1230.000000000473,124.38000000020111,127.128,127.5999999998021,1280],1280]],1280]]�,1285.7050000002346,13,13.636,1300.2750000005108,1304.5050000000629,1307.9250000000684,131.84000000001106,137.449,13700109,13700167,13700185,13700451,13700563,13700607,13700883,13700946,13700951,13700982,13701078,13701139,13701207,13701214,13701235]],13701235]]],13701239,13701262,13701298,13701418,13701422,13701430,13701450,13701458,13701486,13701506,13701510,13701534,13701537,13701573,13701577,13701589,13701609,13701614,13701621,13701625,13701653,13701657,1370169</t>
  </si>
  <si>
    <t>http:///batch?%24ct=multipart%2Fmixed%3B%20boundary%3D%22%3D%3D%3D%3D%3D7gyt5rfxodnm%3D%3D%3D%3D%3D%22&amp;key=AIzaSyAy9VVXHSpS2IJpptzYtGbLP3-3_l0aBk4</t>
  </si>
  <si>
    <t>http:///batch?%24ct=multipart%2Fmixed%3B%20boundary%3D%22%3D%3D%3D%3D%3Dm0zc4n2jkkw6%3D%3D%3D%3D%3D%22&amp;key=AIzaSyAy9VVXHSpS2IJpptzYtGbLP3-3_l0aBk4</t>
  </si>
  <si>
    <t>http:///batch?%24ct=multipart%2Fmixed%3B%20boundary%3D%22%3D%3D%3D%3D%3Dytejrcd13gtj%3D%3D%3D%3D%3D%22&amp;key=AIzaSyAy9VVXHSpS2IJpptzYtGbLP3-3_l0aBk4</t>
  </si>
  <si>
    <t>http:///batch?%24ct=multipart%2Fmixed%3B%20boundary%3D%22%3D%3D%3D%3D%3Dg785uc71cr40%3D%3D%3D%3D%3D%22&amp;key=AIzaSyAy9VVXHSpS2IJpptzYtGbLP3-3_l0aBk4</t>
  </si>
  <si>
    <t>mail.google.com/sync/u/0/i/s?hl=pt-BR&amp;c=835</t>
  </si>
  <si>
    <t>mail.google.com/sync/u/0/i/s?hl=pt-BR&amp;c=838</t>
  </si>
  <si>
    <t>mail.google.com/sync/u/0/i/s?hl=pt-BR&amp;c=840</t>
  </si>
  <si>
    <t>mail.google.com/sync/u/0/i/s?hl=pt-BR&amp;c=864</t>
  </si>
  <si>
    <t>\\acsfs\ACS\Gabriel da Silva\Contemporânea\NPS\D5B42E30.tmp\</t>
  </si>
  <si>
    <t>\\acsfs\ACS\Gabriel da Silva\Contemporânea\NPS\D5B42E30.tmp\:Zone.Identifier:$DATA</t>
  </si>
  <si>
    <t>70a3503c-5f83-4dee-9fd2-b65358758f33.tmp</t>
  </si>
  <si>
    <t>\\acsfs\profiles$\rafaelahpn\Downloads\70a3503c-5f83-4dee-9fd2-b65358758f33.tmp</t>
  </si>
  <si>
    <t>3ca46f79-ff84-4235-9be8-d8b005200ec4.tmp</t>
  </si>
  <si>
    <t>\\acsfs\profiles$\edicarlosdl\Downloads\3ca46f79-ff84-4235-9be8-d8b005200ec4.tmp</t>
  </si>
  <si>
    <t>837a04c2-9211-4347-8345-32ffb5fd7bf6.tmp</t>
  </si>
  <si>
    <t>\\acsfs\profiles$\edicarlosdl\Downloads\837a04c2-9211-4347-8345-32ffb5fd7bf6.tmp</t>
  </si>
  <si>
    <t>de497626-1347-415c-914b-4d1a4e376ba2.tmp</t>
  </si>
  <si>
    <t>\\acsfs\profiles$\regisadsa\Downloads\de497626-1347-415c-914b-4d1a4e376ba2.tmp</t>
  </si>
  <si>
    <t>64d49e5f-14c5-4fe8-8645-405abcc3d680.tmp</t>
  </si>
  <si>
    <t>\\acsfs\profiles$\regisadsa\Downloads\64d49e5f-14c5-4fe8-8645-405abcc3d680.tmp</t>
  </si>
  <si>
    <t>33e792d5-51d4-4cd0-922a-4fe0d48870fa.tmp</t>
  </si>
  <si>
    <t>\\acsfs\profiles$\gabrielarb\Downloads\33e792d5-51d4-4cd0-922a-4fe0d48870fa.tmp</t>
  </si>
  <si>
    <t>TALITA FERNANDES DA COSTA_1_6776198468809594726_1_32.wav</t>
  </si>
  <si>
    <t>\\acsfs\Deptos\EDUCACAO EMPRESARIAL\KÉSIA\Ligações 1º Ciclo - Janeiro 2020\TALITA FERNANDES DA COSTA_1_6776198468809594726_1_32.wav</t>
  </si>
  <si>
    <t>.~lock.Emails.xlsx#</t>
  </si>
  <si>
    <t>\\acsfs\Deptos\Operacao\Banco_Votorantim\Supervisao\Flávia Constantina Nogueira\.~lock.Emails.xlsx#</t>
  </si>
  <si>
    <t>3e0d3ee4-3f27-45d6-93c9-5ac9ecc3b801.tmp</t>
  </si>
  <si>
    <t>\\acsfs\profiles$\gabrielaff\Downloads\3e0d3ee4-3f27-45d6-93c9-5ac9ecc3b801.tmp</t>
  </si>
  <si>
    <t>28db0da0-9c30-4484-986e-d60368aeea08.tmp</t>
  </si>
  <si>
    <t>\\acsfs\profiles$\kamilamrc\Downloads\28db0da0-9c30-4484-986e-d60368aeea08.tmp</t>
  </si>
  <si>
    <t>c4fa654e-4116-4e9b-9f33-dd4ceaa2bbcf.tmp</t>
  </si>
  <si>
    <t>\\acsfs\profiles$\kamilamrc\Downloads\c4fa654e-4116-4e9b-9f33-dd4ceaa2bbcf.tmp</t>
  </si>
  <si>
    <t>c9699cfa-a1a9-41a8-9260-e0a583862e2b.tmp</t>
  </si>
  <si>
    <t>\\acsfs\profiles$\kamilamrc\Downloads\c9699cfa-a1a9-41a8-9260-e0a583862e2b.tmp</t>
  </si>
  <si>
    <t>6e647f25-084a-4bd6-9e19-aed2a99c02ec.tmp</t>
  </si>
  <si>
    <t>\\acsfs\profiles$\kamilamrc\Downloads\6e647f25-084a-4bd6-9e19-aed2a99c02ec.tmp</t>
  </si>
  <si>
    <t>a87356db-e21b-4020-9638-512945fd159e.tmp</t>
  </si>
  <si>
    <t>\\acsfs\profiles$\kamilamrc\Downloads\a87356db-e21b-4020-9638-512945fd159e.tmp</t>
  </si>
  <si>
    <t>52060acd-32d0-4fb5-afed-3d69e005d32a.tmp</t>
  </si>
  <si>
    <t>\\acsfs\profiles$\kamilamrc\Downloads\52060acd-32d0-4fb5-afed-3d69e005d32a.tmp</t>
  </si>
  <si>
    <t>5abf5258-622f-4fa5-9564-c30168c03e85.tmp</t>
  </si>
  <si>
    <t>\\acsfs\profiles$\kamilamrc\Downloads\5abf5258-622f-4fa5-9564-c30168c03e85.tmp</t>
  </si>
  <si>
    <t>a9103d5c-5ab1-456a-a560-087e47542400.tmp</t>
  </si>
  <si>
    <t>\\acsfs\profiles$\kamilamrc\Downloads\a9103d5c-5ab1-456a-a560-087e47542400.tmp</t>
  </si>
  <si>
    <t>http:///batch?%24ct=multipart%2Fmixed%3B%20boundary%3D%22%3D%3D%3D%3D%3Dquz98f328cna%3D%3D%3D%3D%3D%22&amp;key=AIzaSyAy9VVXHSpS2IJpptzYtGbLP3-3_l0aBk4</t>
  </si>
  <si>
    <t>http:///batch?%24ct=multipart%2Fmixed%3B%20boundary%3D%22%3D%3D%3D%3D%3Dh4qs7m8yjgkd%3D%3D%3D%3D%3D%22&amp;key=AIzaSyAy9VVXHSpS2IJpptzYtGbLP3-3_l0aBk4</t>
  </si>
  <si>
    <t>http:///batch?%24ct=multipart%2Fmixed%3B%20boundary%3D%22%3D%3D%3D%3D%3Dxbu1c64f3tvq%3D%3D%3D%3D%3D%22&amp;key=AIzaSyAy9VVXHSpS2IJpptzYtGbLP3-3_l0aBk4</t>
  </si>
  <si>
    <t>http:///batch?%24ct=multipart%2Fmixed%3B%20boundary%3D%22%3D%3D%3D%3D%3Dh9yuzxir9s9r%3D%3D%3D%3D%3D%22&amp;key=AIzaSyAy9VVXHSpS2IJpptzYtGbLP3-3_l0aBk4</t>
  </si>
  <si>
    <t>http:///batch?%24ct=multipart%2Fmixed%3B%20boundary%3D%22%3D%3D%3D%3D%3Dicyurvdqm2z9%3D%3D%3D%3D%3D%22&amp;key=AIzaSyAy9VVXHSpS2IJpptzYtGbLP3-3_l0aBk4</t>
  </si>
  <si>
    <t>ead00e4f-803a-4e8f-9e9a-fdbeaf17f371.tmp</t>
  </si>
  <si>
    <t>\\acsfs\profiles$\rafaelahpn\Downloads\ead00e4f-803a-4e8f-9e9a-fdbeaf17f371.tmp</t>
  </si>
  <si>
    <t>f1db10fc-6ec1-42b2-aa28-fddae77a1700.tmp</t>
  </si>
  <si>
    <t>\\acsfs\profiles$\geovannasm\Downloads\f1db10fc-6ec1-42b2-aa28-fddae77a1700.tmp</t>
  </si>
  <si>
    <t>78-2B-CB-C1-06-A8</t>
  </si>
  <si>
    <t>VOTORANT-ZB010</t>
  </si>
  <si>
    <t>leandrom</t>
  </si>
  <si>
    <t>C:\</t>
  </si>
  <si>
    <t>OffScrubc2r.vbs</t>
  </si>
  <si>
    <t>6045cd20-40a9-4715-9e73-c1632216c6a6.tmp</t>
  </si>
  <si>
    <t>\\acsfs\profiles$\victorgl\Downloads\6045cd20-40a9-4715-9e73-c1632216c6a6.tmp</t>
  </si>
  <si>
    <t>ff6161e8-5966-4568-a0ad-6a56de2b6bd2.tmp</t>
  </si>
  <si>
    <t>\\acsfs\profiles$\victorgl\Downloads\ff6161e8-5966-4568-a0ad-6a56de2b6bd2.tmp</t>
  </si>
  <si>
    <t>ec20bfcb-610d-4e0f-b290-e26922a3d7e5.tmp</t>
  </si>
  <si>
    <t>\\acsfs\profiles$\victorgl\Downloads\ec20bfcb-610d-4e0f-b290-e26922a3d7e5.tmp</t>
  </si>
  <si>
    <t>807520b7-9c73-4013-858b-cc81181b1e62.tmp</t>
  </si>
  <si>
    <t>\\acsfs\profiles$\kamilamrc\Downloads\807520b7-9c73-4013-858b-cc81181b1e62.tmp</t>
  </si>
  <si>
    <t>8d63d604-ee26-44de-bcf5-f12cab70d3e6.tmp</t>
  </si>
  <si>
    <t>\\acsfs\profiles$\matheusmax\Downloads\8d63d604-ee26-44de-bcf5-f12cab70d3e6.tmp</t>
  </si>
  <si>
    <t>39290a0e-efae-4094-9d13-e83009acb050.tmp</t>
  </si>
  <si>
    <t>\\acsfs\profiles$\matheusmax\Downloads\39290a0e-efae-4094-9d13-e83009acb050.tmp</t>
  </si>
  <si>
    <t>b1c9f6f3-2f00-4776-86bd-46e609376f74.tmp</t>
  </si>
  <si>
    <t>\\acsfs\profiles$\matheusmax\Downloads\b1c9f6f3-2f00-4776-86bd-46e609376f74.tmp</t>
  </si>
  <si>
    <t>95fe6045-c9da-4acd-b31f-ce648e2e8fb3.tmp</t>
  </si>
  <si>
    <t>\\acsfs\profiles$\leonardobb\Downloads\95fe6045-c9da-4acd-b31f-ce648e2e8fb3.tmp</t>
  </si>
  <si>
    <t>b3afae84-0dc1-469f-95a2-00f317bdd9bd.tmp</t>
  </si>
  <si>
    <t>\\acsfs\profiles$\larissaad\Downloads\b3afae84-0dc1-469f-95a2-00f317bdd9bd.tmp</t>
  </si>
  <si>
    <t>\\acsfs\ACS\Gabriel da Silva\Contemporânea\NPS\98EC44D6.tmp\</t>
  </si>
  <si>
    <t>\\acsfs\ACS\Gabriel da Silva\Contemporânea\NPS\98EC44D6.tmp\:Zone.Identifier:$DATA</t>
  </si>
  <si>
    <t>\\acsfs\ACS\Gabriel da Silva\Contemporânea\NPS\3E8C2F45.tmp\</t>
  </si>
  <si>
    <t>\\acsfs\ACS\Gabriel da Silva\Contemporânea\NPS\3E8C2F45.tmp\:Zone.Identifier:$DATA</t>
  </si>
  <si>
    <t>https://100014122394468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https://udpwfmniceap02/web/guest/home?p_auth=ykffns9v&amp;p_p_id=58&amp;p_p_lifecycle=1&amp;p_p_state=maximized&amp;p_p_mode=view&amp;savelastpath=0&amp;_58_struts_action=/login/forgot_password</t>
  </si>
  <si>
    <t>1754d4f8-ef40-4fa1-af1a-3b368beda876.tmp</t>
  </si>
  <si>
    <t>\\acsfs\profiles$\geovannasm\Downloads\1754d4f8-ef40-4fa1-af1a-3b368beda876.tmp</t>
  </si>
  <si>
    <t>\\acsfs\profiles$\georgendsq\My Documents\$RECYCLE.BIN\</t>
  </si>
  <si>
    <t>$IUTR0NI.txt</t>
  </si>
  <si>
    <t>\\acsfs\profiles$\georgendsq\My Documents\$RECYCLE.BIN\$IUTR0NI.txt</t>
  </si>
  <si>
    <t>ec11bd2f-2898-41b6-b402-1725dd4ccff9.tmp</t>
  </si>
  <si>
    <t>\\acsfs\profiles$\joycemmdl\Downloads\ec11bd2f-2898-41b6-b402-1725dd4ccff9.tmp</t>
  </si>
  <si>
    <t>715e8430-f3a4-41ec-ab0a-1141521841ce.tmp</t>
  </si>
  <si>
    <t>\\acsfs\profiles$\KARENDSR\Downloads\715e8430-f3a4-41ec-ab0a-1141521841ce.tmp</t>
  </si>
  <si>
    <t>848769eb-6b2c-49b4-85bf-98a1363347dd.tmp</t>
  </si>
  <si>
    <t>\\acsfs\profiles$\sarahbal\Downloads\848769eb-6b2c-49b4-85bf-98a1363347dd.tmp</t>
  </si>
  <si>
    <t>5c5b158f-a56b-4ec5-8a7b-80f6022b21af.tmp</t>
  </si>
  <si>
    <t>\\acsfs\profiles$\sarahbal\Downloads\5c5b158f-a56b-4ec5-8a7b-80f6022b21af.tmp</t>
  </si>
  <si>
    <t>97f6bfae-244a-4ca5-b819-b515bbc59424.tmp</t>
  </si>
  <si>
    <t>\\acsfs\profiles$\sarahbal\Downloads\97f6bfae-244a-4ca5-b819-b515bbc59424.tmp</t>
  </si>
  <si>
    <t>c9dbe926-ca40-4162-8e00-1e9e562b71e6.tmp</t>
  </si>
  <si>
    <t>\\acsfs\profiles$\sarahbal\Downloads\c9dbe926-ca40-4162-8e00-1e9e562b71e6.tmp</t>
  </si>
  <si>
    <t>af1f280f-f11f-4eb1-83fa-a4dd4e01c56f.tmp</t>
  </si>
  <si>
    <t>\\acsfs\profiles$\sarahbal\Downloads\af1f280f-f11f-4eb1-83fa-a4dd4e01c56f.tmp</t>
  </si>
  <si>
    <t>c98ec7d7-648f-48e0-ab44-a28a219f2591.tmp</t>
  </si>
  <si>
    <t>\\acsfs\profiles$\sarahbal\Downloads\c98ec7d7-648f-48e0-ab44-a28a219f2591.tmp</t>
  </si>
  <si>
    <t>0ed7771e-17df-4618-9c54-9d2a6e2fcfd3.tmp</t>
  </si>
  <si>
    <t>\\acsfs\profiles$\sarahbal\Downloads\0ed7771e-17df-4618-9c54-9d2a6e2fcfd3.tmp</t>
  </si>
  <si>
    <t>7d955f76-f46f-4083-a4ae-0d4d4a2195dd.tmp</t>
  </si>
  <si>
    <t>\\acsfs\profiles$\sarahbal\Downloads\7d955f76-f46f-4083-a4ae-0d4d4a2195dd.tmp</t>
  </si>
  <si>
    <t>ee4550d6-40e1-45e4-9803-8d3294da0c6c.tmp</t>
  </si>
  <si>
    <t>\\acsfs\profiles$\quindaizaagds\Downloads\ee4550d6-40e1-45e4-9803-8d3294da0c6c.tmp</t>
  </si>
  <si>
    <t>http:///batch?%24ct=multipart%2Fmixed%3B%20boundary%3D%22%3D%3D%3D%3D%3D2iipm09yrabq%3D%3D%3D%3D%3D%22&amp;key=AIzaSyAy9VVXHSpS2IJpptzYtGbLP3-3_l0aBk4</t>
  </si>
  <si>
    <t>http:///batch?%24ct=multipart%2Fmixed%3B%20boundary%3D%22%3D%3D%3D%3D%3Dvm9cugii435g%3D%3D%3D%3D%3D%22&amp;key=AIzaSyAy9VVXHSpS2IJpptzYtGbLP3-3_l0aBk4</t>
  </si>
  <si>
    <t>http:///batch?%24ct=multipart%2Fmixed%3B%20boundary%3D%22%3D%3D%3D%3D%3D6j8vqvfijgh3%3D%3D%3D%3D%3D%22&amp;key=AIzaSyAy9VVXHSpS2IJpptzYtGbLP3-3_l0aBk4</t>
  </si>
  <si>
    <t>ALINE PEREIRA PORFIRIO (28734).contact</t>
  </si>
  <si>
    <t>\\acsfs\profiles$\alinepp\Contacts\ALINE PEREIRA PORFIRIO (28734).contact</t>
  </si>
  <si>
    <t>c1c5b63b-04d1-436e-ad87-789101fc31ea.tmp</t>
  </si>
  <si>
    <t>\\acsfs\profiles$\henriquehmdo\Downloads\c1c5b63b-04d1-436e-ad87-789101fc31ea.tmp</t>
  </si>
  <si>
    <t>effca603-4034-4240-b754-43c4855f8a2f.tmp</t>
  </si>
  <si>
    <t>\\acsfs\profiles$\henriquehmdo\Downloads\effca603-4034-4240-b754-43c4855f8a2f.tmp</t>
  </si>
  <si>
    <t>f85147c1-d28f-4d3c-80b4-7e310c26184d.tmp</t>
  </si>
  <si>
    <t>\\acsfs\profiles$\alinepp\Downloads\f85147c1-d28f-4d3c-80b4-7e310c26184d.tmp</t>
  </si>
  <si>
    <t>c9013edc-d501-44ef-80b1-73cb9c314833.tmp</t>
  </si>
  <si>
    <t>\\acsfs\profiles$\victorgl\Downloads\c9013edc-d501-44ef-80b1-73cb9c314833.tmp</t>
  </si>
  <si>
    <t>CRICIA VITAL DE OLIVEIRA_1_6776270847598471911_1_32.wav</t>
  </si>
  <si>
    <t>\\acsfs\Deptos\EDUCACAO EMPRESARIAL\KÉSIA\Ligações 1º Ciclo - Janeiro 2020\CRICIA VITAL DE OLIVEIRA_1_6776270847598471911_1_32.wav</t>
  </si>
  <si>
    <t>46dc2e42-a632-4467-91f9-580a575b1afc.tmp</t>
  </si>
  <si>
    <t>\\acsfs\profiles$\rosileiam\Downloads\46dc2e42-a632-4467-91f9-580a575b1afc.tmp</t>
  </si>
  <si>
    <t>12cc5027-62cb-49b1-9b83-3bb5fe673c55.tmp</t>
  </si>
  <si>
    <t>\\acsfs\profiles$\joycemmdl\Downloads\12cc5027-62cb-49b1-9b83-3bb5fe673c55.tmp</t>
  </si>
  <si>
    <t>ab50a987-dc71-46aa-b028-23cb3bf96e6a.tmp</t>
  </si>
  <si>
    <t>\\acsfs\profiles$\joycemmdl\Downloads\ab50a987-dc71-46aa-b028-23cb3bf96e6a.tmp</t>
  </si>
  <si>
    <t>2bc627ae-ba54-4233-a74d-cba7f2494170.tmp</t>
  </si>
  <si>
    <t>\\acsfs\profiles$\gabrielafs\Downloads\2bc627ae-ba54-4233-a74d-cba7f2494170.tmp</t>
  </si>
  <si>
    <t>868ecda1-d5b9-4b59-8aab-f3a2600f8faa.tmp</t>
  </si>
  <si>
    <t>\\acsfs\profiles$\gabrielafs\Downloads\868ecda1-d5b9-4b59-8aab-f3a2600f8faa.tmp</t>
  </si>
  <si>
    <t>402df1ba-265d-465f-aa15-0dbbfaaad994.tmp</t>
  </si>
  <si>
    <t>\\acsfs\profiles$\quindaizaagds\Downloads\402df1ba-265d-465f-aa15-0dbbfaaad994.tmp</t>
  </si>
  <si>
    <t>c42b4d3a-a367-450e-9c80-1cdd4fccc626.tmp</t>
  </si>
  <si>
    <t>\\acsfs\profiles$\nataliacsl\Downloads\c42b4d3a-a367-450e-9c80-1cdd4fccc626.tmp</t>
  </si>
  <si>
    <t>06bed63d-8881-4df7-9d66-90032b89361f.tmp</t>
  </si>
  <si>
    <t>\\acsfs\profiles$\alinepp\Downloads\06bed63d-8881-4df7-9d66-90032b89361f.tmp</t>
  </si>
  <si>
    <t>b5b15062-6334-4693-a70e-4e7643e84dd7.tmp</t>
  </si>
  <si>
    <t>\\acsfs\profiles$\alinepp\Downloads\b5b15062-6334-4693-a70e-4e7643e84dd7.tmp</t>
  </si>
  <si>
    <t>lu860811uba3.tmp</t>
  </si>
  <si>
    <t>\\acsfs\profiles$\marcellewdl\My Documents\lu860811uba3.tmp</t>
  </si>
  <si>
    <t>\\acsfs\profiles$\marcellewdl\My Documents\lu860811uba3.tmp\</t>
  </si>
  <si>
    <t>\\acsfs\profiles$\marcellewdl\My Documents\lu860811uba3.tmp\META-INF\</t>
  </si>
  <si>
    <t>\\acsfs\profiles$\marcellewdl\My Documents\lu860811uba3.tmp\Thumbnails\</t>
  </si>
  <si>
    <t>lu144441jw1b.tmp</t>
  </si>
  <si>
    <t>\\acsfs\profiles$\ALEXANDREMM\lu144441jw1b.tmp</t>
  </si>
  <si>
    <t>\\acsfs\profiles$\ALEXANDREMM\lu144441jw1b.tmp\</t>
  </si>
  <si>
    <t>\\acsfs\profiles$\ALEXANDREMM\lu144441jw1b.tmp\META-INF\</t>
  </si>
  <si>
    <t>\\acsfs\profiles$\ALEXANDREMM\lu144441jw1b.tmp\Thumbnails\</t>
  </si>
  <si>
    <t>lu25980428mq0.tmp</t>
  </si>
  <si>
    <t>\\acsfs\profiles$\luanarda\lu25980428mq0.tmp</t>
  </si>
  <si>
    <t>\\acsfs\profiles$\luanarda\lu25980428mq0.tmp\</t>
  </si>
  <si>
    <t>\\acsfs\profiles$\luanarda\lu25980428mq0.tmp\META-INF\</t>
  </si>
  <si>
    <t>\\acsfs\profiles$\luanarda\lu25980428mq0.tmp\Thumbnails\</t>
  </si>
  <si>
    <t>151c3dc6-9e1c-4a1d-b0d3-4453bde3e1f7.tmp</t>
  </si>
  <si>
    <t>\\acsfs\profiles$\rosileiam\Downloads\151c3dc6-9e1c-4a1d-b0d3-4453bde3e1f7.tmp</t>
  </si>
  <si>
    <t>http:///batch?%24ct=multipart%2Fmixed%3B%20boundary%3D%22%3D%3D%3D%3D%3Derb9l9fy380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,workspaceids</t>
  </si>
  <si>
    <t>http:///batch?%24ct=multipart%2Fmixed%3B%20boundary%3D%22%3D%3D%3D%3D%3D7ew1whf8ce9a%3D%3D%3D%3D%3D%22&amp;key=AIzaSyAy9VVXHSpS2IJpptzYtGbLP3-3_l0aBk4</t>
  </si>
  <si>
    <t>http:///batch?%24ct=multipart%2Fmixed%3B%20boundary%3D%22%3D%3D%3D%3D%3Dad8eso16wg6w%3D%3D%3D%3D%3D%22&amp;key=AIzaSyAy9VVXHSpS2IJpptzYtGbLP3-3_l0aBk4</t>
  </si>
  <si>
    <t>http:///batch?%24ct=multipart%2Fmixed%3B%20boundary%3D%22%3D%3D%3D%3D%3D46j7ewjier9o%3D%3D%3D%3D%3D%22&amp;key=AIzaSyAy9VVXHSpS2IJpptzYtGbLP3-3_l0aBk4</t>
  </si>
  <si>
    <t>http:///batch?%24ct=multipart%2Fmixed%3B%20boundary%3D%22%3D%3D%3D%3D%3D2mc9dp9ba2d0%3D%3D%3D%3D%3D%22&amp;key=AIzaSyAy9VVXHSpS2IJpptzYtGbLP3-3_l0aBk4</t>
  </si>
  <si>
    <t>http:///batch?%24ct=multipart%2Fmixed%3B%20boundary%3D%22%3D%3D%3D%3D%3D4xcgb3gosbsc%3D%3D%3D%3D%3D%22&amp;key=AIzaSyAy9VVXHSpS2IJpptzYtGbLP3-3_l0aBk4</t>
  </si>
  <si>
    <t>http:///batch?%24ct=multipart%2Fmixed%3B%20boundary%3D%22%3D%3D%3D%3D%3Dmmxej6d7jep%3D%3D%3D%3D%3D%22&amp;key=AIzaSyAy9VVXHSpS2IJpptzYtGbLP3-3_l0aBk4</t>
  </si>
  <si>
    <t>ancest;ancestorhasaugme;ancestorhasaugmentedpermissions;containsunsubscribedchildren;displayname;domain;email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,ancestorhasaugmentedpermissions,containsunsubscribedchildren,displayname,domain,email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u8jzpheo8f2n%3D%3D%3D%3D%3D%22&amp;key=AIzaSyAy9VVXHSpS2IJpptzYtGbLP3-3_l0aBk4</t>
  </si>
  <si>
    <t>http:///batch?%24ct=multipart%2Fmixed%3B%20boundary%3D%22%3D%3D%3D%3D%3Dh2yyn19c2xxt%3D%3D%3D%3D%3D%22&amp;key=AIzaSyAy9VVXHSpS2IJpptzYtGbLP3-3_l0aBk4</t>
  </si>
  <si>
    <t>http:///batch?%24ct=multipart%2Fmixed%3B%20boundary%3D%22%3D%3D%3D%3D%3Dhfyx88uhokr2%3D%3D%3D%3D%3D%22&amp;key=AIzaSyAy9VVXHSpS2IJpptzYtGbLP3-3_l0aBk4</t>
  </si>
  <si>
    <t>ee36040c-1971-4a56-accb-54af5ecefe34.tmp</t>
  </si>
  <si>
    <t>\\acsfs\profiles$\alinepp\Downloads\ee36040c-1971-4a56-accb-54af5ecefe34.tmp</t>
  </si>
  <si>
    <t>4a89c526-21c8-4a6f-8152-f597c27c2fb7.tmp</t>
  </si>
  <si>
    <t>\\acsfs\profiles$\alinepp\Downloads\4a89c526-21c8-4a6f-8152-f597c27c2fb7.tmp</t>
  </si>
  <si>
    <t>ade62452-d54c-49fb-9e4a-c64e7570c395.tmp</t>
  </si>
  <si>
    <t>\\acsfs\profiles$\alinepp\Downloads\ade62452-d54c-49fb-9e4a-c64e7570c395.tmp</t>
  </si>
  <si>
    <t>9c7c6876-1683-4ba2-961a-dad6d64b25cb.tmp</t>
  </si>
  <si>
    <t>\\acsfs\profiles$\alinepp\Downloads\9c7c6876-1683-4ba2-961a-dad6d64b25cb.tmp</t>
  </si>
  <si>
    <t>426a4524-3ce6-46c9-96b1-016eda0ad9fb.tmp</t>
  </si>
  <si>
    <t>\\acsfs\profiles$\gabrielamdp\Downloads\426a4524-3ce6-46c9-96b1-016eda0ad9fb.tmp</t>
  </si>
  <si>
    <t>e6a7f588-433f-43ae-9b13-6bc45aa4b371.tmp</t>
  </si>
  <si>
    <t>\\acsfs\profiles$\gabrielamdp\Downloads\e6a7f588-433f-43ae-9b13-6bc45aa4b371.tmp</t>
  </si>
  <si>
    <t>0566edd5-982e-49f2-b340-9ffd6172c3a7.tmp</t>
  </si>
  <si>
    <t>\\acsfs\profiles$\gabrielamdp\Downloads\0566edd5-982e-49f2-b340-9ffd6172c3a7.tmp</t>
  </si>
  <si>
    <t>62282a4f-b0a0-4011-abac-243a7e6d5b24.tmp</t>
  </si>
  <si>
    <t>\\acsfs\profiles$\philipegsf\Downloads\62282a4f-b0a0-4011-abac-243a7e6d5b24.tmp</t>
  </si>
  <si>
    <t>2c23f88a-e9da-4cec-995f-969f6d27667d.tmp</t>
  </si>
  <si>
    <t>\\acsfs\profiles$\gabrielamdp\Downloads\2c23f88a-e9da-4cec-995f-969f6d27667d.tmp</t>
  </si>
  <si>
    <t>1ee0b7ca-bb38-4844-81c9-bee37fbe9e40.tmp</t>
  </si>
  <si>
    <t>\\acsfs\profiles$\gabrielamdp\Downloads\1ee0b7ca-bb38-4844-81c9-bee37fbe9e40.tmp</t>
  </si>
  <si>
    <t>5d3c2217-bc39-4a35-baf1-ab8256e87666.tmp</t>
  </si>
  <si>
    <t>\\acsfs\profiles$\fabianafv\Downloads\5d3c2217-bc39-4a35-baf1-ab8256e87666.tmp</t>
  </si>
  <si>
    <t>9866df5e-9ae9-4d2d-9222-2c2be4974c4c.tmp</t>
  </si>
  <si>
    <t>\\acsfs\profiles$\philipegsf\Downloads\9866df5e-9ae9-4d2d-9222-2c2be4974c4c.tmp</t>
  </si>
  <si>
    <t>kit_pre_deslig_ant_term_contrato_124167_ana priscila oliveira felizardo.pdf</t>
  </si>
  <si>
    <t>7f8eb0b5-695e-4f76-8764-d7dc363dd3c9.tmp</t>
  </si>
  <si>
    <t>\\acsfs\profiles$\brendadsl\Downloads\7f8eb0b5-695e-4f76-8764-d7dc363dd3c9.tmp</t>
  </si>
  <si>
    <t>b42d315b-899f-4d4d-bcd4-5be0a0c8d6e4.tmp</t>
  </si>
  <si>
    <t>\\acsfs\profiles$\brendadsl\Downloads\b42d315b-899f-4d4d-bcd4-5be0a0c8d6e4.tmp</t>
  </si>
  <si>
    <t>1909a4f0-e5a7-4c20-b2e9-7eb20340731f.tmp</t>
  </si>
  <si>
    <t>\\acsfs\profiles$\brendadsl\Downloads\1909a4f0-e5a7-4c20-b2e9-7eb20340731f.tmp</t>
  </si>
  <si>
    <t>b80603ea-302c-4a85-ae5e-456163bc6eea.tmp</t>
  </si>
  <si>
    <t>\\acsfs\profiles$\brendadsl\Downloads\b80603ea-302c-4a85-ae5e-456163bc6eea.tmp</t>
  </si>
  <si>
    <t>563a5787-3254-4ce6-8c00-429c7b31f067.tmp</t>
  </si>
  <si>
    <t>\\acsfs\profiles$\brendadsl\Downloads\563a5787-3254-4ce6-8c00-429c7b31f067.tmp</t>
  </si>
  <si>
    <t>4bb49a1c-513f-4fb0-8e9d-0d88fe0d47a5.tmp</t>
  </si>
  <si>
    <t>\\acsfs\profiles$\websondsa\Downloads\4bb49a1c-513f-4fb0-8e9d-0d88fe0d47a5.tmp</t>
  </si>
  <si>
    <t>e1500d60-d19b-408a-951a-b4c7aa896656.tmp</t>
  </si>
  <si>
    <t>\\acsfs\profiles$\websondsa\Downloads\e1500d60-d19b-408a-951a-b4c7aa896656.tmp</t>
  </si>
  <si>
    <t>\\acsfs\profiles$\CLAUDIAJCA\Reneg 18-12\Thumbs.db</t>
  </si>
  <si>
    <t>a0e9ac93-4951-476d-867a-ad8aaa5ca878.tmp</t>
  </si>
  <si>
    <t>\\acsfs\profiles$\quindaizaagds\Downloads\a0e9ac93-4951-476d-867a-ad8aaa5ca878.tmp</t>
  </si>
  <si>
    <t>13839418-f8da-48b5-9612-3d09d12462c2.tmp</t>
  </si>
  <si>
    <t>\\acsfs\profiles$\quindaizaagds\Downloads\13839418-f8da-48b5-9612-3d09d12462c2.tmp</t>
  </si>
  <si>
    <t>3101d91e-c05e-48ac-9323-878a7b8aeb47.tmp</t>
  </si>
  <si>
    <t>\\acsfs\profiles$\quindaizaagds\Downloads\3101d91e-c05e-48ac-9323-878a7b8aeb47.tmp</t>
  </si>
  <si>
    <t>http:///batch?%24ct=multipart%2Fmixed%3B%20boundary%3D%22%3D%3D%3D%3D%3Dfvxcq028pytg%3D%3D%3D%3D%3D%22&amp;key=AIzaSyAy9VVXHSpS2IJpptzYtGbLP3-3_l0aBk4</t>
  </si>
  <si>
    <t>ancestorhasaugment;ancestorhasaugmentedpermissions;containsunsubscribedchildren;displayname;domain;emailaddress;expl;filesize;hasthumbnail;hasvisitorpermissions;id;id);items(kind;ken;lastmodifyinguser(kind;lastviewedbymedate;modifiedbymedate;modifieddate;ontainsunsubscribedchildren;owners(kind;permissionid;picture;shared;sharedwithmedate;thumbnailversion;title;userpermission(role);workspaceids;</t>
  </si>
  <si>
    <t>http://ancestorhasaugment,ancestorhasaugmentedpermissions,containsunsubscribedchildren,displayname,domain,emailaddress,expl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http:///batch?%24ct=multipart%2Fmixed%3B%20boundary%3D%22%3D%3D%3D%3D%3Dvnjjlga52dtr%3D%3D%3D%3D%3D%22&amp;key=AIzaSyAy9VVXHSpS2IJpptzYtGbLP3-3_l0aBk4</t>
  </si>
  <si>
    <t>ancest;ancestorhasaugment;ancestorhasaugmentedpermissions;containsunsubscribedchildren;displayname;domain;emailaddress;expl;filesize;hasthumbnail;hasvisitorpermissions;id;id);items(kind;ken;lastmodifyinguser(kind;lastviewedbymedate;modifiedbymedate;modifieddate;ontainsunsubscribedchildren;owners(kind;permissionid;pictu;picture;rpermissions;shared;sharedwithmedate;thumbnailversion;title;userpermission(role);workspaceids;</t>
  </si>
  <si>
    <t>http://ancest,ancestorhasaugment,ancestorhasaugmentedpermissions,containsunsubscribedchildren,displayname,domain,emailaddress,expl,filesize,hasthumbnail,hasvisitorpermissions,id,id),items(kind,ken,lastmodifyinguser(kind,lastviewedbymedate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5ohjs1fs0dq7%3D%3D%3D%3D%3D%22&amp;key=AIzaSyAy9VVXHSpS2IJpptzYtGbLP3-3_l0aBk4</t>
  </si>
  <si>
    <t>ancest;ancestorhasaugment;ancestorhasaugmentedpermissions;containsunsubscribedchildren;displayname;domain;emailaddress;expl;file(kind;fileid;filesize;hasthumbnail;hasvisitorpermissions;id;id);items(deleted;items(kin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3sdwhrvpg9pq%3D%3D%3D%3D%3D%22&amp;key=AIzaSyAy9VVXHSpS2IJpptzYtGbLP3-3_l0aBk4</t>
  </si>
  <si>
    <t>http:///batch?%24ct=multipart%2Fmixed%3B%20boundary%3D%22%3D%3D%3D%3D%3Dhjv4vwot7l1r%3D%3D%3D%3D%3D%22&amp;key=AIzaSyAy9VVXHSpS2IJpptzYtGbLP3-3_l0aBk4</t>
  </si>
  <si>
    <t>http:///batch?%24ct=multipart%2Fmixed%3B%20boundary%3D%22%3D%3D%3D%3D%3D9ua13fu1z8ew%3D%3D%3D%3D%3D%22&amp;key=AIzaSyAy9VVXHSpS2IJpptzYtGbLP3-3_l0aBk4</t>
  </si>
  <si>
    <t>http:///batch?%24ct=multipart%2Fmixed%3B%20boundary%3D%22%3D%3D%3D%3D%3Dg7xn9mb0az1y%3D%3D%3D%3D%3D%22&amp;key=AIzaSyAy9VVXHSpS2IJpptzYtGbLP3-3_l0aBk4</t>
  </si>
  <si>
    <t>http:///batch?%24ct=multipart%2Fmixed%3B%20boundary%3D%22%3D%3D%3D%3D%3Dfl7xr9yep1qo%3D%3D%3D%3D%3D%22&amp;key=AIzaSyAy9VVXHSpS2IJpptzYtGbLP3-3_l0aBk4</t>
  </si>
  <si>
    <t>http:///batch?%24ct=multipart%2Fmixed%3B%20boundary%3D%22%3D%3D%3D%3D%3D4gce39yd8l0w%3D%3D%3D%3D%3D%22&amp;key=AIzaSyAy9VVXHSpS2IJpptzYtGbLP3-3_l0aBk4</t>
  </si>
  <si>
    <t>http:///batch?%24ct=multipart%2Fmixed%3B%20boundary%3D%22%3D%3D%3D%3D%3Dgvqc7nz30qzt%3D%3D%3D%3D%3D%22&amp;key=AIzaSyAy9VVXHSpS2IJpptzYtGbLP3-3_l0aBk4</t>
  </si>
  <si>
    <t>http:///batch?%24ct=multipart%2Fmixed%3B%20boundary%3D%22%3D%3D%3D%3D%3Dyan487puxmk3%3D%3D%3D%3D%3D%22&amp;key=AIzaSyAy9VVXHSpS2IJpptzYtGbLP3-3_l0aBk4</t>
  </si>
  <si>
    <t>ances;ancest;ancestorhasaugment;ancestorhasaugmentedpermissions;containsunsubscribedchildren;displayname;domain;emailaddress;expl;file(kind;fileid;filesize;hasthumbnail;hasvisitorpermissions;id;id);items(deleted;items(kind;ken;kind;lastmodifyinguser(kind;lastviewedbymedate;modifiedbymedate;modifieddate;ontainsunsubscribedchildren;owners(kind;per;permissionid;pict;pictu;picture;rpermissions;shared;sharedwithmedate;thumbnailversion;title;userpermission(role);workspaceids;</t>
  </si>
  <si>
    <t>http://ances,ancest,ancestorhasaugment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,permissionid,pict,pictu,picture,rpermissions,shared,sharedwithmedate,thumbnailversion,title,userpermission(role),workspaceids</t>
  </si>
  <si>
    <t>http:///batch?%24ct=multipart%2Fmixed%3B%20boundary%3D%22%3D%3D%3D%3D%3Dsqgh1e4l3qy%3D%3D%3D%3D%3D%22&amp;key=AIzaSyAy9VVXHSpS2IJpptzYtGbLP3-3_l0aBk4</t>
  </si>
  <si>
    <t>http:///batch?%24ct=multipart%2Fmixed%3B%20boundary%3D%22%3D%3D%3D%3D%3Dkvhf6rm05qy7%3D%3D%3D%3D%3D%22&amp;key=AIzaSyAy9VVXHSpS2IJpptzYtGbLP3-3_l0aBk4</t>
  </si>
  <si>
    <t>http:///batch?%24ct=multipart%2Fmixed%3B%20boundary%3D%22%3D%3D%3D%3D%3De3rcniio6fa6%3D%3D%3D%3D%3D%22&amp;key=AIzaSyAy9VVXHSpS2IJpptzYtGbLP3-3_l0aBk4</t>
  </si>
  <si>
    <t>http:///batch?%24ct=multipart%2Fmixed%3B%20boundary%3D%22%3D%3D%3D%3D%3Dl04n7tjnk5hs%3D%3D%3D%3D%3D%22&amp;key=AIzaSyAy9VVXHSpS2IJpptzYtGbLP3-3_l0aBk4</t>
  </si>
  <si>
    <t>http:///batch?%24ct=multipart%2Fmixed%3B%20boundary%3D%22%3D%3D%3D%3D%3Dlgdjelfjneoy%3D%3D%3D%3D%3D%22&amp;key=AIzaSyAy9VVXHSpS2IJpptzYtGbLP3-3_l0aBk4</t>
  </si>
  <si>
    <t>http:///batch?%24ct=multipart%2Fmixed%3B%20boundary%3D%22%3D%3D%3D%3D%3Dyizfojhr2y3z%3D%3D%3D%3D%3D%22&amp;key=AIzaSyAy9VVXHSpS2IJpptzYtGbLP3-3_l0aBk4</t>
  </si>
  <si>
    <t>http:///batch?%24ct=multipart%2Fmixed%3B%20boundary%3D%22%3D%3D%3D%3D%3De4ca132hb6%3D%3D%3D%3D%3D%22&amp;key=AIzaSyAy9VVXHSpS2IJpptzYtGbLP3-3_l0aBk4</t>
  </si>
  <si>
    <t>ances;ancest;ancestorhasaugment;ancestorhasaugmentedpermissions;containsunsubscribedchildren;displayname;domain;emailaddress;expl;file(kind;fileid;filesize;hasthumbnail;hasvisitorpermissions;id;id);items(deleted;items(kind;ken;kind;lastmodifyinguser(kind;lastviewedbymedate;modifiedbymedate;modifieddate;ontainsunsubscribedchildren;owners(kind;per;permissionid;pict;pictu;picture;rpermissions;shared;sharedwithmedate;thumbnailversion;title;userpermission(role);userpermission(role)�;workspaceids;</t>
  </si>
  <si>
    <t>http://ances,ancest,ancestorhasaugment,ancestorhasaugmentedpermissions,containsunsubscribedchildren,displayname,domain,emailaddress,expl,file(kind,fileid,filesize,hasthumbnail,hasvisitorpermissions,id,id),items(deleted,items(kind,ken,kind,lastmodifyinguser(kind,lastviewedbymedate,modifiedbymedate,modifieddate,ontainsunsubscribedchildren,owners(kind,per,permissionid,pict,pictu,picture,rpermissions,shared,sharedwithmedate,thumbnailversion,title,userpermission(role),userpermission(role)�,workspaceids</t>
  </si>
  <si>
    <t>http:///batch?%24ct=multipart%2Fmixed%3B%20boundary%3D%22%3D%3D%3D%3D%3D8duy12z04fg8%3D%3D%3D%3D%3D%22&amp;key=AIzaSyAy9VVXHSpS2IJpptzYtGbLP3-3_l0aBk4</t>
  </si>
  <si>
    <t>\\acsfs\ACS\Gabriel da Silva\Contemporânea\NPS\NPS CRBV_Leve.xlsb\</t>
  </si>
  <si>
    <t>\\acsfs\ACS\Gabriel da Silva\Contemporânea\NPS\NPS CRBV_Leve.xlsb</t>
  </si>
  <si>
    <t>NPS CRBV_Leve.xlsb</t>
  </si>
  <si>
    <t>100014122394468;100014239771614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https://100014122394468,100014239771614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100014122394468;100014239771614;</t>
  </si>
  <si>
    <t>https://100014122394468,100014239771614</t>
  </si>
  <si>
    <t>dbdd12a1-4b41-4f49-a523-3c33526010f1.tmp</t>
  </si>
  <si>
    <t>\\acsfs\profiles$\cintiadjl\Downloads\dbdd12a1-4b41-4f49-a523-3c33526010f1.tmp</t>
  </si>
  <si>
    <t>e8ecadce-1f4f-4f00-a4ef-b7e079edb77b.tmp</t>
  </si>
  <si>
    <t>\\acsfs\profiles$\cintiadjl\Downloads\e8ecadce-1f4f-4f00-a4ef-b7e079edb77b.tmp</t>
  </si>
  <si>
    <t>2e5854e7-2624-4f4e-b033-a110d72813d3.tmp</t>
  </si>
  <si>
    <t>\\acsfs\profiles$\fabianafv\Downloads\2e5854e7-2624-4f4e-b033-a110d72813d3.tmp</t>
  </si>
  <si>
    <t>9c0c4474-a027-46aa-9876-354a81200d86.tmp</t>
  </si>
  <si>
    <t>\\acsfs\profiles$\fabianafv\Downloads\9c0c4474-a027-46aa-9876-354a81200d86.tmp</t>
  </si>
  <si>
    <t>48364b7e-63e2-43f9-bb48-fe7842e75ac2.tmp</t>
  </si>
  <si>
    <t>\\acsfs\profiles$\philipegsf\Downloads\48364b7e-63e2-43f9-bb48-fe7842e75ac2.tmp</t>
  </si>
  <si>
    <t>http://play.google.com/log?format=json&amp;hasfast=true&amp;authuser=0</t>
  </si>
  <si>
    <t>http:///batch?%24ct=multipart%2Fmixed%3B%20boundary%3D%22%3D%3D%3D%3D%3Ddcgnb41d03wz%3D%3D%3D%3D%3D%22&amp;key=AIzaSyAy9VVXHSpS2IJpptzYtGbLP3-3_l0aBk4</t>
  </si>
  <si>
    <t>http:///batch?%24ct=multipart%2Fmixed%3B%20boundary%3D%22%3D%3D%3D%3D%3Dtlgow0h3ndx5%3D%3D%3D%3D%3D%22&amp;key=AIzaSyAy9VVXHSpS2IJpptzYtGbLP3-3_l0aBk4</t>
  </si>
  <si>
    <t>http:///batch?%24ct=multipart%2Fmixed%3B%20boundary%3D%22%3D%3D%3D%3D%3Du8kg3w3cf5pd%3D%3D%3D%3D%3D%22&amp;key=AIzaSyAy9VVXHSpS2IJpptzYtGbLP3-3_l0aBk4</t>
  </si>
  <si>
    <t>http:///batch?%24ct=multipart%2Fmixed%3B%20boundary%3D%22%3D%3D%3D%3D%3D3bgam6fjq8e6%3D%3D%3D%3D%3D%22&amp;key=AIzaSyAy9VVXHSpS2IJpptzYtGbLP3-3_l0aBk4</t>
  </si>
  <si>
    <t>http:///batch?%24ct=multipart%2Fmixed%3B%20boundary%3D%22%3D%3D%3D%3D%3Dk42smxuoto3j%3D%3D%3D%3D%3D%22&amp;key=AIzaSyAy9VVXHSpS2IJpptzYtGbLP3-3_l0aBk4</t>
  </si>
  <si>
    <t>3j===== content-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3j===== content-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http:///batch?%24ct=multipart%2Fmixed%3B%20boundary%3D%22%3D%3D%3D%3D%3D7t9iuzi95b2n%3D%3D%3D%3D%3D%22&amp;key=AIzaSyAy9VVXHSpS2IJpptzYtGbLP3-3_l0aBk4</t>
  </si>
  <si>
    <t>http:///batch?%24ct=multipart%2Fmixed%3B%20boundary%3D%22%3D%3D%3D%3D%3Ddbmv52801qu4%3D%3D%3D%3D%3D%22&amp;key=AIzaSyAy9VVXHSpS2IJpptzYtGbLP3-3_l0aBk4</t>
  </si>
  <si>
    <t>http:///batch?%24ct=multipart%2Fmixed%3B%20boundary%3D%22%3D%3D%3D%3D%3Dbcgvlh37d8bn%3D%3D%3D%3D%3D%22&amp;key=AIzaSyAy9VVXHSpS2IJpptzYtGbLP3-3_l0aBk4</t>
  </si>
  <si>
    <t>http:///batch?%24ct=multipart%2Fmixed%3B%20boundary%3D%22%3D%3D%3D%3D%3D6d01p2bi0aq5%3D%3D%3D%3D%3D%22&amp;key=AIzaSyAy9VVXHSpS2IJpptzYtGbLP3-3_l0aBk4</t>
  </si>
  <si>
    <t>http:///batch?%24ct=multipart%2Fmixed%3B%20boundary%3D%22%3D%3D%3D%3D%3Dj1fdwcgty78i%3D%3D%3D%3D%3D%22&amp;key=AIzaSyAy9VVXHSpS2IJpptzYtGbLP3-3_l0aBk4</t>
  </si>
  <si>
    <t>3j===== content-;ancestorhasaugmentedp;ancestorhasaugmentedpermissions;containsunsubscribedchildren;displayname;domain;emailaddress;explici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3j===== content-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Emails.xlsx</t>
  </si>
  <si>
    <t>3j===== content-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http:///batch?%24ct=multipart%2Fmixed%3B%20boundary%3D%22%3D%3D%3D%3D%3Dq87vybeyupmm%3D%3D%3D%3D%3D%22&amp;key=AIzaSyAy9VVXHSpS2IJpptzYtGbLP3-3_l0aBk4</t>
  </si>
  <si>
    <t>http:///batch?%24ct=multipart%2Fmixed%3B%20boundary%3D%22%3D%3D%3D%3D%3Doc0b1jr893xz%3D%3D%3D%3D%3D%22&amp;key=AIzaSyAy9VVXHSpS2IJpptzYtGbLP3-3_l0aBk4</t>
  </si>
  <si>
    <t>http:///batch?%24ct=multipart%2Fmixed%3B%20boundary%3D%22%3D%3D%3D%3D%3D47k1oos5mp7s%3D%3D%3D%3D%3D%22&amp;key=AIzaSyAy9VVXHSpS2IJpptzYtGbLP3-3_l0aBk4</t>
  </si>
  <si>
    <t>3j===== content-;ancest;ancestorhasaugmentedp;ancestorhasaugmentedpermissions;containsunsubscribedchildren;displayname;domain;emailaddress;explici;file(kind;fileid;filesize;hasthumbnail;hasvisitorpermissions;id;id);items(deleted;items(kind;ken;kind;lastmodifyinguser(kind;lastviewedbymedate;modifiedbymedate;modifieddate;ontainsunsubscribedchildren;owners(kind;per;permiss;permission;permissionid;pictu;picture;picture�;rpermissions;shared;sharedwithmedate;thumbnailversion;title;userpermission(role);workspaceids;</t>
  </si>
  <si>
    <t>http://3j===== content-,ancest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,picture,picture�,rpermissions,shared,sharedwithmedate,thumbnailversion,title,userpermission(role),workspaceids</t>
  </si>
  <si>
    <t>http:///batch?%24ct=multipart%2Fmixed%3B%20boundary%3D%22%3D%3D%3D%3D%3Dyjqa71qyd2l0%3D%3D%3D%3D%3D%22&amp;key=AIzaSyAy9VVXHSpS2IJpptzYtGbLP3-3_l0aBk4</t>
  </si>
  <si>
    <t>http:///batch?%24ct=multipart%2Fmixed%3B%20boundary%3D%22%3D%3D%3D%3D%3Dcqdjzc4mto8n%3D%3D%3D%3D%3D%22&amp;key=AIzaSyAy9VVXHSpS2IJpptzYtGbLP3-3_l0aBk4</t>
  </si>
  <si>
    <t>3j===== content-;8n===== content-;ancest;ancestorhasaugmentedp;ancestorhasaugmentedpermissions;containsunsubscribedchildren;displayname;domain;emailaddress;explici;file(kind;fileid;filesize;hasthumbnail;hasvisitorpermissions;id;id);items(deleted;items(kind;ken;kind;lastmodifyinguser(kind;lastviewedbymedate;modifiedbymedate;modifieddate;ontainsunsubscribedchildren;owners(kind;per;permiss;permission;permissionid;pictu;picture;picture�;rpermissions;shared;sharedwithmedate;thumbnailversion;title;userpermission(role);workspaceids;</t>
  </si>
  <si>
    <t>http://3j===== content-,8n===== content-,ancest,ancestorhasaugmentedp,ancestorhasaugmentedpermissions,containsunsubscribedchildren,displayname,domain,emailaddress,explici,file(kind,fileid,filesize,hasthumbnail,hasvisitorpermissions,id,id),items(deleted,items(kind,ken,kind,lastmodifyinguser(kind,lastviewedbymedate,modifiedbymedate,modifieddate,ontainsunsubscribedchildren,owners(kind,per,permiss,permission,permissionid,pictu,picture,picture�,rpermissions,shared,sharedwithmedate,thumbnailversion,title,userpermission(role),workspaceids</t>
  </si>
  <si>
    <t>http:///batch?%24ct=multipart%2Fmixed%3B%20boundary%3D%22%3D%3D%3D%3D%3Drri79rvfmx75%3D%3D%3D%3D%3D%22&amp;key=AIzaSyAy9VVXHSpS2IJpptzYtGbLP3-3_l0aBk4</t>
  </si>
  <si>
    <t>http:///batch?%24ct=multipart%2Fmixed%3B%20boundary%3D%22%3D%3D%3D%3D%3Dmaj834km2cq%3D%3D%3D%3D%3D%22&amp;key=AIzaSyAy9VVXHSpS2IJpptzYtGbLP3-3_l0aBk4</t>
  </si>
  <si>
    <t>http:///batch?%24ct=multipart%2Fmixed%3B%20boundary%3D%22%3D%3D%3D%3D%3Dv6gzll474bgc%3D%3D%3D%3D%3D%22&amp;key=AIzaSyAy9VVXHSpS2IJpptzYtGbLP3-3_l0aBk4</t>
  </si>
  <si>
    <t>http:///batch?%24ct=multipart%2Fmixed%3B%20boundary%3D%22%3D%3D%3D%3D%3Dozx8afilc31z%3D%3D%3D%3D%3D%22&amp;key=AIzaSyAy9VVXHSpS2IJpptzYtGbLP3-3_l0aBk4</t>
  </si>
  <si>
    <t>http:///batch?%24ct=multipart%2Fmixed%3B%20boundary%3D%22%3D%3D%3D%3D%3D1ijr9hlppu9v%3D%3D%3D%3D%3D%22&amp;key=AIzaSyAy9VVXHSpS2IJpptzYtGbLP3-3_l0aBk4</t>
  </si>
  <si>
    <t>http:///batch?%24ct=multipart%2Fmixed%3B%20boundary%3D%22%3D%3D%3D%3D%3Dblf1h4jc6x2e%3D%3D%3D%3D%3D%22&amp;key=AIzaSyAy9VVXHSpS2IJpptzYtGbLP3-3_l0aBk4</t>
  </si>
  <si>
    <t>http:///batch?%24ct=multipart%2Fmixed%3B%20boundary%3D%22%3D%3D%3D%3D%3D3b4myaxv4xws%3D%3D%3D%3D%3D%22&amp;key=AIzaSyAy9VVXHSpS2IJpptzYtGbLP3-3_l0aBk4</t>
  </si>
  <si>
    <t>http:///batch?%24ct=multipart%2Fmixed%3B%20boundary%3D%22%3D%3D%3D%3D%3Dz6pfy6xwtoaf%3D%3D%3D%3D%3D%22&amp;key=AIzaSyAy9VVXHSpS2IJpptzYtGbLP3-3_l0aBk4</t>
  </si>
  <si>
    <t>af===== content-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f===== content-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1lsbu4vxccxj%3D%3D%3D%3D%3D%22&amp;key=AIzaSyAy9VVXHSpS2IJpptzYtGbLP3-3_l0aBk4</t>
  </si>
  <si>
    <t>af===== content-;ancest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workspaceids;xj===== content-;</t>
  </si>
  <si>
    <t>http://af===== content-,ancest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,xj===== content-</t>
  </si>
  <si>
    <t>Documentos.xlsx</t>
  </si>
  <si>
    <t>af===== content-,ancest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,xj===== content-</t>
  </si>
  <si>
    <t>lu80132ax9otf.tmp</t>
  </si>
  <si>
    <t>\\acsfs\profiles$\ISABELLEGTDS\Nova pasta\lu80132ax9otf.tmp</t>
  </si>
  <si>
    <t>\\acsfs\profiles$\ISABELLEGTDS\Nova pasta\lu80132ax9otf.tmp\</t>
  </si>
  <si>
    <t>\\acsfs\profiles$\ISABELLEGTDS\Nova pasta\lu80132ax9otf.tmp\META-INF\</t>
  </si>
  <si>
    <t>\\acsfs\profiles$\ISABELLEGTDS\Nova pasta\lu80132ax9otf.tmp\Thumbnails\</t>
  </si>
  <si>
    <t>f7193b3c-faef-41b0-82ae-67e8ba23bc6e.tmp</t>
  </si>
  <si>
    <t>\\acsfs\profiles$\gabrielafs\Downloads\f7193b3c-faef-41b0-82ae-67e8ba23bc6e.tmp</t>
  </si>
  <si>
    <t>\\acsfs\ACS\Gabriel da Silva\Contemporânea\BDBV\233DA787.tmp\</t>
  </si>
  <si>
    <t>\\acsfs\ACS\Gabriel da Silva\Contemporânea\BDBV\233DA787.tmp\:Zone.Identifier:$DATA</t>
  </si>
  <si>
    <t>46a46f4e-362e-44d6-bf75-a2d4255d5f30.tmp</t>
  </si>
  <si>
    <t>\\acsfs\profiles$\gabrielarb\Downloads\46a46f4e-362e-44d6-bf75-a2d4255d5f30.tmp</t>
  </si>
  <si>
    <t>a78e677c-51c7-47a3-a5da-590c2e8bcd33.tmp</t>
  </si>
  <si>
    <t>\\acsfs\profiles$\gabrielarb\Downloads\a78e677c-51c7-47a3-a5da-590c2e8bcd33.tmp</t>
  </si>
  <si>
    <t>85d37731-b6cc-407a-b66f-5699ce7ca351.tmp</t>
  </si>
  <si>
    <t>\\acsfs\profiles$\gabrielarb\Downloads\85d37731-b6cc-407a-b66f-5699ce7ca351.tmp</t>
  </si>
  <si>
    <t>da8a1f89-da16-4e02-a362-ee60381b7c7f.tmp</t>
  </si>
  <si>
    <t>\\acsfs\profiles$\LUISPLS\Downloads\da8a1f89-da16-4e02-a362-ee60381b7c7f.tmp</t>
  </si>
  <si>
    <t>http:///batch?%24ct=multipart%2Fmixed%3B%20boundary%3D%22%3D%3D%3D%3D%3D93rok7jr3s4t%3D%3D%3D%3D%3D%22&amp;key=AIzaSyAy9VVXHSpS2IJpptzYtGbLP3-3_l0aBk4</t>
  </si>
  <si>
    <t>http:///batch?%24ct=multipart%2Fmixed%3B%20boundary%3D%22%3D%3D%3D%3D%3Dvkor0xof2w28%3D%3D%3D%3D%3D%22&amp;key=AIzaSyAy9VVXHSpS2IJpptzYtGbLP3-3_l0aBk4</t>
  </si>
  <si>
    <t>http:///batch?%24ct=multipart%2Fmixed%3B%20boundary%3D%22%3D%3D%3D%3D%3D2n9inxdor6qw%3D%3D%3D%3D%3D%22&amp;key=AIzaSyAy9VVXHSpS2IJpptzYtGbLP3-3_l0aBk4</t>
  </si>
  <si>
    <t>http:///batch?%24ct=multipart%2Fmixed%3B%20boundary%3D%22%3D%3D%3D%3D%3Dupnrdddrzmxx%3D%3D%3D%3D%3D%22&amp;key=AIzaSyAy9VVXHSpS2IJpptzYtGbLP3-3_l0aBk4</t>
  </si>
  <si>
    <t>http:///batch?%24ct=multipart%2Fmixed%3B%20boundary%3D%22%3D%3D%3D%3D%3Dsp66q87eklys%3D%3D%3D%3D%3D%22&amp;key=AIzaSyAy9VVXHSpS2IJpptzYtGbLP3-3_l0aBk4</t>
  </si>
  <si>
    <t>http:///batch?%24ct=multipart%2Fmixed%3B%20boundary%3D%22%3D%3D%3D%3D%3Dq5yxtmhn69h3%3D%3D%3D%3D%3D%22&amp;key=AIzaSyAy9VVXHSpS2IJpptzYtGbLP3-3_l0aBk4</t>
  </si>
  <si>
    <t>a695d91c4f_u x-goog-authuser: 0 --=====q5yxtmhn69h3=====-- avu/lt�&lt;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695d91c4f_u x-goog-authuser: 0 --=====q5yxtmhn69h3=====-- avu/lt�&lt;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3114x7smdxko%3D%3D%3D%3D%3D%22&amp;key=AIzaSyAy9VVXHSpS2IJpptzYtGbLP3-3_l0aBk4</t>
  </si>
  <si>
    <t>http:///batch?%24ct=multipart%2Fmixed%3B%20boundary%3D%22%3D%3D%3D%3D%3Doznrpnu3ig92%3D%3D%3D%3D%3D%22&amp;key=AIzaSyAy9VVXHSpS2IJpptzYtGbLP3-3_l0aBk4</t>
  </si>
  <si>
    <t>http:///batch?%24ct=multipart%2Fmixed%3B%20boundary%3D%22%3D%3D%3D%3D%3Deub3zvvqdtvh%3D%3D%3D%3D%3D%22&amp;key=AIzaSyAy9VVXHSpS2IJpptzYtGbLP3-3_l0aBk4</t>
  </si>
  <si>
    <t>eecb6e18-e2cd-4200-a200-038d54a62521.tmp</t>
  </si>
  <si>
    <t>\\acsfs\profiles$\isabellegtds\Downloads\eecb6e18-e2cd-4200-a200-038d54a62521.tmp</t>
  </si>
  <si>
    <t>a9dc5fa2-e7ad-442d-8703-e1d4843b7180.tmp</t>
  </si>
  <si>
    <t>\\acsfs\profiles$\inarajst\Downloads\a9dc5fa2-e7ad-442d-8703-e1d4843b7180.tmp</t>
  </si>
  <si>
    <t>dbb3df77-b8ec-41e7-8144-bd861b30c27b.tmp</t>
  </si>
  <si>
    <t>\\acsfs\profiles$\inarajst\Downloads\dbb3df77-b8ec-41e7-8144-bd861b30c27b.tmp</t>
  </si>
  <si>
    <t>\\acsfs\profiles$\gisellyador\My Documents\$RECYCLE.BIN\</t>
  </si>
  <si>
    <t>$I1JS7IB.txt</t>
  </si>
  <si>
    <t>\\acsfs\profiles$\gisellyador\My Documents\$RECYCLE.BIN\$I1JS7IB.txt</t>
  </si>
  <si>
    <t>$IRI1L6U.txt</t>
  </si>
  <si>
    <t>\\acsfs\profiles$\gisellyador\My Documents\$RECYCLE.BIN\$IRI1L6U.txt</t>
  </si>
  <si>
    <t>$IP4CCS5.txt</t>
  </si>
  <si>
    <t>\\acsfs\profiles$\gisellyador\My Documents\$RECYCLE.BIN\$IP4CCS5.txt</t>
  </si>
  <si>
    <t>$I592QV5.txt</t>
  </si>
  <si>
    <t>\\acsfs\profiles$\gisellyador\My Documents\$RECYCLE.BIN\$I592QV5.txt</t>
  </si>
  <si>
    <t>$I7M0SYQ.txt</t>
  </si>
  <si>
    <t>\\acsfs\profiles$\gisellyador\My Documents\$RECYCLE.BIN\$I7M0SYQ.txt</t>
  </si>
  <si>
    <t>73db0b91-7210-4c4b-9721-3eac363c6ad5.tmp</t>
  </si>
  <si>
    <t>\\acsfs\profiles$\brunalas\Downloads\73db0b91-7210-4c4b-9721-3eac363c6ad5.tmp</t>
  </si>
  <si>
    <t>a007fad4-ba24-49a5-a1f8-08c06429af27.tmp</t>
  </si>
  <si>
    <t>\\acsfs\profiles$\brunalas\Downloads\a007fad4-ba24-49a5-a1f8-08c06429af27.tmp</t>
  </si>
  <si>
    <t>81dbb003-991d-48cb-8f3c-0a892fde072b.tmp</t>
  </si>
  <si>
    <t>\\acsfs\profiles$\fabianobmf\Downloads\81dbb003-991d-48cb-8f3c-0a892fde072b.tmp</t>
  </si>
  <si>
    <t>32370729-09f0-4e93-9f9c-d0149a8be9f2.tmp</t>
  </si>
  <si>
    <t>\\acsfs\profiles$\kamilamrc\Downloads\32370729-09f0-4e93-9f9c-d0149a8be9f2.tmp</t>
  </si>
  <si>
    <t>80cde55a-1508-4791-b952-142724eca06a.tmp</t>
  </si>
  <si>
    <t>\\acsfs\profiles$\sarahbal\Downloads\80cde55a-1508-4791-b952-142724eca06a.tmp</t>
  </si>
  <si>
    <t>/o=exchangelabs/ou=exchange administrative group (fydibohf23spdlt)/cn=recipients/cn=5af2cae509964078b2026f7f550380b0-andre luis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a19b321d5b334e5aadd5d63abdb84bd8-karine fern;/o=exchangelabs/ou=exchange administrative group (fydibohf23spdlt)/cn=recipients/cn=e47f7192d7b143e286620292e5ce82f2-mirian pris;/o=exchangelabs/ou=exchange administrative group (fydibohf23spdlt)/cn=recipients/cn=user8e89d2d7;</t>
  </si>
  <si>
    <t>NPS e Transferência, SAC - Janeiro</t>
  </si>
  <si>
    <t>/o=exchangelabs/ou=exchange administrative group (fydibohf23spdlt)/cn=recipients/cn=5af2cae509964078b2026f7f550380b0-andre luis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a19b321d5b334e5aadd5d63abdb84bd8-karine fern,/o=exchangelabs/ou=exchange administrative group (fydibohf23spdlt)/cn=recipients/cn=e47f7192d7b143e286620292e5ce82f2-mirian pris,/o=exchangelabs/ou=exchange administrative group (fydibohf23spdlt)/cn=recipients/cn=user8e89d2d7</t>
  </si>
  <si>
    <t>\\acsfs\ACS\Gabriel da Silva\Contemporânea\NPS\F8437125.tmp\</t>
  </si>
  <si>
    <t>\\acsfs\ACS\Gabriel da Silva\Contemporânea\NPS\F8437125.tmp\:Zone.Identifier:$DATA</t>
  </si>
  <si>
    <t>mail.google.com/sync/u/0/i/s?hl=pt-BR&amp;c=901</t>
  </si>
  <si>
    <t>mail.google.com/sync/u/0/i/s?hl=pt-BR&amp;c=903</t>
  </si>
  <si>
    <t>100014122394468;100014239771614;catianalv@algartech.com;cpc-controldeskavon@algartech.com;joseasn@algartech.com;lucianarsantos@algartech.com;marianadjc@algartech.com;senildapdo@algartecnologia.com.br;</t>
  </si>
  <si>
    <t>100014122394468,100014239771614,catianalv@algartech.com,cpc-controldeskavon@algartech.com,joseasn@algartech.com,lucianarsantos@algartech.com,marianadjc@algartech.com,senildapdo@algartecnologia.com.br</t>
  </si>
  <si>
    <t>966fb143-5f68-4b31-925f-9762d62b083c.tmp</t>
  </si>
  <si>
    <t>\\acsfs\profiles$\cintiadjl\Downloads\966fb143-5f68-4b31-925f-9762d62b083c.tmp</t>
  </si>
  <si>
    <t>79e7a97d-be69-4581-9c59-72af1b8683cf.tmp</t>
  </si>
  <si>
    <t>\\acsfs\profiles$\cintiadjl\Downloads\79e7a97d-be69-4581-9c59-72af1b8683cf.tmp</t>
  </si>
  <si>
    <t>2ca5360d-2d28-4d86-a152-c46f74813e58.tmp</t>
  </si>
  <si>
    <t>\\acsfs\profiles$\LAISLG\Downloads\2ca5360d-2d28-4d86-a152-c46f74813e58.tmp</t>
  </si>
  <si>
    <t>de7e2397-bccf-42a9-91e7-fe5657953e77.tmp</t>
  </si>
  <si>
    <t>\\acsfs\profiles$\brunalas\Downloads\de7e2397-bccf-42a9-91e7-fe5657953e77.tmp</t>
  </si>
  <si>
    <t>3a878e8c-e238-4b71-abf8-48c2c341d40d.tmp</t>
  </si>
  <si>
    <t>\\acsfs\profiles$\laylaams\Downloads\3a878e8c-e238-4b71-abf8-48c2c341d40d.tmp</t>
  </si>
  <si>
    <t>e35df433-52b3-409b-906c-8512ce7fea6a.tmp</t>
  </si>
  <si>
    <t>\\acsfs\profiles$\philipegsf\Downloads\e35df433-52b3-409b-906c-8512ce7fea6a.tmp</t>
  </si>
  <si>
    <t>72bc18be-529e-4fad-a4a6-528e4883d88c.tmp</t>
  </si>
  <si>
    <t>\\acsfs\profiles$\rosileiam\Downloads\72bc18be-529e-4fad-a4a6-528e4883d88c.tmp</t>
  </si>
  <si>
    <t>2b3c5d0e-c0f4-4802-b225-93454762c707.tmp</t>
  </si>
  <si>
    <t>\\acsfs\profiles$\fabianobmf\Downloads\2b3c5d0e-c0f4-4802-b225-93454762c707.tmp</t>
  </si>
  <si>
    <t>021dd136-fd7e-4004-8272-93163d48b783.tmp</t>
  </si>
  <si>
    <t>\\acsfs\profiles$\fabianafv\Downloads\021dd136-fd7e-4004-8272-93163d48b783.tmp</t>
  </si>
  <si>
    <t>92442b97-9288-40b1-8a64-491254388e03.tmp</t>
  </si>
  <si>
    <t>\\acsfs\profiles$\fabianafv\Downloads\92442b97-9288-40b1-8a64-491254388e03.tmp</t>
  </si>
  <si>
    <t>26daef73-663b-4da4-84ca-956d6ccc7bbe.tmp</t>
  </si>
  <si>
    <t>\\acsfs\profiles$\fabianafv\Downloads\26daef73-663b-4da4-84ca-956d6ccc7bbe.tmp</t>
  </si>
  <si>
    <t>marianerdo@algartech.com</t>
  </si>
  <si>
    <t>\\acsfs\ACS\Gabriel da Silva\Contemporânea\NPS\13B47C33.tmp\</t>
  </si>
  <si>
    <t>\\acsfs\ACS\Gabriel da Silva\Contemporânea\NPS\13B47C33.tmp\:Zone.Identifier:$DATA</t>
  </si>
  <si>
    <t>/o=exchangelabs/ou=exchange administrative group (fydibohf23spdlt)/cn=recipients/cn=5af2cae509964078b2026f7f550380b0-andre luis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e47f7192d7b143e286620292e5ce82f2-mirian pris;/o=exchangelabs/ou=exchange administrative group (fydibohf23spdlt)/cn=recipients/cn=user8e89d2d7;thiagolrc@bv.algartech.com;</t>
  </si>
  <si>
    <t>NPS e Transferência, Consignado - Janeiro</t>
  </si>
  <si>
    <t>/o=exchangelabs/ou=exchange administrative group (fydibohf23spdlt)/cn=recipients/cn=5af2cae509964078b2026f7f550380b0-andre luis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e47f7192d7b143e286620292e5ce82f2-mirian pris,/o=exchangelabs/ou=exchange administrative group (fydibohf23spdlt)/cn=recipients/cn=user8e89d2d7,thiagolrc@bv.algartech.com</t>
  </si>
  <si>
    <t>mail.google.com/sync/u/0/i/s?hl=pt-BR&amp;c=927</t>
  </si>
  <si>
    <t>69fd5815-6403-4d59-9cab-ace90448bf5c.tmp</t>
  </si>
  <si>
    <t>\\acsfs\profiles$\LAISLG\Downloads\69fd5815-6403-4d59-9cab-ace90448bf5c.tmp</t>
  </si>
  <si>
    <t>ef035e69-d9de-44cd-b915-b11d895a1109.tmp</t>
  </si>
  <si>
    <t>\\acsfs\profiles$\laylaams\Downloads\ef035e69-d9de-44cd-b915-b11d895a1109.tmp</t>
  </si>
  <si>
    <t>/o=exchangelabs/ou=exchange administrative group (fydibohf23spdlt)/cn=recipients/cn=4f1c81c2e16143f68596016ac3b45ef1-gustavo dam;/o=exchangelabs/ou=exchange administrative group (fydibohf23spdlt)/cn=recipients/cn=5af2cae509964078b2026f7f550380b0-andre luis;/o=exchangelabs/ou=exchange administrative group (fydibohf23spdlt)/cn=recipients/cn=6530aaa31df24237888421b849a2b4da-mariana cri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cf023be226744f8a9c38076dbccfd020-flavia cons;/o=exchangelabs/ou=exchange administrative group (fydibohf23spdlt)/cn=recipients/cn=e47f7192d7b143e286620292e5ce82f2-miria</t>
  </si>
  <si>
    <t>NPS e Transferência, CRBV - Janeiro</t>
  </si>
  <si>
    <t>/o=exchangelabs/ou=exchange administrative group (fydibohf23spdlt)/cn=recipients/cn=4f1c81c2e16143f68596016ac3b45ef1-gustavo dam,/o=exchangelabs/ou=exchange administrative group (fydibohf23spdlt)/cn=recipients/cn=5af2cae509964078b2026f7f550380b0-andre luis,/o=exchangelabs/ou=exchange administrative group (fydibohf23spdlt)/cn=recipients/cn=6530aaa31df24237888421b849a2b4da-mariana cri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cf023be226744f8a9c38076dbccfd020-flavia cons,/o=exchangelabs/ou=exchange administrative group (fydibohf23spdlt)/cn=recipients/cn=e47f7192d7b143e286620292e5ce82f2-miria</t>
  </si>
  <si>
    <t>maristelavodq@bv.algartech.com</t>
  </si>
  <si>
    <t>mail.google.com/sync/u/0/i/s?hl=pt-BR&amp;c=932</t>
  </si>
  <si>
    <t>mail.google.com/sync/u/0/i/s?hl=pt-BR&amp;c=938</t>
  </si>
  <si>
    <t>mail.google.com/sync/u/0/i/s?hl=pt-BR&amp;c=940</t>
  </si>
  <si>
    <t>https://100014122394468,100014239771614,catianalv@algartech.com,cpc-controldeskavon@algartech.com,joseasn@algartech.com,lucianarsantos@algartech.com,marianadjc@algartech.com,senildapdo@algartecnologia.com.br</t>
  </si>
  <si>
    <t>01beddd1-e7ec-49bc-b26e-f162f4c19ab6.tmp</t>
  </si>
  <si>
    <t>\\acsfs\profiles$\rafaelahpn\Downloads\01beddd1-e7ec-49bc-b26e-f162f4c19ab6.tmp</t>
  </si>
  <si>
    <t>b4cfc40c-bc03-4de6-9502-e9894f1097ff.tmp</t>
  </si>
  <si>
    <t>\\acsfs\profiles$\LAISLG\Downloads\b4cfc40c-bc03-4de6-9502-e9894f1097ff.tmp</t>
  </si>
  <si>
    <t>e48bb521-5ea3-4a34-8e2c-ae812253492a.tmp</t>
  </si>
  <si>
    <t>\\acsfs\profiles$\LAISLG\Downloads\e48bb521-5ea3-4a34-8e2c-ae812253492a.tmp</t>
  </si>
  <si>
    <t>579fc979-cd8b-4812-88ae-a6c3e704cb3c.tmp</t>
  </si>
  <si>
    <t>\\acsfs\profiles$\luanaagl\Downloads\579fc979-cd8b-4812-88ae-a6c3e704cb3c.tmp</t>
  </si>
  <si>
    <t>7631c1ab-f867-4987-b860-c7ac03d61ac8.tmp</t>
  </si>
  <si>
    <t>\\acsfs\profiles$\luanaagl\Downloads\7631c1ab-f867-4987-b860-c7ac03d61ac8.tmp</t>
  </si>
  <si>
    <t>18e61f77-8f0e-4bc4-b617-21d80fff7a6a.tmp</t>
  </si>
  <si>
    <t>\\acsfs\profiles$\isabellegtds\Downloads\18e61f77-8f0e-4bc4-b617-21d80fff7a6a.tmp</t>
  </si>
  <si>
    <t>13d83628-ed0f-471e-85e7-361764144403.tmp</t>
  </si>
  <si>
    <t>\\acsfs\profiles$\brunalas\Downloads\13d83628-ed0f-471e-85e7-361764144403.tmp</t>
  </si>
  <si>
    <t>5d066d6a-1e57-480d-9f0a-9bbebf3ef267.tmp</t>
  </si>
  <si>
    <t>\\acsfs\profiles$\brunalas\Downloads\5d066d6a-1e57-480d-9f0a-9bbebf3ef267.tmp</t>
  </si>
  <si>
    <t>40d99121-11b2-4af5-b987-c781dab021b7.tmp</t>
  </si>
  <si>
    <t>\\acsfs\profiles$\fabianobmf\Downloads\40d99121-11b2-4af5-b987-c781dab021b7.tmp</t>
  </si>
  <si>
    <t>b8846ac2-5c70-4843-93c5-f12c001868b9.tmp</t>
  </si>
  <si>
    <t>\\acsfs\profiles$\rafaelacdoc\Downloads\b8846ac2-5c70-4843-93c5-f12c001868b9.tmp</t>
  </si>
  <si>
    <t>75bc5eec-cdc4-401d-b4ee-acc48a8b7a86.tmp</t>
  </si>
  <si>
    <t>\\acsfs\profiles$\rafaelacdoc\Downloads\75bc5eec-cdc4-401d-b4ee-acc48a8b7a86.tmp</t>
  </si>
  <si>
    <t>mail.google.com/sync/u/0/i/s?hl=pt-BR&amp;c=945</t>
  </si>
  <si>
    <t>cf4cd9e8-02d8-4132-ad41-a0b3df1cd99b.tmp</t>
  </si>
  <si>
    <t>\\acsfs\profiles$\mariajra\Downloads\cf4cd9e8-02d8-4132-ad41-a0b3df1cd99b.tmp</t>
  </si>
  <si>
    <t>XLOG_tiagosno_07012020_065039.log</t>
  </si>
  <si>
    <t>\\acsfs\profiles$\tiagosno\My Documents\xworkcenter\logs\XLOG_tiagosno_07012020_065039.log</t>
  </si>
  <si>
    <t>0d113f88-b812-4192-be0b-73dd55570e36.tmp</t>
  </si>
  <si>
    <t>\\acsfs\profiles$\henriqueco\Downloads\0d113f88-b812-4192-be0b-73dd55570e36.tmp</t>
  </si>
  <si>
    <t>a055936f-d511-4e82-a58b-95ab09d192f8.tmp</t>
  </si>
  <si>
    <t>\\acsfs\profiles$\andreapdsg\Downloads\a055936f-d511-4e82-a58b-95ab09d192f8.tmp</t>
  </si>
  <si>
    <t>2e9db66b-7136-461d-9356-dec703b5ba50.tmp</t>
  </si>
  <si>
    <t>\\acsfs\profiles$\andreapdsg\Downloads\2e9db66b-7136-461d-9356-dec703b5ba50.tmp</t>
  </si>
  <si>
    <t>bcb7e51e-9628-4673-8a80-91bcda45b895.tmp</t>
  </si>
  <si>
    <t>\\acsfs\profiles$\LAISLG\Downloads\bcb7e51e-9628-4673-8a80-91bcda45b895.tmp</t>
  </si>
  <si>
    <t>dbe79dfe-1401-4bf7-bebe-38b63d77f18f.tmp</t>
  </si>
  <si>
    <t>\\acsfs\profiles$\paulohaf\Downloads\dbe79dfe-1401-4bf7-bebe-38b63d77f18f.tmp</t>
  </si>
  <si>
    <t>eaa3c746-788f-4f6f-9381-6e826478f1e4.tmp</t>
  </si>
  <si>
    <t>\\acsfs\profiles$\paulohaf\Downloads\eaa3c746-788f-4f6f-9381-6e826478f1e4.tmp</t>
  </si>
  <si>
    <t>07c74f41-70cd-459a-aa65-dba7b446d7e0.tmp</t>
  </si>
  <si>
    <t>\\acsfs\profiles$\paulohaf\Downloads\07c74f41-70cd-459a-aa65-dba7b446d7e0.tmp</t>
  </si>
  <si>
    <t>6d44e3c3-bc3a-46c9-9d02-408db02fd4dc.tmp</t>
  </si>
  <si>
    <t>\\acsfs\profiles$\paulohaf\Downloads\6d44e3c3-bc3a-46c9-9d02-408db02fd4dc.tmp</t>
  </si>
  <si>
    <t>9bdbebc6-9dc1-4312-b9d1-e3cd6c2d2718.tmp</t>
  </si>
  <si>
    <t>\\acsfs\profiles$\paulohaf\Downloads\9bdbebc6-9dc1-4312-b9d1-e3cd6c2d2718.tmp</t>
  </si>
  <si>
    <t>4cdf61d5-6f97-4d18-b072-3be27a6f2545.tmp</t>
  </si>
  <si>
    <t>\\acsfs\profiles$\henriqueco\Downloads\4cdf61d5-6f97-4d18-b072-3be27a6f2545.tmp</t>
  </si>
  <si>
    <t>http:///batch?%24ct=multipart%2Fmixed%3B%20boundary%3D%22%3D%3D%3D%3D%3Dciiicpaffa2f%3D%3D%3D%3D%3D%22&amp;key=AIzaSyAy9VVXHSpS2IJpptzYtGbLP3-3_l0aBk4</t>
  </si>
  <si>
    <t>http:///batch?%24ct=multipart%2Fmixed%3B%20boundary%3D%22%3D%3D%3D%3D%3D14wzsw46w3r7%3D%3D%3D%3D%3D%22&amp;key=AIzaSyAy9VVXHSpS2IJpptzYtGbLP3-3_l0aBk4</t>
  </si>
  <si>
    <t>http:///batch?%24ct=multipart%2Fmixed%3B%20boundary%3D%22%3D%3D%3D%3D%3Dvkwkqw29fyxp%3D%3D%3D%3D%3D%22&amp;key=AIzaSyAy9VVXHSpS2IJpptzYtGbLP3-3_l0aBk4</t>
  </si>
  <si>
    <t>http:///batch?%24ct=multipart%2Fmixed%3B%20boundary%3D%22%3D%3D%3D%3D%3Dfly344n8suxt%3D%3D%3D%3D%3D%22&amp;key=AIzaSyAy9VVXHSpS2IJpptzYtGbLP3-3_l0aBk4</t>
  </si>
  <si>
    <t>ancestorhasaugmentedpermi;ancestorhasaugmentedpermissions;containsunsubscribedchildren;displayname;domain;emailaddress;explicitlyt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,ancestorhasaugmentedpermissions,containsunsubscribedchildren,displayname,domain,emailaddress,explicitlyt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</t>
  </si>
  <si>
    <t>C:\Users\flaviacno\Downloads\NPS CRBV (12).xlsb\</t>
  </si>
  <si>
    <t>ancestorhasaugmentedpermi,ancestorhasaugmentedpermissions,containsunsubscribedchildren,displayname,domain,emailaddress,explicitlyt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</t>
  </si>
  <si>
    <t>NPS CRBV (12).xlsb</t>
  </si>
  <si>
    <t>http:///batch?%24ct=multipart%2Fmixed%3B%20boundary%3D%22%3D%3D%3D%3D%3D3xtrel3tbhlp%3D%3D%3D%3D%3D%22&amp;key=AIzaSyAy9VVXHSpS2IJpptzYtGbLP3-3_l0aBk4</t>
  </si>
  <si>
    <t>http:///batch?%24ct=multipart%2Fmixed%3B%20boundary%3D%22%3D%3D%3D%3D%3D6ro1rizecucv%3D%3D%3D%3D%3D%22&amp;key=AIzaSyAy9VVXHSpS2IJpptzYtGbLP3-3_l0aBk4</t>
  </si>
  <si>
    <t>http:///batch?%24ct=multipart%2Fmixed%3B%20boundary%3D%22%3D%3D%3D%3D%3D9socxg6k609j%3D%3D%3D%3D%3D%22&amp;key=AIzaSyAy9VVXHSpS2IJpptzYtGbLP3-3_l0aBk4</t>
  </si>
  <si>
    <t>e172bc11-8166-4191-add5-7b8902843a62.tmp</t>
  </si>
  <si>
    <t>\\acsfs\profiles$\andreapdsg\Downloads\e172bc11-8166-4191-add5-7b8902843a62.tmp</t>
  </si>
  <si>
    <t>b455fb9e-7bb7-4499-a8e6-ae17cf0aa21c.tmp</t>
  </si>
  <si>
    <t>\\acsfs\profiles$\andreapdsg\Downloads\b455fb9e-7bb7-4499-a8e6-ae17cf0aa21c.tmp</t>
  </si>
  <si>
    <t>6e478bfb-fe9b-4f4e-af8e-80f156b28720.tmp</t>
  </si>
  <si>
    <t>\\acsfs\profiles$\marcosvnds\Downloads\6e478bfb-fe9b-4f4e-af8e-80f156b28720.tmp</t>
  </si>
  <si>
    <t>Q29udHJvbGxlci5XREUtQlZGLUNIQVQ- (18).ica</t>
  </si>
  <si>
    <t>\\acsfs\profiles$\marcosvnds\Downloads\Q29udHJvbGxlci5XREUtQlZGLUNIQVQ- (18).ica</t>
  </si>
  <si>
    <t>XLOG_marcosvnds_06012020_123730.log</t>
  </si>
  <si>
    <t>\\acsfs\profiles$\marcosvnds\My Documents\xworkcenter\logs\XLOG_marcosvnds_06012020_123730.log</t>
  </si>
  <si>
    <t>445fb2d5-ddaf-4997-bfb0-fd3de701e235.tmp</t>
  </si>
  <si>
    <t>\\acsfs\profiles$\laurandos\Downloads\445fb2d5-ddaf-4997-bfb0-fd3de701e235.tmp</t>
  </si>
  <si>
    <t>bdaab4a3-60f5-4f9e-8ecb-f1b945b53d3c.tmp</t>
  </si>
  <si>
    <t>\\acsfs\profiles$\brendadsl\Downloads\bdaab4a3-60f5-4f9e-8ecb-f1b945b53d3c.tmp</t>
  </si>
  <si>
    <t>6184c0c9-2614-4a37-9e36-660b6a087bed.tmp</t>
  </si>
  <si>
    <t>\\acsfs\profiles$\inarajst\Downloads\6184c0c9-2614-4a37-9e36-660b6a087bed.tmp</t>
  </si>
  <si>
    <t>http:///batch?%24ct=multipart%2Fmixed%3B%20boundary%3D%22%3D%3D%3D%3D%3D586ddu67s3az%3D%3D%3D%3D%3D%22&amp;key=AIzaSyAy9VVXHSpS2IJpptzYtGbLP3-3_l0aBk4</t>
  </si>
  <si>
    <t>http:///batch?%24ct=multipart%2Fmixed%3B%20boundary%3D%22%3D%3D%3D%3D%3D1dra4dou7gg0%3D%3D%3D%3D%3D%22&amp;key=AIzaSyAy9VVXHSpS2IJpptzYtGbLP3-3_l0aBk4</t>
  </si>
  <si>
    <t>http:///batch?%24ct=multipart%2Fmixed%3B%20boundary%3D%22%3D%3D%3D%3D%3Db653pzvvzxut%3D%3D%3D%3D%3D%22&amp;key=AIzaSyAy9VVXHSpS2IJpptzYtGbLP3-3_l0aBk4</t>
  </si>
  <si>
    <t>http:///batch?%24ct=multipart%2Fmixed%3B%20boundary%3D%22%3D%3D%3D%3D%3Dv7ihdg9k9x7c%3D%3D%3D%3D%3D%22&amp;key=AIzaSyAy9VVXHSpS2IJpptzYtGbLP3-3_l0aBk4</t>
  </si>
  <si>
    <t>http:///batch?%24ct=multipart%2Fmixed%3B%20boundary%3D%22%3D%3D%3D%3D%3Dhjwi4j738hgf%3D%3D%3D%3D%3D%22&amp;key=AIzaSyAy9VVXHSpS2IJpptzYtGbLP3-3_l0aBk4</t>
  </si>
  <si>
    <t>http:///batch?%24ct=multipart%2Fmixed%3B%20boundary%3D%22%3D%3D%3D%3D%3Drxnaexn5xyjh%3D%3D%3D%3D%3D%22&amp;key=AIzaSyAy9VVXHSpS2IJpptzYtGbLP3-3_l0aBk4</t>
  </si>
  <si>
    <t>http:///batch?%24ct=multipart%2Fmixed%3B%20boundary%3D%22%3D%3D%3D%3D%3D8jjbpebobx40%3D%3D%3D%3D%3D%22&amp;key=AIzaSyAy9VVXHSpS2IJpptzYtGbLP3-3_l0aBk4</t>
  </si>
  <si>
    <t>http:///batch?%24ct=multipart%2Fmixed%3B%20boundary%3D%22%3D%3D%3D%3D%3Dwmkx3337ix4t%3D%3D%3D%3D%3D%22&amp;key=AIzaSyAy9VVXHSpS2IJpptzYtGbLP3-3_l0aBk4</t>
  </si>
  <si>
    <t>http:///batch?%24ct=multipart%2Fmixed%3B%20boundary%3D%22%3D%3D%3D%3D%3Dkcq2z7eqcdpn%3D%3D%3D%3D%3D%22&amp;key=AIzaSyAy9VVXHSpS2IJpptzYtGbLP3-3_l0aBk4</t>
  </si>
  <si>
    <t>ancest;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ehn59pid66u9%3D%3D%3D%3D%3D%22&amp;key=AIzaSyAy9VVXHSpS2IJpptzYtGbLP3-3_l0aBk4</t>
  </si>
  <si>
    <t>http:///batch?%24ct=multipart%2Fmixed%3B%20boundary%3D%22%3D%3D%3D%3D%3Di4e36bym4r5i%3D%3D%3D%3D%3D%22&amp;key=AIzaSyAy9VVXHSpS2IJpptzYtGbLP3-3_l0aBk4</t>
  </si>
  <si>
    <t>http:///batch?%24ct=multipart%2Fmixed%3B%20boundary%3D%22%3D%3D%3D%3D%3D3van4td48ro0%3D%3D%3D%3D%3D%22&amp;key=AIzaSyAy9VVXHSpS2IJpptzYtGbLP3-3_l0aBk4</t>
  </si>
  <si>
    <t>http:///batch?%24ct=multipart%2Fmixed%3B%20boundary%3D%22%3D%3D%3D%3D%3Dg27jkbjn77xn%3D%3D%3D%3D%3D%22&amp;key=AIzaSyAy9VVXHSpS2IJpptzYtGbLP3-3_l0aBk4</t>
  </si>
  <si>
    <t>http:///batch?%24ct=multipart%2Fmixed%3B%20boundary%3D%22%3D%3D%3D%3D%3Dwha10iswzuok%3D%3D%3D%3D%3D%22&amp;key=AIzaSyAy9VVXHSpS2IJpptzYtGbLP3-3_l0aBk4</t>
  </si>
  <si>
    <t>http:///batch?%24ct=multipart%2Fmixed%3B%20boundary%3D%22%3D%3D%3D%3D%3Dk4j2omjrhnja%3D%3D%3D%3D%3D%22&amp;key=AIzaSyAy9VVXHSpS2IJpptzYtGbLP3-3_l0aBk4</t>
  </si>
  <si>
    <t>http:///batch?%24ct=multipart%2Fmixed%3B%20boundary%3D%22%3D%3D%3D%3D%3Drisheskbi8of%3D%3D%3D%3D%3D%22&amp;key=AIzaSyAy9VVXHSpS2IJpptzYtGbLP3-3_l0aBk4</t>
  </si>
  <si>
    <t>http:///batch?%24ct=multipart%2Fmixed%3B%20boundary%3D%22%3D%3D%3D%3D%3Da4yd40d9v9ta%3D%3D%3D%3D%3D%22&amp;key=AIzaSyAy9VVXHSpS2IJpptzYtGbLP3-3_l0aBk4</t>
  </si>
  <si>
    <t>http:///batch?%24ct=multipart%2Fmixed%3B%20boundary%3D%22%3D%3D%3D%3D%3Dlnqlbrjrzf81%3D%3D%3D%3D%3D%22&amp;key=AIzaSyAy9VVXHSpS2IJpptzYtGbLP3-3_l0aBk4</t>
  </si>
  <si>
    <t>http:///batch?%24ct=multipart%2Fmixed%3B%20boundary%3D%22%3D%3D%3D%3D%3Dgeiq3d5cn1x1%3D%3D%3D%3D%3D%22&amp;key=AIzaSyAy9VVXHSpS2IJpptzYtGbLP3-3_l0aBk4</t>
  </si>
  <si>
    <t>http:///batch?%24ct=multipart%2Fmixed%3B%20boundary%3D%22%3D%3D%3D%3D%3Dkalb2zy1t1xi%3D%3D%3D%3D%3D%22&amp;key=AIzaSyAy9VVXHSpS2IJpptzYtGbLP3-3_l0aBk4</t>
  </si>
  <si>
    <t>http:///batch?%24ct=multipart%2Fmixed%3B%20boundary%3D%22%3D%3D%3D%3D%3Do0q4hj4io3yh%3D%3D%3D%3D%3D%22&amp;key=AIzaSyAy9VVXHSpS2IJpptzYtGbLP3-3_l0aBk4</t>
  </si>
  <si>
    <t>http:///batch?%24ct=multipart%2Fmixed%3B%20boundary%3D%22%3D%3D%3D%3D%3Dy4uveu64gm93%3D%3D%3D%3D%3D%22&amp;key=AIzaSyAy9VVXHSpS2IJpptzYtGbLP3-3_l0aBk4</t>
  </si>
  <si>
    <t>http:///batch?%24ct=multipart%2Fmixed%3B%20boundary%3D%22%3D%3D%3D%3D%3D6beqp5bfsmse%3D%3D%3D%3D%3D%22&amp;key=AIzaSyAy9VVXHSpS2IJpptzYtGbLP3-3_l0aBk4</t>
  </si>
  <si>
    <t>ances;ancest;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ionid;pict;pictu;picture;rpermissions;shared;sharedwithmedate;thumbnailversion;title;userpermission(role);workspaceids;</t>
  </si>
  <si>
    <t>http://ances,ancest,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ionid,pict,pictu,picture,rpermissions,shared,sharedwithmedate,thumbnailversion,title,userpermission(role),workspaceids</t>
  </si>
  <si>
    <t>http:///batch?%24ct=multipart%2Fmixed%3B%20boundary%3D%22%3D%3D%3D%3D%3Do2wl67l97khs%3D%3D%3D%3D%3D%22&amp;key=AIzaSyAy9VVXHSpS2IJpptzYtGbLP3-3_l0aBk4</t>
  </si>
  <si>
    <t>http:///batch?%24ct=multipart%2Fmixed%3B%20boundary%3D%22%3D%3D%3D%3D%3Da7fizb1beis%3D%3D%3D%3D%3D%22&amp;key=AIzaSyAy9VVXHSpS2IJpptzYtGbLP3-3_l0aBk4</t>
  </si>
  <si>
    <t>http:///batch?%24ct=multipart%2Fmixed%3B%20boundary%3D%22%3D%3D%3D%3D%3D7mstzgl5guk2%3D%3D%3D%3D%3D%22&amp;key=AIzaSyAy9VVXHSpS2IJpptzYtGbLP3-3_l0aBk4</t>
  </si>
  <si>
    <t>http:///batch?%24ct=multipart%2Fmixed%3B%20boundary%3D%22%3D%3D%3D%3D%3Djmj4ynz7qa5%3D%3D%3D%3D%3D%22&amp;key=AIzaSyAy9VVXHSpS2IJpptzYtGbLP3-3_l0aBk4</t>
  </si>
  <si>
    <t>http:///batch?%24ct=multipart%2Fmixed%3B%20boundary%3D%22%3D%3D%3D%3D%3Df70qoqb5lv56%3D%3D%3D%3D%3D%22&amp;key=AIzaSyAy9VVXHSpS2IJpptzYtGbLP3-3_l0aBk4</t>
  </si>
  <si>
    <t>http:///batch?%24ct=multipart%2Fmixed%3B%20boundary%3D%22%3D%3D%3D%3D%3Dqlp6rjdmght7%3D%3D%3D%3D%3D%22&amp;key=AIzaSyAy9VVXHSpS2IJpptzYtGbLP3-3_l0aBk4</t>
  </si>
  <si>
    <t>http:///batch?%24ct=multipart%2Fmixed%3B%20boundary%3D%22%3D%3D%3D%3D%3Diqxdifcadcm1%3D%3D%3D%3D%3D%22&amp;key=AIzaSyAy9VVXHSpS2IJpptzYtGbLP3-3_l0aBk4</t>
  </si>
  <si>
    <t>http:///batch?%24ct=multipart%2Fmixed%3B%20boundary%3D%22%3D%3D%3D%3D%3Db9e9v7cl4pbx%3D%3D%3D%3D%3D%22&amp;key=AIzaSyAy9VVXHSpS2IJpptzYtGbLP3-3_l0aBk4</t>
  </si>
  <si>
    <t>http:///batch?%24ct=multipart%2Fmixed%3B%20boundary%3D%22%3D%3D%3D%3D%3Dcgd6enhm5icl%3D%3D%3D%3D%3D%22&amp;key=AIzaSyAy9VVXHSpS2IJpptzYtGbLP3-3_l0aBk4</t>
  </si>
  <si>
    <t>http:///batch?%24ct=multipart%2Fmixed%3B%20boundary%3D%22%3D%3D%3D%3D%3D6izqahgmoekt%3D%3D%3D%3D%3D%22&amp;key=AIzaSyAy9VVXHSpS2IJpptzYtGbLP3-3_l0aBk4</t>
  </si>
  <si>
    <t>http:///batch?%24ct=multipart%2Fmixed%3B%20boundary%3D%22%3D%3D%3D%3D%3Df9f3d7guq0a6%3D%3D%3D%3D%3D%22&amp;key=AIzaSyAy9VVXHSpS2IJpptzYtGbLP3-3_l0aBk4</t>
  </si>
  <si>
    <t>http:///batch?%24ct=multipart%2Fmixed%3B%20boundary%3D%22%3D%3D%3D%3D%3Dehie0yln6fq5%3D%3D%3D%3D%3D%22&amp;key=AIzaSyAy9VVXHSpS2IJpptzYtGbLP3-3_l0aBk4</t>
  </si>
  <si>
    <t>http:///batch?%24ct=multipart%2Fmixed%3B%20boundary%3D%22%3D%3D%3D%3D%3Dtv1l33z8vui6%3D%3D%3D%3D%3D%22&amp;key=AIzaSyAy9VVXHSpS2IJpptzYtGbLP3-3_l0aBk4</t>
  </si>
  <si>
    <t>http:///batch?%24ct=multipart%2Fmixed%3B%20boundary%3D%22%3D%3D%3D%3D%3D402k0874odmv%3D%3D%3D%3D%3D%22&amp;key=AIzaSyAy9VVXHSpS2IJpptzYtGbLP3-3_l0aBk4</t>
  </si>
  <si>
    <t>http:///batch?%24ct=multipart%2Fmixed%3B%20boundary%3D%22%3D%3D%3D%3D%3D90kryqiu6z0b%3D%3D%3D%3D%3D%22&amp;key=AIzaSyAy9VVXHSpS2IJpptzYtGbLP3-3_l0aBk4</t>
  </si>
  <si>
    <t>http:///batch?%24ct=multipart%2Fmixed%3B%20boundary%3D%22%3D%3D%3D%3D%3Dmggh8h2o566y%3D%3D%3D%3D%3D%22&amp;key=AIzaSyAy9VVXHSpS2IJpptzYtGbLP3-3_l0aBk4</t>
  </si>
  <si>
    <t>http:///batch?%24ct=multipart%2Fmixed%3B%20boundary%3D%22%3D%3D%3D%3D%3Df9n1nlhlifdc%3D%3D%3D%3D%3D%22&amp;key=AIzaSyAy9VVXHSpS2IJpptzYtGbLP3-3_l0aBk4</t>
  </si>
  <si>
    <t>http:///batch?%24ct=multipart%2Fmixed%3B%20boundary%3D%22%3D%3D%3D%3D%3Dyb3ufzrzm009%3D%3D%3D%3D%3D%22&amp;key=AIzaSyAy9VVXHSpS2IJpptzYtGbLP3-3_l0aBk4</t>
  </si>
  <si>
    <t>http:///batch?%24ct=multipart%2Fmixed%3B%20boundary%3D%22%3D%3D%3D%3D%3D32p9vggrb9e3%3D%3D%3D%3D%3D%22&amp;key=AIzaSyAy9VVXHSpS2IJpptzYtGbLP3-3_l0aBk4</t>
  </si>
  <si>
    <t>http:///batch?%24ct=multipart%2Fmixed%3B%20boundary%3D%22%3D%3D%3D%3D%3Djn2mu6do3p2c%3D%3D%3D%3D%3D%22&amp;key=AIzaSyAy9VVXHSpS2IJpptzYtGbLP3-3_l0aBk4</t>
  </si>
  <si>
    <t>http:///batch?%24ct=multipart%2Fmixed%3B%20boundary%3D%22%3D%3D%3D%3D%3D9lc7nniee6m%3D%3D%3D%3D%3D%22&amp;key=AIzaSyAy9VVXHSpS2IJpptzYtGbLP3-3_l0aBk4</t>
  </si>
  <si>
    <t>eb983e6d-dace-4357-a3f2-b52a0e34fb39.tmp</t>
  </si>
  <si>
    <t>\\acsfs\profiles$\isabellegtds\Downloads\eb983e6d-dace-4357-a3f2-b52a0e34fb39.tmp</t>
  </si>
  <si>
    <t>7895a2ba-ca65-4902-a235-dacd47587adf.tmp</t>
  </si>
  <si>
    <t>\\acsfs\profiles$\laurandos\Downloads\7895a2ba-ca65-4902-a235-dacd47587adf.tmp</t>
  </si>
  <si>
    <t>XLOG_anacdos_07012020_064434.log</t>
  </si>
  <si>
    <t>\\acsfs\profiles$\anacdos\My Documents\xworkcenter\logs\XLOG_anacdos_07012020_064434.log</t>
  </si>
  <si>
    <t>\\acsfs\profiles$\anacdos\My Documents\xworkcenter\logs\wrapper.log</t>
  </si>
  <si>
    <t>XLOG_ellencds_07012020_103706.log</t>
  </si>
  <si>
    <t>\\acsfs\profiles$\ellencds\My Documents\xworkcenter\logs\XLOG_ellencds_07012020_103706.log</t>
  </si>
  <si>
    <t>360563e8-a42b-4d85-83ec-c0842569a826.tmp</t>
  </si>
  <si>
    <t>\\acsfs\profiles$\cintiadjl\Downloads\360563e8-a42b-4d85-83ec-c0842569a826.tmp</t>
  </si>
  <si>
    <t>8be68acc-2ddc-49b8-8b70-28df8adf6243.tmp</t>
  </si>
  <si>
    <t>\\acsfs\profiles$\nayarasds\Downloads\8be68acc-2ddc-49b8-8b70-28df8adf6243.tmp</t>
  </si>
  <si>
    <t>fa6fea26-30a4-4329-9340-52356e81d373.tmp</t>
  </si>
  <si>
    <t>\\acsfs\profiles$\inarajst\Downloads\fa6fea26-30a4-4329-9340-52356e81d373.tmp</t>
  </si>
  <si>
    <t>c86d5149-5459-40a3-a398-0ffef7ff0d44.tmp</t>
  </si>
  <si>
    <t>\\acsfs\profiles$\luanaagl\Downloads\c86d5149-5459-40a3-a398-0ffef7ff0d44.tmp</t>
  </si>
  <si>
    <t>http:///batch?%24ct=multipart%2Fmixed%3B%20boundary%3D%22%3D%3D%3D%3D%3D8to7jc1ihqqd%3D%3D%3D%3D%3D%22&amp;key=AIzaSyAy9VVXHSpS2IJpptzYtGbLP3-3_l0aBk4</t>
  </si>
  <si>
    <t>7jc1ihqqd=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7jc1ihqqd=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aprg5hg3fiax%3D%3D%3D%3D%3D%22&amp;key=AIzaSyAy9VVXHSpS2IJpptzYtGbLP3-3_l0aBk4</t>
  </si>
  <si>
    <t>http:///batch?%24ct=multipart%2Fmixed%3B%20boundary%3D%22%3D%3D%3D%3D%3Ddecv50blatv3%3D%3D%3D%3D%3D%22&amp;key=AIzaSyAy9VVXHSpS2IJpptzYtGbLP3-3_l0aBk4</t>
  </si>
  <si>
    <t>http:///batch?%24ct=multipart%2Fmixed%3B%20boundary%3D%22%3D%3D%3D%3D%3Dcxc7fzpf6c9z%3D%3D%3D%3D%3D%22&amp;key=AIzaSyAy9VVXHSpS2IJpptzYtGbLP3-3_l0aBk4</t>
  </si>
  <si>
    <t>http:///batch?%24ct=multipart%2Fmixed%3B%20boundary%3D%22%3D%3D%3D%3D%3Dm9yvnbqcsglu%3D%3D%3D%3D%3D%22&amp;key=AIzaSyAy9VVXHSpS2IJpptzYtGbLP3-3_l0aBk4</t>
  </si>
  <si>
    <t>http:///batch?%24ct=multipart%2Fmixed%3B%20boundary%3D%22%3D%3D%3D%3D%3D7kwel26aoj5i%3D%3D%3D%3D%3D%22&amp;key=AIzaSyAy9VVXHSpS2IJpptzYtGbLP3-3_l0aBk4</t>
  </si>
  <si>
    <t>http://play.google.com/log?format=json&amp;hasfast=true&amp;u=0&amp;authuser=0</t>
  </si>
  <si>
    <t>http:///batch?%24ct=multipart%2Fmixed%3B%20boundary%3D%22%3D%3D%3D%3D%3Dvl1c0oiyfcl1%3D%3D%3D%3D%3D%22&amp;key=AIzaSyAy9VVXHSpS2IJpptzYtGbLP3-3_l0aBk4</t>
  </si>
  <si>
    <t>http:///batch?%24ct=multipart%2Fmixed%3B%20boundary%3D%22%3D%3D%3D%3D%3D1be1fzklzouy%3D%3D%3D%3D%3D%22&amp;key=AIzaSyAy9VVXHSpS2IJpptzYtGbLP3-3_l0aBk4</t>
  </si>
  <si>
    <t>http:///batch?%24ct=multipart%2Fmixed%3B%20boundary%3D%22%3D%3D%3D%3D%3Dvjb3jgvckozk%3D%3D%3D%3D%3D%22&amp;key=AIzaSyAy9VVXHSpS2IJpptzYtGbLP3-3_l0aBk4</t>
  </si>
  <si>
    <t>"mozilla/5.0 (windows nt 6.1; win64; x64) applewebkit/537.36 (khtml;0;1;13700014;13700109;13700167;13700185;13700235;13700451;13700563;13700607;13700883;13700946;13700951;13700982;13701078;13701139;13701207;13701214;13701235;13701239;13701262;13701298]]];13701418;13701422;13701430;13701450;13701458;13701486;13701506;13701510;1370153;13701534;13701537;13701573;13701577;13701589;13701609;13701614;13701621;13701625;13701657;13701693;13701709;13701749;13701825;13701833;13701901;13701906;13701909;13701921;13701948;13701952;13701953;13701957;13701969;13702064;13702068;2700];28;4;5701393;6.1;[1;[[13701653;[[null;[];[false;[null;ancestorhasaugmentedpermissions;containsunsubscribedchildren;displayname;domain;drive.web-frontend_20191211.00_p1;emailaddress;false;false];false]];file(kind;fileid;filesize;hasthumbnail;hasvisitorpermissions;id;id);items(deleted;ken;ken=ac4w5vgruzdzlny0-cuq07q2vctn06kiha:1578418180374&amp;buildlabel=drive.web-frontend_20191211.00_p1cfalse];kind;lastmodifyinguser(kind;lastviewedbymedate;like geck</t>
  </si>
  <si>
    <t>http://"mozilla/5.0 (windows nt 6.1; win64; x64) applewebkit/537.36 (khtml,0,1,13700014,13700109,13700167,13700185,13700235,13700451,13700563,13700607,13700883,13700946,13700951,13700982,13701078,13701139,13701207,13701214,13701235,13701239,13701262,13701298]]],13701418,13701422,13701430,13701450,13701458,13701486,13701506,13701510,1370153,13701534,13701537,13701573,13701577,13701589,13701609,13701614,13701621,13701625,13701657,13701693,13701709,13701749,13701825,13701833,13701901,13701906,13701909,13701921,13701948,13701952,13701953,13701957,13701969,13702064,13702068,2700],28,4,5701393,6.1,[1,[[13701653,[[null,[],[false,[null,ancestorhasaugmentedpermissions,containsunsubscribedchildren,displayname,domain,drive.web-frontend_20191211.00_p1,emailaddress,false,false],false]],file(kind,fileid,filesize,hasthumbnail,hasvisitorpermissions,id,id),items(deleted,ken,ken=ac4w5vgruzdzlny0-cuq07q2vctn06kiha:1578418180374&amp;buildlabel=drive.web-frontend_20191211.00_p1cfalse],kind,lastmodifyinguser(kind,lastviewedbymedate,li</t>
  </si>
  <si>
    <t>http:///batch?%24ct=multipart%2Fmixed%3B%20boundary%3D%22%3D%3D%3D%3D%3Dowmi4suzixq4%3D%3D%3D%3D%3D%22&amp;key=AIzaSyAy9VVXHSpS2IJpptzYtGbLP3-3_l0aBk4</t>
  </si>
  <si>
    <t>http:///batch?%24ct=multipart%2Fmixed%3B%20boundary%3D%22%3D%3D%3D%3D%3Do6vj9bj0qg17%3D%3D%3D%3D%3D%22&amp;key=AIzaSyAy9VVXHSpS2IJpptzYtGbLP3-3_l0aBk4</t>
  </si>
  <si>
    <t>ancestorhasaugmentedpermission;ancestorhasaugmentedpermissions;containsunsubscribedchildren;displayname;domain;emailaddress;explicitlytrashe;filesize;hasthumbnail;hasvisitorpermissions;id;id);items(kind;ken;lastmodifyinguser(kind;lastviewedbymedate;modifiedbymedate;modifieddate;ontainsunsubscribedchildren;owners(kind;permissionid;picture;shared;sharedwithmedate;thumbnailversion;title;userpermission(role);workspaceids;</t>
  </si>
  <si>
    <t>http://ancestorhasaugmentedpermission,ancestorhasaugmentedpermissions,containsunsubscribedchildren,displayname,domain,emailaddress,explicitlytrashe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C:\Users\flaviacno\Downloads\NPS CRBV_Leve.xlsb\</t>
  </si>
  <si>
    <t>ancestorhasaugmentedpermission,ancestorhasaugmentedpermissions,containsunsubscribedchildren,displayname,domain,emailaddress,explicitlytrashe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cvhpd1tovwz0%3D%3D%3D%3D%3D%22&amp;key=AIzaSyAy9VVXHSpS2IJpptzYtGbLP3-3_l0aBk4</t>
  </si>
  <si>
    <t>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ermission(role);vwz0===== cont;workspaceids;</t>
  </si>
  <si>
    <t>http://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ermission(role),vwz0===== cont,workspaceids</t>
  </si>
  <si>
    <t>http:///batch?%24ct=multipart%2Fmixed%3B%20boundary%3D%22%3D%3D%3D%3D%3De9t6a9vzhhal%3D%3D%3D%3D%3D%22&amp;key=AIzaSyAy9VVXHSpS2IJpptzYtGbLP3-3_l0aBk4</t>
  </si>
  <si>
    <t>http:///batch?%24ct=multipart%2Fmixed%3B%20boundary%3D%22%3D%3D%3D%3D%3Dnfzcjj7h8mt6%3D%3D%3D%3D%3D%22&amp;key=AIzaSyAy9VVXHSpS2IJpptzYtGbLP3-3_l0aBk4</t>
  </si>
  <si>
    <t>http:///batch?%24ct=multipart%2Fmixed%3B%20boundary%3D%22%3D%3D%3D%3D%3D6mpurhwdku1d%3D%3D%3D%3D%3D%22&amp;key=AIzaSyAy9VVXHSpS2IJpptzYtGbLP3-3_l0aBk4</t>
  </si>
  <si>
    <t>http:///batch?%24ct=multipart%2Fmixed%3B%20boundary%3D%22%3D%3D%3D%3D%3Diheabicy7q9s%3D%3D%3D%3D%3D%22&amp;key=AIzaSyAy9VVXHSpS2IJpptzYtGbLP3-3_l0aBk4</t>
  </si>
  <si>
    <t>http:///batch?%24ct=multipart%2Fmixed%3B%20boundary%3D%22%3D%3D%3D%3D%3Dgee2c34saqtm%3D%3D%3D%3D%3D%22&amp;key=AIzaSyAy9VVXHSpS2IJpptzYtGbLP3-3_l0aBk4</t>
  </si>
  <si>
    <t>/o=exchangelabs/ou=exchange administrative group (fydibohf23spdlt)/cn=recipients/cn=4f1c81c2e16143f68596016ac3b45ef1-gustavo dam;/o=exchangelabs/ou=exchange administrative group (fydibohf23spdlt)/cn=recipients/cn=cf023be226744f8a9c38076dbccfd020-flavia cons;</t>
  </si>
  <si>
    <t>ENC: NPS e Transferência, CRBV - Janeiro</t>
  </si>
  <si>
    <t>/o=exchangelabs/ou=exchange administrative group (fydibohf23spdlt)/cn=recipients/cn=4f1c81c2e16143f68596016ac3b45ef1-gustavo dam,/o=exchangelabs/ou=exchange administrative group (fydibohf23spdlt)/cn=recipients/cn=cf023be226744f8a9c38076dbccfd020-flavia cons</t>
  </si>
  <si>
    <t>7ca7a40f-6a3f-40b6-9d61-a2a1397a8ece.tmp</t>
  </si>
  <si>
    <t>\\acsfs\profiles$\inarajst\Downloads\7ca7a40f-6a3f-40b6-9d61-a2a1397a8ece.tmp</t>
  </si>
  <si>
    <t>ad94ab0d-d456-4f61-a82a-9dbfbf72642b.tmp</t>
  </si>
  <si>
    <t>\\acsfs\profiles$\francislayneads\Downloads\ad94ab0d-d456-4f61-a82a-9dbfbf72642b.tmp</t>
  </si>
  <si>
    <t>271bd76b-aad6-4d24-9bfb-fee3da906ac2.tmp</t>
  </si>
  <si>
    <t>\\acsfs\profiles$\henriqueco\Downloads\271bd76b-aad6-4d24-9bfb-fee3da906ac2.tmp</t>
  </si>
  <si>
    <t>1f27ba9b-9d94-480f-8d50-e9ccb4b85fa1.tmp</t>
  </si>
  <si>
    <t>\\acsfs\profiles$\andreapdsg\Downloads\1f27ba9b-9d94-480f-8d50-e9ccb4b85fa1.tmp</t>
  </si>
  <si>
    <t>http:///batch?%24ct=multipart%2Fmixed%3B%20boundary%3D%22%3D%3D%3D%3D%3D335gqc8lq15z%3D%3D%3D%3D%3D%22&amp;key=AIzaSyAy9VVXHSpS2IJpptzYtGbLP3-3_l0aBk4</t>
  </si>
  <si>
    <t>C:\Users\gustavodsil\Downloads\NPS CRBV_Leve.xlsb\</t>
  </si>
  <si>
    <t>http://drive.google.com/upload/drive/v2internal/files?uploadType=multipart&amp;supportsTeamDrives=true&amp;pinned=true&amp;convert=tru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</t>
  </si>
  <si>
    <t>http:///batch?%24ct=multipart%2Fmixed%3B%20boundary%3D%22%3D%3D%3D%3D%3Dyemz1mwa2zil%3D%3D%3D%3D%3D%22&amp;key=AIzaSyAy9VVXHSpS2IJpptzYtGbLP3-3_l0aBk4</t>
  </si>
  <si>
    <t>http:///batch?%24ct=multipart%2Fmixed%3B%20boundary%3D%22%3D%3D%3D%3D%3Dae22snfrp6vt%3D%3D%3D%3D%3D%22&amp;key=AIzaSyAy9VVXHSpS2IJpptzYtGbLP3-3_l0aBk4</t>
  </si>
  <si>
    <t>http:///batch?%24ct=multipart%2Fmixed%3B%20boundary%3D%22%3D%3D%3D%3D%3D1l11dix5srvq%3D%3D%3D%3D%3D%22&amp;key=AIzaSyAy9VVXHSpS2IJpptzYtGbLP3-3_l0aBk4</t>
  </si>
  <si>
    <t>ancest;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ancest,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408kcl10eyyw%3D%3D%3D%3D%3D%22&amp;key=AIzaSyAy9VVXHSpS2IJpptzYtGbLP3-3_l0aBk4</t>
  </si>
  <si>
    <t>http:///batch?%24ct=multipart%2Fmixed%3B%20boundary%3D%22%3D%3D%3D%3D%3D92lz1jwvn3qj%3D%3D%3D%3D%3D%22&amp;key=AIzaSyAy9VVXHSpS2IJpptzYtGbLP3-3_l0aBk4</t>
  </si>
  <si>
    <t>http:///batch?%24ct=multipart%2Fmixed%3B%20boundary%3D%22%3D%3D%3D%3D%3Dym0aztadvch6%3D%3D%3D%3D%3D%22&amp;key=AIzaSyAy9VVXHSpS2IJpptzYtGbLP3-3_l0aBk4</t>
  </si>
  <si>
    <t>http:///batch?%24ct=multipart%2Fmixed%3B%20boundary%3D%22%3D%3D%3D%3D%3Ddh2ivjubti4a%3D%3D%3D%3D%3D%22&amp;key=AIzaSyAy9VVXHSpS2IJpptzYtGbLP3-3_l0aBk4</t>
  </si>
  <si>
    <t>http:///batch?%24ct=multipart%2Fmixed%3B%20boundary%3D%22%3D%3D%3D%3D%3Dxk657xymh0ut%3D%3D%3D%3D%3D%22&amp;key=AIzaSyAy9VVXHSpS2IJpptzYtGbLP3-3_l0aBk4</t>
  </si>
  <si>
    <t>http:///batch?%24ct=multipart%2Fmixed%3B%20boundary%3D%22%3D%3D%3D%3D%3Dn6ax5eyw3b8t%3D%3D%3D%3D%3D%22&amp;key=AIzaSyAy9VVXHSpS2IJpptzYtGbLP3-3_l0aBk4</t>
  </si>
  <si>
    <t>http:///batch?%24ct=multipart%2Fmixed%3B%20boundary%3D%22%3D%3D%3D%3D%3D4to2gzo1mnvm%3D%3D%3D%3D%3D%22&amp;key=AIzaSyAy9VVXHSpS2IJpptzYtGbLP3-3_l0aBk4</t>
  </si>
  <si>
    <t>2gzo1mnvm=;ancest;ancestorhasaugmentedpermission;ancestorhasaugmentedpermissions;containsunsubscribedchildren;displayname;domain;emailaddress;explicitlytrashe;file(kind;fileid;filesize;hasthumbnail;hasvisitorpermissions;id;id);items(deleted;items(kind;ken;kind;lastmodifyinguser(kind;lastviewedbymedate;modifiedbymedate;modifieddate;ontainsunsubscribedchildren;owners(kind;per;permissionid;pictu;picture;rpermissions;shared;sharedwithmedate;thumbnailversion;title;userpermission(role);workspaceids;</t>
  </si>
  <si>
    <t>http://2gzo1mnvm=,ancest,ancestorhasaugmentedpermission,ancestorhasaugmentedpermissions,containsunsubscribedchildren,displayname,domain,emailaddress,explicitlytrashe,file(kind,fileid,filesize,hasthumbnail,hasvisitorpermissions,id,id),items(deleted,items(kind,ken,kind,lastmodifyinguser(kind,lastviewedbymedate,modifiedbymedate,modifieddate,ontainsunsubscribedchildren,owners(kind,per,permissionid,pictu,picture,rpermissions,shared,sharedwithmedate,thumbnailversion,title,userpermission(role),workspaceids</t>
  </si>
  <si>
    <t>100014122394468;catianalv@algartech.com;cpc-controldeskavon@algartech.com;joseasn@algartech.com;lucianarsantos@algartech.com;marianadjc@algartech.com;senildapdo@algartecnologia.com.br;</t>
  </si>
  <si>
    <t>https://100014122394468,catianalv@algartech.com,cpc-controldeskavon@algartech.com,joseasn@algartech.com,lucianarsantos@algartech.com,marianadjc@algartech.com,senildapdo@algartecnologia.com.br</t>
  </si>
  <si>
    <t>mail.google.com/sync/u/0/i/s?hl=pt-BR&amp;c=948</t>
  </si>
  <si>
    <t>fa83bf9a-d48e-40b7-a202-ce151295fd97.tmp</t>
  </si>
  <si>
    <t>\\acsfs\profiles$\gabrielamdp\Downloads\fa83bf9a-d48e-40b7-a202-ce151295fd97.tmp</t>
  </si>
  <si>
    <t>fernandaab@algartech.com;larisacc@algartech.com;marianerdo@algartech.com;talmaiardo@algartech.com;thiagordu@algartech.com;</t>
  </si>
  <si>
    <t>fernandaab@algartech.com,larisacc@algartech.com,marianerdo@algartech.com,talmaiardo@algartech.com,thiagordu@algartech.com</t>
  </si>
  <si>
    <t>lu9680aq48x.tmp</t>
  </si>
  <si>
    <t>\\acsfs\profiles$\jalilebds\Downloads\lu9680aq48x.tmp</t>
  </si>
  <si>
    <t>99ea7c64-3985-4c8c-b067-f1094e68366b.tmp</t>
  </si>
  <si>
    <t>\\acsfs\profiles$\gabrielsma\Downloads\99ea7c64-3985-4c8c-b067-f1094e68366b.tmp</t>
  </si>
  <si>
    <t>\\acsfs\ACS\Gabriel da Silva\Contemporânea\Acessos\Evidências\Q29udHJvbGxlci5JRS1Qb3J0YWw-.ica.crdownload</t>
  </si>
  <si>
    <t>\\acsfs\ACS\Gabriel da Silva\Contemporânea\NPS\NPS CRBV_Leve.xlsx\</t>
  </si>
  <si>
    <t>\\acsfs\ACS\Gabriel da Silva\Contemporânea\NPS\NPS CRBV_Leve.xlsx</t>
  </si>
  <si>
    <t>NPS CRBV_Leve.xlsx</t>
  </si>
  <si>
    <t>mail.google.com/sync/u/0/i/s?hl=pt-BR&amp;c=953</t>
  </si>
  <si>
    <t>100014122394468;100014239771614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100014122394468,100014239771614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100014239771614;andrelpsa@algartech.com;joaogvc@algartech.com;josiascdsj@algartech.com;leonardoao@algartech.com;marianadjc@algartech.com;maristelavodq@bv.algartech.com;paulacn@algartech.com;qualidadealgarbv@algartech.com;rafaelggs@algartech.com;supervisaobancovotorantim@algartech.com;taysdss@algartech.com;thiagolrc@bv.algartech.com;viniciussg@algartech.com;</t>
  </si>
  <si>
    <t>100014239771614,andrelpsa@algartech.com,joaogvc@algartech.com,josiascdsj@algartech.com,leonardoao@algartech.com,marianadjc@algartech.com,maristelavodq@bv.algartech.com,paulacn@algartech.com,qualidadealgarbv@algartech.com,rafaelggs@algartech.com,supervisaobancovotorantim@algartech.com,taysdss@algartech.com,thiagolrc@bv.algartech.com,viniciussg@algartech.com</t>
  </si>
  <si>
    <t>af531de9-3bb4-4605-b4df-d101c9793249.tmp</t>
  </si>
  <si>
    <t>\\acsfs\profiles$\geovannasm\Downloads\af531de9-3bb4-4605-b4df-d101c9793249.tmp</t>
  </si>
  <si>
    <t>\\acsfs\profiles$\maxmillianosv\My Documents\xworkcenter\logs\</t>
  </si>
  <si>
    <t>XLOG_maxmillianosv_06012020_091922.log</t>
  </si>
  <si>
    <t>\\acsfs\profiles$\maxmillianosv\My Documents\xworkcenter\logs\XLOG_maxmillianosv_06012020_091922.log</t>
  </si>
  <si>
    <t>XLOG_maxmillianosv_06012020_091623.log</t>
  </si>
  <si>
    <t>\\acsfs\profiles$\maxmillianosv\My Documents\xworkcenter\logs\XLOG_maxmillianosv_06012020_091623.log</t>
  </si>
  <si>
    <t>LUCAS GUBERT PEREIRA_1_6776212560597292253_1_32.wav</t>
  </si>
  <si>
    <t>\\acsfs\Deptos\EDUCACAO EMPRESARIAL\KÉSIA\Ligações 1º Ciclo - Janeiro 2020\LUCAS GUBERT PEREIRA_1_6776212560597292253_1_32.wav</t>
  </si>
  <si>
    <t>ac85fb10-b1be-45a2-a4cc-129455afcbeb.tmp</t>
  </si>
  <si>
    <t>\\acsfs\profiles$\joycemmdl\Downloads\ac85fb10-b1be-45a2-a4cc-129455afcbeb.tmp</t>
  </si>
  <si>
    <t>0aefbae8-c93c-4b33-94af-f136b879af5e.tmp</t>
  </si>
  <si>
    <t>\\acsfs\profiles$\regisadsa\Downloads\0aefbae8-c93c-4b33-94af-f136b879af5e.tmp</t>
  </si>
  <si>
    <t>74f511bc-817b-4449-b3f1-fc51e90c6233.tmp</t>
  </si>
  <si>
    <t>\\acsfs\profiles$\alinepp\Downloads\74f511bc-817b-4449-b3f1-fc51e90c6233.tmp</t>
  </si>
  <si>
    <t>c9db6221-6067-4f8c-a3f6-24160ddb6aaa.tmp</t>
  </si>
  <si>
    <t>\\acsfs\profiles$\gabrielamdp\Downloads\c9db6221-6067-4f8c-a3f6-24160ddb6aaa.tmp</t>
  </si>
  <si>
    <t>2f300faf-27ef-46f7-92fb-dce223d5b615.tmp</t>
  </si>
  <si>
    <t>\\acsfs\profiles$\KARLABDS\Downloads\2f300faf-27ef-46f7-92fb-dce223d5b615.tmp</t>
  </si>
  <si>
    <t>dbdcf566-9404-449b-a1dd-5855cf404f3c.tmp</t>
  </si>
  <si>
    <t>\\acsfs\profiles$\KARLABDS\Downloads\dbdcf566-9404-449b-a1dd-5855cf404f3c.tmp</t>
  </si>
  <si>
    <t>Unconfirmed 144342.crdownload</t>
  </si>
  <si>
    <t>\\acsfs\profiles$\KARLABDS\Downloads\Unconfirmed 144342.crdownload</t>
  </si>
  <si>
    <t>f2a142ba-5f3f-4a2a-8ab9-a441f55d4147.tmp</t>
  </si>
  <si>
    <t>\\acsfs\profiles$\KARLABDS\Downloads\f2a142ba-5f3f-4a2a-8ab9-a441f55d4147.tmp</t>
  </si>
  <si>
    <t>fbd9950c-6056-43c4-9c06-b99f75d338c8.tmp</t>
  </si>
  <si>
    <t>\\acsfs\profiles$\sarahbal\Downloads\fbd9950c-6056-43c4-9c06-b99f75d338c8.tmp</t>
  </si>
  <si>
    <t>8eb15a4f-8a35-4b35-87a3-36416bd5b034.tmp</t>
  </si>
  <si>
    <t>\\acsfs\profiles$\THYAGOSP\Downloads\8eb15a4f-8a35-4b35-87a3-36416bd5b034.tmp</t>
  </si>
  <si>
    <t>\\acsfs\ACS\Gabriel da Silva\Contemporânea\BDBV\11F5A621.tmp\</t>
  </si>
  <si>
    <t>\\acsfs\ACS\Gabriel da Silva\Contemporânea\BDBV\11F5A621.tmp\:Zone.Identifier:$DATA</t>
  </si>
  <si>
    <t>ae221548-1c62-41dd-b6a5-ec8a8cae9b07.tmp</t>
  </si>
  <si>
    <t>\\acsfs\profiles$\gabrielsma\Downloads\ae221548-1c62-41dd-b6a5-ec8a8cae9b07.tmp</t>
  </si>
  <si>
    <t>Não confirmado 51070.crdownload</t>
  </si>
  <si>
    <t>\\acsfs\ACS\Gabriel da Silva\Contemporânea\Acessos\Não confirmado 51070.crdownload</t>
  </si>
  <si>
    <t>mail.google.com/sync/u/0/i/s?hl=pt-BR&amp;c=972</t>
  </si>
  <si>
    <t>mail.google.com/sync/u/0/i/s?hl=pt-BR&amp;c=974</t>
  </si>
  <si>
    <t>811b310c-cc4f-43c5-a7a7-e0ea2f60732e.tmp</t>
  </si>
  <si>
    <t>\\acsfs\profiles$\welidicdj\Downloads\811b310c-cc4f-43c5-a7a7-e0ea2f60732e.tmp</t>
  </si>
  <si>
    <t>6790b69f-4f09-4ab9-8c80-5d85e3104627.tmp</t>
  </si>
  <si>
    <t>\\acsfs\profiles$\maxmillianosv\Downloads\6790b69f-4f09-4ab9-8c80-5d85e3104627.tmp</t>
  </si>
  <si>
    <t>2eefdfb0-800b-42a0-9652-96b70fd92ab9.tmp</t>
  </si>
  <si>
    <t>\\acsfs\profiles$\maxmillianosv\Downloads\2eefdfb0-800b-42a0-9652-96b70fd92ab9.tmp</t>
  </si>
  <si>
    <t>01568b0f-0b83-4ce8-95d2-6b3eac3a73b1.tmp</t>
  </si>
  <si>
    <t>\\acsfs\profiles$\maxmillianosv\Downloads\01568b0f-0b83-4ce8-95d2-6b3eac3a73b1.tmp</t>
  </si>
  <si>
    <t>d50b4383-e3e3-4eaa-b41f-8e355f1a1515.tmp</t>
  </si>
  <si>
    <t>\\acsfs\profiles$\maxmillianosv\Downloads\d50b4383-e3e3-4eaa-b41f-8e355f1a1515.tmp</t>
  </si>
  <si>
    <t>ecaffe0d-8dcc-49dd-a475-203a67762eb2.tmp</t>
  </si>
  <si>
    <t>\\acsfs\profiles$\maxmillianosv\Downloads\ecaffe0d-8dcc-49dd-a475-203a67762eb2.tmp</t>
  </si>
  <si>
    <t>02078a5f-826b-4f5a-8301-728ba8acfa27.tmp</t>
  </si>
  <si>
    <t>\\acsfs\profiles$\maxmillianosv\Downloads\02078a5f-826b-4f5a-8301-728ba8acfa27.tmp</t>
  </si>
  <si>
    <t>PAULO VICTOR ALCANTARA DE CASTRO_1_6776241865159159589_1_32.wav</t>
  </si>
  <si>
    <t>\\acsfs\Deptos\EDUCACAO EMPRESARIAL\KÉSIA\Ligações 1º Ciclo - Janeiro 2020\PAULO VICTOR ALCANTARA DE CASTRO_1_6776241865159159589_1_32.wav</t>
  </si>
  <si>
    <t>8a86d5e5-e78b-4db1-911f-c3be2a66e4e5.tmp</t>
  </si>
  <si>
    <t>\\acsfs\profiles$\KARLABDS\Downloads\8a86d5e5-e78b-4db1-911f-c3be2a66e4e5.tmp</t>
  </si>
  <si>
    <t>1b7154de-7c8a-4e0f-a829-61ad6de0858f.tmp</t>
  </si>
  <si>
    <t>\\acsfs\profiles$\fabianafv\Downloads\1b7154de-7c8a-4e0f-a829-61ad6de0858f.tmp</t>
  </si>
  <si>
    <t>e14a4a30-0671-49c0-973b-581b901ac892.tmp</t>
  </si>
  <si>
    <t>\\acsfs\profiles$\larissaad\Downloads\e14a4a30-0671-49c0-973b-581b901ac892.tmp</t>
  </si>
  <si>
    <t>mail.google.com/sync/u/0/i/s?hl=pt-BR&amp;c=983</t>
  </si>
  <si>
    <t>100014122394468,catianalv@algartech.com,cpc-controldeskavon@algartech.com,joseasn@algartech.com,lucianarsantos@algartech.com,marianadjc@algartech.com,senildapdo@algartecnologia.com.br</t>
  </si>
  <si>
    <t>mail.google.com/sync/u/0/i/s?hl=pt-BR&amp;c=1001</t>
  </si>
  <si>
    <t>100014122394468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afaelggs@algartech.com;senildapdo@algartecnologia.com.br;supervisaobancovotorantim@algartech.com;taysdss@algartech.com;thiagolrc@bv.algartech.com;viniciussg@algartech.com;</t>
  </si>
  <si>
    <t>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https://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afaelggs@algartech.com,senildapdo@algartecnologia.com.br,supervisaobancovotorantim@algartech.com,taysdss@algartech.com,thiagolrc@bv.algartech.com,viniciussg@algartech.com</t>
  </si>
  <si>
    <t>mail.google.com/sync/u/0/i/s?hl=pt-BR&amp;c=1017</t>
  </si>
  <si>
    <t>bde29381-b83c-447a-9766-7390b6efca29.tmp</t>
  </si>
  <si>
    <t>\\acsfs\profiles$\jhonatadss\Downloads\bde29381-b83c-447a-9766-7390b6efca29.tmp</t>
  </si>
  <si>
    <t>542a43b6-9b12-4bec-857e-7f0dceb3aac6.tmp</t>
  </si>
  <si>
    <t>\\acsfs\profiles$\jhonatadss\Downloads\542a43b6-9b12-4bec-857e-7f0dceb3aac6.tmp</t>
  </si>
  <si>
    <t>cbef463e-6ef2-434c-a7b4-73f6db3199f7.tmp</t>
  </si>
  <si>
    <t>\\acsfs\profiles$\jhonatadss\Downloads\cbef463e-6ef2-434c-a7b4-73f6db3199f7.tmp</t>
  </si>
  <si>
    <t>bac073b3-03e0-4511-b789-c47d2e3578e6.tmp</t>
  </si>
  <si>
    <t>\\acsfs\profiles$\jhonatadss\Downloads\bac073b3-03e0-4511-b789-c47d2e3578e6.tmp</t>
  </si>
  <si>
    <t>bdf79ded-7e3b-42c4-b579-37f0d340cacd.tmp</t>
  </si>
  <si>
    <t>\\acsfs\profiles$\paulohaf\Downloads\bdf79ded-7e3b-42c4-b579-37f0d340cacd.tmp</t>
  </si>
  <si>
    <t>d11cf120-fd5c-47c7-9a85-8a2b62331f04.tmp</t>
  </si>
  <si>
    <t>\\acsfs\profiles$\welidicdj\Downloads\d11cf120-fd5c-47c7-9a85-8a2b62331f04.tmp</t>
  </si>
  <si>
    <t>0493d330-84d3-4736-9daf-79d5ec6d2ec3.tmp</t>
  </si>
  <si>
    <t>\\acsfs\profiles$\antoniosva\Downloads\0493d330-84d3-4736-9daf-79d5ec6d2ec3.tmp</t>
  </si>
  <si>
    <t>54465cd6-963f-45bd-b12d-29b665336169.tmp</t>
  </si>
  <si>
    <t>\\acsfs\profiles$\antoniosva\Downloads\54465cd6-963f-45bd-b12d-29b665336169.tmp</t>
  </si>
  <si>
    <t>e9852528-4601-4ce1-a0ab-520f3b1fa94d.tmp</t>
  </si>
  <si>
    <t>\\acsfs\profiles$\gabrielarb\Downloads\e9852528-4601-4ce1-a0ab-520f3b1fa94d.tmp</t>
  </si>
  <si>
    <t>1cd3b2fb-a6d7-451c-b8f9-806fbd45ed7c.tmp</t>
  </si>
  <si>
    <t>\\acsfs\profiles$\gabrielarb\Downloads\1cd3b2fb-a6d7-451c-b8f9-806fbd45ed7c.tmp</t>
  </si>
  <si>
    <t>b208c90f-30e2-437e-9516-b62a39203e5c.tmp</t>
  </si>
  <si>
    <t>\\acsfs\profiles$\maxmillianosv\Downloads\b208c90f-30e2-437e-9516-b62a39203e5c.tmp</t>
  </si>
  <si>
    <t>81631932-fd10-472f-9d8c-10b2e8542648.tmp</t>
  </si>
  <si>
    <t>\\acsfs\profiles$\maxmillianosv\Downloads\81631932-fd10-472f-9d8c-10b2e8542648.tmp</t>
  </si>
  <si>
    <t>79f73ac5-d313-4e05-99e1-192ccd53cdc1.tmp</t>
  </si>
  <si>
    <t>\\acsfs\profiles$\maxmillianosv\Downloads\79f73ac5-d313-4e05-99e1-192ccd53cdc1.tmp</t>
  </si>
  <si>
    <t>e0ebfafe-c17c-4778-9fce-09bf9a474976.tmp</t>
  </si>
  <si>
    <t>\\acsfs\profiles$\maxmillianosv\Downloads\e0ebfafe-c17c-4778-9fce-09bf9a474976.tmp</t>
  </si>
  <si>
    <t>a4047bb3-62c0-490c-96b0-37c1d984ca79.tmp</t>
  </si>
  <si>
    <t>\\acsfs\profiles$\maxmillianosv\Downloads\a4047bb3-62c0-490c-96b0-37c1d984ca79.tmp</t>
  </si>
  <si>
    <t>1d54fd69-fb56-409b-b1be-ea82d3ea9271.tmp</t>
  </si>
  <si>
    <t>\\acsfs\profiles$\maxmillianosv\Downloads\1d54fd69-fb56-409b-b1be-ea82d3ea9271.tmp</t>
  </si>
  <si>
    <t>332d0b19-50e8-43b4-9e34-f552771ea965.tmp</t>
  </si>
  <si>
    <t>\\acsfs\profiles$\laylaams\Downloads\332d0b19-50e8-43b4-9e34-f552771ea965.tmp</t>
  </si>
  <si>
    <t>4f6f5bee-e724-4267-98e7-a76e4e06c7f5.tmp</t>
  </si>
  <si>
    <t>\\acsfs\profiles$\myllenardl\Downloads\4f6f5bee-e724-4267-98e7-a76e4e06c7f5.tmp</t>
  </si>
  <si>
    <t>e9196301-d48b-4bfa-92be-a4691c06fffb.tmp</t>
  </si>
  <si>
    <t>\\acsfs\profiles$\myllenardl\Downloads\e9196301-d48b-4bfa-92be-a4691c06fffb.tmp</t>
  </si>
  <si>
    <t>lu123400v7s3r5.tmp</t>
  </si>
  <si>
    <t>\\acsfs\DEPTOS\Operacao\Banco_Votorantim\Supervisao\SUPERS BV CARTÕES\ANA VITORIA\APOIO\lu123400v7s3r5.tmp</t>
  </si>
  <si>
    <t>\\acsfs\DEPTOS\Operacao\Banco_Votorantim\Supervisao\SUPERS BV CARTÕES\ANA VITORIA\APOIO\lu123400v7s3r5.tmp\</t>
  </si>
  <si>
    <t>\\acsfs\DEPTOS\Operacao\Banco_Votorantim\Supervisao\SUPERS BV CARTÕES\ANA VITORIA\APOIO\lu123400v7s3r5.tmp\META-INF\</t>
  </si>
  <si>
    <t>\\acsfs\DEPTOS\Operacao\Banco_Votorantim\Supervisao\SUPERS BV CARTÕES\ANA VITORIA\APOIO\lu123400v7s3r5.tmp\Thumbnails\</t>
  </si>
  <si>
    <t>26408f7a-07b2-4116-bbd4-0de7a2956d41.tmp</t>
  </si>
  <si>
    <t>\\acsfs\profiles$\brendadsl\Downloads\26408f7a-07b2-4116-bbd4-0de7a2956d41.tmp</t>
  </si>
  <si>
    <t>6632f0c8-8f5b-418d-994e-b952202e4fb6.tmp</t>
  </si>
  <si>
    <t>\\acsfs\profiles$\brendadsl\Downloads\6632f0c8-8f5b-418d-994e-b952202e4fb6.tmp</t>
  </si>
  <si>
    <t>6f6dab89-0de1-471e-b543-7d5e9fde6588.tmp</t>
  </si>
  <si>
    <t>\\acsfs\profiles$\brendadsl\Downloads\6f6dab89-0de1-471e-b543-7d5e9fde6588.tmp</t>
  </si>
  <si>
    <t>90a0f2bc-a6eb-4469-82dc-3df1b96b9616.tmp</t>
  </si>
  <si>
    <t>\\acsfs\profiles$\quindaizaagds\Downloads\90a0f2bc-a6eb-4469-82dc-3df1b96b9616.tmp</t>
  </si>
  <si>
    <t>http:///batch?%24ct=multipart%2Fmixed%3B%20boundary%3D%22%3D%3D%3D%3D%3Dz4wqnk2mu05a%3D%3D%3D%3D%3D%22&amp;key=AIzaSyAy9VVXHSpS2IJpptzYtGbLP3-3_l0aBk4</t>
  </si>
  <si>
    <t>http:///batch?%24ct=multipart%2Fmixed%3B%20boundary%3D%22%3D%3D%3D%3D%3Dt7itvkdp19b3%3D%3D%3D%3D%3D%22&amp;key=AIzaSyAy9VVXHSpS2IJpptzYtGbLP3-3_l0aBk4</t>
  </si>
  <si>
    <t>/o=exchangelabs/ou=exchange administrative group (fydibohf23spdlt)/cn=recipients/cn=4f1c81c2e16143f68596016ac3b45ef1-gustavo dam;/o=exchangelabs/ou=exchange administrative group (fydibohf23spdlt)/cn=recipients/cn=cf023be226744f8a9c38076dbccfd020-flavia cons;/o=exchangelabs/ou=exchange administrative group (fydibohf23spdlt)/cn=recipients/cn=f23199a9eb1c4dab9b7d7d0688901f52-marta lucia;</t>
  </si>
  <si>
    <t>/o=exchangelabs/ou=exchange administrative group (fydibohf23spdlt)/cn=recipients/cn=4f1c81c2e16143f68596016ac3b45ef1-gustavo dam,/o=exchangelabs/ou=exchange administrative group (fydibohf23spdlt)/cn=recipients/cn=cf023be226744f8a9c38076dbccfd020-flavia cons,/o=exchangelabs/ou=exchange administrative group (fydibohf23spdlt)/cn=recipients/cn=f23199a9eb1c4dab9b7d7d0688901f52-marta lucia</t>
  </si>
  <si>
    <t>mail.google.com/sync/u/0/i/s?hl=pt-BR&amp;c=1024</t>
  </si>
  <si>
    <t>mail.google.com/sync/u/0/i/s?hl=pt-BR&amp;c=1027</t>
  </si>
  <si>
    <t>mail.google.com/sync/u/0/i/s?hl=pt-BR&amp;c=1035</t>
  </si>
  <si>
    <t>mail.google.com/sync/u/0/i/s?hl=pt-BR&amp;c=1045</t>
  </si>
  <si>
    <t>19ae7a38-a7cb-4bab-ba59-fcedbaabc806.tmp</t>
  </si>
  <si>
    <t>\\acsfs\profiles$\jhonatadss\Downloads\19ae7a38-a7cb-4bab-ba59-fcedbaabc806.tmp</t>
  </si>
  <si>
    <t>e87b6563-a5f3-474e-aa97-27df46fadf2f.tmp</t>
  </si>
  <si>
    <t>\\acsfs\profiles$\antoniosva\Downloads\e87b6563-a5f3-474e-aa97-27df46fadf2f.tmp</t>
  </si>
  <si>
    <t>42d2e47f-1bc4-4140-8d43-d0830bd25435.tmp</t>
  </si>
  <si>
    <t>\\acsfs\profiles$\henriqueco\Downloads\42d2e47f-1bc4-4140-8d43-d0830bd25435.tmp</t>
  </si>
  <si>
    <t>46377d63-9da5-43c3-adef-1341cd42f5e7.tmp</t>
  </si>
  <si>
    <t>\\acsfs\profiles$\luanaagl\Downloads\46377d63-9da5-43c3-adef-1341cd42f5e7.tmp</t>
  </si>
  <si>
    <t>LAURA NICOLAU DE OLIVEIRA SANTOS_1_6776324367185938943_1_32.wav</t>
  </si>
  <si>
    <t>\\acsfs\Deptos\EDUCACAO EMPRESARIAL\KÉSIA\Ligações 1º Ciclo - Janeiro 2020\LAURA NICOLAU DE OLIVEIRA SANTOS_1_6776324367185938943_1_32.wav</t>
  </si>
  <si>
    <t>334f6041-52c9-44fd-befe-57479df50f99.tmp</t>
  </si>
  <si>
    <t>\\acsfs\profiles$\andreapdsg\Downloads\334f6041-52c9-44fd-befe-57479df50f99.tmp</t>
  </si>
  <si>
    <t>31d1bd5d-c54a-4e71-a3ac-d85005ca821f.tmp</t>
  </si>
  <si>
    <t>\\acsfs\profiles$\brendadsl\Downloads\31d1bd5d-c54a-4e71-a3ac-d85005ca821f.tmp</t>
  </si>
  <si>
    <t>309bf771-3192-4531-8182-ad0ffcd72da8.tmp</t>
  </si>
  <si>
    <t>\\acsfs\profiles$\quindaizaagds\Downloads\309bf771-3192-4531-8182-ad0ffcd72da8.tmp</t>
  </si>
  <si>
    <t>f142e0c2-eaa6-4799-a60d-1b1d0873236d.tmp</t>
  </si>
  <si>
    <t>\\acsfs\profiles$\jhonatadss\Downloads\f142e0c2-eaa6-4799-a60d-1b1d0873236d.tmp</t>
  </si>
  <si>
    <t>48d40f10-93db-4ebc-a224-a0b751cf7e24.tmp</t>
  </si>
  <si>
    <t>\\acsfs\profiles$\jhonatadss\Downloads\48d40f10-93db-4ebc-a224-a0b751cf7e24.tmp</t>
  </si>
  <si>
    <t>5dd936d3-bbe7-418f-9df0-b04e25677178.tmp</t>
  </si>
  <si>
    <t>\\acsfs\profiles$\jhonatadss\Downloads\5dd936d3-bbe7-418f-9df0-b04e25677178.tmp</t>
  </si>
  <si>
    <t>4b10282b-0ff2-41a0-83ae-f00a4d8ffbbf.tmp</t>
  </si>
  <si>
    <t>\\acsfs\profiles$\paulohaf\Downloads\4b10282b-0ff2-41a0-83ae-f00a4d8ffbbf.tmp</t>
  </si>
  <si>
    <t>\\acsfs\Deptos\EDUCACAO EMPRESARIAL\FERNANDA MONIT\Fernanda\MONITORIA JANEIRO\</t>
  </si>
  <si>
    <t>\\acsfs\Deptos\EDUCACAO EMPRESARIAL\FERNANDA MONIT\Fernanda\MONITORIA JANEIRO\Thumbs.db</t>
  </si>
  <si>
    <t>307ad456-c77b-41d5-9e19-a8f62bd8ab79.tmp</t>
  </si>
  <si>
    <t>\\acsfs\profiles$\fabianobmf\Downloads\307ad456-c77b-41d5-9e19-a8f62bd8ab79.tmp</t>
  </si>
  <si>
    <t>5b7fc13b-6598-42dc-b73d-b7a8cb72d1de.tmp</t>
  </si>
  <si>
    <t>\\acsfs\profiles$\fabianobmf\Downloads\5b7fc13b-6598-42dc-b73d-b7a8cb72d1de.tmp</t>
  </si>
  <si>
    <t>f9e6f175-28ce-4df3-a656-a0c0047b4dd2.tmp</t>
  </si>
  <si>
    <t>\\acsfs\profiles$\fabianobmf\Downloads\f9e6f175-28ce-4df3-a656-a0c0047b4dd2.tmp</t>
  </si>
  <si>
    <t>lu123400v7s3re.tmp</t>
  </si>
  <si>
    <t>\\acsfs\DEPTOS\Operacao\Banco_Votorantim\Supervisao\SUPERS BV CARTÕES\ANA VITORIA\APOIO\lu123400v7s3re.tmp</t>
  </si>
  <si>
    <t>1fa61e55-c39e-4288-a735-7bb9087dd624.tmp</t>
  </si>
  <si>
    <t>\\acsfs\profiles$\jhonatadss\Downloads\1fa61e55-c39e-4288-a735-7bb9087dd624.tmp</t>
  </si>
  <si>
    <t>676af348-379f-4f7b-9dae-584f742ce920.tmp</t>
  </si>
  <si>
    <t>\\acsfs\profiles$\jhonatadss\Downloads\676af348-379f-4f7b-9dae-584f742ce920.tmp</t>
  </si>
  <si>
    <t>346402e7-3f84-4d33-93f6-295430b772cb.tmp</t>
  </si>
  <si>
    <t>\\acsfs\profiles$\jhonatadss\Downloads\346402e7-3f84-4d33-93f6-295430b772cb.tmp</t>
  </si>
  <si>
    <t>e5dd9945-2bca-4b41-9413-8411d0196ad5.tmp</t>
  </si>
  <si>
    <t>\\acsfs\profiles$\jhonatadss\Downloads\e5dd9945-2bca-4b41-9413-8411d0196ad5.tmp</t>
  </si>
  <si>
    <t>MYLLENA RIBEIRO DE LIMA_1_6774053764005432318_1_32.wav</t>
  </si>
  <si>
    <t>\\acsfs\Deptos\EDUCACAO EMPRESARIAL\KÉSIA\Ligações 1º Ciclo - Janeiro 2020\MYLLENA RIBEIRO DE LIMA_1_6774053764005432318_1_32.wav</t>
  </si>
  <si>
    <t>lu123400v7s3rk.tmp</t>
  </si>
  <si>
    <t>\\acsfs\DEPTOS\Operacao\Banco_Votorantim\Supervisao\SUPERS BV CARTÕES\ANA VITORIA\APOIO\lu123400v7s3rk.tmp</t>
  </si>
  <si>
    <t>DEZEMBRO.txt</t>
  </si>
  <si>
    <t>\\acsfs\profiles$\LUCASNS\DEZEMBRO.txt</t>
  </si>
  <si>
    <t>mail.google.com/sync/u/0/i/s?hl=pt-BR&amp;c=1070</t>
  </si>
  <si>
    <t>b5fa2c2d-6482-4df3-ab5d-a6c6d1257521.tmp</t>
  </si>
  <si>
    <t>\\acsfs\profiles$\jhonatadss\Downloads\b5fa2c2d-6482-4df3-ab5d-a6c6d1257521.tmp</t>
  </si>
  <si>
    <t>325050e0-7b93-4817-a3e0-3accf7f9b683.tmp</t>
  </si>
  <si>
    <t>\\acsfs\profiles$\antoniosva\Downloads\325050e0-7b93-4817-a3e0-3accf7f9b683.tmp</t>
  </si>
  <si>
    <t>2fd0db8b-25eb-4651-9e11-d1bab3f2d2c2.tmp</t>
  </si>
  <si>
    <t>\\acsfs\profiles$\andreapdsg\Downloads\2fd0db8b-25eb-4651-9e11-d1bab3f2d2c2.tmp</t>
  </si>
  <si>
    <t>\\acsfs\ACS\Gabriel da Silva\Contemporânea\BDBV\D92CD0CB.tmp\</t>
  </si>
  <si>
    <t>\\acsfs\ACS\Gabriel da Silva\Contemporânea\BDBV\D92CD0CB.tmp\:Zone.Identifier:$DATA</t>
  </si>
  <si>
    <t>mail.google.com/sync/u/0/i/s?hl=pt-BR&amp;c=1075</t>
  </si>
  <si>
    <t>mail.google.com/sync/u/0/i/s?hl=pt-BR&amp;c=1079</t>
  </si>
  <si>
    <t>mail.google.com/sync/u/0/i/s?hl=pt-BR&amp;c=1081</t>
  </si>
  <si>
    <t>mail.google.com/sync/u/0/i/s?hl=pt-BR&amp;c=1087</t>
  </si>
  <si>
    <t>mail.google.com/sync/u/0/i/s?hl=pt-BR&amp;c=1089</t>
  </si>
  <si>
    <t>mail.google.com/sync/u/0/i/s?hl=pt-BR&amp;c=1091</t>
  </si>
  <si>
    <t>mail.google.com/sync/u/0/i/s?hl=pt-BR&amp;c=1096</t>
  </si>
  <si>
    <t>mail.google.com/sync/u/0/i/s?hl=pt-BR&amp;c=1100</t>
  </si>
  <si>
    <t>\\acsfs\Deptos\EDUCACAO EMPRESARIAL\FERNANDA MONIT\Fernanda\MONITORIA JANEIRO\Ligaçoes para MUTANT primeiro ciclo janeiro\</t>
  </si>
  <si>
    <t>JESSICA FERREIRA CARVALHO_1_6776289002425221825_1_32.wav</t>
  </si>
  <si>
    <t>\\acsfs\Deptos\EDUCACAO EMPRESARIAL\FERNANDA MONIT\Fernanda\MONITORIA JANEIRO\Ligaçoes para MUTANT primeiro ciclo janeiro\JESSICA FERREIRA CARVALHO_1_6776289002425221825_1_32.wav</t>
  </si>
  <si>
    <t>a49552f2-bba5-49cc-bcbd-296382b930b1.tmp</t>
  </si>
  <si>
    <t>\\acsfs\profiles$\georgendsq\Downloads\a49552f2-bba5-49cc-bcbd-296382b930b1.tmp</t>
  </si>
  <si>
    <t>\\acsfs\ACS\Gabriel da Silva\Contemporânea\Acessos\5EC7669C.tmp\</t>
  </si>
  <si>
    <t>\\acsfs\ACS\Gabriel da Silva\Contemporânea\Acessos\5EC7669C.tmp\:Zone.Identifier:$DATA</t>
  </si>
  <si>
    <t>ead7c913-cc30-4d62-9544-57cace6abcea.tmp</t>
  </si>
  <si>
    <t>\\acsfs\profiles$\alinepp\Downloads\ead7c913-cc30-4d62-9544-57cace6abcea.tmp</t>
  </si>
  <si>
    <t>778bc04f-a14f-401c-927c-c5a41a3bddd3.tmp</t>
  </si>
  <si>
    <t>\\acsfs\profiles$\maxmillianosv\Downloads\778bc04f-a14f-401c-927c-c5a41a3bddd3.tmp</t>
  </si>
  <si>
    <t>7543cae4-0553-469b-be06-98d03a186112.tmp</t>
  </si>
  <si>
    <t>\\acsfs\profiles$\georgendsq\Downloads\7543cae4-0553-469b-be06-98d03a186112.tmp</t>
  </si>
  <si>
    <t>f64da9d9-0be3-4dd8-9ce7-3bdb3490194d.tmp</t>
  </si>
  <si>
    <t>\\acsfs\profiles$\georgendsq\Downloads\f64da9d9-0be3-4dd8-9ce7-3bdb3490194d.tmp</t>
  </si>
  <si>
    <t>\\acsfs\deptos\Operacao\PCP\5 - Comum\Mariana De Jesus\</t>
  </si>
  <si>
    <t>\\acsfs\deptos\Operacao\PCP\5 - Comum\Mariana De Jesus\Passo a Passo relatórios.xlsx</t>
  </si>
  <si>
    <t>e2f6a3d0-6d9c-4d5e-84c3-b7f3bf45f30e.tmp</t>
  </si>
  <si>
    <t>\\acsfs\profiles$\alinepp\Downloads\e2f6a3d0-6d9c-4d5e-84c3-b7f3bf45f30e.tmp</t>
  </si>
  <si>
    <t>LARISSA PEREIRA DA ROCHA (22223).contact</t>
  </si>
  <si>
    <t>\\acsfs\profiles$\larissapdr\Contacts\LARISSA PEREIRA DA ROCHA (22223).contact</t>
  </si>
  <si>
    <t>9e3b6c16-af15-4189-a56f-dde3342cfe33.tmp</t>
  </si>
  <si>
    <t>\\acsfs\profiles$\marcosvnds\Downloads\9e3b6c16-af15-4189-a56f-dde3342cfe33.tmp</t>
  </si>
  <si>
    <t>efc9d55c-d381-4e62-85e6-33a05c91a4f1.tmp</t>
  </si>
  <si>
    <t>\\acsfs\profiles$\KARENDSR\Downloads\efc9d55c-d381-4e62-85e6-33a05c91a4f1.tmp</t>
  </si>
  <si>
    <t>78d59fae-ad40-4128-95c3-07e33291bebf.tmp</t>
  </si>
  <si>
    <t>\\acsfs\profiles$\fabianafv\Downloads\78d59fae-ad40-4128-95c3-07e33291bebf.tmp</t>
  </si>
  <si>
    <t>Resultados Qualidade Dezembro - Cópia.xlsx</t>
  </si>
  <si>
    <t>\\acsfs\Deptos\Operacao\Banco_Votorantim\Supervisao\Flávia Constantina Nogueira\Resultados Qualidade Dezembro - Cópia.xlsx</t>
  </si>
  <si>
    <t>https://udpwfmniceap02/web/guest/home?p_auth=nbu4ezas&amp;p_p_id=58&amp;p_p_lifecycle=1&amp;p_p_state=maximized&amp;p_p_mode=view&amp;savelastpath=0&amp;_58_struts_action=/login/forgot_password</t>
  </si>
  <si>
    <t>9ad7eecd-bbfb-4a24-a75c-88832aa8204f.tmp</t>
  </si>
  <si>
    <t>\\acsfs\profiles$\gabrielsma\Downloads\9ad7eecd-bbfb-4a24-a75c-88832aa8204f.tmp</t>
  </si>
  <si>
    <t>\\acsfs\ACS\Gabriel da Silva\Contemporânea\Acessos\Q29udHJvbGxlci5BQ09NLVNvdUJWXzE-.ica.crdownload</t>
  </si>
  <si>
    <t>DESLIGAMENTO GABRIELLA BARREIRO.pdf</t>
  </si>
  <si>
    <t>kesiadof@algartech.com;talmaiardo@algartech.com;</t>
  </si>
  <si>
    <t>kesiadof@algartech.com,talmaiardo@algartech.com</t>
  </si>
  <si>
    <t>6294c0ba-4a5a-4e00-a97b-a5af28170f8f.tmp</t>
  </si>
  <si>
    <t>\\acsfs\profiles$\rosileiam\Downloads\6294c0ba-4a5a-4e00-a97b-a5af28170f8f.tmp</t>
  </si>
  <si>
    <t>93d193e8-e3b2-4fbc-ab21-5d6bd9ee802e.tmp</t>
  </si>
  <si>
    <t>\\acsfs\profiles$\joycemmdl\Downloads\93d193e8-e3b2-4fbc-ab21-5d6bd9ee802e.tmp</t>
  </si>
  <si>
    <t>c73530a8-d46f-4676-b704-485c5454f0dc.tmp</t>
  </si>
  <si>
    <t>\\acsfs\profiles$\joycemmdl\Downloads\c73530a8-d46f-4676-b704-485c5454f0dc.tmp</t>
  </si>
  <si>
    <t>09397ebb-6a57-435a-a065-a0ea42f05764.tmp</t>
  </si>
  <si>
    <t>\\acsfs\profiles$\joycemmdl\Downloads\09397ebb-6a57-435a-a065-a0ea42f05764.tmp</t>
  </si>
  <si>
    <t>0f66bd70-5912-4e5f-a449-f46a7cf34cc7.tmp</t>
  </si>
  <si>
    <t>\\acsfs\profiles$\KARENDSR\Downloads\0f66bd70-5912-4e5f-a449-f46a7cf34cc7.tmp</t>
  </si>
  <si>
    <t>8380d668-ef3c-419a-80d0-e2ad63d08630.tmp</t>
  </si>
  <si>
    <t>\\acsfs\profiles$\alinepp\Downloads\8380d668-ef3c-419a-80d0-e2ad63d08630.tmp</t>
  </si>
  <si>
    <t>Resultados Qualidade Janeiro.xlsx</t>
  </si>
  <si>
    <t>\\acsfs\Deptos\Operacao\Banco_Votorantim\Supervisao\Flávia Constantina Nogueira\Resultados Qualidade Janeiro.xlsx</t>
  </si>
  <si>
    <t>bce102d2-ce69-4490-8c18-9b33c45ad984.tmp</t>
  </si>
  <si>
    <t>\\acsfs\profiles$\LAISLG\Downloads\bce102d2-ce69-4490-8c18-9b33c45ad984.tmp</t>
  </si>
  <si>
    <t>19358be9-e928-4717-9145-5ac9a0284f84.tmp</t>
  </si>
  <si>
    <t>\\acsfs\profiles$\regisadsa\Downloads\19358be9-e928-4717-9145-5ac9a0284f84.tmp</t>
  </si>
  <si>
    <t>NYCOLLE EDUARDA MARTINS DE JESUS_1_6774830736474183335_1_32.wav</t>
  </si>
  <si>
    <t>\\acsfs\Deptos\EDUCACAO EMPRESARIAL\KÉSIA\Ligações 1º Ciclo - Janeiro 2020\NYCOLLE EDUARDA MARTINS DE JESUS_1_6774830736474183335_1_32.wav</t>
  </si>
  <si>
    <t>lu9680aq49g.tmp</t>
  </si>
  <si>
    <t>\\acsfs\profiles$\jalilebds\Downloads\lu9680aq49g.tmp</t>
  </si>
  <si>
    <t>964f5fef-d24a-4f02-9b98-2b4645d8aecb.tmp</t>
  </si>
  <si>
    <t>\\acsfs\profiles$\brendadsl\Downloads\964f5fef-d24a-4f02-9b98-2b4645d8aecb.tmp</t>
  </si>
  <si>
    <t>f0fac09c-44de-407e-8734-438dad38dcbc.tmp</t>
  </si>
  <si>
    <t>\\acsfs\profiles$\LAISLG\Downloads\f0fac09c-44de-407e-8734-438dad38dcbc.tmp</t>
  </si>
  <si>
    <t>LAYOUT BV Cartoes.xlsx</t>
  </si>
  <si>
    <t>\\acsfs\DEPTOS\Operacao\Banco_Votorantim\Supervisao\SUPERS BV CARTÕES\LAYOUT BV Cartoes.xlsx</t>
  </si>
  <si>
    <t>\\acsfs\ACS\Gabriel da Silva\Contemporânea\Acessos\E5113DA2.tmp\</t>
  </si>
  <si>
    <t>\\acsfs\ACS\Gabriel da Silva\Contemporânea\Acessos\E5113DA2.tmp\:Zone.Identifier:$DATA</t>
  </si>
  <si>
    <t>PAMELA MARIA CRISTINA MACEDO DA SILVA GUEDES_1_6774706822372736144_1_32.wav</t>
  </si>
  <si>
    <t>\\acsfs\Deptos\EDUCACAO EMPRESARIAL\KÉSIA\Ligações 1º Ciclo - Janeiro 2020\PAMELA MARIA CRISTINA MACEDO DA SILVA GUEDES_1_6774706822372736144_1_32.wav</t>
  </si>
  <si>
    <t>andrelpsa@algartech.com;gabrielsma@bv.algartech.com;leonardoao@algartech.com;maristelavodq@bv.algartech.com;rafaelggs@algartech.com;supervisaobancovotorantim@algartech.com;thiagolrc@bv.algartech.com;</t>
  </si>
  <si>
    <t>andrelpsa@algartech.com,gabrielsma@bv.algartech.com,leonardoao@algartech.com,maristelavodq@bv.algartech.com,rafaelggs@algartech.com,supervisaobancovotorantim@algartech.com,thiagolrc@bv.algartech.com</t>
  </si>
  <si>
    <t>gabrielsma@bv.algartech.com;maristelavodq@bv.algartech.com;robsonams@algartech.com;supervisaobancovotorantim@algartech.com;thiagolrc@bv.algartech.com;</t>
  </si>
  <si>
    <t>gabrielsma@bv.algartech.com,maristelavodq@bv.algartech.com,robsonams@algartech.com,supervisaobancovotorantim@algartech.com,thiagolrc@bv.algartech.com</t>
  </si>
  <si>
    <t>mail.google.com/sync/u/0/i/s?hl=pt-BR&amp;c=497</t>
  </si>
  <si>
    <t>gabrielsma@bv.algartech.com;maristelavodq@bv.algartech.com;supervisaobancovotorantim@algartech.com;thiagolrc@bv.algartech.com;</t>
  </si>
  <si>
    <t>gabrielsma@bv.algartech.com,maristelavodq@bv.algartech.com,supervisaobancovotorantim@algartech.com,thiagolrc@bv.algartech.com</t>
  </si>
  <si>
    <t>mail.google.com/sync/u/0/i/s?hl=pt-BR&amp;c=514</t>
  </si>
  <si>
    <t>http:///batch?%24ct=multipart%2Fmixed%3B%20boundary%3D%22%3D%3D%3D%3D%3D2uk2iewdjria%3D%3D%3D%3D%3D%22&amp;key=AIzaSyAy9VVXHSpS2IJpptzYtGbLP3-3_l0aBk4</t>
  </si>
  <si>
    <t>ancestorhasaugmen;containsunsubscribedchildren;displayname;domain;emaila;emailaddress;filesize;id);lastmodifyinguser(kind;lastviewedbymedate;modifiedbymedate;ontainsunsubscribedchildren;owners(kind;permissionid;picture;rpermissions;workspaceids;</t>
  </si>
  <si>
    <t>http://ancestorhasaugmen,containsunsubscribedchildren,displayname,domain,emaila,emailaddress,filesize,id),lastmodifyinguser(kind,lastviewedbymedate,modifiedbymedate,ontainsunsubscribedchildren,owners(kind,permissionid,picture,rpermissions,workspaceids</t>
  </si>
  <si>
    <t>http:///batch?%24ct=multipart%2Fmixed%3B%20boundary%3D%22%3D%3D%3D%3D%3D94gq4ol96bn0%3D%3D%3D%3D%3D%22&amp;key=AIzaSyAy9VVXHSpS2IJpptzYtGbLP3-3_l0aBk4</t>
  </si>
  <si>
    <t>http:///batch?%24ct=multipart%2Fmixed%3B%20boundary%3D%22%3D%3D%3D%3D%3Dozuj68mn9azq%3D%3D%3D%3D%3D%22&amp;key=AIzaSyAy9VVXHSpS2IJpptzYtGbLP3-3_l0aBk4</t>
  </si>
  <si>
    <t>http:///batch?%24ct=multipart%2Fmixed%3B%20boundary%3D%22%3D%3D%3D%3D%3Db4hvwbdgx0u5%3D%3D%3D%3D%3D%22&amp;key=AIzaSyAy9VVXHSpS2IJpptzYtGbLP3-3_l0aBk4</t>
  </si>
  <si>
    <t>\\acsfs\ACS\Gabriel da Silva\Contemporânea\BDBV\907028B7.tmp\</t>
  </si>
  <si>
    <t>\\acsfs\ACS\Gabriel da Silva\Contemporânea\BDBV\907028B7.tmp\:Zone.Identifier:$DATA</t>
  </si>
  <si>
    <t>C:\Users\robsonams\Pictures\</t>
  </si>
  <si>
    <t>Capturar.JPG</t>
  </si>
  <si>
    <t>715b2293-a1f1-4d18-89b4-7faef1f371c7.tmp</t>
  </si>
  <si>
    <t>\\acsfs\profiles$\leticiala\Downloads\715b2293-a1f1-4d18-89b4-7faef1f371c7.tmp</t>
  </si>
  <si>
    <t>lu9680aq49n.tmp</t>
  </si>
  <si>
    <t>\\acsfs\profiles$\jalilebds\Downloads\lu9680aq49n.tmp</t>
  </si>
  <si>
    <t>ANA FLAVIA ALVES E SILVA (26358).contact</t>
  </si>
  <si>
    <t>\\acsfs\profiles$\anafaes\Contacts\ANA FLAVIA ALVES E SILVA (26358).contact</t>
  </si>
  <si>
    <t>lu40340a5bwja.tmp</t>
  </si>
  <si>
    <t>\\acsfs\profiles$\LORRAYNEVAM\lu40340a5bwja.tmp</t>
  </si>
  <si>
    <t>\\acsfs\profiles$\LORRAYNEVAM\lu40340a5bwja.tmp\</t>
  </si>
  <si>
    <t>\\acsfs\profiles$\LORRAYNEVAM\lu40340a5bwja.tmp\META-INF\</t>
  </si>
  <si>
    <t>\\acsfs\profiles$\LORRAYNEVAM\lu40340a5bwja.tmp\Thumbnails\</t>
  </si>
  <si>
    <t>b434fc4c-80d9-459a-8889-952d65f2015c.tmp</t>
  </si>
  <si>
    <t>\\acsfs\profiles$\lorraynevam\Downloads\b434fc4c-80d9-459a-8889-952d65f2015c.tmp</t>
  </si>
  <si>
    <t>3aa42b49-149b-4221-915d-a9b093443e5b.tmp</t>
  </si>
  <si>
    <t>\\acsfs\profiles$\lorraynevam\Downloads\3aa42b49-149b-4221-915d-a9b093443e5b.tmp</t>
  </si>
  <si>
    <t>e0cc7fc2-1fcb-4935-83a5-594c25abe6ab.tmp</t>
  </si>
  <si>
    <t>\\acsfs\profiles$\jhonatadss\Downloads\e0cc7fc2-1fcb-4935-83a5-594c25abe6ab.tmp</t>
  </si>
  <si>
    <t>Layla Aparecida Macedo Silveira_1_6776288229331123939_1_32.wav</t>
  </si>
  <si>
    <t>\\acsfs\Deptos\EDUCACAO EMPRESARIAL\FERNANDA MONIT\Fernanda\MONITORIA JANEIRO\Ligaçoes para MUTANT primeiro ciclo janeiro\Layla Aparecida Macedo Silveira_1_6776288229331123939_1_32.wav</t>
  </si>
  <si>
    <t>274ae890-ed2e-41bc-b60a-d9738c4b5f57.tmp</t>
  </si>
  <si>
    <t>\\acsfs\profiles$\georgendsq\Downloads\274ae890-ed2e-41bc-b60a-d9738c4b5f57.tmp</t>
  </si>
  <si>
    <t>80816b64-0239-48c9-a909-add6b03de9a5.tmp</t>
  </si>
  <si>
    <t>\\acsfs\profiles$\georgendsq\Downloads\80816b64-0239-48c9-a909-add6b03de9a5.tmp</t>
  </si>
  <si>
    <t>6f95135a-1880-496e-9b8a-5d8fd8649144.tmp</t>
  </si>
  <si>
    <t>\\acsfs\profiles$\georgendsq\Downloads\6f95135a-1880-496e-9b8a-5d8fd8649144.tmp</t>
  </si>
  <si>
    <t>25003a10-437e-48fe-800e-2d32bc4a9c42.tmp</t>
  </si>
  <si>
    <t>\\acsfs\profiles$\anafaes\Downloads\25003a10-437e-48fe-800e-2d32bc4a9c42.tmp</t>
  </si>
  <si>
    <t>025593b5-8ecc-4c14-b2f5-f846b047c8dd.tmp</t>
  </si>
  <si>
    <t>\\acsfs\profiles$\anafaes\Downloads\025593b5-8ecc-4c14-b2f5-f846b047c8dd.tmp</t>
  </si>
  <si>
    <t>6cf897aa-8331-44bf-ad76-1399bfc95b5c.tmp</t>
  </si>
  <si>
    <t>\\acsfs\profiles$\anafaes\Downloads\6cf897aa-8331-44bf-ad76-1399bfc95b5c.tmp</t>
  </si>
  <si>
    <t>\\acsfs\Deptos\Operacao\Banco_Votorantim\Supervisao\Flávia Constantina Nogueira\Emails.xlsx</t>
  </si>
  <si>
    <t>d53491af-33fe-4bb5-bb4c-06a5b43bb94b.tmp</t>
  </si>
  <si>
    <t>\\acsfs\profiles$\brendadsl\Downloads\d53491af-33fe-4bb5-bb4c-06a5b43bb94b.tmp</t>
  </si>
  <si>
    <t>5ae0e1bb-3795-46d7-b911-5a0cfad330a1.tmp</t>
  </si>
  <si>
    <t>\\acsfs\profiles$\georgendsq\Downloads\5ae0e1bb-3795-46d7-b911-5a0cfad330a1.tmp</t>
  </si>
  <si>
    <t>d7c4ac76-c455-4040-8995-0cc1a1f5fbe8.tmp</t>
  </si>
  <si>
    <t>\\acsfs\profiles$\georgendsq\Downloads\d7c4ac76-c455-4040-8995-0cc1a1f5fbe8.tmp</t>
  </si>
  <si>
    <t>566deb06-1ed6-4f70-988f-58055dc65f9d.tmp</t>
  </si>
  <si>
    <t>\\acsfs\profiles$\georgendsq\Downloads\566deb06-1ed6-4f70-988f-58055dc65f9d.tmp</t>
  </si>
  <si>
    <t>f65791d1-a94f-45cc-a895-99e9ee2f6c18.tmp</t>
  </si>
  <si>
    <t>\\acsfs\profiles$\anafaes\Downloads\f65791d1-a94f-45cc-a895-99e9ee2f6c18.tmp</t>
  </si>
  <si>
    <t>0e2dbe84-2f57-4038-9494-e6d7476f703f.tmp</t>
  </si>
  <si>
    <t>\\acsfs\profiles$\georgendsq\Downloads\0e2dbe84-2f57-4038-9494-e6d7476f703f.tmp</t>
  </si>
  <si>
    <t>RAFAELA CRISTINA DE OLIVEIRA CLEMENTINO_1_6775660081774148714_1_32.wav</t>
  </si>
  <si>
    <t>\\acsfs\Deptos\EDUCACAO EMPRESARIAL\KÉSIA\Ligações 1º Ciclo - Janeiro 2020\RAFAELA CRISTINA DE OLIVEIRA CLEMENTINO_1_6775660081774148714_1_32.wav</t>
  </si>
  <si>
    <t>5f820524-0fab-479c-93dc-6334552d1ae1.tmp</t>
  </si>
  <si>
    <t>\\acsfs\profiles$\myllenardl\Downloads\5f820524-0fab-479c-93dc-6334552d1ae1.tmp</t>
  </si>
  <si>
    <t>b9a201ba-a29b-4c9e-bc4a-1a6edf2664a9.tmp</t>
  </si>
  <si>
    <t>\\acsfs\profiles$\andressamf\Downloads\b9a201ba-a29b-4c9e-bc4a-1a6edf2664a9.tmp</t>
  </si>
  <si>
    <t>Não confirmado 848081.crdownload</t>
  </si>
  <si>
    <t>\\acsfs\profiles$\andressamf\Downloads\Não confirmado 848081.crdownload</t>
  </si>
  <si>
    <t>64bbbc73-eba6-4ff2-b4bd-67c075907f03.tmp</t>
  </si>
  <si>
    <t>\\acsfs\profiles$\andressamf\Downloads\64bbbc73-eba6-4ff2-b4bd-67c075907f03.tmp</t>
  </si>
  <si>
    <t>Q29udHJvbGxlci5JRS1JbmZvQlY- (46).ica</t>
  </si>
  <si>
    <t>\\acsfs\profiles$\andressamf\Downloads\Q29udHJvbGxlci5JRS1JbmZvQlY- (46).ica</t>
  </si>
  <si>
    <t>8ad04f95-d3c2-490d-bf6c-6843788f2049.tmp</t>
  </si>
  <si>
    <t>\\acsfs\profiles$\andressamf\Downloads\8ad04f95-d3c2-490d-bf6c-6843788f2049.tmp</t>
  </si>
  <si>
    <t>030634c4-3e10-4c39-bc17-cb4fe5045a21.tmp</t>
  </si>
  <si>
    <t>\\acsfs\profiles$\georgendsq\Downloads\030634c4-3e10-4c39-bc17-cb4fe5045a21.tmp</t>
  </si>
  <si>
    <t>58faf198-de04-42c9-9b1d-763164e34f5a.tmp</t>
  </si>
  <si>
    <t>\\acsfs\profiles$\georgendsq\Downloads\58faf198-de04-42c9-9b1d-763164e34f5a.tmp</t>
  </si>
  <si>
    <t>7cd696fa-f1fc-4a1f-bb18-733de60010c0.tmp</t>
  </si>
  <si>
    <t>\\acsfs\profiles$\georgendsq\Downloads\7cd696fa-f1fc-4a1f-bb18-733de60010c0.tmp</t>
  </si>
  <si>
    <t>4f2de413-9941-49a4-b80a-0e31cba2d99a.tmp</t>
  </si>
  <si>
    <t>\\acsfs\profiles$\georgendsq\Downloads\4f2de413-9941-49a4-b80a-0e31cba2d99a.tmp</t>
  </si>
  <si>
    <t>c476245c-c176-4915-8cf4-480017d6c716.tmp</t>
  </si>
  <si>
    <t>\\acsfs\profiles$\andreapdsg\Downloads\c476245c-c176-4915-8cf4-480017d6c716.tmp</t>
  </si>
  <si>
    <t>75c11403-598e-459b-8c60-7a0de71beec8.tmp</t>
  </si>
  <si>
    <t>\\acsfs\profiles$\laurandos\Downloads\75c11403-598e-459b-8c60-7a0de71beec8.tmp</t>
  </si>
  <si>
    <t>\\acsfs\ACS\Gabriel da Silva\Contemporânea\BDBV\B6490FD5.tmp\</t>
  </si>
  <si>
    <t>\\acsfs\ACS\Gabriel da Silva\Contemporânea\BDBV\B6490FD5.tmp\:Zone.Identifier:$DATA</t>
  </si>
  <si>
    <t>mail.google.com/sync/u/0/i/s?hl=pt-BR&amp;c=1122</t>
  </si>
  <si>
    <t>8c448c11-bd7f-4382-a9ae-c0735ccce920.tmp</t>
  </si>
  <si>
    <t>\\acsfs\profiles$\rosileiam\Downloads\8c448c11-bd7f-4382-a9ae-c0735ccce920.tmp</t>
  </si>
  <si>
    <t>a180e017-03cc-46c3-8e2e-6441d67f57d2.tmp</t>
  </si>
  <si>
    <t>\\acsfs\profiles$\rosileiam\Downloads\a180e017-03cc-46c3-8e2e-6441d67f57d2.tmp</t>
  </si>
  <si>
    <t>skil 07-01.xlsx</t>
  </si>
  <si>
    <t>\\acsfs\Deptos\EDUCACAO EMPRESARIAL\FERNANDA MONIT\Fernanda\MONITORIA JANEIRO\skil 07-01.xlsx</t>
  </si>
  <si>
    <t>skil 06-01.xlsx</t>
  </si>
  <si>
    <t>\\acsfs\Deptos\EDUCACAO EMPRESARIAL\FERNANDA MONIT\Fernanda\MONITORIA JANEIRO\skil 06-01.xlsx</t>
  </si>
  <si>
    <t>40f2e7ed-3fd0-4265-bc36-99194b697567.tmp</t>
  </si>
  <si>
    <t>\\acsfs\profiles$\joycemmdl\Downloads\40f2e7ed-3fd0-4265-bc36-99194b697567.tmp</t>
  </si>
  <si>
    <t>b6b06616-4bc4-43e5-bd8c-8cd04f618f95.tmp</t>
  </si>
  <si>
    <t>\\acsfs\profiles$\fabianafv\Downloads\b6b06616-4bc4-43e5-bd8c-8cd04f618f95.tmp</t>
  </si>
  <si>
    <t>\\acsfs\ACS\Gabriel da Silva\Contemporânea\BDBV\29334BB0.tmp\</t>
  </si>
  <si>
    <t>\\acsfs\ACS\Gabriel da Silva\Contemporânea\BDBV\29334BB0.tmp\:Zone.Identifier:$DATA</t>
  </si>
  <si>
    <t>mail.google.com/sync/u/0/i/s?hl=pt-BR&amp;c=1130</t>
  </si>
  <si>
    <t>mail.google.com/sync/u/0/i/s?hl=pt-BR&amp;c=1133</t>
  </si>
  <si>
    <t>mail.google.com/sync/u/0/i/s?hl=pt-BR&amp;c=1135</t>
  </si>
  <si>
    <t>mail.google.com/sync/u/0/i/s?hl=pt-BR&amp;c=1139</t>
  </si>
  <si>
    <t>mail.google.com/sync/u/0/i/s?hl=pt-BR&amp;c=1141</t>
  </si>
  <si>
    <t>mail.google.com/sync/u/0/i/s?hl=pt-BR&amp;c=1143</t>
  </si>
  <si>
    <t>mail.google.com/sync/u/0/i/s?hl=pt-BR&amp;c=1146</t>
  </si>
  <si>
    <t>mail.google.com/sync/u/0/i/s?hl=pt-BR&amp;c=1148</t>
  </si>
  <si>
    <t>mail.google.com/sync/u/0/i/s?hl=pt-BR&amp;c=1150</t>
  </si>
  <si>
    <t>mail.google.com/sync/u/0/i/s?hl=pt-BR&amp;c=1152</t>
  </si>
  <si>
    <t>mail.google.com/sync/u/0/i/s?hl=pt-BR&amp;c=1154</t>
  </si>
  <si>
    <t>mail.google.com/sync/u/0/i/s?hl=pt-BR&amp;c=1156</t>
  </si>
  <si>
    <t>mail.google.com/sync/u/0/i/s?hl=pt-BR&amp;c=1158</t>
  </si>
  <si>
    <t>mail.google.com/sync/u/0/i/s?hl=pt-BR&amp;c=1160</t>
  </si>
  <si>
    <t>90469814-d161-4e36-b1f1-53e57abfb203.tmp</t>
  </si>
  <si>
    <t>\\acsfs\profiles$\nathaliaos\Downloads\90469814-d161-4e36-b1f1-53e57abfb203.tmp</t>
  </si>
  <si>
    <t>http:///batch?%24ct=multipart%2Fmixed%3B%20boundary%3D%22%3D%3D%3D%3D%3D30y7bwlot7wj%3D%3D%3D%3D%3D%22&amp;key=AIzaSyAy9VVXHSpS2IJpptzYtGbLP3-3_l0aBk4</t>
  </si>
  <si>
    <t>ancestorhasaugmen;containsunsubscribedchildren;displayname;domain;emaila;emailaddress;filesize;id);ken=ac4w5vgircxzhzyis1-mff-e6hk1pbkvtg:1578415859549&amp;buildlabel=drive.web-frontend_20191211.00_p1;lastmodifyinguser(kind;lastviewedbymedate;modifiedbymedate;ontainsunsubscribedchildren;owners(kind;permissionid;picture;rpermissions;workspaceids;</t>
  </si>
  <si>
    <t>http://ancestorhasaugmen,containsunsubscribedchildren,displayname,domain,emaila,emailaddress,filesize,id),ken=ac4w5vgircxzhzyis1-mff-e6hk1pbkvtg:1578415859549&amp;buildlabel=drive.web-frontend_20191211.00_p1,lastmodifyinguser(kind,lastviewedbymedate,modifiedbymedate,ontainsunsubscribedchildren,owners(kind,permissionid,picture,rpermissions,workspaceids</t>
  </si>
  <si>
    <t>a15b17dc-a15f-496a-91f0-0e8570fcecff.tmp</t>
  </si>
  <si>
    <t>\\acsfs\profiles$\nathaliaos\Downloads\a15b17dc-a15f-496a-91f0-0e8570fcecff.tmp</t>
  </si>
  <si>
    <t>52675685-f021-4b3b-bb96-a588f0d2d8a7.tmp</t>
  </si>
  <si>
    <t>\\acsfs\profiles$\nathaliaos\Downloads\52675685-f021-4b3b-bb96-a588f0d2d8a7.tmp</t>
  </si>
  <si>
    <t>043054ee-1396-44d3-bfb4-f1251944ef1a.tmp</t>
  </si>
  <si>
    <t>\\acsfs\profiles$\georgendsq\Downloads\043054ee-1396-44d3-bfb4-f1251944ef1a.tmp</t>
  </si>
  <si>
    <t>\\acsfs\ACS\Gabriel da Silva\Contemporânea\BDBV\F851B027.tmp\</t>
  </si>
  <si>
    <t>\\acsfs\ACS\Gabriel da Silva\Contemporânea\BDBV\F851B027.tmp\:Zone.Identifier:$DATA</t>
  </si>
  <si>
    <t>\\acsfs\ACS\Gabriel da Silva\Contemporânea\BDBV\B3DDCF6A.tmp\</t>
  </si>
  <si>
    <t>\\acsfs\ACS\Gabriel da Silva\Contemporânea\BDBV\B3DDCF6A.tmp\:Zone.Identifier:$DATA</t>
  </si>
  <si>
    <t>4bd32599-2f66-4b7a-b941-bc9fe3f9a8aa.tmp</t>
  </si>
  <si>
    <t>\\acsfs\profiles$\cintiadjl\Downloads\4bd32599-2f66-4b7a-b941-bc9fe3f9a8aa.tmp</t>
  </si>
  <si>
    <t>\\acsfs\deptos\operacao\banco_votorantim\supervisao\supers bv cartÕes\</t>
  </si>
  <si>
    <t>layout bv cartoes.xlsx</t>
  </si>
  <si>
    <t>Kamilla Carolina Rodrigues_1_6774736904323665942_1_32.wav</t>
  </si>
  <si>
    <t>\\acsfs\Deptos\EDUCACAO EMPRESARIAL\FERNANDA MONIT\Fernanda\MONITORIA JANEIRO\Ligaçoes para MUTANT primeiro ciclo janeiro\Kamilla Carolina Rodrigues_1_6774736904323665942_1_32.wav</t>
  </si>
  <si>
    <t>1da06313-4a86-41b8-b9a6-a0791e7805af.tmp</t>
  </si>
  <si>
    <t>\\acsfs\profiles$\taylaedoa\Downloads\1da06313-4a86-41b8-b9a6-a0791e7805af.tmp</t>
  </si>
  <si>
    <t>\\acsfs\ACS\Gabriel da Silva\Contemporânea\BDBV\CBF9F69.tmp\</t>
  </si>
  <si>
    <t>\\acsfs\ACS\Gabriel da Silva\Contemporânea\BDBV\CBF9F69.tmp\:Zone.Identifier:$DATA</t>
  </si>
  <si>
    <t>\\acsfs\ACS\Gabriel da Silva\Contemporânea\BDBV\3B04A4D4.tmp\</t>
  </si>
  <si>
    <t>\\acsfs\ACS\Gabriel da Silva\Contemporânea\BDBV\3B04A4D4.tmp\:Zone.Identifier:$DATA</t>
  </si>
  <si>
    <t>\\acsfs\ACS\Gabriel da Silva\Contemporânea\BDBV\8BE9FA1B.tmp\</t>
  </si>
  <si>
    <t>\\acsfs\ACS\Gabriel da Silva\Contemporânea\BDBV\8BE9FA1B.tmp\:Zone.Identifier:$DATA</t>
  </si>
  <si>
    <t>17f719f1-f70d-4a4c-90b1-421b5310b3be.tmp</t>
  </si>
  <si>
    <t>\\acsfs\profiles$\mariajaf\Downloads\17f719f1-f70d-4a4c-90b1-421b5310b3be.tmp</t>
  </si>
  <si>
    <t>a8ffccff-4d94-48f2-a9d1-bf59b7f704cb.tmp</t>
  </si>
  <si>
    <t>\\acsfs\profiles$\taylaedoa\Downloads\a8ffccff-4d94-48f2-a9d1-bf59b7f704cb.tmp</t>
  </si>
  <si>
    <t>2833310b-0869-4478-86f7-c49ca7a46a28.tmp</t>
  </si>
  <si>
    <t>\\acsfs\profiles$\KARLABDS\Downloads\2833310b-0869-4478-86f7-c49ca7a46a28.tmp</t>
  </si>
  <si>
    <t>cd6556fd-85bf-4d91-ab2d-7e8bfbc665c6.tmp</t>
  </si>
  <si>
    <t>\\acsfs\profiles$\fabianobmf\Downloads\cd6556fd-85bf-4d91-ab2d-7e8bfbc665c6.tmp</t>
  </si>
  <si>
    <t>http:///batch?%24ct=multipart%2Fmixed%3B%20boundary%3D%22%3D%3D%3D%3D%3Dwc95d4cixlpk%3D%3D%3D%3D%3D%22&amp;key=AIzaSyAy9VVXHSpS2IJpptzYtGbLP3-3_l0aBk4</t>
  </si>
  <si>
    <t>http:///batch?%24ct=multipart%2Fmixed%3B%20boundary%3D%22%3D%3D%3D%3D%3Demshjnr31mv8%3D%3D%3D%3D%3D%22&amp;key=AIzaSyAy9VVXHSpS2IJpptzYtGbLP3-3_l0aBk4</t>
  </si>
  <si>
    <t>http:///batch?%24ct=multipart%2Fmixed%3B%20boundary%3D%22%3D%3D%3D%3D%3Dl0twht8asnfm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ure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ure,rpermissions,shared,sharedwithmedate,thumbnailversion,title,userpermission(role),workspaceids</t>
  </si>
  <si>
    <t>http:///batch?%24ct=multipart%2Fmixed%3B%20boundary%3D%22%3D%3D%3D%3D%3Drsi26cl8bae5%3D%3D%3D%3D%3D%22&amp;key=AIzaSyAy9VVXHSpS2IJpptzYtGbLP3-3_l0aBk4</t>
  </si>
  <si>
    <t>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u;picture;rpermissions;shared;sharedwithmedate;thumbnailversion;title;userpermission(role);workspaceids;</t>
  </si>
  <si>
    <t>http://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u,picture,rpermissions,shared,sharedwithmedate,thumbnailversion,title,userpermission(role),workspaceids</t>
  </si>
  <si>
    <t>http:///batch?%24ct=multipart%2Fmixed%3B%20boundary%3D%22%3D%3D%3D%3D%3D7ve3dhxw9g55%3D%3D%3D%3D%3D%22&amp;key=AIzaSyAy9VVXHSpS2IJpptzYtGbLP3-3_l0aBk4</t>
  </si>
  <si>
    <t>ances;ancest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;pictu;picture;rpermissions;shared;sharedwithmedate;thumbnailversion;title;userpermission(role);workspaceids;</t>
  </si>
  <si>
    <t>http://ances,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,pictu,picture,rpermissions,shared,sharedwithmedate,thumbnailversion,title,userpermission(role),workspaceids</t>
  </si>
  <si>
    <t>http:///batch?%24ct=multipart%2Fmixed%3B%20boundary%3D%22%3D%3D%3D%3D%3Dn9tv2vo88e6d%3D%3D%3D%3D%3D%22&amp;key=AIzaSyAy9VVXHSpS2IJpptzYtGbLP3-3_l0aBk4</t>
  </si>
  <si>
    <t>http:///batch?%24ct=multipart%2Fmixed%3B%20boundary%3D%22%3D%3D%3D%3D%3Dn8u8gi7o0h1%3D%3D%3D%3D%3D%22&amp;key=AIzaSyAy9VVXHSpS2IJpptzYtGbLP3-3_l0aBk4</t>
  </si>
  <si>
    <t>http:///batch?%24ct=multipart%2Fmixed%3B%20boundary%3D%22%3D%3D%3D%3D%3D7j4nysirgbgz%3D%3D%3D%3D%3D%22&amp;key=AIzaSyAy9VVXHSpS2IJpptzYtGbLP3-3_l0aBk4</t>
  </si>
  <si>
    <t>http:///batch?%24ct=multipart%2Fmixed%3B%20boundary%3D%22%3D%3D%3D%3D%3D7h57mdt0bm8b%3D%3D%3D%3D%3D%22&amp;key=AIzaSyAy9VVXHSpS2IJpptzYtGbLP3-3_l0aBk4</t>
  </si>
  <si>
    <t>http:///batch?%24ct=multipart%2Fmixed%3B%20boundary%3D%22%3D%3D%3D%3D%3Du94koy5uk5gp%3D%3D%3D%3D%3D%22&amp;key=AIzaSyAy9VVXHSpS2IJpptzYtGbLP3-3_l0aBk4</t>
  </si>
  <si>
    <t>http:///batch?%24ct=multipart%2Fmixed%3B%20boundary%3D%22%3D%3D%3D%3D%3Dv0doer1q82o7%3D%3D%3D%3D%3D%22&amp;key=AIzaSyAy9VVXHSpS2IJpptzYtGbLP3-3_l0aBk4</t>
  </si>
  <si>
    <t>http:///batch?%24ct=multipart%2Fmixed%3B%20boundary%3D%22%3D%3D%3D%3D%3Dep8vi0o1p2y1%3D%3D%3D%3D%3D%22&amp;key=AIzaSyAy9VVXHSpS2IJpptzYtGbLP3-3_l0aBk4</t>
  </si>
  <si>
    <t>http:///batch?%24ct=multipart%2Fmixed%3B%20boundary%3D%22%3D%3D%3D%3D%3D7t5pfkmm1ijw%3D%3D%3D%3D%3D%22&amp;key=AIzaSyAy9VVXHSpS2IJpptzYtGbLP3-3_l0aBk4</t>
  </si>
  <si>
    <t>0;0.241;0.241];0.668;0];12.854];137.449;13700451;13700563;13700883;13701239;13701262;13701298]];13701418;13701534;13701537;13701573;13701614;13701621;13701906;13701909;13702064;13702068;15.344;15.344];21.089999994728714;21.464;21.464];29.174999974202365;29.445000051055104;3;30.11499997228384;32.81000000424683;32.869999995455146;33.212;33.212];39.745000016409904;4;4.843;40.24499998195097;522.110000019893;534.4199999817647;5701393;58.465000009164214;6.009];61.105000029783696;641.7399999918416;642.5349999917671;642.7350000012666;642.9399999906309;643.0399999953806;694.7050000308082;695.5999999772757;696.1100000189617;696.6300000203773;697.4649999756366;700";73.34499998250976;735.365000;735.3650000295602;75.44500002404675;890.048];:400;["mozilla/5.0 (windows nt 6.1; win64; x64) applewebkit/537.36 (khtml;css;false;false];first-contentful-paint;first-paint;https://apis.google.com/js/api.js;https://drive.google.com/_/drive_fe/_/ss/k=drive_fe.main.-gmtuyfb358zg.l.w.o/am=mbrqmnyi_cx4iqam/d=0/ct=zgms/rs=afb8gszu7phqchi</t>
  </si>
  <si>
    <t>http://0,0.241,0.241],0.668,0],12.854],137.449,13700451,13700563,13700883,13701239,13701262,13701298]],13701418,13701534,13701537,13701573,13701614,13701621,13701906,13701909,13702064,13702068,15.344,15.344],21.089999994728714,21.464,21.464],29.174999974202365,29.445000051055104,3,30.11499997228384,32.81000000424683,32.869999995455146,33.212,33.212],39.745000016409904,4,4.843,40.24499998195097,522.110000019893,534.4199999817647,5701393,58.465000009164214,6.009],61.105000029783696,641.7399999918416,642.5349999917671,642.7350000012666,642.9399999906309,643.0399999953806,694.7050000308082,695.5999999772757,696.1100000189617,696.6300000203773,697.4649999756366,700",73.34499998250976,735.365000,735.3650000295602,75.44500002404675,890.048],:400,["mozilla/5.0 (windows nt 6.1; win64; x64) applewebkit/537.36 (khtml,css,false,false],first-contentful-paint,first-paint,https://apis.google.com/js/api.js,https://drive.google.com/_/drive_fe/_/ss/k=drive_fe.main.-gmtuyfb358zg.l.w.o/am=mbrqmnyi_cx4iqam/d=0/ct=zgms/rs=afb8gszu</t>
  </si>
  <si>
    <t>0;0.241;0.241];0.668;0];1027.7399999904446;103.60500001115724;12.854];1254.2350000003353;1266.8500000145286;13.636;137.449;13700451;13700563;13700883;13701239;13701262;13701298]];13701418;13701534;13701537;13701573;13701614;13701621;13701906;13701909;13702064;13702068;15.344;15.344];15.552;15.552];1590.64];173.21999999694526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21.089999994728714;21.464;21.464];21.7;21.7];29.174999974202365;29.445000051055104;3;30.11499997228384;30.32999997958541;30.72999999858439;32.81000000424683;32.869999995455146;33.212;33.212];33.9549999916926;38.434];39.745000016409904;4;4.765000019688159;4.843;40.24499998195097;455.5050000199117;5;508.</t>
  </si>
  <si>
    <t>http://0,0.241,0.241],0.668,0],1027.7399999904446,103.60500001115724,12.854],1254.2350000003353,1266.8500000145286,13.636,137.449,13700451,13700563,13700883,13701239,13701262,13701298]],13701418,13701534,13701537,13701573,13701614,13701621,13701906,13701909,13702064,13702068,15.344,15.344],15.552,15.552],1590.64],173.21999999694526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21.089999994728714,21.464,21.464],21.7,21.7],29.174999974202365,29.445000051055104,3,30.11499997228384,30.32999997958541,30.72999999858439,32.81000000424683,32.869999995455146,33.212,33.212],33.9549999916926,38.434],39.745000016409904,4,4.765000019688159,4.843,40.24499998195097,455.5050000199117</t>
  </si>
  <si>
    <t>0;0.241;0.241];0.668;0];1027.7399999904446;103.60500001115724;12.854];1254.2350000003353;1266.8500000145286;1270.3650000039488;1274.619999981951;13.636;137.449;13700451;13700563;13700883;13701239;13701262;13701298]];13701418;13701534;13701537;13701573;13701614;13701621;13701906;13701909;13702064;13702068;139.00999998440966;1406.3650000025518;1408.0350000294857;15.344;15.344];15.552;15.552];1513.0099999951199;159.879999991972;1590.64];1601.1900000157766;173.21999999694526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196.83999998960644;21.089999994728714;21.464;21.464];21.7;21.7];29.174999974202365;29.445000051055104;3;30.114999972</t>
  </si>
  <si>
    <t>http://0,0.241,0.241],0.668,0],1027.7399999904446,103.60500001115724,12.854],1254.2350000003353,1266.8500000145286,1270.3650000039488,1274.619999981951,13.636,137.449,13700451,13700563,13700883,13701239,13701262,13701298]],13701418,13701534,13701537,13701573,13701614,13701621,13701906,13701909,13702064,13702068,139.00999998440966,1406.3650000025518,1408.0350000294857,15.344,15.344],15.552,15.552],1513.0099999951199,159.879999991972,1590.64],1601.1900000157766,173.21999999694526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196.83999998960644,21.089999994728714,21.464,21.464],21.7,21.7],29.174999974202365,29.445000051055104,3,30.11</t>
  </si>
  <si>
    <t>0;0.241;0.241];0.668;0];1027.7399999904446;103.60500001115724;12.854];1254.2350000003353;1266.8500000145286;127.128;1270.3650000039488;1274.619999981951;13.636;137.449;13700451;13700563;13700883;13701239;13701262;13701298]];13701418;13701534;13701537;13701573;13701614;13701621;13701906;13701909;13702064;13702068;139.00999998440966;1406.3650000025518;1408.0350000294857;15.344;15.344];15.552;15.552];1513.0099999951199;152.18500001356006;1571.1299999966286;159.879999991972;1590.64];1601.1900000157766;1620.249999978114;1643.0600000312552;173.21999999694526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196.83999998960644;2009.655000001</t>
  </si>
  <si>
    <t>http://0,0.241,0.241],0.668,0],1027.7399999904446,103.60500001115724,12.854],1254.2350000003353,1266.8500000145286,127.128,1270.3650000039488,1274.619999981951,13.636,137.449,13700451,13700563,13700883,13701239,13701262,13701298]],13701418,13701534,13701537,13701573,13701614,13701621,13701906,13701909,13702064,13702068,139.00999998440966,1406.3650000025518,1408.0350000294857,15.344,15.344],15.552,15.552],1513.0099999951199,152.18500001356006,1571.1299999966286,159.879999991972,1590.64],1601.1900000157766,1620.249999978114,1643.0600000312552,173.21999999694526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196.83999998960644,2009.65</t>
  </si>
  <si>
    <t>0;0.241;0.241];0.668;0];1.553;1027.7399999904446;103.60500001115724;12.854];1254.2350000003353;1266.8500000145286;127.128;1270.3650000039488;1274.619999981951;13.636;137.449;13700451;13700563;13700883;13701239;13701262;13701298]];13701418;13701534;13701537;13701573;13701614;13701621;13701906;13701909;13702064;13702068;139.00999998440966;1406.3650000025518;1408.0350000294857;15.344;15.344];15.552;15.552];1513.0099999951199;152.18500001356006;1554.085000010673;1571.1299999966286;159.879999991972;1590.64];1601.1900000157766;1620.249999978114;1643.0600000312552;173.21999999694526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;196.83999</t>
  </si>
  <si>
    <t>http://0,0.241,0.241],0.668,0],1.553,1027.7399999904446,103.60500001115724,12.854],1254.2350000003353,1266.8500000145286,127.128,1270.3650000039488,1274.619999981951,13.636,137.449,13700451,13700563,13700883,13701239,13701262,13701298]],13701418,13701534,13701537,13701573,13701614,13701621,13701906,13701909,13702064,13702068,139.00999998440966,1406.3650000025518,1408.0350000294857,15.344,15.344],15.552,15.552],1513.0099999951199,152.18500001356006,1554.085000010673,1571.1299999966286,159.879999991972,1590.64],1601.1900000157766,1620.249999978114,1643.0600000312552,173.21999999694526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ull: class$obf_1010: [object object],19</t>
  </si>
  <si>
    <t>0;0.241;0.241];0.333;0.668;0.683];0];1.553;1027.7399999904446;103.60500001115724;12.854];1254.2350000003353;1266.8500000145286;127.128;1270.3650000039488;1274.619999981951;13.636;13.846;13.846];137.449;13700451;13700563;13700883;13701239;13701262;13701298]];13701418;13701534;13701537;13701573;13701614;13701621;13701906;13701909;13702064;13702068;139.00999998440966;1406.3650000025518;1408.0350000294857;15.344;15.344];15.552;15.552];1513.0099999951199;152.18500001356006;1554.085000010673;1571.1299999966286;159.879999991972;1590.64];1601.1900000157766;1620.249999978114;1643.0600000312552;173.21999999694526;175.5600000033155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atus: n</t>
  </si>
  <si>
    <t>http://0,0.241,0.241],0.333,0.668,0.683],0],1.553,1027.7399999904446,103.60500001115724,12.854],1254.2350000003353,1266.8500000145286,127.128,1270.3650000039488,1274.619999981951,13.636,13.846,13.846],137.449,13700451,13700563,13700883,13701239,13701262,13701298]],13701418,13701534,13701537,13701573,13701614,13701621,13701906,13701909,13702064,13702068,139.00999998440966,1406.3650000025518,1408.0350000294857,15.344,15.344],15.552,15.552],1513.0099999951199,152.18500001356006,1554.085000010673,1571.1299999966286,159.879999991972,1590.64],1601.1900000157766,1620.249999978114,1643.0600000312552,173.21999999694526,175.5600000033155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6.google.com/v2/taskassist:compose?alt=protojson] me: unsupported http st</t>
  </si>
  <si>
    <t>0;0.241;0.241];0.328;0.333;0.462];0.481;0.668;0.683];0.929;0.938];0];1.146];1.553;1027.7399999904446;103.60500001115724;11.011;11.011];12.364;12.854];1254.2350000003353;1266.8500000145286;127.128;1270.3650000039488;1274.619999981951;13.636;13.846;13.846];137.449;13700451;13700563;13700883;13701239;13701262;13701298]];13701418;13701534;13701537;13701573;13701614;13701621;13701906;13701909;13702064;13702068;139.00999998440966;14.979999978095293;1406.3650000025518;1408.0350000294857;15.344;15.344];15.552;15.552];1513.0099999951199;152.18500001356006;1554.085000010673;1571.1299999966286;159.879999991972;1590.64];1601.1900000157766;1620.249999978114;1643.0600000312552;173.21999999694526;175.5600000033155;189.23499999800697;191.48999999742955;196.83999998960/_/scs/mail-static/_/js/k=gmail.main.pt_br.fom9ygdg1xm.o/am=x9p_s3la8bl4tjoagsagg0ike_g9kyxykoflaf8xi4qfujfoawaaaaaaaaaaaaaaaaaagd3qwak/d=1/im=1/dg=0/ct=zgms/rs=ahgwq9drbjri6dqgcyo-tcdzffnsarzgqw/m=b:1953:175:&amp;error=class$obf_1011: [https://taskassist-pa.clients</t>
  </si>
  <si>
    <t>http://0,0.241,0.241],0.328,0.333,0.462],0.481,0.668,0.683],0.929,0.938],0],1.146],1.553,1027.7399999904446,103.60500001115724,11.011,11.011],12.364,12.854],1254.2350000003353,1266.8500000145286,127.128,1270.3650000039488,1274.619999981951,13.636,13.846,13.846],137.449,13700451,13700563,13700883,13701239,13701262,13701298]],13701418,13701534,13701537,13701573,13701614,13701621,13701906,13701909,13702064,13702068,139.00999998440966,14.979999978095293,1406.3650000025518,1408.0350000294857,15.344,15.344],15.552,15.552],1513.0099999951199,152.18500001356006,1554.085000010673,1571.1299999966286,159.879999991972,1590.64],1601.1900000157766,1620.249999978114,1643.0600000312552,173.21999999694526,175.5600000033155,189.23499999800697,191.48999999742955,196.83999998960/_/scs/mail-static/_/js/k=gmail.main.pt_br.fom9ygdg1xm.o/am=x9p_s3la8bl4tjoagsagg0ike_g9kyxykoflaf8xi4qfujfoawaaaaaaaaaaaaaaaaaagd3qwak/d=1/im=1/dg=0/ct=zgms/rs=ahgwq9drbjri6dqgcyo-tcdzffnsarzgqw/m=b:1953:175:&amp;error=class$obf_1011: [https://taskassist-pa.</t>
  </si>
  <si>
    <t>0;0.241;0.241];0.328;0.333;0.462];0.481;0.668;0.683];0.929;0.938];0];1.146];1.553;10.448;10.448];1027.7399999904446;103.60500001115724;11.011;11.011];11.027;11.027];11.531;12.364;12.854];124.55500004580244;1254.2350000003353;1266.8500000145286;127.128;1270.3650000039488;1274.619999981951;13.154999993275851;13.636;13.846;13.846];137.449;13700451;13700563;13700883;13701239;13701262;13701298]];13701418;13701534;13701537;13701573;13701614;13701621;13701906;13701909;13702064;13702068;139.00999998440966;14.979999978095293;1406.3650000025518;1408.0350000294857;15.344;15.344];15.552;15.552];1513.0099999951199;152.18500001356006;1554.085000010673;1571.1299999966286;159.879999991972;1590.64];1601.1900000157766;1620.249999978114;1643.0600000312552;17.641;17.641];173.21999999694526;175.5600000033155;18.887;18.887];189.23499999800697;191.48999999742955;196.83999998960/_/scs/mail-static/_/js/k=gmail.main.pt_br.fom9ygdg1xm.o/am=x9p_s3la8bl4tjoagsagg0ike_g9kyxykoflaf8xi4qfujfoawaaaaaaaaaaaaaaaaaagd3qwak/d=1/im=1/dg=0/ct=zgms</t>
  </si>
  <si>
    <t>http://0,0.241,0.241],0.328,0.333,0.462],0.481,0.668,0.683],0.929,0.938],0],1.146],1.553,10.448,10.448],1027.7399999904446,103.60500001115724,11.011,11.011],11.027,11.027],11.531,12.364,12.854],124.55500004580244,1254.2350000003353,1266.8500000145286,127.128,1270.3650000039488,1274.619999981951,13.154999993275851,13.636,13.846,13.846],137.449,13700451,13700563,13700883,13701239,13701262,13701298]],13701418,13701534,13701537,13701573,13701614,13701621,13701906,13701909,13702064,13702068,139.00999998440966,14.979999978095293,1406.3650000025518,1408.0350000294857,15.344,15.344],15.552,15.552],1513.0099999951199,152.18500001356006,1554.085000010673,1571.1299999966286,159.879999991972,1590.64],1601.1900000157766,1620.249999978114,1643.0600000312552,17.641,17.641],173.21999999694526,175.5600000033155,18.887,18.887],189.23499999800697,191.48999999742955,196.83999998960/_/scs/mail-static/_/js/k=gmail.main.pt_br.fom9ygdg1xm.o/am=x9p_s3la8bl4tjoagsagg0ike_g9kyxykoflaf8xi4qfujfoawaaaaaaaaaaaaaaaaaagd3qwak/d=1/im=1/dg=0/</t>
  </si>
  <si>
    <t>0;0.241;0.241];0.273;0.328;0.333;0.371];0.384;0.441;0.462];0.481;0.526;0.562;0.668;0.675];0.683];0.697];0.908];0.929;0.938];0.964];0];1.146];1.553;10.448;10.448];1027.7399999904446;103.60500001115724;11.011;11.011];11.027;11.027];11.237;11.531;12.364;12.854];124.55500004580244;1254.2350000003353;1266.8500000145286;127.128;1270.3650000039488;1274.619999981951;13.154999993275851;13.636;13.846;13.846];137.449;13700451;13700563;13700883;13701239;13701262;13701298]];13701418;13701534;13701537;13701573;13701614;13701621;13701906;13701909;13702064;13702068;139.00999998440966;14.979999978095293;140.7049999688752;1406.3650000025518;1408.0350000294857;15.344;15.344];15.552;15.552];1513.0099999951199;152.18500001356006;1554.085000010673;1571.1299999966286;159.879999991972;1590.64];1601.1900000157766;1620.249999978114;1643.0600000312552;17.641;17.641];173.21999999694526;175.5600000033155;18.887;18.887];189.23499999800697;189.9499999708496;191.48999999742955;196.83999998960/_/scs/mail-static/_/js/k=gmail.main.pt_br.fom9yg</t>
  </si>
  <si>
    <t>http://0,0.241,0.241],0.273,0.328,0.333,0.371],0.384,0.441,0.462],0.481,0.526,0.562,0.668,0.675],0.683],0.697],0.908],0.929,0.938],0.964],0],1.146],1.553,10.448,10.448],1027.7399999904446,103.60500001115724,11.011,11.011],11.027,11.027],11.237,11.531,12.364,12.854],124.55500004580244,1254.2350000003353,1266.8500000145286,127.128,1270.3650000039488,1274.619999981951,13.154999993275851,13.636,13.846,13.846],137.449,13700451,13700563,13700883,13701239,13701262,13701298]],13701418,13701534,13701537,13701573,13701614,13701621,13701906,13701909,13702064,13702068,139.00999998440966,14.979999978095293,140.7049999688752,1406.3650000025518,1408.0350000294857,15.344,15.344],15.552,15.552],1513.0099999951199,152.18500001356006,1554.085000010673,1571.1299999966286,159.879999991972,1590.64],1601.1900000157766,1620.249999978114,1643.0600000312552,17.641,17.641],173.21999999694526,175.5600000033155,18.887,18.887],189.23499999800697,189.9499999708496,191.48999999742955,196.83999998960/_/scs/mail-static/_/js/k=gmail.main.pt_br</t>
  </si>
  <si>
    <t>0;0.241;0.241];0.273;0.306;0.311;0.328;0.333;0.341;0.371];0.384;0.441;0.462];0.481;0.526;0.534];0.562;0.616];0.62];0.668;0.675];0.683];0.697];0.908];0.929;0.938];0.964];0];1.146];1.553;10.448;10.448];1027.7399999904446;103.60500001115724;11.011;11.011];11.027;11.027];11.237;11.531;12.364;12.854];124.55500004580244;1254.2350000003353;1266.8500000145286;127.128;1270.3650000039488;1274.619999981951;1280];1280]];13.154999993275851;13.636;13.846;13.846];137.449;13700451;13700563;13700883;13701239;13701262;13701298]];13701418;13701534;13701537;13701573;13701614;13701621;13701906;13701909;13702064;13702068;139.00999998440966;14.979999978095293;140.7049999688752;1406.3650000025518;1408.0350000294857;15.344;15.344];15.552;15.552];1513.0099999951199;152.18500001356006;1554.085000010673;1571.1299999966286;1578429579591000;159.879999991972;1590.64];16.029999998863786;1601.1900000157766;1620.249999978114;1643.0600000312552;17.641;17.641];173.21999999694526;175.5600000033155;18.887;18.887];189.23499999800697;189.9499999708</t>
  </si>
  <si>
    <t>http://0,0.241,0.241],0.273,0.306,0.311,0.328,0.333,0.341,0.371],0.384,0.441,0.462],0.481,0.526,0.534],0.562,0.616],0.62],0.668,0.675],0.683],0.697],0.908],0.929,0.938],0.964],0],1.146],1.553,10.448,10.448],1027.7399999904446,103.60500001115724,11.011,11.011],11.027,11.027],11.237,11.531,12.364,12.854],124.55500004580244,1254.2350000003353,1266.8500000145286,127.128,1270.3650000039488,1274.619999981951,1280],1280]],13.154999993275851,13.636,13.846,13.846],137.449,13700451,13700563,13700883,13701239,13701262,13701298]],13701418,13701534,13701537,13701573,13701614,13701621,13701906,13701909,13702064,13702068,139.00999998440966,14.979999978095293,140.7049999688752,1406.3650000025518,1408.0350000294857,15.344,15.344],15.552,15.552],1513.0099999951199,152.18500001356006,1554.085000010673,1571.1299999966286,1578429579591000,159.879999991972,1590.64],16.029999998863786,1601.1900000157766,1620.249999978114,1643.0600000312552,17.641,17.641],173.21999999694526,175.5600000033155,18.887,18.887],189.23499999800697,189.949</t>
  </si>
  <si>
    <t>0;0.241;0.241];0.273;0.306;0.311;0.328;0.333;0.341;0.371];0.384;0.441;0.462];0.481;0.526;0.534];0.562;0.5980861244019139]]];0.616];0.62];0.668;0.675];0.683];0.697];0.908];0.929;0.938];0.964];0];1.146];1.553;10;10.448;10.448];1027.7399999904446;103.60500001115724;11;11.011;11.011];11.027;11.027];11.237;11.531;1193;1193];12.364;12.854];124.55500004580244;1254.2350000003353;1266.8500000145286;127.128;1270.3650000039488;1274.619999981951;1280];1280]];13;13.154999993275851;13.636;13.846;13.846];137.449;13700451;13700563;13700883;13701239;13701262;13701298]];13701418;13701534;13701537;13701573;13701614;13701621;13701906;13701909;13702064;13702068;139.00999998440966;14.979999978095293;140.7049999688752;1406.3650000025518;1408.0350000294857;14];15;15.344;15.344];15.552;15.552];1513.0099999951199;152.18500001356006;1554.085000010673;1571.1299999966286;1578429579591000;1578429580309000;1578429581200000;1578429581351000;1578429581424000;159.879999991972;1590.64];16.029999998863786;1601.1900000157766;1620.249999978114;16</t>
  </si>
  <si>
    <t>http://0,0.241,0.241],0.273,0.306,0.311,0.328,0.333,0.341,0.371],0.384,0.441,0.462],0.481,0.526,0.534],0.562,0.5980861244019139]]],0.616],0.62],0.668,0.675],0.683],0.697],0.908],0.929,0.938],0.964],0],1.146],1.553,10,10.448,10.448],1027.7399999904446,103.60500001115724,11,11.011,11.011],11.027,11.027],11.237,11.531,1193,1193],12.364,12.854],124.55500004580244,1254.2350000003353,1266.8500000145286,127.128,1270.3650000039488,1274.619999981951,1280],1280]],13,13.154999993275851,13.636,13.846,13.846],137.449,13700451,13700563,13700883,13701239,13701262,13701298]],13701418,13701534,13701537,13701573,13701614,13701621,13701906,13701909,13702064,13702068,139.00999998440966,14.979999978095293,140.7049999688752,1406.3650000025518,1408.0350000294857,14],15,15.344,15.344],15.552,15.552],1513.0099999951199,152.18500001356006,1554.085000010673,1571.1299999966286,1578429579591000,1578429580309000,1578429581200000,1578429581351000,1578429581424000,159.879999991972,1590.64],16.029999998863786,1601.1900000157766,1620.24999997</t>
  </si>
  <si>
    <t>0;0.241;0.241];0.273;0.306;0.311;0.328;0.333;0.341;0.371];0.384;0.441;0.462];0.481;0.526;0.534];0.562;0.5980861244019139]]];0.616];0.62];0.668;0.675];0.683];0.697];0.908];0.929;0.938];0.964];0];1.146];1.553;10;10.448;10.448];1027.7399999904446;103.60500001115724;11;11.011;11.011];11.027;11.027];11.237;11.531;1193;1193];12;12.364;12.854];1213;1213];124.55500004580244;1254.2350000003353;1266.8500000145286;127.128;1270.3650000039488;1274.619999981951;1280];1280]];13;13.154999993275851;13.636;13.846;13.846];137.449;13700451;13700563;13700883;13701239;13701262;13701298]];13701418;13701534;13701537;13701573;13701614;13701621;13701906;13701909;13702064;13702068;139.00999998440966;14;14.979999978095293;140.7049999688752;1406.3650000025518;1408.0350000294857;14];15;15.344;15.344];15.552;15.552];1513.0099999951199;152.18500001356006;1554.085000010673;1571.1299999966286;1578429579591000;1578429580309000;1578429581200000;1578429581351000;1578429581355000;1578429581424000;1578429581758000];1578429582142000;157842958318200</t>
  </si>
  <si>
    <t>http://0,0.241,0.241],0.273,0.306,0.311,0.328,0.333,0.341,0.371],0.384,0.441,0.462],0.481,0.526,0.534],0.562,0.5980861244019139]]],0.616],0.62],0.668,0.675],0.683],0.697],0.908],0.929,0.938],0.964],0],1.146],1.553,10,10.448,10.448],1027.7399999904446,103.60500001115724,11,11.011,11.011],11.027,11.027],11.237,11.531,1193,1193],12,12.364,12.854],1213,1213],124.55500004580244,1254.2350000003353,1266.8500000145286,127.128,1270.3650000039488,1274.619999981951,1280],1280]],13,13.154999993275851,13.636,13.846,13.846],137.449,13700451,13700563,13700883,13701239,13701262,13701298]],13701418,13701534,13701537,13701573,13701614,13701621,13701906,13701909,13702064,13702068,139.00999998440966,14,14.979999978095293,140.7049999688752,1406.3650000025518,1408.0350000294857,14],15,15.344,15.344],15.552,15.552],1513.0099999951199,152.18500001356006,1554.085000010673,1571.1299999966286,1578429579591000,1578429580309000,1578429581200000,1578429581351000,1578429581355000,1578429581424000,1578429581758000],1578429582142000,15784295</t>
  </si>
  <si>
    <t>"mozilla/5.0 (windows nt 6.1; win64; x64) applewebkit/537.36 (khtml;0;0.241;0.241];0.273;0.306;0.311;0.328;0.333;0.341;0.371];0.384;0.441;0.462];0.481;0.526;0.534];0.562;0.5980861244019139]]];0.616];0.62];0.668;0.675];0.683];0.697];0.908];0.929;0.938];0.964];0];1;1.146];1.553;10;10.448;10.448];1027.7399999904446;103.60500001115724;11;11.011;11.011];11.027;11.027];11.237;11.531;1193;1193];12;12.364;12.854];1213;1213];124.55500004580244;1254.2350000003353;1266.8500000145286;127.128;1270.3650000039488;1274.619999981951;1280];1280]];13;13.154999993275851;13.636;13.846;13.846];137.449;13700014;13700109;13700167]]];13700185;13700235;13700451;13700563;13700607;13700883;13700946;13700951;13700982;13701078;13701139;13701207;13701214;13701235;13701239;13701262;13701298]];13701418;13701422;13701430;13701450;13701458;13701486;13701506;13701510;13701534;13701537;13701573;13701577;13701589;13701609;13701614;13701621;13701625;13701653;13701657;13701693;13701709;13701749;13701825;13701833;13701901;13701906;13701909;13701921;</t>
  </si>
  <si>
    <t>http://"mozilla/5.0 (windows nt 6.1; win64; x64) applewebkit/537.36 (khtml,0,0.241,0.241],0.273,0.306,0.311,0.328,0.333,0.341,0.371],0.384,0.441,0.462],0.481,0.526,0.534],0.562,0.5980861244019139]]],0.616],0.62],0.668,0.675],0.683],0.697],0.908],0.929,0.938],0.964],0],1,1.146],1.553,10,10.448,10.448],1027.7399999904446,103.60500001115724,11,11.011,11.011],11.027,11.027],11.237,11.531,1193,1193],12,12.364,12.854],1213,1213],124.55500004580244,1254.2350000003353,1266.8500000145286,127.128,1270.3650000039488,1274.619999981951,1280],1280]],13,13.154999993275851,13.636,13.846,13.846],137.449,13700014,13700109,13700167]]],13700185,13700235,13700451,13700563,13700607,13700883,13700946,13700951,13700982,13701078,13701139,13701207,13701214,13701235,13701239,13701262,13701298]],13701418,13701422,13701430,13701450,13701458,13701486,13701506,13701510,13701534,13701537,13701573,13701577,13701589,13701609,13701614,13701621,13701625,13701653,13701657,13701693,13701709,13701749,13701825,13701833,13701901,13701906,13701909,13</t>
  </si>
  <si>
    <t>"mozilla/5.0 (windows nt 6.1; win64; x64) applewebkit/537.36 (khtml;0;0.241;0.241];0.273;0.306;0.311;0.328;0.333;0.341;0.371];0.384;0.441;0.462];0.481;0.526;0.534];0.562;0.5980861244019139]]];0.616];0.62];0.668;0.675];0.683];0.697];0.908];0.929;0.938];0.964];0];1;1.146];1.553;10;10.448;10.448];1027.7399999904446;103.60500001115724;11;11.011;11.011];11.027;11.027];11.237;11.531;1193;1193];12;12.364;12.854];1213;1213];124.55500004580244;1254.2350000003353;1266.8500000145286;127.128;1270.3650000039488;1274.619999981951;1280];1280]];13;13.154999993275851;13.636;13.846;13.846];137.449;13700014;13700109;13700167]];13700167]]];13700185;13700235;13700451;13700563;13700607;13700883;13700946;13700951;13700982;13701078;13701139;13701207;13701214;13701235;13701239;13701262;13701298]];13701418;13701422;13701430;13701450;13701458;13701486;13701506;13701510;13701534;13701537;13701573;13701577;13701589;13701609;13701614;13701621;13701625;13701653;13701657;13701693;13701709;13701749;13701825;13701833;13701901;13701906;1370190</t>
  </si>
  <si>
    <t>http://"mozilla/5.0 (windows nt 6.1; win64; x64) applewebkit/537.36 (khtml,0,0.241,0.241],0.273,0.306,0.311,0.328,0.333,0.341,0.371],0.384,0.441,0.462],0.481,0.526,0.534],0.562,0.5980861244019139]]],0.616],0.62],0.668,0.675],0.683],0.697],0.908],0.929,0.938],0.964],0],1,1.146],1.553,10,10.448,10.448],1027.7399999904446,103.60500001115724,11,11.011,11.011],11.027,11.027],11.237,11.531,1193,1193],12,12.364,12.854],1213,1213],124.55500004580244,1254.2350000003353,1266.8500000145286,127.128,1270.3650000039488,1274.619999981951,1280],1280]],13,13.154999993275851,13.636,13.846,13.846],137.449,13700014,13700109,13700167]],13700167]]],13700185,13700235,13700451,13700563,13700607,13700883,13700946,13700951,13700982,13701078,13701139,13701207,13701214,13701235,13701239,13701262,13701298]],13701418,13701422,13701430,13701450,13701458,13701486,13701506,13701510,13701534,13701537,13701573,13701577,13701589,13701609,13701614,13701621,13701625,13701653,13701657,13701693,13701709,13701749,13701825,13701833,13701901,13701906,</t>
  </si>
  <si>
    <t>4f5a2602-a9ab-4b93-a161-940f581f9a4d.tmp</t>
  </si>
  <si>
    <t>\\acsfs\profiles$\leonardocb\Downloads\4f5a2602-a9ab-4b93-a161-940f581f9a4d.tmp</t>
  </si>
  <si>
    <t>049357cb-478d-4348-939f-dd34de20fcd1.tmp</t>
  </si>
  <si>
    <t>\\acsfs\profiles$\leonardocb\Downloads\049357cb-478d-4348-939f-dd34de20fcd1.tmp</t>
  </si>
  <si>
    <t>0ab3471d-a1f1-45cd-ba36-834e07592ac9.tmp</t>
  </si>
  <si>
    <t>\\acsfs\profiles$\edicarlosdl\Downloads\0ab3471d-a1f1-45cd-ba36-834e07592ac9.tmp</t>
  </si>
  <si>
    <t>8586b673-4420-47ea-bdc7-73b19b1686e1.tmp</t>
  </si>
  <si>
    <t>\\acsfs\profiles$\paulohaf\Downloads\8586b673-4420-47ea-bdc7-73b19b1686e1.tmp</t>
  </si>
  <si>
    <t>4db9aed5-b519-4a79-ad7c-eb0762931c30.tmp</t>
  </si>
  <si>
    <t>\\acsfs\profiles$\paulohaf\Downloads\4db9aed5-b519-4a79-ad7c-eb0762931c30.tmp</t>
  </si>
  <si>
    <t>d631d211-24bc-41ca-b526-472709a65690.tmp</t>
  </si>
  <si>
    <t>\\acsfs\profiles$\mariajaf\Downloads\d631d211-24bc-41ca-b526-472709a65690.tmp</t>
  </si>
  <si>
    <t>41288715-c293-4e22-8a33-ce3961390507.tmp</t>
  </si>
  <si>
    <t>\\acsfs\profiles$\Adrieledgc\Downloads\41288715-c293-4e22-8a33-ce3961390507.tmp</t>
  </si>
  <si>
    <t>a43bbe61-62cd-4ad6-a956-951a38984d3c.tmp</t>
  </si>
  <si>
    <t>\\acsfs\profiles$\leandromsa\Downloads\a43bbe61-62cd-4ad6-a956-951a38984d3c.tmp</t>
  </si>
  <si>
    <t>Lucas Nascimento Silva_1_6773637676163734510_1_32.wav</t>
  </si>
  <si>
    <t>\\acsfs\Deptos\EDUCACAO EMPRESARIAL\FERNANDA MONIT\Fernanda\MONITORIA JANEIRO\Ligaçoes para MUTANT primeiro ciclo janeiro\Lucas Nascimento Silva_1_6773637676163734510_1_32.wav</t>
  </si>
  <si>
    <t>C:\Users\raphaelfb\AppData\Roaming\Adobe\LogTransport2\Logs\</t>
  </si>
  <si>
    <t>ulog_AcroARM2_Reader_ef72e336-4fd1-4636-a2cf-361eed947f50_5f43c5f1-faac-40e9-b829-20e6b6400e1d_0.log</t>
  </si>
  <si>
    <t>C:\Users\raphaelfb\AppData\Roaming\Adobe\LogTransport2\Logs\ulog_AcroARM2_Reader_ef72e336-4fd1-4636-a2cf-361eed947f50_5f43c5f1-faac-40e9-b829-20e6b6400e1d_0.log\</t>
  </si>
  <si>
    <t>ulog_HeadlightsOptinProductFamily_HeadlightsOptinProduct_00000000-0000-0000-0000-000000000000_363d0a1c-496c-4597-ac18-bd1e1dead279.log</t>
  </si>
  <si>
    <t>C:\Users\raphaelfb\AppData\Roaming\Adobe\LogTransport2\Logs\ulog_HeadlightsOptinProductFamily_HeadlightsOptinProduct_00000000-0000-0000-0000-000000000000_363d0a1c-496c-4597-ac18-bd1e1dead279.log\</t>
  </si>
  <si>
    <t>1aaf4683-07ef-4bec-9418-e7f6e09e7ee0.tmp</t>
  </si>
  <si>
    <t>\\acsfs\profiles$\leonardocb\Downloads\1aaf4683-07ef-4bec-9418-e7f6e09e7ee0.tmp</t>
  </si>
  <si>
    <t>edda7675-b470-40c0-80e2-742b9b09e89c.tmp</t>
  </si>
  <si>
    <t>\\acsfs\profiles$\leonardocb\Downloads\edda7675-b470-40c0-80e2-742b9b09e89c.tmp</t>
  </si>
  <si>
    <t>894bd48a-9afa-4a89-baa8-06d3bf2126a5.tmp</t>
  </si>
  <si>
    <t>\\acsfs\profiles$\Adrieledgc\Downloads\894bd48a-9afa-4a89-baa8-06d3bf2126a5.tmp</t>
  </si>
  <si>
    <t>f250d4e5-240c-4a19-9d7d-31a637d96a18.tmp</t>
  </si>
  <si>
    <t>\\acsfs\profiles$\leandromsa\Downloads\f250d4e5-240c-4a19-9d7d-31a637d96a18.tmp</t>
  </si>
  <si>
    <t>7548ae78-756c-4b5f-9bed-75594e97512d.tmp</t>
  </si>
  <si>
    <t>\\acsfs\profiles$\rosileiam\Downloads\7548ae78-756c-4b5f-9bed-75594e97512d.tmp</t>
  </si>
  <si>
    <t>a9d82d19-69e7-4cc8-896e-20f3e29fd20e.tmp</t>
  </si>
  <si>
    <t>\\acsfs\profiles$\andreapdsg\Downloads\a9d82d19-69e7-4cc8-896e-20f3e29fd20e.tmp</t>
  </si>
  <si>
    <t>8e2a9a07-e211-4032-a92a-9c78a1b4e3f0.tmp</t>
  </si>
  <si>
    <t>\\acsfs\profiles$\paulohaf\Downloads\8e2a9a07-e211-4032-a92a-9c78a1b4e3f0.tmp</t>
  </si>
  <si>
    <t>010760fe-c87c-4083-a03f-28e55abb6739.tmp</t>
  </si>
  <si>
    <t>\\acsfs\profiles$\paulohaf\Downloads\010760fe-c87c-4083-a03f-28e55abb6739.tmp</t>
  </si>
  <si>
    <t>07b3b755-c69d-4b25-b5ae-b15d3fe3f9fe.tmp</t>
  </si>
  <si>
    <t>\\acsfs\profiles$\alinepp\Downloads\07b3b755-c69d-4b25-b5ae-b15d3fe3f9fe.tmp</t>
  </si>
  <si>
    <t>\\acsfs\Deptos\EDUCACAO EMPRESARIAL\FERNANDA MONIT\Fernanda\MONITORIA JANEIRO\monitoria 06-01.docx</t>
  </si>
  <si>
    <t>07890eef-f7ed-4ad5-becc-a223e98b8f1c.tmp</t>
  </si>
  <si>
    <t>\\acsfs\profiles$\alinepp\Downloads\07890eef-f7ed-4ad5-becc-a223e98b8f1c.tmp</t>
  </si>
  <si>
    <t>ca6aaebf-d3af-4f33-ace4-6cb791dd5c5a.tmp</t>
  </si>
  <si>
    <t>\\acsfs\profiles$\myllenardl\Downloads\ca6aaebf-d3af-4f33-ace4-6cb791dd5c5a.tmp</t>
  </si>
  <si>
    <t>646af3ab-e5fb-43d3-935d-268597022ff2.tmp</t>
  </si>
  <si>
    <t>\\acsfs\profiles$\gabrielsma\Downloads\646af3ab-e5fb-43d3-935d-268597022ff2.tmp</t>
  </si>
  <si>
    <t>\\acsfs\ACS\Gabriel da Silva\Contemporânea\Acessos\Q29udHJvbGxlci5FeHBsb3Jlcl8x.ica.crdownload</t>
  </si>
  <si>
    <t>056b618c-7586-4f1d-9f09-550ff8f1d31b.tmp</t>
  </si>
  <si>
    <t>\\acsfs\profiles$\nathaliaos\Downloads\056b618c-7586-4f1d-9f09-550ff8f1d31b.tmp</t>
  </si>
  <si>
    <t>0732d146-c9eb-4361-b79c-9ac1e9c6bc81.tmp</t>
  </si>
  <si>
    <t>\\acsfs\profiles$\nathaliaos\Downloads\0732d146-c9eb-4361-b79c-9ac1e9c6bc81.tmp</t>
  </si>
  <si>
    <t>andrelpsa@algartech.com;robsonams@algartech.com;supervisaobancovotorantim@algartech.com;</t>
  </si>
  <si>
    <t>andrelpsa@algartech.com,robsonams@algartech.com,supervisaobancovotorantim@algartech.com</t>
  </si>
  <si>
    <t>e772b680-1d37-40ca-88b2-dfdf843fb49f.tmp</t>
  </si>
  <si>
    <t>\\acsfs\profiles$\Adrieledgc\Downloads\e772b680-1d37-40ca-88b2-dfdf843fb49f.tmp</t>
  </si>
  <si>
    <t>Q29udHJvbGxlci5QYXl3YXJlLU5vaXRl (2).ica</t>
  </si>
  <si>
    <t>\\acsfs\profiles$\Adrieledgc\Downloads\Q29udHJvbGxlci5QYXl3YXJlLU5vaXRl (2).ica</t>
  </si>
  <si>
    <t>bd439d7e-0a06-4bd3-9eb4-779dc23a5c99.tmp</t>
  </si>
  <si>
    <t>\\acsfs\profiles$\Adrieledgc\Downloads\bd439d7e-0a06-4bd3-9eb4-779dc23a5c99.tmp</t>
  </si>
  <si>
    <t>9ea9f061-452b-43d6-a8cd-9d791fa6ed21.tmp</t>
  </si>
  <si>
    <t>\\acsfs\profiles$\rosileiam\Downloads\9ea9f061-452b-43d6-a8cd-9d791fa6ed21.tmp</t>
  </si>
  <si>
    <t>lu9680aq49y.tmp</t>
  </si>
  <si>
    <t>\\acsfs\profiles$\jalilebds\Downloads\lu9680aq49y.tmp</t>
  </si>
  <si>
    <t>843e1ffc-aa92-4773-ae1d-77d2e551baf1.tmp</t>
  </si>
  <si>
    <t>\\acsfs\profiles$\brendadsl\Downloads\843e1ffc-aa92-4773-ae1d-77d2e551baf1.tmp</t>
  </si>
  <si>
    <t>ad256261-7c3f-4144-a2cb-546d08a0dd3b.tmp</t>
  </si>
  <si>
    <t>\\acsfs\profiles$\mariajaf\Downloads\ad256261-7c3f-4144-a2cb-546d08a0dd3b.tmp</t>
  </si>
  <si>
    <t>182fb705-6165-463a-89de-8c9390749b9e.tmp</t>
  </si>
  <si>
    <t>\\acsfs\profiles$\fabianobmf\Downloads\182fb705-6165-463a-89de-8c9390749b9e.tmp</t>
  </si>
  <si>
    <t>b13da1a3-115c-4602-bf41-de9517678257.tmp</t>
  </si>
  <si>
    <t>\\acsfs\profiles$\fabianobmf\Downloads\b13da1a3-115c-4602-bf41-de9517678257.tmp</t>
  </si>
  <si>
    <t>fcd16afa-31e1-4bf7-8311-46a2078d2106.tmp</t>
  </si>
  <si>
    <t>\\acsfs\profiles$\cintiadjl\Downloads\fcd16afa-31e1-4bf7-8311-46a2078d2106.tmp</t>
  </si>
  <si>
    <t>802e4687-6d55-446c-a754-a5229ce53d0c.tmp</t>
  </si>
  <si>
    <t>\\acsfs\profiles$\andrezacapf\Downloads\802e4687-6d55-446c-a754-a5229ce53d0c.tmp</t>
  </si>
  <si>
    <t>41fe1821-0c6f-4918-a326-72d88f56093e.tmp</t>
  </si>
  <si>
    <t>\\acsfs\profiles$\andrezacapf\Downloads\41fe1821-0c6f-4918-a326-72d88f56093e.tmp</t>
  </si>
  <si>
    <t>fecc9684-c766-44aa-812a-f1e62646c479.tmp</t>
  </si>
  <si>
    <t>\\acsfs\profiles$\nathaliaos\Downloads\fecc9684-c766-44aa-812a-f1e62646c479.tmp</t>
  </si>
  <si>
    <t>XLOG_andrezacapf_07012020_135036.log</t>
  </si>
  <si>
    <t>\\acsfs\profiles$\andrezacapf\My Documents\xworkcenter\logs\XLOG_andrezacapf_07012020_135036.log</t>
  </si>
  <si>
    <t>ba9e348b-b1d4-442b-ada1-722eedbedbc1.tmp</t>
  </si>
  <si>
    <t>\\acsfs\profiles$\rafaelacdoc\Downloads\ba9e348b-b1d4-442b-ada1-722eedbedbc1.tmp</t>
  </si>
  <si>
    <t>7d4871be-3f7f-49eb-87ac-4abfd8c6484e.tmp</t>
  </si>
  <si>
    <t>\\acsfs\profiles$\andrezacapf\Downloads\7d4871be-3f7f-49eb-87ac-4abfd8c6484e.tmp</t>
  </si>
  <si>
    <t>976621c9-e0bd-45eb-a21b-4eedce37ca30.tmp</t>
  </si>
  <si>
    <t>\\acsfs\profiles$\fabianobmf\Downloads\976621c9-e0bd-45eb-a21b-4eedce37ca30.tmp</t>
  </si>
  <si>
    <t>c81dd260-ae34-4a5f-ac9d-373c7b0d9aa1.tmp</t>
  </si>
  <si>
    <t>\\acsfs\profiles$\fabianobmf\Downloads\c81dd260-ae34-4a5f-ac9d-373c7b0d9aa1.tmp</t>
  </si>
  <si>
    <t>241a16ef-0389-4c29-b127-92138d32b619.tmp</t>
  </si>
  <si>
    <t>\\acsfs\profiles$\leandromsa\Downloads\241a16ef-0389-4c29-b127-92138d32b619.tmp</t>
  </si>
  <si>
    <t>bb9e100e-da0f-4a8c-8360-71557cb26357.tmp</t>
  </si>
  <si>
    <t>\\acsfs\profiles$\myllenardl\Downloads\bb9e100e-da0f-4a8c-8360-71557cb26357.tmp</t>
  </si>
  <si>
    <t>e6db3d31-f476-4d35-bb20-28c6afdbaddd.tmp</t>
  </si>
  <si>
    <t>\\acsfs\profiles$\rafaelacdoc\Downloads\e6db3d31-f476-4d35-bb20-28c6afdbaddd.tmp</t>
  </si>
  <si>
    <t>dc297953-7f58-47da-a56c-1cc2df7fe942.tmp</t>
  </si>
  <si>
    <t>\\acsfs\profiles$\alinepp\Downloads\dc297953-7f58-47da-a56c-1cc2df7fe942.tmp</t>
  </si>
  <si>
    <t>8248e07a-9620-4506-a29e-d9c86c8498b3.tmp</t>
  </si>
  <si>
    <t>\\acsfs\profiles$\andrezacapf\Downloads\8248e07a-9620-4506-a29e-d9c86c8498b3.tmp</t>
  </si>
  <si>
    <t>37107bc4-7482-4ee6-af40-8976b750bf06.tmp</t>
  </si>
  <si>
    <t>\\acsfs\profiles$\victorgl\Downloads\37107bc4-7482-4ee6-af40-8976b750bf06.tmp</t>
  </si>
  <si>
    <t>fcea85bf-ff07-4d0e-a162-12f5d8ff57b9.tmp</t>
  </si>
  <si>
    <t>\\acsfs\profiles$\rafaelacdoc\Downloads\fcea85bf-ff07-4d0e-a162-12f5d8ff57b9.tmp</t>
  </si>
  <si>
    <t>7e4f2364-7133-4436-8224-43d060d8df45.tmp</t>
  </si>
  <si>
    <t>\\acsfs\profiles$\leandromsa\Downloads\7e4f2364-7133-4436-8224-43d060d8df45.tmp</t>
  </si>
  <si>
    <t>f599e312-bd09-4670-ab82-0f4bd07f269a.tmp</t>
  </si>
  <si>
    <t>\\acsfs\profiles$\henriqueco\Downloads\f599e312-bd09-4670-ab82-0f4bd07f269a.tmp</t>
  </si>
  <si>
    <t>Karen Jane Santos Silva (22).contact</t>
  </si>
  <si>
    <t>\\acsfs\profiles$\KARENJSS\Contacts\Karen Jane Santos Silva (22).contact</t>
  </si>
  <si>
    <t>http:///batch?%24ct=multipart%2Fmixed%3B%20boundary%3D%22%3D%3D%3D%3D%3Drlr4ae28mp2t%3D%3D%3D%3D%3D%22&amp;key=AIzaSyAy9VVXHSpS2IJpptzYtGbLP3-3_l0aBk4</t>
  </si>
  <si>
    <t>89b49e8b-fbc6-4ad1-a8b2-8b03f2553840.tmp</t>
  </si>
  <si>
    <t>\\acsfs\profiles$\KARENJSS\Downloads\89b49e8b-fbc6-4ad1-a8b2-8b03f2553840.tmp</t>
  </si>
  <si>
    <t>9fb40657-51eb-4bf1-8d64-5712cee01cdf.tmp</t>
  </si>
  <si>
    <t>\\acsfs\profiles$\KARENJSS\Downloads\9fb40657-51eb-4bf1-8d64-5712cee01cdf.tmp</t>
  </si>
  <si>
    <t>NathaliaDesl.7z</t>
  </si>
  <si>
    <t>C:\Users\gustavodsil\Downloads\NathaliaDesl.7z\</t>
  </si>
  <si>
    <t>NathaliaDesl.pdf</t>
  </si>
  <si>
    <t>https://algar.folhasinergyrh.com.br/rescisao/upload?id=0&amp;idsolicitacao=19235&amp;idprerescisao=0</t>
  </si>
  <si>
    <t>https://07/01/2020</t>
  </si>
  <si>
    <t>6e42e5de-cea3-4cc4-9580-410d533cd7de.tmp</t>
  </si>
  <si>
    <t>\\acsfs\profiles$\nathaliaos\Downloads\6e42e5de-cea3-4cc4-9580-410d533cd7de.tmp</t>
  </si>
  <si>
    <t>http:///batch?%24ct=multipart%2Fmixed%3B%20boundary%3D%22%3D%3D%3D%3D%3Djfwl3es8bran%3D%3D%3D%3D%3D%22&amp;key=AIzaSyAy9VVXHSpS2IJpptzYtGbLP3-3_l0aBk4</t>
  </si>
  <si>
    <t>http:///batch?%24ct=multipart%2Fmixed%3B%20boundary%3D%22%3D%3D%3D%3D%3Diirfw9wiblpe%3D%3D%3D%3D%3D%22&amp;key=AIzaSyAy9VVXHSpS2IJpptzYtGbLP3-3_l0aBk4</t>
  </si>
  <si>
    <t>13701078;13701139;13701235]];13701262;13701450;13701486;13701614;13701749;13701825;13701969;5701393;["mozilla/5.0 (windows nt 6.1; win64; x64) applewebkit/537.36 (khtml;false;ken=ac4w5vgircxzhzyis1-mff-e6hk1pbkvtg:1578415859549&amp;buildlabel=drive.web-frontend_20191211.00_p1510;like gecko) chrome/79.0.3945.88 safari/537.36";null;pt-br;true;true];</t>
  </si>
  <si>
    <t>MicheleDesl.7z</t>
  </si>
  <si>
    <t>https://13701078,13701139,13701235]],13701262,13701450,13701486,13701614,13701749,13701825,13701969,5701393,["mozilla/5.0 (windows nt 6.1; win64; x64) applewebkit/537.36 (khtml,false,ken=ac4w5vgircxzhzyis1-mff-e6hk1pbkvtg:1578415859549&amp;buildlabel=drive.web-frontend_20191211.00_p1510,like gecko) chrome/79.0.3945.88 safari/537.36",null,pt-br,true,true]</t>
  </si>
  <si>
    <t>C:\Users\gustavodsil\Downloads\MicheleDesl.7z\</t>
  </si>
  <si>
    <t>MicheleDesl.pdf</t>
  </si>
  <si>
    <t>https://algar.folhasinergyrh.com.br/rescisao/upload?id=0&amp;idsolicitacao=19239&amp;idprerescisao=0</t>
  </si>
  <si>
    <t>06/01/2020;13701078;13701139;13701235]];13701262;13701450;13701486;13701614;13701749;13701825;13701969;5701393;["mozilla/5.0 (windows nt 6.1; win64; x64) applewebkit/537.36 (khtml;false;ken=ac4w5vgircxzhzyis1-mff-e6hk1pbkvtg:1578415859549&amp;buildlabel=drive.web-frontend_20191211.00_p1510;like gecko) chrome/79.0.3945.88 safari/537.36";null;pt-br;true;true];</t>
  </si>
  <si>
    <t>https://06/01/2020,13701078,13701139,13701235]],13701262,13701450,13701486,13701614,13701749,13701825,13701969,5701393,["mozilla/5.0 (windows nt 6.1; win64; x64) applewebkit/537.36 (khtml,false,ken=ac4w5vgircxzhzyis1-mff-e6hk1pbkvtg:1578415859549&amp;buildlabel=drive.web-frontend_20191211.00_p1510,like gecko) chrome/79.0.3945.88 safari/537.36",null,pt-br,true,true]</t>
  </si>
  <si>
    <t>e619a4ca-e35d-49d2-9b67-ea13613b7a6d.tmp</t>
  </si>
  <si>
    <t>\\acsfs\profiles$\alinepp\Downloads\e619a4ca-e35d-49d2-9b67-ea13613b7a6d.tmp</t>
  </si>
  <si>
    <t>c07309c1-ea6e-4763-9429-03fe1241e914.tmp</t>
  </si>
  <si>
    <t>\\acsfs\profiles$\edicarlosdl\Downloads\c07309c1-ea6e-4763-9429-03fe1241e914.tmp</t>
  </si>
  <si>
    <t>lu9680aq4a9.tmp</t>
  </si>
  <si>
    <t>\\acsfs\profiles$\jalilebds\Downloads\lu9680aq4a9.tmp</t>
  </si>
  <si>
    <t>3ce43d94-721c-4c20-a094-b5c96f4420ab.tmp</t>
  </si>
  <si>
    <t>\\acsfs\profiles$\gabrielamdp\Downloads\3ce43d94-721c-4c20-a094-b5c96f4420ab.tmp</t>
  </si>
  <si>
    <t>0af910ac-aa04-4d69-981c-4a31241cb397.tmp</t>
  </si>
  <si>
    <t>\\acsfs\profiles$\gabrielamdp\Downloads\0af910ac-aa04-4d69-981c-4a31241cb397.tmp</t>
  </si>
  <si>
    <t>ab4b6710-cc50-495d-a753-2aeec5695404.tmp</t>
  </si>
  <si>
    <t>\\acsfs\profiles$\gabrielamdp\Downloads\ab4b6710-cc50-495d-a753-2aeec5695404.tmp</t>
  </si>
  <si>
    <t>06349d8f-cc26-4388-807f-ae48b42c05cf.tmp</t>
  </si>
  <si>
    <t>\\acsfs\profiles$\gabrielamdp\Downloads\06349d8f-cc26-4388-807f-ae48b42c05cf.tmp</t>
  </si>
  <si>
    <t>cc7716f6-ca70-4146-ae84-4c742a2e21e1.tmp</t>
  </si>
  <si>
    <t>\\acsfs\profiles$\gabrielamdp\Downloads\cc7716f6-ca70-4146-ae84-4c742a2e21e1.tmp</t>
  </si>
  <si>
    <t>4c207c5b-dae0-4be7-b683-4c418a655668.tmp</t>
  </si>
  <si>
    <t>\\acsfs\profiles$\nathaliaos\Downloads\4c207c5b-dae0-4be7-b683-4c418a655668.tmp</t>
  </si>
  <si>
    <t>d0d991ee-571b-4c9a-ab8a-c979688d4cc2.tmp</t>
  </si>
  <si>
    <t>\\acsfs\profiles$\taylaedoa\Downloads\d0d991ee-571b-4c9a-ab8a-c979688d4cc2.tmp</t>
  </si>
  <si>
    <t>2f542457-6163-4a2e-b23b-e100a74c5711.tmp</t>
  </si>
  <si>
    <t>\\acsfs\profiles$\mariajaf\Downloads\2f542457-6163-4a2e-b23b-e100a74c5711.tmp</t>
  </si>
  <si>
    <t>659d2303-9df1-4515-99c6-b2f55f07858f.tmp</t>
  </si>
  <si>
    <t>\\acsfs\profiles$\fabianafv\Downloads\659d2303-9df1-4515-99c6-b2f55f07858f.tmp</t>
  </si>
  <si>
    <t>a77b4d7b-ebdf-4a5c-b969-bb50ea186330.tmp</t>
  </si>
  <si>
    <t>\\acsfs\profiles$\cintiadjl\Downloads\a77b4d7b-ebdf-4a5c-b969-bb50ea186330.tmp</t>
  </si>
  <si>
    <t>81c1b84f-1a74-4bcb-b020-a99d9b4cc724.tmp</t>
  </si>
  <si>
    <t>\\acsfs\profiles$\KARLABDS\Downloads\81c1b84f-1a74-4bcb-b020-a99d9b4cc724.tmp</t>
  </si>
  <si>
    <t>174398c1-b52f-4034-ad0e-4940ab708cda.tmp</t>
  </si>
  <si>
    <t>\\acsfs\profiles$\matheusmax\Downloads\174398c1-b52f-4034-ad0e-4940ab708cda.tmp</t>
  </si>
  <si>
    <t>7af0d672-260c-4b12-b5de-0a350369affd.tmp</t>
  </si>
  <si>
    <t>\\acsfs\profiles$\mariajaf\Downloads\7af0d672-260c-4b12-b5de-0a350369affd.tmp</t>
  </si>
  <si>
    <t>89fc58c5-01fe-4261-a55b-3990f1181085.tmp</t>
  </si>
  <si>
    <t>\\acsfs\profiles$\joycemmdl\Downloads\89fc58c5-01fe-4261-a55b-3990f1181085.tmp</t>
  </si>
  <si>
    <t>efb16d8f-b8c6-41c7-ab21-49ed91378211.tmp</t>
  </si>
  <si>
    <t>\\acsfs\profiles$\mariajaf\Downloads\efb16d8f-b8c6-41c7-ab21-49ed91378211.tmp</t>
  </si>
  <si>
    <t>d2a1e18a-5f9d-4705-a733-adc667021651.tmp</t>
  </si>
  <si>
    <t>\\acsfs\profiles$\nathaliaos\Downloads\d2a1e18a-5f9d-4705-a733-adc667021651.tmp</t>
  </si>
  <si>
    <t>705cbea6-8068-4f43-889e-5d23ea7a79e6.tmp</t>
  </si>
  <si>
    <t>\\acsfs\profiles$\alinepp\Downloads\705cbea6-8068-4f43-889e-5d23ea7a79e6.tmp</t>
  </si>
  <si>
    <t>d03096c4-c265-4b91-8e4e-15199b66f6e5;</t>
  </si>
  <si>
    <t>XLOG_marcosvnds_07012020_130829.log</t>
  </si>
  <si>
    <t>\\acsfs\profiles$\marcosvnds\My Documents\xworkcenter\logs\XLOG_marcosvnds_07012020_130829.log</t>
  </si>
  <si>
    <t>a1e8dec3-279e-4feb-a01d-ab7498dcfc96.tmp</t>
  </si>
  <si>
    <t>\\acsfs\profiles$\gabrielamdp\Downloads\a1e8dec3-279e-4feb-a01d-ab7498dcfc96.tmp</t>
  </si>
  <si>
    <t>b0c7aa50-3998-4b66-a055-af196816b4c6.tmp</t>
  </si>
  <si>
    <t>\\acsfs\profiles$\fabianobmf\Downloads\b0c7aa50-3998-4b66-a055-af196816b4c6.tmp</t>
  </si>
  <si>
    <t>9a5c228e-6fd4-42b9-8598-fe62e24fcec3.tmp</t>
  </si>
  <si>
    <t>\\acsfs\profiles$\brendadsl\Downloads\9a5c228e-6fd4-42b9-8598-fe62e24fcec3.tmp</t>
  </si>
  <si>
    <t>439bd0dc-15a4-41d3-ab35-33430121f85a.tmp</t>
  </si>
  <si>
    <t>\\acsfs\profiles$\brendadsl\Downloads\439bd0dc-15a4-41d3-ab35-33430121f85a.tmp</t>
  </si>
  <si>
    <t>5b63ffc3-9b01-40b5-a525-cf5b9ed7dc97.tmp</t>
  </si>
  <si>
    <t>\\acsfs\profiles$\alinepp\Downloads\5b63ffc3-9b01-40b5-a525-cf5b9ed7dc97.tmp</t>
  </si>
  <si>
    <t>XLOG_anakcs_07012020_130649.log</t>
  </si>
  <si>
    <t>\\acsfs\profiles$\anakcs\My Documents\xworkcenter\logs\XLOG_anakcs_07012020_130649.log</t>
  </si>
  <si>
    <t>33751094-e32b-423e-96e8-71eb1c46efb9.tmp</t>
  </si>
  <si>
    <t>\\acsfs\profiles$\taylaedoa\Downloads\33751094-e32b-423e-96e8-71eb1c46efb9.tmp</t>
  </si>
  <si>
    <t>69820528-4697-4c21-9859-3010f0b6ae33.tmp</t>
  </si>
  <si>
    <t>\\acsfs\profiles$\brendadsl\Downloads\69820528-4697-4c21-9859-3010f0b6ae33.tmp</t>
  </si>
  <si>
    <t>a25ff08c-91a6-438f-8420-c25e36e8bc2d.tmp</t>
  </si>
  <si>
    <t>\\acsfs\profiles$\brendadsl\Downloads\a25ff08c-91a6-438f-8420-c25e36e8bc2d.tmp</t>
  </si>
  <si>
    <t>401a1f5d-c9e4-4b80-b8c5-60eebcb6514e.tmp</t>
  </si>
  <si>
    <t>\\acsfs\profiles$\leandromsa\Downloads\401a1f5d-c9e4-4b80-b8c5-60eebcb6514e.tmp</t>
  </si>
  <si>
    <t>9c9767e8-4152-4768-a6be-86d0895c1b5d.tmp</t>
  </si>
  <si>
    <t>\\acsfs\profiles$\nathaliaos\Downloads\9c9767e8-4152-4768-a6be-86d0895c1b5d.tmp</t>
  </si>
  <si>
    <t>7a30419a-f095-4728-9548-242dbb7e2172.tmp</t>
  </si>
  <si>
    <t>\\acsfs\profiles$\anafaes\Downloads\7a30419a-f095-4728-9548-242dbb7e2172.tmp</t>
  </si>
  <si>
    <t>5db6f2cd-65af-462e-8aec-b6f701fde9f8.tmp</t>
  </si>
  <si>
    <t>\\acsfs\profiles$\leonardocb\Downloads\5db6f2cd-65af-462e-8aec-b6f701fde9f8.tmp</t>
  </si>
  <si>
    <t>lu9680aq4ao.tmp</t>
  </si>
  <si>
    <t>\\acsfs\profiles$\jalilebds\Downloads\lu9680aq4ao.tmp</t>
  </si>
  <si>
    <t>08649a49-746c-4b4b-99bc-7d7812362d7f.tmp</t>
  </si>
  <si>
    <t>\\acsfs\profiles$\mariajaf\Downloads\08649a49-746c-4b4b-99bc-7d7812362d7f.tmp</t>
  </si>
  <si>
    <t>\\acsfs\profiles$\thaisdss\My Documents\xworkcenter\logs\</t>
  </si>
  <si>
    <t>XLOG_thaisdss_07012020_164311.log</t>
  </si>
  <si>
    <t>\\acsfs\profiles$\thaisdss\My Documents\xworkcenter\logs\XLOG_thaisdss_07012020_164311.log</t>
  </si>
  <si>
    <t>XLOG_andrezacapf_07012020_184134.log</t>
  </si>
  <si>
    <t>\\acsfs\profiles$\andrezacapf\My Documents\xworkcenter\logs\XLOG_andrezacapf_07012020_184134.log</t>
  </si>
  <si>
    <t>lu9680aq4ar.tmp</t>
  </si>
  <si>
    <t>\\acsfs\profiles$\jalilebds\Downloads\lu9680aq4ar.tmp</t>
  </si>
  <si>
    <t>lu9680aq4au.tmp</t>
  </si>
  <si>
    <t>\\acsfs\profiles$\jalilebds\Downloads\lu9680aq4au.tmp</t>
  </si>
  <si>
    <t>0323beba-a94f-40e0-8399-d646e404bf79.tmp</t>
  </si>
  <si>
    <t>\\acsfs\profiles$\rogeriofd\Downloads\0323beba-a94f-40e0-8399-d646e404bf79.tmp</t>
  </si>
  <si>
    <t>8c6c4d7c-05e7-4748-b50b-b5e306cff598.tmp</t>
  </si>
  <si>
    <t>\\acsfs\profiles$\rogeriofd\Downloads\8c6c4d7c-05e7-4748-b50b-b5e306cff598.tmp</t>
  </si>
  <si>
    <t>lu9680aq4ax.tmp</t>
  </si>
  <si>
    <t>\\acsfs\profiles$\jalilebds\Downloads\lu9680aq4ax.tmp</t>
  </si>
  <si>
    <t>add0347a-08a0-45c5-bf03-c9691f08f3bd.tmp</t>
  </si>
  <si>
    <t>\\acsfs\profiles$\taylaedoa\Downloads\add0347a-08a0-45c5-bf03-c9691f08f3bd.tmp</t>
  </si>
  <si>
    <t>c8cc7e9a-0a5b-4d02-9e1a-a6c6b6794516.tmp</t>
  </si>
  <si>
    <t>\\acsfs\profiles$\taylaedoa\Downloads\c8cc7e9a-0a5b-4d02-9e1a-a6c6b6794516.tmp</t>
  </si>
  <si>
    <t>senildapdo@algartech.com;viniciussg@algartech.com;</t>
  </si>
  <si>
    <t>senildapdo@algartech.com,viniciussg@algartech.com</t>
  </si>
  <si>
    <t>a70b054e-2e00-4405-bd7d-4a7502db33a5.tmp</t>
  </si>
  <si>
    <t>\\acsfs\profiles$\mariajaf\Downloads\a70b054e-2e00-4405-bd7d-4a7502db33a5.tmp</t>
  </si>
  <si>
    <t>272350a6-9a17-4d41-91e7-4f0894e611ba.tmp</t>
  </si>
  <si>
    <t>\\acsfs\profiles$\mariajaf\Downloads\272350a6-9a17-4d41-91e7-4f0894e611ba.tmp</t>
  </si>
  <si>
    <t>45ecaa27-72a3-468b-88b1-971acd10c69d.tmp</t>
  </si>
  <si>
    <t>\\acsfs\profiles$\marlyannegdls\Downloads\45ecaa27-72a3-468b-88b1-971acd10c69d.tmp</t>
  </si>
  <si>
    <t>2ea48ae4-f05c-4d3c-9875-a000ca77cf67.tmp</t>
  </si>
  <si>
    <t>\\acsfs\profiles$\marlyannegdls\Downloads\2ea48ae4-f05c-4d3c-9875-a000ca77cf67.tmp</t>
  </si>
  <si>
    <t>aad94029-ee43-4e4e-8f4d-f421d0d8e11a.tmp</t>
  </si>
  <si>
    <t>\\acsfs\profiles$\ROBERTM\Downloads\aad94029-ee43-4e4e-8f4d-f421d0d8e11a.tmp</t>
  </si>
  <si>
    <t>642e66c8-39a8-4398-8278-a04f7da87daa.tmp</t>
  </si>
  <si>
    <t>\\acsfs\profiles$\ROBERTM\Downloads\642e66c8-39a8-4398-8278-a04f7da87daa.tmp</t>
  </si>
  <si>
    <t>5661b2d4-d961-4411-9ace-c7f9372c5e66.tmp</t>
  </si>
  <si>
    <t>\\acsfs\profiles$\leandromsa\Downloads\5661b2d4-d961-4411-9ace-c7f9372c5e66.tmp</t>
  </si>
  <si>
    <t>48d0e077-73b5-49b1-aef8-abe7479d1e71.tmp</t>
  </si>
  <si>
    <t>\\acsfs\profiles$\ROBERTM\Downloads\48d0e077-73b5-49b1-aef8-abe7479d1e71.tmp</t>
  </si>
  <si>
    <t>a73785f9-652c-43b9-a20e-d997dd4449a1.tmp</t>
  </si>
  <si>
    <t>\\acsfs\profiles$\ROBERTM\Downloads\a73785f9-652c-43b9-a20e-d997dd4449a1.tmp</t>
  </si>
  <si>
    <t>c657a619-4438-40f1-9015-1d35e2b05ef4.tmp</t>
  </si>
  <si>
    <t>\\acsfs\profiles$\rogeriofd\Downloads\c657a619-4438-40f1-9015-1d35e2b05ef4.tmp</t>
  </si>
  <si>
    <t>92e9ce7d-573c-4f00-a41f-4bd06cfa404f.tmp</t>
  </si>
  <si>
    <t>\\acsfs\profiles$\rogeriofd\Downloads\92e9ce7d-573c-4f00-a41f-4bd06cfa404f.tmp</t>
  </si>
  <si>
    <t>9d2ed893-c245-4d80-8edc-01b0fb85befd.tmp</t>
  </si>
  <si>
    <t>\\acsfs\profiles$\rogeriofd\Downloads\9d2ed893-c245-4d80-8edc-01b0fb85befd.tmp</t>
  </si>
  <si>
    <t>0f225d81-168f-49ae-8afd-5e37eea91fa3.tmp</t>
  </si>
  <si>
    <t>\\acsfs\profiles$\rogeriofd\Downloads\0f225d81-168f-49ae-8afd-5e37eea91fa3.tmp</t>
  </si>
  <si>
    <t>09221c84-505f-4bf4-ab61-14ae995e2955.tmp</t>
  </si>
  <si>
    <t>\\acsfs\profiles$\rogeriofd\Downloads\09221c84-505f-4bf4-ab61-14ae995e2955.tmp</t>
  </si>
  <si>
    <t>4e54e4c2-8def-4f1b-adcb-89e6bf0b91a1.tmp</t>
  </si>
  <si>
    <t>\\acsfs\profiles$\ROBERTM\Downloads\4e54e4c2-8def-4f1b-adcb-89e6bf0b91a1.tmp</t>
  </si>
  <si>
    <t>e406d754-11f2-496c-b752-b67b901a66d5.tmp</t>
  </si>
  <si>
    <t>\\acsfs\profiles$\marlyannegdls\Downloads\e406d754-11f2-496c-b752-b67b901a66d5.tmp</t>
  </si>
  <si>
    <t>7b6548e6-63d1-4fe2-841d-d2446c0f3bf0.tmp</t>
  </si>
  <si>
    <t>\\acsfs\profiles$\marlyannegdls\Downloads\7b6548e6-63d1-4fe2-841d-d2446c0f3bf0.tmp</t>
  </si>
  <si>
    <t>cf45e856-51cf-4ec2-adfa-d6164d56cf33.tmp</t>
  </si>
  <si>
    <t>\\acsfs\profiles$\ROBERTM\Downloads\cf45e856-51cf-4ec2-adfa-d6164d56cf33.tmp</t>
  </si>
  <si>
    <t>deff8ce5-9b32-4fb9-80bf-a9550ae7178a.tmp</t>
  </si>
  <si>
    <t>\\acsfs\profiles$\ALYNYA\Downloads\deff8ce5-9b32-4fb9-80bf-a9550ae7178a.tmp</t>
  </si>
  <si>
    <t>58d79d9c-b2cd-47b0-89b0-ea7b1d7f1263.tmp</t>
  </si>
  <si>
    <t>\\acsfs\profiles$\ALYNYA\Downloads\58d79d9c-b2cd-47b0-89b0-ea7b1d7f1263.tmp</t>
  </si>
  <si>
    <t>10.200.67.8</t>
  </si>
  <si>
    <t>61eb6598-4394-475d-b12c-7e07fe7141c3.tmp</t>
  </si>
  <si>
    <t>\\acsfs\profiles$\lucasqdss\Downloads\61eb6598-4394-475d-b12c-7e07fe7141c3.tmp</t>
  </si>
  <si>
    <t>2aac177a-cbed-4b49-98b4-5650aa3a605b.tmp</t>
  </si>
  <si>
    <t>\\acsfs\profiles$\lucasqdss\Downloads\2aac177a-cbed-4b49-98b4-5650aa3a605b.tmp</t>
  </si>
  <si>
    <t>42245c89-5973-49f0-9517-5842b812afe6.tmp</t>
  </si>
  <si>
    <t>\\acsfs\profiles$\lucasqdss\Downloads\42245c89-5973-49f0-9517-5842b812afe6.tmp</t>
  </si>
  <si>
    <t>c50257b0-bcae-46ba-9c23-65f21acc8cf5.tmp</t>
  </si>
  <si>
    <t>\\acsfs\profiles$\lucasqdss\Downloads\c50257b0-bcae-46ba-9c23-65f21acc8cf5.tmp</t>
  </si>
  <si>
    <t>8e5ef6fb-012b-4179-8049-f16e1cfa10b0.tmp</t>
  </si>
  <si>
    <t>\\acsfs\profiles$\ALYNYA\Downloads\8e5ef6fb-012b-4179-8049-f16e1cfa10b0.tmp</t>
  </si>
  <si>
    <t>f9476076-1401-41c9-b629-d85516cebc7a.tmp</t>
  </si>
  <si>
    <t>\\acsfs\profiles$\lucasqdss\Downloads\f9476076-1401-41c9-b629-d85516cebc7a.tmp</t>
  </si>
  <si>
    <t>d499a656-1d68-48ba-a88d-0be583fbbc08.tmp</t>
  </si>
  <si>
    <t>\\acsfs\profiles$\ROZENCAM\Downloads\d499a656-1d68-48ba-a88d-0be583fbbc08.tmp</t>
  </si>
  <si>
    <t>75fceef5-4bac-4f87-834b-febf8c160c5f.tmp</t>
  </si>
  <si>
    <t>\\acsfs\profiles$\ROZENCAM\Downloads\75fceef5-4bac-4f87-834b-febf8c160c5f.tmp</t>
  </si>
  <si>
    <t>7c6c6418-65f7-47c9-9131-1128ee4f4e63.tmp</t>
  </si>
  <si>
    <t>\\acsfs\profiles$\ROZENCAM\Downloads\7c6c6418-65f7-47c9-9131-1128ee4f4e63.tmp</t>
  </si>
  <si>
    <t>25bc4fc7-316c-4c6d-8ef4-9e0fec2f6a47.tmp</t>
  </si>
  <si>
    <t>\\acsfs\profiles$\danielac\Downloads\25bc4fc7-316c-4c6d-8ef4-9e0fec2f6a47.tmp</t>
  </si>
  <si>
    <t>2a5dbd1d-70e1-4b87-bfb8-0bd422d362bf.tmp</t>
  </si>
  <si>
    <t>\\acsfs\profiles$\danielac\Downloads\2a5dbd1d-70e1-4b87-bfb8-0bd422d362bf.tmp</t>
  </si>
  <si>
    <t>ac19da43-c3f9-4d13-9491-d1a93d0a729f.tmp</t>
  </si>
  <si>
    <t>\\acsfs\profiles$\BRUNAAR\Downloads\ac19da43-c3f9-4d13-9491-d1a93d0a729f.tmp</t>
  </si>
  <si>
    <t>770ce324-857f-4dc0-b447-ef94765b4fb5.tmp</t>
  </si>
  <si>
    <t>\\acsfs\profiles$\danielac\Downloads\770ce324-857f-4dc0-b447-ef94765b4fb5.tmp</t>
  </si>
  <si>
    <t>c9e399a6-429a-4f1b-a06b-f1d07335dfa9.tmp</t>
  </si>
  <si>
    <t>\\acsfs\profiles$\danielac\Downloads\c9e399a6-429a-4f1b-a06b-f1d07335dfa9.tmp</t>
  </si>
  <si>
    <t>a260321c-90ea-41c3-b14f-a30b1c895a45.tmp</t>
  </si>
  <si>
    <t>\\acsfs\profiles$\BRUNAAR\Downloads\a260321c-90ea-41c3-b14f-a30b1c895a45.tmp</t>
  </si>
  <si>
    <t>1229b969-35b4-46f7-9902-3efd73590e9e.tmp</t>
  </si>
  <si>
    <t>\\acsfs\profiles$\vivianealda\Downloads\1229b969-35b4-46f7-9902-3efd73590e9e.tmp</t>
  </si>
  <si>
    <t>f5fae8ae-ccb1-420d-b334-f0a7779f17a7.tmp</t>
  </si>
  <si>
    <t>\\acsfs\profiles$\lucasgpe\Downloads\f5fae8ae-ccb1-420d-b334-f0a7779f17a7.tmp</t>
  </si>
  <si>
    <t>bd9e5461-516e-435c-87c3-ecf6231dcd6b.tmp</t>
  </si>
  <si>
    <t>\\acsfs\profiles$\lucasgpe\Downloads\bd9e5461-516e-435c-87c3-ecf6231dcd6b.tmp</t>
  </si>
  <si>
    <t>ec462d66-5c42-45d8-a7d3-6ba29737cc0e.tmp</t>
  </si>
  <si>
    <t>\\acsfs\profiles$\nayarasds\Downloads\ec462d66-5c42-45d8-a7d3-6ba29737cc0e.tmp</t>
  </si>
  <si>
    <t>b77767ad-74a4-4c86-b756-b41c9bec222f.tmp</t>
  </si>
  <si>
    <t>\\acsfs\profiles$\nayarasds\Downloads\b77767ad-74a4-4c86-b756-b41c9bec222f.tmp</t>
  </si>
  <si>
    <t>9f6d8a2c-94db-47ec-9b8d-01c0e7abac5b.tmp</t>
  </si>
  <si>
    <t>\\acsfs\profiles$\nayarasds\Downloads\9f6d8a2c-94db-47ec-9b8d-01c0e7abac5b.tmp</t>
  </si>
  <si>
    <t>c9d07448-b0fb-426b-bd5e-bb94eb06472d.tmp</t>
  </si>
  <si>
    <t>\\acsfs\profiles$\nayarasds\Downloads\c9d07448-b0fb-426b-bd5e-bb94eb06472d.tmp</t>
  </si>
  <si>
    <t>e1087404-f180-4526-8891-7f1faace4e40.tmp</t>
  </si>
  <si>
    <t>\\acsfs\profiles$\nayarasds\Downloads\e1087404-f180-4526-8891-7f1faace4e40.tmp</t>
  </si>
  <si>
    <t>510b4fb6-b553-4fd5-bab5-d884cfecf2c0.tmp</t>
  </si>
  <si>
    <t>\\acsfs\profiles$\cintiadcf\Downloads\510b4fb6-b553-4fd5-bab5-d884cfecf2c0.tmp</t>
  </si>
  <si>
    <t>8cf28bc0-36f1-4cef-9374-1a734949c9fd.tmp</t>
  </si>
  <si>
    <t>\\acsfs\profiles$\cintiadcf\Downloads\8cf28bc0-36f1-4cef-9374-1a734949c9fd.tmp</t>
  </si>
  <si>
    <t>29b95728-d915-4ffb-bf63-23ab2be4c0c8.tmp</t>
  </si>
  <si>
    <t>\\acsfs\profiles$\cintiadcf\Downloads\29b95728-d915-4ffb-bf63-23ab2be4c0c8.tmp</t>
  </si>
  <si>
    <t>1e729881-ab2d-45a0-b1e7-d6ab1ecc74e4.tmp</t>
  </si>
  <si>
    <t>\\acsfs\profiles$\vivianealda\Downloads\1e729881-ab2d-45a0-b1e7-d6ab1ecc74e4.tmp</t>
  </si>
  <si>
    <t>10.200.67.147</t>
  </si>
  <si>
    <t>041a1b9a-8cd7-445c-a195-86b659d07a87.tmp</t>
  </si>
  <si>
    <t>\\acsfs\profiles$\nayarasds\Downloads\041a1b9a-8cd7-445c-a195-86b659d07a87.tmp</t>
  </si>
  <si>
    <t>d91cb62a-a46e-429d-9568-c083a9f70c2b.tmp</t>
  </si>
  <si>
    <t>\\acsfs\profiles$\vivianealda\Downloads\d91cb62a-a46e-429d-9568-c083a9f70c2b.tmp</t>
  </si>
  <si>
    <t>ff16acbe-33dd-4734-83d5-1e1ab550b49f.tmp</t>
  </si>
  <si>
    <t>\\acsfs\profiles$\vivianealda\Downloads\ff16acbe-33dd-4734-83d5-1e1ab550b49f.tmp</t>
  </si>
  <si>
    <t>abbb05d6-b8b4-4746-a034-1a85c6062a5e.tmp</t>
  </si>
  <si>
    <t>\\acsfs\profiles$\danielac\Downloads\abbb05d6-b8b4-4746-a034-1a85c6062a5e.tmp</t>
  </si>
  <si>
    <t>lu150961grsp2.tmp</t>
  </si>
  <si>
    <t>\\acsfs\profiles$\BRUNAAR\Numero\lu150961grsp2.tmp</t>
  </si>
  <si>
    <t>d452509d-bd39-4e10-91bd-9fb33a31fa34.tmp</t>
  </si>
  <si>
    <t>\\acsfs\profiles$\vivianealda\Downloads\d452509d-bd39-4e10-91bd-9fb33a31fa34.tmp</t>
  </si>
  <si>
    <t>08040419-39aa-4444-94ce-5d3763900a3d.tmp</t>
  </si>
  <si>
    <t>\\acsfs\profiles$\sarahbal\Downloads\08040419-39aa-4444-94ce-5d3763900a3d.tmp</t>
  </si>
  <si>
    <t>19fb6a18-cc2a-4239-b6be-40e51b79b7a7.tmp</t>
  </si>
  <si>
    <t>\\acsfs\profiles$\mariajra\Downloads\19fb6a18-cc2a-4239-b6be-40e51b79b7a7.tmp</t>
  </si>
  <si>
    <t>ae720419-712b-4b0d-9ad6-30b8a7886cd7.tmp</t>
  </si>
  <si>
    <t>\\acsfs\profiles$\mariajra\Downloads\ae720419-712b-4b0d-9ad6-30b8a7886cd7.tmp</t>
  </si>
  <si>
    <t>d873c112-ff72-4144-804c-8e6476e15852.tmp</t>
  </si>
  <si>
    <t>\\acsfs\profiles$\mariajra\Downloads\d873c112-ff72-4144-804c-8e6476e15852.tmp</t>
  </si>
  <si>
    <t>6b1e83bd-4fb8-4c5e-9b25-84baaebc1cc4.tmp</t>
  </si>
  <si>
    <t>\\acsfs\profiles$\mariajra\Downloads\6b1e83bd-4fb8-4c5e-9b25-84baaebc1cc4.tmp</t>
  </si>
  <si>
    <t>f676c406-e934-46a0-89c5-e99d657a2dcc.tmp</t>
  </si>
  <si>
    <t>\\acsfs\profiles$\inarajst\Downloads\f676c406-e934-46a0-89c5-e99d657a2dcc.tmp</t>
  </si>
  <si>
    <t>f969368d-1e68-49d0-ac60-791c4cd0e04b.tmp</t>
  </si>
  <si>
    <t>\\acsfs\profiles$\inarajst\Downloads\f969368d-1e68-49d0-ac60-791c4cd0e04b.tmp</t>
  </si>
  <si>
    <t>444c6a92-24b3-4f0b-950d-6beac8f04fd8.tmp</t>
  </si>
  <si>
    <t>\\acsfs\profiles$\inarajst\Downloads\444c6a92-24b3-4f0b-950d-6beac8f04fd8.tmp</t>
  </si>
  <si>
    <t>c1328e57-a992-4168-a7ea-df11321fda11.tmp</t>
  </si>
  <si>
    <t>\\acsfs\profiles$\inarajst\Downloads\c1328e57-a992-4168-a7ea-df11321fda11.tmp</t>
  </si>
  <si>
    <t>1f2dd555-1411-448d-b693-06837cf82861.tmp</t>
  </si>
  <si>
    <t>\\acsfs\profiles$\claudiajca\Downloads\1f2dd555-1411-448d-b693-06837cf82861.tmp</t>
  </si>
  <si>
    <t>bba958b8-6f93-46fb-9843-e13ea327de50.tmp</t>
  </si>
  <si>
    <t>\\acsfs\profiles$\claudiajca\Downloads\bba958b8-6f93-46fb-9843-e13ea327de50.tmp</t>
  </si>
  <si>
    <t>3b5da07b-32f2-4579-b0f5-1be23793bae2.tmp</t>
  </si>
  <si>
    <t>\\acsfs\profiles$\sarahbal\Downloads\3b5da07b-32f2-4579-b0f5-1be23793bae2.tmp</t>
  </si>
  <si>
    <t>90646456-d815-4357-9f84-511041b5c5ac.tmp</t>
  </si>
  <si>
    <t>\\acsfs\profiles$\sarahbal\Downloads\90646456-d815-4357-9f84-511041b5c5ac.tmp</t>
  </si>
  <si>
    <t>829bc03a-0f74-47c2-afeb-66f9d434711d.tmp</t>
  </si>
  <si>
    <t>\\acsfs\profiles$\sarahbal\Downloads\829bc03a-0f74-47c2-afeb-66f9d434711d.tmp</t>
  </si>
  <si>
    <t>71643148-4aff-4196-a343-844621f4ce06.tmp</t>
  </si>
  <si>
    <t>\\acsfs\profiles$\websondsa\Downloads\71643148-4aff-4196-a343-844621f4ce06.tmp</t>
  </si>
  <si>
    <t>e5f26eae-2346-4c4d-a4fb-f7b60f5c0082.tmp</t>
  </si>
  <si>
    <t>\\acsfs\profiles$\websondsa\Downloads\e5f26eae-2346-4c4d-a4fb-f7b60f5c0082.tmp</t>
  </si>
  <si>
    <t>4bac239f-ccc5-44cb-9566-9d6cb449f3a8.tmp</t>
  </si>
  <si>
    <t>\\acsfs\profiles$\websondsa\Downloads\4bac239f-ccc5-44cb-9566-9d6cb449f3a8.tmp</t>
  </si>
  <si>
    <t>d5726ddb-c039-4e5a-a5b4-254382352d35.tmp</t>
  </si>
  <si>
    <t>\\acsfs\profiles$\mariajra\Downloads\d5726ddb-c039-4e5a-a5b4-254382352d35.tmp</t>
  </si>
  <si>
    <t>9dc22faf-93cd-49d6-b123-bbbc905d6fb2.tmp</t>
  </si>
  <si>
    <t>\\acsfs\profiles$\mariajra\Downloads\9dc22faf-93cd-49d6-b123-bbbc905d6fb2.tmp</t>
  </si>
  <si>
    <t>c158674e-3abf-4924-825b-6319f5f443b8.tmp</t>
  </si>
  <si>
    <t>\\acsfs\profiles$\inarajst\Downloads\c158674e-3abf-4924-825b-6319f5f443b8.tmp</t>
  </si>
  <si>
    <t>ebae0fc4-76b1-4434-96c7-bc33dd3594c6.tmp</t>
  </si>
  <si>
    <t>\\acsfs\profiles$\inarajst\Downloads\ebae0fc4-76b1-4434-96c7-bc33dd3594c6.tmp</t>
  </si>
  <si>
    <t>263c69c0-64a1-4b81-8cde-eddcd960ffc6.tmp</t>
  </si>
  <si>
    <t>\\acsfs\profiles$\inarajst\Downloads\263c69c0-64a1-4b81-8cde-eddcd960ffc6.tmp</t>
  </si>
  <si>
    <t>d840be1b-aba0-4f5a-a9a5-22a14fe63200.tmp</t>
  </si>
  <si>
    <t>\\acsfs\profiles$\vivianalds\Downloads\d840be1b-aba0-4f5a-a9a5-22a14fe63200.tmp</t>
  </si>
  <si>
    <t>e80c42b4-55a1-458e-9ebf-7d09de0c6267.tmp</t>
  </si>
  <si>
    <t>\\acsfs\profiles$\vivianalds\Downloads\e80c42b4-55a1-458e-9ebf-7d09de0c6267.tmp</t>
  </si>
  <si>
    <t>26d00dd4-3ff9-4b49-835c-61b98a2575b3.tmp</t>
  </si>
  <si>
    <t>\\acsfs\profiles$\websondsa\Downloads\26d00dd4-3ff9-4b49-835c-61b98a2575b3.tmp</t>
  </si>
  <si>
    <t>19597e54-baf4-413b-9f1c-fc8d542ec57c.tmp</t>
  </si>
  <si>
    <t>\\acsfs\profiles$\websondsa\Downloads\19597e54-baf4-413b-9f1c-fc8d542ec57c.tmp</t>
  </si>
  <si>
    <t>e9eb78e3-4ad6-4cd6-acee-19c50b5e921e.tmp</t>
  </si>
  <si>
    <t>\\acsfs\profiles$\websondsa\Downloads\e9eb78e3-4ad6-4cd6-acee-19c50b5e921e.tmp</t>
  </si>
  <si>
    <t>3f495e8a-afde-42b5-8781-74414dd37abc.tmp</t>
  </si>
  <si>
    <t>\\acsfs\profiles$\websondsa\Downloads\3f495e8a-afde-42b5-8781-74414dd37abc.tmp</t>
  </si>
  <si>
    <t>fb36e624-a6ce-4c1e-b749-5e096358c157.tmp</t>
  </si>
  <si>
    <t>\\acsfs\profiles$\websondsa\Downloads\fb36e624-a6ce-4c1e-b749-5e096358c157.tmp</t>
  </si>
  <si>
    <t>8227795f-222b-4b5d-ad89-0d3fd40ab8f4.tmp</t>
  </si>
  <si>
    <t>\\acsfs\profiles$\websondsa\Downloads\8227795f-222b-4b5d-ad89-0d3fd40ab8f4.tmp</t>
  </si>
  <si>
    <t>4a9e0117-41bb-4487-8cf1-3fc49c3a569a.tmp</t>
  </si>
  <si>
    <t>\\acsfs\profiles$\mariajra\Downloads\4a9e0117-41bb-4487-8cf1-3fc49c3a569a.tmp</t>
  </si>
  <si>
    <t>b662f064-376e-4814-8915-beb80083250c.tmp</t>
  </si>
  <si>
    <t>\\acsfs\profiles$\nayarasds\Downloads\b662f064-376e-4814-8915-beb80083250c.tmp</t>
  </si>
  <si>
    <t>c5537005-67f5-4193-9721-60816ccd1c1c.tmp</t>
  </si>
  <si>
    <t>\\acsfs\profiles$\cintiadcf\Downloads\c5537005-67f5-4193-9721-60816ccd1c1c.tmp</t>
  </si>
  <si>
    <t>114c5727-1c99-4f6b-a309-3768b999383d.tmp</t>
  </si>
  <si>
    <t>\\acsfs\profiles$\cintiadcf\Downloads\114c5727-1c99-4f6b-a309-3768b999383d.tmp</t>
  </si>
  <si>
    <t>2ebb079e-b776-457c-9396-f161c0c47e34.tmp</t>
  </si>
  <si>
    <t>\\acsfs\profiles$\vivianalds\Downloads\2ebb079e-b776-457c-9396-f161c0c47e34.tmp</t>
  </si>
  <si>
    <t>b77d6635-009f-4f7b-86a9-5487b0887b23.tmp</t>
  </si>
  <si>
    <t>\\acsfs\profiles$\websondsa\Downloads\b77d6635-009f-4f7b-86a9-5487b0887b23.tmp</t>
  </si>
  <si>
    <t>08fb1f30-27bb-4a86-a23b-f2a2d75e0ba9.tmp</t>
  </si>
  <si>
    <t>\\acsfs\profiles$\websondsa\Downloads\08fb1f30-27bb-4a86-a23b-f2a2d75e0ba9.tmp</t>
  </si>
  <si>
    <t>https://udpmailboxap01.acs.com.br:8443/h/search?si=0&amp;so=0&amp;sc=65599&amp;sfi=2&amp;st=conversation&amp;action=compose</t>
  </si>
  <si>
    <t>e94b937f-ac22-4744-93cd-53b344767a8c.tmp</t>
  </si>
  <si>
    <t>\\acsfs\profiles$\websondsa\Downloads\e94b937f-ac22-4744-93cd-53b344767a8c.tmp</t>
  </si>
  <si>
    <t>7d03777b-eeb9-4d66-92f0-279e3bcbb64a.tmp</t>
  </si>
  <si>
    <t>\\acsfs\profiles$\websondsa\Downloads\7d03777b-eeb9-4d66-92f0-279e3bcbb64a.tmp</t>
  </si>
  <si>
    <t>1bddac74-826a-43eb-89c1-3acc7808e4d3.tmp</t>
  </si>
  <si>
    <t>\\acsfs\profiles$\websondsa\Downloads\1bddac74-826a-43eb-89c1-3acc7808e4d3.tmp</t>
  </si>
  <si>
    <t>01a9870e-578d-4eac-b3a2-2ac717902ddd.tmp</t>
  </si>
  <si>
    <t>\\acsfs\profiles$\websondsa\Downloads\01a9870e-578d-4eac-b3a2-2ac717902ddd.tmp</t>
  </si>
  <si>
    <t>14c40cb7-e838-4bb3-b9a2-8038d92d0c4f.tmp</t>
  </si>
  <si>
    <t>\\acsfs\profiles$\geovannasm\Downloads\14c40cb7-e838-4bb3-b9a2-8038d92d0c4f.tmp</t>
  </si>
  <si>
    <t>0f7687ea-bf37-4ae2-83bb-5de898cc6ba0.tmp</t>
  </si>
  <si>
    <t>\\acsfs\profiles$\geovannasm\Downloads\0f7687ea-bf37-4ae2-83bb-5de898cc6ba0.tmp</t>
  </si>
  <si>
    <t>edf9aeec-82fb-4fdf-b8ef-bd4ba4a99e70.tmp</t>
  </si>
  <si>
    <t>\\acsfs\profiles$\geovannasm\Downloads\edf9aeec-82fb-4fdf-b8ef-bd4ba4a99e70.tmp</t>
  </si>
  <si>
    <t>39daa229-4694-487a-bac0-74055cf31f78.tmp</t>
  </si>
  <si>
    <t>\\acsfs\profiles$\websondsa\Downloads\39daa229-4694-487a-bac0-74055cf31f78.tmp</t>
  </si>
  <si>
    <t>0283d832-a8ba-4975-aad1-7fe4f355b137.tmp</t>
  </si>
  <si>
    <t>\\acsfs\profiles$\websondsa\Downloads\0283d832-a8ba-4975-aad1-7fe4f355b137.tmp</t>
  </si>
  <si>
    <t>6d77eee2-c17b-4785-a96f-44fca0789cff.tmp</t>
  </si>
  <si>
    <t>\\acsfs\profiles$\websondsa\Downloads\6d77eee2-c17b-4785-a96f-44fca0789cff.tmp</t>
  </si>
  <si>
    <t>e5c4841e-26c1-4222-8b4f-22c8712c994e.tmp</t>
  </si>
  <si>
    <t>\\acsfs\profiles$\websondsa\Downloads\e5c4841e-26c1-4222-8b4f-22c8712c994e.tmp</t>
  </si>
  <si>
    <t>a4ed5b5e-e64a-4d0f-bb9a-9b0aa1f0f458.tmp</t>
  </si>
  <si>
    <t>\\acsfs\profiles$\paulovadc\Downloads\a4ed5b5e-e64a-4d0f-bb9a-9b0aa1f0f458.tmp</t>
  </si>
  <si>
    <t>10.200.66.12</t>
  </si>
  <si>
    <t>78-2B-CB-C1-06-CA</t>
  </si>
  <si>
    <t>VOTORANT-ABB006</t>
  </si>
  <si>
    <t>\\acsfs\profiles$\websondsa\Contacts\</t>
  </si>
  <si>
    <t>WEBSON DA SILVA ARAUJO (17379).contact</t>
  </si>
  <si>
    <t>\\acsfs\profiles$\websondsa\Contacts\WEBSON DA SILVA ARAUJO (17379).contact</t>
  </si>
  <si>
    <t>\\acsfs\profiles$\websondsa\My Documents\My Videos\</t>
  </si>
  <si>
    <t>\\acsfs\profiles$\websondsa\My Documents\My Videos\desktop.ini</t>
  </si>
  <si>
    <t>\\acsfs\profiles$\websondsa\My Documents\My Pictures\</t>
  </si>
  <si>
    <t>\\acsfs\profiles$\websondsa\My Documents\My Pictures\desktop.ini</t>
  </si>
  <si>
    <t>\\acsfs\profiles$\websondsa\Contacts\desktop.ini</t>
  </si>
  <si>
    <t>\\acsfs\profiles$\websondsa\Favorites\</t>
  </si>
  <si>
    <t>\\acsfs\profiles$\websondsa\Favorites\desktop.ini</t>
  </si>
  <si>
    <t>\\acsfs\profiles$\websondsa\My Documents\My Music\</t>
  </si>
  <si>
    <t>\\acsfs\profiles$\websondsa\My Documents\My Music\desktop.ini</t>
  </si>
  <si>
    <t>\\acsfs\profiles$\websondsa\Searches\</t>
  </si>
  <si>
    <t>\\acsfs\profiles$\websondsa\Searches\desktop.ini</t>
  </si>
  <si>
    <t>\\acsfs\profiles$\websondsa\Downloads\desktop.ini</t>
  </si>
  <si>
    <t>\\acsfs\profiles$\websondsa\My Documents\desktop.ini</t>
  </si>
  <si>
    <t>\\acsfs\profiles$\websondsa\Saved Games\</t>
  </si>
  <si>
    <t>\\acsfs\profiles$\websondsa\Saved Games\desktop.ini</t>
  </si>
  <si>
    <t>\\acsfs\profiles$\websondsa\Favorites\Links for Brasil\</t>
  </si>
  <si>
    <t>\\acsfs\profiles$\websondsa\Favorites\Links for Brasil\desktop.ini</t>
  </si>
  <si>
    <t>\\acsfs\profiles$\websondsa\Favorites\Links for Brasil\Microsoft Brasil.url</t>
  </si>
  <si>
    <t>\\acsfs\profiles$\websondsa\Favorites\Links for Brasil\Windows Brasil.url</t>
  </si>
  <si>
    <t>\\acsfs\profiles$\websondsa\Favorites\Links for Brasil\MSN Brasil.url</t>
  </si>
  <si>
    <t>7040e1d3-021d-4602-9594-b899dd307918.tmp</t>
  </si>
  <si>
    <t>\\acsfs\profiles$\lucasgpe\Downloads\7040e1d3-021d-4602-9594-b899dd307918.tmp</t>
  </si>
  <si>
    <t>1317c572-2740-48b7-a4bc-532d616080bf.tmp</t>
  </si>
  <si>
    <t>\\acsfs\profiles$\geovannasm\Downloads\1317c572-2740-48b7-a4bc-532d616080bf.tmp</t>
  </si>
  <si>
    <t>646d3176-f790-4f5a-978b-846660d77e76.tmp</t>
  </si>
  <si>
    <t>\\acsfs\profiles$\ERICALSR\Downloads\646d3176-f790-4f5a-978b-846660d77e76.tmp</t>
  </si>
  <si>
    <t>b0e4cb94-8526-482f-acd8-ed0573bfc2ca.tmp</t>
  </si>
  <si>
    <t>\\acsfs\profiles$\paulovadc\Downloads\b0e4cb94-8526-482f-acd8-ed0573bfc2ca.tmp</t>
  </si>
  <si>
    <t>2f4c5d04-ee87-434d-a960-712f94e7f0c7.tmp</t>
  </si>
  <si>
    <t>\\acsfs\profiles$\wenderbnm\Downloads\2f4c5d04-ee87-434d-a960-712f94e7f0c7.tmp</t>
  </si>
  <si>
    <t>96aba7bd-967c-442d-a4ed-0342fb42daa4.tmp</t>
  </si>
  <si>
    <t>\\acsfs\profiles$\websondsa\Downloads\96aba7bd-967c-442d-a4ed-0342fb42daa4.tmp</t>
  </si>
  <si>
    <t>256f6b95-1a78-4593-9401-a0c1bca7ff68.tmp</t>
  </si>
  <si>
    <t>\\acsfs\profiles$\websondsa\Downloads\256f6b95-1a78-4593-9401-a0c1bca7ff68.tmp</t>
  </si>
  <si>
    <t>Não confirmado 942090.crdownload</t>
  </si>
  <si>
    <t>\\acsfs\profiles$\websondsa\Downloads\Não confirmado 942090.crdownload</t>
  </si>
  <si>
    <t>801fdf6b-dd77-41b9-96ce-82086c4f9d78.tmp</t>
  </si>
  <si>
    <t>\\acsfs\profiles$\websondsa\Downloads\801fdf6b-dd77-41b9-96ce-82086c4f9d78.tmp</t>
  </si>
  <si>
    <t>10.200.66.28</t>
  </si>
  <si>
    <t>0148f9c1-38d6-4e96-b364-975cd1720c6f.tmp</t>
  </si>
  <si>
    <t>\\acsfs\profiles$\milenaas\Downloads\0148f9c1-38d6-4e96-b364-975cd1720c6f.tmp</t>
  </si>
  <si>
    <t>10aa45a4-5bbb-46ae-9fd4-f84484fd14eb.tmp</t>
  </si>
  <si>
    <t>\\acsfs\profiles$\marcellewdl\Downloads\10aa45a4-5bbb-46ae-9fd4-f84484fd14eb.tmp</t>
  </si>
  <si>
    <t>63afadd6-05bf-4486-ab6e-4bbe9c9e6198.tmp</t>
  </si>
  <si>
    <t>\\acsfs\profiles$\marcellewdl\Downloads\63afadd6-05bf-4486-ab6e-4bbe9c9e6198.tmp</t>
  </si>
  <si>
    <t>675a9f6f-2ef7-4fe1-afef-3d8e23aefcd2.tmp</t>
  </si>
  <si>
    <t>\\acsfs\profiles$\quindaizaagds\Downloads\675a9f6f-2ef7-4fe1-afef-3d8e23aefcd2.tmp</t>
  </si>
  <si>
    <t>4974531a-89be-4cfd-a883-37fbc0926127.tmp</t>
  </si>
  <si>
    <t>\\acsfs\profiles$\geovannasm\Downloads\4974531a-89be-4cfd-a883-37fbc0926127.tmp</t>
  </si>
  <si>
    <t>78715d93-7be2-494b-8286-060a834f1348.tmp</t>
  </si>
  <si>
    <t>\\acsfs\profiles$\felipetds\Downloads\78715d93-7be2-494b-8286-060a834f1348.tmp</t>
  </si>
  <si>
    <t>38ae6c5c-d490-4085-844b-62c739979aa4.tmp</t>
  </si>
  <si>
    <t>\\acsfs\profiles$\ERICALSR\Downloads\38ae6c5c-d490-4085-844b-62c739979aa4.tmp</t>
  </si>
  <si>
    <t>55b34bc4-ef13-47ac-971c-e167149e464a.tmp</t>
  </si>
  <si>
    <t>\\acsfs\profiles$\luanaagl\Downloads\55b34bc4-ef13-47ac-971c-e167149e464a.tmp</t>
  </si>
  <si>
    <t>8dd726b3-5527-4215-a653-f1e0e3d5a534.tmp</t>
  </si>
  <si>
    <t>\\acsfs\profiles$\luanaagl\Downloads\8dd726b3-5527-4215-a653-f1e0e3d5a534.tmp</t>
  </si>
  <si>
    <t>0971ba66-42a1-4bd7-83d2-26e4ec2ccbd4.tmp</t>
  </si>
  <si>
    <t>\\acsfs\profiles$\luanarda\Downloads\0971ba66-42a1-4bd7-83d2-26e4ec2ccbd4.tmp</t>
  </si>
  <si>
    <t>e0f538a9-579f-498e-8022-cd2c55d4282f.tmp</t>
  </si>
  <si>
    <t>\\acsfs\profiles$\luanarda\Downloads\e0f538a9-579f-498e-8022-cd2c55d4282f.tmp</t>
  </si>
  <si>
    <t>20305b3e-00d0-4d58-8ab4-cdce7243324e.tmp</t>
  </si>
  <si>
    <t>\\acsfs\profiles$\wenderbnm\Downloads\20305b3e-00d0-4d58-8ab4-cdce7243324e.tmp</t>
  </si>
  <si>
    <t>b715f325-91dc-4aaf-8fa1-e46340e8800c.tmp</t>
  </si>
  <si>
    <t>\\acsfs\profiles$\wenderbnm\Downloads\b715f325-91dc-4aaf-8fa1-e46340e8800c.tmp</t>
  </si>
  <si>
    <t>758056c1-afd8-460a-9bd4-88a2103a0c24.tmp</t>
  </si>
  <si>
    <t>\\acsfs\profiles$\websondsa\Downloads\758056c1-afd8-460a-9bd4-88a2103a0c24.tmp</t>
  </si>
  <si>
    <t>44520310-6a89-457f-9ee4-cda737173cec.tmp</t>
  </si>
  <si>
    <t>\\acsfs\profiles$\websondsa\Downloads\44520310-6a89-457f-9ee4-cda737173cec.tmp</t>
  </si>
  <si>
    <t>9ba8158b-0b28-46f0-9f61-0c8ac4767645.tmp</t>
  </si>
  <si>
    <t>\\acsfs\profiles$\websondsa\Downloads\9ba8158b-0b28-46f0-9f61-0c8ac4767645.tmp</t>
  </si>
  <si>
    <t>5b982666-572e-45fd-9cd7-21802d0db988.tmp</t>
  </si>
  <si>
    <t>\\acsfs\profiles$\gabrielaff\Downloads\5b982666-572e-45fd-9cd7-21802d0db988.tmp</t>
  </si>
  <si>
    <t>2fec0ed1-10bb-46a3-9ad0-79fb66da342d.tmp</t>
  </si>
  <si>
    <t>\\acsfs\profiles$\lucasqdss\Downloads\2fec0ed1-10bb-46a3-9ad0-79fb66da342d.tmp</t>
  </si>
  <si>
    <t>b95271b2-96cc-4718-a761-3849476ba216.tmp</t>
  </si>
  <si>
    <t>\\acsfs\profiles$\milenaas\Downloads\b95271b2-96cc-4718-a761-3849476ba216.tmp</t>
  </si>
  <si>
    <t>751afb69-8b25-4896-b401-e637c0c63081.tmp</t>
  </si>
  <si>
    <t>\\acsfs\profiles$\milenaas\Downloads\751afb69-8b25-4896-b401-e637c0c63081.tmp</t>
  </si>
  <si>
    <t>49fb0d0f-c98c-4522-ae31-48ce7d08e0ef.tmp</t>
  </si>
  <si>
    <t>\\acsfs\profiles$\quindaizaagds\Downloads\49fb0d0f-c98c-4522-ae31-48ce7d08e0ef.tmp</t>
  </si>
  <si>
    <t>4f227349-8ff7-4627-b1e4-08a8119a26c8.tmp</t>
  </si>
  <si>
    <t>\\acsfs\profiles$\quindaizaagds\Downloads\4f227349-8ff7-4627-b1e4-08a8119a26c8.tmp</t>
  </si>
  <si>
    <t>6a0f4ccc-3845-4833-8069-4e8a66f4383d.tmp</t>
  </si>
  <si>
    <t>\\acsfs\profiles$\quindaizaagds\Downloads\6a0f4ccc-3845-4833-8069-4e8a66f4383d.tmp</t>
  </si>
  <si>
    <t>861dcbf4-bbf7-4353-b01f-e1ce52087c70.tmp</t>
  </si>
  <si>
    <t>\\acsfs\profiles$\quindaizaagds\Downloads\861dcbf4-bbf7-4353-b01f-e1ce52087c70.tmp</t>
  </si>
  <si>
    <t>46cd3bdc-6d9a-4bd4-91d8-ac627d983489.tmp</t>
  </si>
  <si>
    <t>\\acsfs\profiles$\quindaizaagds\Downloads\46cd3bdc-6d9a-4bd4-91d8-ac627d983489.tmp</t>
  </si>
  <si>
    <t>73ba2484-27d5-4fca-89eb-d03e77cfeb78.tmp</t>
  </si>
  <si>
    <t>\\acsfs\profiles$\quindaizaagds\Downloads\73ba2484-27d5-4fca-89eb-d03e77cfeb78.tmp</t>
  </si>
  <si>
    <t>965e626f-dcf7-4ea5-ab74-6f609ac2d7ed.tmp</t>
  </si>
  <si>
    <t>\\acsfs\profiles$\quindaizaagds\Downloads\965e626f-dcf7-4ea5-ab74-6f609ac2d7ed.tmp</t>
  </si>
  <si>
    <t>78aa94e5-8469-4083-a310-7fb40f255520.tmp</t>
  </si>
  <si>
    <t>\\acsfs\profiles$\quindaizaagds\Downloads\78aa94e5-8469-4083-a310-7fb40f255520.tmp</t>
  </si>
  <si>
    <t>8963afcd-1381-4398-866c-c88320425d19.tmp</t>
  </si>
  <si>
    <t>\\acsfs\profiles$\laylaams\Downloads\8963afcd-1381-4398-866c-c88320425d19.tmp</t>
  </si>
  <si>
    <t>c8dd91ba-2433-4565-9ee6-d5c7ba450ff1.tmp</t>
  </si>
  <si>
    <t>\\acsfs\profiles$\laylaams\Downloads\c8dd91ba-2433-4565-9ee6-d5c7ba450ff1.tmp</t>
  </si>
  <si>
    <t>1d2bc828-6d31-42c1-ad16-fb6bea9dfbef.tmp</t>
  </si>
  <si>
    <t>\\acsfs\profiles$\geovannasm\Downloads\1d2bc828-6d31-42c1-ad16-fb6bea9dfbef.tmp</t>
  </si>
  <si>
    <t>913f3c99-9280-4552-8a81-79cf9e685372.tmp</t>
  </si>
  <si>
    <t>\\acsfs\profiles$\felipetds\Downloads\913f3c99-9280-4552-8a81-79cf9e685372.tmp</t>
  </si>
  <si>
    <t>7c0f4b1a-932f-4547-9eca-32ac67a4038b.tmp</t>
  </si>
  <si>
    <t>\\acsfs\profiles$\ANAPDSB\Downloads\7c0f4b1a-932f-4547-9eca-32ac67a4038b.tmp</t>
  </si>
  <si>
    <t>8e723359-3c6d-48e9-b27c-2de4bff5d573.tmp</t>
  </si>
  <si>
    <t>\\acsfs\profiles$\ANAPDSB\Downloads\8e723359-3c6d-48e9-b27c-2de4bff5d573.tmp</t>
  </si>
  <si>
    <t>1b7dfd57-812c-48d5-8b95-07ea9c9098d3.tmp</t>
  </si>
  <si>
    <t>\\acsfs\profiles$\luanaagl\Downloads\1b7dfd57-812c-48d5-8b95-07ea9c9098d3.tmp</t>
  </si>
  <si>
    <t>bf0f9fef-09c6-452b-8835-585ea2824ee3.tmp</t>
  </si>
  <si>
    <t>\\acsfs\profiles$\paulovadc\Downloads\bf0f9fef-09c6-452b-8835-585ea2824ee3.tmp</t>
  </si>
  <si>
    <t>a15a4096-1bda-4573-88e7-9fc0c17dbbbd.tmp</t>
  </si>
  <si>
    <t>\\acsfs\profiles$\websondsa\Downloads\a15a4096-1bda-4573-88e7-9fc0c17dbbbd.tmp</t>
  </si>
  <si>
    <t>cbc51f36-0c16-461b-84d1-ff388e78a0ab.tmp</t>
  </si>
  <si>
    <t>\\acsfs\profiles$\rafaelahpn\Downloads\cbc51f36-0c16-461b-84d1-ff388e78a0ab.tmp</t>
  </si>
  <si>
    <t>f22120f2-d971-4ea2-b921-a410f5de1e39.tmp</t>
  </si>
  <si>
    <t>\\acsfs\profiles$\rafaelahpn\Downloads\f22120f2-d971-4ea2-b921-a410f5de1e39.tmp</t>
  </si>
  <si>
    <t>52f2bd1a-37cb-4c67-93c3-f68035ceec00.tmp</t>
  </si>
  <si>
    <t>\\acsfs\profiles$\rafaelahpn\Downloads\52f2bd1a-37cb-4c67-93c3-f68035ceec00.tmp</t>
  </si>
  <si>
    <t>2f5d9c5e-37b6-4199-aa92-b5a953e38a8e.tmp</t>
  </si>
  <si>
    <t>\\acsfs\profiles$\sarahbal\Downloads\2f5d9c5e-37b6-4199-aa92-b5a953e38a8e.tmp</t>
  </si>
  <si>
    <t>fe30cfe8-c5ff-43db-b1bd-fee15e2d4fca.tmp</t>
  </si>
  <si>
    <t>\\acsfs\profiles$\milenaas\Downloads\fe30cfe8-c5ff-43db-b1bd-fee15e2d4fca.tmp</t>
  </si>
  <si>
    <t>c49442e1-0d7a-45ab-9efe-e037a2db296d.tmp</t>
  </si>
  <si>
    <t>\\acsfs\profiles$\THYAGOSP\Downloads\c49442e1-0d7a-45ab-9efe-e037a2db296d.tmp</t>
  </si>
  <si>
    <t>65871683-de5f-44c9-80b5-3f1a8fd69870.tmp</t>
  </si>
  <si>
    <t>\\acsfs\profiles$\THYAGOSP\Downloads\65871683-de5f-44c9-80b5-3f1a8fd69870.tmp</t>
  </si>
  <si>
    <t>11c82c48-ddf7-4a19-a0a0-afe892deb125.tmp</t>
  </si>
  <si>
    <t>\\acsfs\profiles$\marcellewdl\Downloads\11c82c48-ddf7-4a19-a0a0-afe892deb125.tmp</t>
  </si>
  <si>
    <t>cbcc88da-425f-416d-a1dd-c33a2ca14f11.tmp</t>
  </si>
  <si>
    <t>\\acsfs\profiles$\marcellewdl\Downloads\cbcc88da-425f-416d-a1dd-c33a2ca14f11.tmp</t>
  </si>
  <si>
    <t>2195a411-ed2c-4f21-b8bb-326401ef6a93.tmp</t>
  </si>
  <si>
    <t>\\acsfs\profiles$\antoniosva\Downloads\2195a411-ed2c-4f21-b8bb-326401ef6a93.tmp</t>
  </si>
  <si>
    <t>537f280a-3020-42c7-a2a6-b28b74734be8.tmp</t>
  </si>
  <si>
    <t>\\acsfs\profiles$\antoniosva\Downloads\537f280a-3020-42c7-a2a6-b28b74734be8.tmp</t>
  </si>
  <si>
    <t>9e35b1a9-b0f3-4329-8322-9d2fb05a2b23.tmp</t>
  </si>
  <si>
    <t>\\acsfs\profiles$\antoniosva\Downloads\9e35b1a9-b0f3-4329-8322-9d2fb05a2b23.tmp</t>
  </si>
  <si>
    <t>8a41ccab-8010-4de4-8f6b-af1849be52bf.tmp</t>
  </si>
  <si>
    <t>\\acsfs\profiles$\antoniosva\Downloads\8a41ccab-8010-4de4-8f6b-af1849be52bf.tmp</t>
  </si>
  <si>
    <t>34ab64f6-c4b5-4e17-ad77-99d619cacc23.tmp</t>
  </si>
  <si>
    <t>\\acsfs\profiles$\antoniosva\Downloads\34ab64f6-c4b5-4e17-ad77-99d619cacc23.tmp</t>
  </si>
  <si>
    <t>7fe3f143-9364-4b46-87f8-9209ff82632e.tmp</t>
  </si>
  <si>
    <t>\\acsfs\profiles$\luanaagl\Downloads\7fe3f143-9364-4b46-87f8-9209ff82632e.tmp</t>
  </si>
  <si>
    <t>1ff4c8f0-5e7c-4420-bb0b-cff5ec91e0a4.tmp</t>
  </si>
  <si>
    <t>\\acsfs\profiles$\websondsa\Downloads\1ff4c8f0-5e7c-4420-bb0b-cff5ec91e0a4.tmp</t>
  </si>
  <si>
    <t>46c72fac-1afc-4b11-9a4f-1130ebad2ba2.tmp</t>
  </si>
  <si>
    <t>\\acsfs\profiles$\websondsa\Downloads\46c72fac-1afc-4b11-9a4f-1130ebad2ba2.tmp</t>
  </si>
  <si>
    <t>abb5591c-9291-49f3-b536-f4ce7080e50d.tmp</t>
  </si>
  <si>
    <t>\\acsfs\profiles$\websondsa\Downloads\abb5591c-9291-49f3-b536-f4ce7080e50d.tmp</t>
  </si>
  <si>
    <t>f60e252e-ee83-4a5b-9b23-ddf4ff4dbb7a.tmp</t>
  </si>
  <si>
    <t>\\acsfs\profiles$\rafaelahpn\Downloads\f60e252e-ee83-4a5b-9b23-ddf4ff4dbb7a.tmp</t>
  </si>
  <si>
    <t>e8de54d3-3426-4027-b32f-020f0ecf6183.tmp</t>
  </si>
  <si>
    <t>\\acsfs\profiles$\rafaelahpn\Downloads\e8de54d3-3426-4027-b32f-020f0ecf6183.tmp</t>
  </si>
  <si>
    <t>bb104a8b-2958-4ab0-b34e-e5173b50da4a.tmp</t>
  </si>
  <si>
    <t>\\acsfs\profiles$\rafaelahpn\Downloads\bb104a8b-2958-4ab0-b34e-e5173b50da4a.tmp</t>
  </si>
  <si>
    <t>12967a7f-18ab-47c4-9865-096e15880d76.tmp</t>
  </si>
  <si>
    <t>\\acsfs\profiles$\larissaad\Downloads\12967a7f-18ab-47c4-9865-096e15880d76.tmp</t>
  </si>
  <si>
    <t>c3602597-cd94-454d-990f-0eedc9cb2ea7.tmp</t>
  </si>
  <si>
    <t>\\acsfs\profiles$\larissaad\Downloads\c3602597-cd94-454d-990f-0eedc9cb2ea7.tmp</t>
  </si>
  <si>
    <t>lu16380sg96u.tmp</t>
  </si>
  <si>
    <t>\\acsfs\profiles$\jonathanwap\lu16380sg96u.tmp</t>
  </si>
  <si>
    <t>\\acsfs\profiles$\jonathanwap\lu16380sg96u.tmp\</t>
  </si>
  <si>
    <t>\\acsfs\profiles$\jonathanwap\lu16380sg96u.tmp\META-INF\</t>
  </si>
  <si>
    <t>\\acsfs\profiles$\jonathanwap\lu16380sg96u.tmp\Thumbnails\</t>
  </si>
  <si>
    <t>6e383605-e2c9-4351-a657-f2c7a732abd8.tmp</t>
  </si>
  <si>
    <t>\\acsfs\profiles$\antoniosva\Downloads\6e383605-e2c9-4351-a657-f2c7a732abd8.tmp</t>
  </si>
  <si>
    <t>78135833-525d-4bcb-b6d5-a23873cdaa95.tmp</t>
  </si>
  <si>
    <t>\\acsfs\profiles$\antoniosva\Downloads\78135833-525d-4bcb-b6d5-a23873cdaa95.tmp</t>
  </si>
  <si>
    <t>496bdfc7-3724-408a-962f-40c70f804b52.tmp</t>
  </si>
  <si>
    <t>\\acsfs\profiles$\antoniosva\Downloads\496bdfc7-3724-408a-962f-40c70f804b52.tmp</t>
  </si>
  <si>
    <t>c1578379-8d41-4199-9f4c-792279d59ea6.tmp</t>
  </si>
  <si>
    <t>\\acsfs\profiles$\geovannasm\Downloads\c1578379-8d41-4199-9f4c-792279d59ea6.tmp</t>
  </si>
  <si>
    <t>RAICA BRUNA OLIVEIRA GAMA (38).contact</t>
  </si>
  <si>
    <t>\\acsfs\profiles$\raicabog\Contacts\RAICA BRUNA OLIVEIRA GAMA (38).contact</t>
  </si>
  <si>
    <t>1abc0933-385a-4faf-a996-765e57a5d4b3.tmp</t>
  </si>
  <si>
    <t>\\acsfs\profiles$\luanaagl\Downloads\1abc0933-385a-4faf-a996-765e57a5d4b3.tmp</t>
  </si>
  <si>
    <t>HENRIQUE CASSIANO OLIVEIRA_1_6774075500834921991_1_32.wav</t>
  </si>
  <si>
    <t>\\acsfs\Deptos\EDUCACAO EMPRESARIAL\KÉSIA\Ligações 1º Ciclo - Janeiro 2020\HENRIQUE CASSIANO OLIVEIRA_1_6774075500834921991_1_32.wav</t>
  </si>
  <si>
    <t>2c81c998-5378-44ac-bb4e-95359ee868c4.tmp</t>
  </si>
  <si>
    <t>\\acsfs\profiles$\gabrielaff\Downloads\2c81c998-5378-44ac-bb4e-95359ee868c4.tmp</t>
  </si>
  <si>
    <t>Planilha Festa BV.xlsx</t>
  </si>
  <si>
    <t>e2edab2c-84bb-410d-91b4-9637a42f62aa.tmp</t>
  </si>
  <si>
    <t>\\acsfs\profiles$\larissaad\Downloads\e2edab2c-84bb-410d-91b4-9637a42f62aa.tmp</t>
  </si>
  <si>
    <t>http://citrixbv.bancovotorantim.com.br/citrix/citrixbvweb/resources/getlaunchstatus/q29udhjvbgxlci5tqunblvnbq18xlte-</t>
  </si>
  <si>
    <t>http:///batch?%24ct=multipart%2Fmixed%3B%20boundary%3D%22%3D%3D%3D%3D%3Dny8k8mavytzc%3D%3D%3D%3D%3D%22&amp;key=AIzaSyAy9VVXHSpS2IJpptzYtGbLP3-3_l0aBk4</t>
  </si>
  <si>
    <t>http:///batch?%24ct=multipart%2Fmixed%3B%20boundary%3D%22%3D%3D%3D%3D%3Dey7v7bv3usuu%3D%3D%3D%3D%3D%22&amp;key=AIzaSyAy9VVXHSpS2IJpptzYtGbLP3-3_l0aBk4</t>
  </si>
  <si>
    <t>http:///batch?%24ct=multipart%2Fmixed%3B%20boundary%3D%22%3D%3D%3D%3D%3D753fdweujuf9%3D%3D%3D%3D%3D%22&amp;key=AIzaSyAy9VVXHSpS2IJpptzYtGbLP3-3_l0aBk4</t>
  </si>
  <si>
    <t>http:///batch?%24ct=multipart%2Fmixed%3B%20boundary%3D%22%3D%3D%3D%3D%3Dfqhhgvcxv770%3D%3D%3D%3D%3D%22&amp;key=AIzaSyAy9VVXHSpS2IJpptzYtGbLP3-3_l0aBk4</t>
  </si>
  <si>
    <t>http:///batch?%24ct=multipart%2Fmixed%3B%20boundary%3D%22%3D%3D%3D%3D%3Dffu8xhi0sr5i%3D%3D%3D%3D%3D%22&amp;key=AIzaSyAy9VVXHSpS2IJpptzYtGbLP3-3_l0aBk4</t>
  </si>
  <si>
    <t>http:///batch?%24ct=multipart%2Fmixed%3B%20boundary%3D%22%3D%3D%3D%3D%3D1zr859bb96v6%3D%3D%3D%3D%3D%22&amp;key=AIzaSyAy9VVXHSpS2IJpptzYtGbLP3-3_l0aBk4</t>
  </si>
  <si>
    <t>ancestorhasaugmentedpermissions;containsunsubscribedchildren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re;quotabytesused;shareabl;shared;sharedwithmedate;thumbnailversion;title;userpermission(role);workspaceids;</t>
  </si>
  <si>
    <t>http://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,shared,sharedwithmedate,thumbnailversion,title,userpermission(role),workspaceids</t>
  </si>
  <si>
    <t>C:\Users\raicdf\Documents\Top Performance\</t>
  </si>
  <si>
    <t>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,shared,sharedwithmedate,thumbnailversion,title,userpermission(role),workspaceids</t>
  </si>
  <si>
    <t>http:///batch?%24ct=multipart%2Fmixed%3B%20boundary%3D%22%3D%3D%3D%3D%3D76v4o5j6d8ag%3D%3D%3D%3D%3D%22&amp;key=AIzaSyAy9VVXHSpS2IJpptzYtGbLP3-3_l0aBk4</t>
  </si>
  <si>
    <t>http:///batch?%24ct=multipart%2Fmixed%3B%20boundary%3D%22%3D%3D%3D%3D%3D1yaaszurv23k%3D%3D%3D%3D%3D%22&amp;key=AIzaSyAy9VVXHSpS2IJpptzYtGbLP3-3_l0aBk4</t>
  </si>
  <si>
    <t>http:///batch?%24ct=multipart%2Fmixed%3B%20boundary%3D%22%3D%3D%3D%3D%3Deoigbjq9fub5%3D%3D%3D%3D%3D%22&amp;key=AIzaSyAy9VVXHSpS2IJpptzYtGbLP3-3_l0aBk4</t>
  </si>
  <si>
    <t>http:///batch?%24ct=multipart%2Fmixed%3B%20boundary%3D%22%3D%3D%3D%3D%3D85afq0glsxtd%3D%3D%3D%3D%3D%22&amp;key=AIzaSyAy9VVXHSpS2IJpptzYtGbLP3-3_l0aBk4</t>
  </si>
  <si>
    <t>http:///batch?%24ct=multipart%2Fmixed%3B%20boundary%3D%22%3D%3D%3D%3D%3Dr0tdo9v1uski%3D%3D%3D%3D%3D%22&amp;key=AIzaSyAy9VVXHSpS2IJpptzYtGbLP3-3_l0aBk4</t>
  </si>
  <si>
    <t>0;0.328;0.333;0.462];0.481;0.548;0.565;0.565];0.683];0.926;0.938];0.941];0];1.055;1.822];1088.434999997844;12687.270000002172;1280.8899999945424;12947.840000000724;12953.029999996943;1329.9199999964912;13455.159999997704;13580.439999997907;13999.920000002021;14006.184999998368;14574.254999999539;14610.240000001795;14610.489999999118;14611.414999999397;14611.609999999928;14611.85000000114;14612.240000002203;14612.694999996165;14612.965000000258;14637.889999998151;14802.369999997609;15892.234999999346;163.01999999996042;1674.4049999979325;1674.895000003744;169.82999999891035;189.58500000007916;189.61499999568332;19.294];190.23500000184868;190.7149999969988;2.334];2.341;23.793;23.793];257.06499999796506;3;34.93499999603955;38.19;38.19];417.84999999799766;497.9700000039884;5.518;5.518];5.842];503.4400000004098;540.4150000031223;570.97999999678;6.775;679.8849999977392;["https://drive.google.com/_/drive_fe/_/js/k=drive_fe.main.pt_br.jntnxbugcby.o/am=mbrqmnyi_cf4iqam/d=0/ct=zgms/rs=afb8gsyxt7gkydvfsz5dor-zm3dksvpt9w</t>
  </si>
  <si>
    <t>http://0,0.328,0.333,0.462],0.481,0.548,0.565,0.565],0.683],0.926,0.938],0.941],0],1.055,1.822],1088.434999997844,12687.270000002172,1280.8899999945424,12947.840000000724,12953.029999996943,1329.9199999964912,13455.159999997704,13580.439999997907,13999.920000002021,14006.184999998368,14574.254999999539,14610.240000001795,14610.489999999118,14611.414999999397,14611.609999999928,14611.85000000114,14612.240000002203,14612.694999996165,14612.965000000258,14637.889999998151,14802.369999997609,15892.234999999346,163.01999999996042,1674.4049999979325,1674.895000003744,169.82999999891035,189.58500000007916,189.61499999568332,19.294],190.23500000184868,190.7149999969988,2.334],2.341,23.793,23.793],257.06499999796506,3,34.93499999603955,38.19,38.19],417.84999999799766,497.9700000039884,5.518,5.518],5.842],503.4400000004098,540.4150000031223,570.97999999678,6.775,679.8849999977392,["https://drive.google.com/_/drive_fe/_/js/k=drive_fe.main.pt_br.jntnxbugcby.o/am=mbrqmnyi_cf4iqam/d=0/ct=zgms/rs=afb8gsyxt7gkydvfsz5dor-zm3d</t>
  </si>
  <si>
    <t>0;0.328;0.333;0.462];0.481;0.548;0.565;0.565];0.668;0.683];0.926;0.929;0.938];0.941];0];1.055;1.146];1.822];1088.434999997844;12.883;12.883];12687.270000002172;1280.8899999945424;12947.840000000724;12953.029999996943;1329.9199999964912;13455.159999997704;13580.439999997907;13999.920000002021;14006.184999998368;14574.254999999539;14610.240000001795;14610.489999999118;14611.199999999371;14611.414999999397;14611.609999999928;14611.85000000114;14612.034999998286;14612.240000002203;14612.459999996645;14612.694999996165;14612.965000000258;14614.334999998391;14637.889999998151;14802.369999997609;15892.234999999346;16.159;16.159];16064.20999999682;163.01999999996042;1673.84999999922;1674.4049999979325;1674.895000003744;1675.9600000004866;1676.5999999988708;16846.910000000207;169.82999999891035;17086.069999997562;17173.029999998107;189.58500000007916;189.61499999568332;19.294];190.23500000184868;190.7149999969988;2.22];2.334];2.341;20.38;22.248];2231.1850000041886;228.50499999913154;23.793;23.793];257.06499999796506;3</t>
  </si>
  <si>
    <t>http://0,0.328,0.333,0.462],0.481,0.548,0.565,0.565],0.668,0.683],0.926,0.929,0.938],0.941],0],1.055,1.146],1.822],1088.434999997844,12.883,12.883],12687.270000002172,1280.8899999945424,12947.840000000724,12953.029999996943,1329.9199999964912,13455.159999997704,13580.439999997907,13999.920000002021,14006.184999998368,14574.254999999539,14610.240000001795,14610.489999999118,14611.199999999371,14611.414999999397,14611.609999999928,14611.85000000114,14612.034999998286,14612.240000002203,14612.459999996645,14612.694999996165,14612.965000000258,14614.334999998391,14637.889999998151,14802.369999997609,15892.234999999346,16.159,16.159],16064.20999999682,163.01999999996042,1673.84999999922,1674.4049999979325,1674.895000003744,1675.9600000004866,1676.5999999988708,16846.910000000207,169.82999999891035,17086.069999997562,17173.029999998107,189.58500000007916,189.61499999568332,19.294],190.23500000184868,190.7149999969988,2.22],2.334],2.341,20.38,22.248],2231.1850000041886,228.50499999913154,23.793,23.793],257.064999997</t>
  </si>
  <si>
    <t>0;0.328;0.333;0.462];0.481;0.548;0.565;0.565];0.668;0.683];0.926;0.929;0.938];0.941];0];1.055;1.146];1.822];1088.434999997844;109.20500000065658;11.237;11.537;12.38;12.883;12.883];12687.270000002172;1280.8899999945424;12947.840000000724;12953.029999996943;1329.9199999964912;13455.159999997704;13580.439999997907;13999.920000002021;14006.184999998368;14574.254999999539;14610.240000001795;14610.489999999118;14611.199999999371;14611.414999999397;14611.609999999928;14611.85000000114;14612.034999998286;14612.240000002203;14612.459999996645;14612.694999996165;14612.965000000258;14614.334999998391;14637.889999998151;14802.369999997609;15892.234999999346;16.159;16.159];16064.20999999682;163.01999999996042;1673.84999999922;1674.4049999979325;1674.895000003744;1675.9600000004866;1676.5999999988708;168.85999999794876;16846.910000000207;169.82999999891035;17086.069999997562;17173.029999998107;17269.019999999728;175.19000000174856;17511.364999998477;17586.794999995618;17620.02499999653;17802.589999999327;17974.94000000006;</t>
  </si>
  <si>
    <t>http://0,0.328,0.333,0.462],0.481,0.548,0.565,0.565],0.668,0.683],0.926,0.929,0.938],0.941],0],1.055,1.146],1.822],1088.434999997844,109.20500000065658,11.237,11.537,12.38,12.883,12.883],12687.270000002172,1280.8899999945424,12947.840000000724,12953.029999996943,1329.9199999964912,13455.159999997704,13580.439999997907,13999.920000002021,14006.184999998368,14574.254999999539,14610.240000001795,14610.489999999118,14611.199999999371,14611.414999999397,14611.609999999928,14611.85000000114,14612.034999998286,14612.240000002203,14612.459999996645,14612.694999996165,14612.965000000258,14614.334999998391,14637.889999998151,14802.369999997609,15892.234999999346,16.159,16.159],16064.20999999682,163.01999999996042,1673.84999999922,1674.4049999979325,1674.895000003744,1675.9600000004866,1676.5999999988708,168.85999999794876,16846.910000000207,169.82999999891035,17086.069999997562,17173.029999998107,17269.019999999728,175.19000000174856,17511.364999998477,17586.794999995618,17620.02499999653,17802.589999999327,17974.94000</t>
  </si>
  <si>
    <t>0;0.328;0.333;0.441;0.462];0.481;0.548;0.565;0.565];0.668;0.683];0.697];0.926;0.929;0.938];0.941];0];1.055;1.146];1.822];1088.434999997844;109.20500000065658;11.237;11.537;12.38;12.883;12.883];12687.270000002172;1280.8899999945424;12947.840000000724;12953.029999996943;1329.9199999964912;13455.159999997704;13580.439999997907;13999.920000002021;14006.184999998368;14574.254999999539;14610.240000001795;14610.489999999118;14611.199999999371;14611.414999999397;14611.609999999928;14611.85000000114;14612.034999998286;14612.240000002203;14612.459999996645;14612.694999996165;14612.965000000258;14614.334999998391;14637.889999998151;14802.369999997609;15892.234999999346;16.159;16.159];16064.20999999682;163.01999999996042;1673.84999999922;1674.4049999979325;1674.895000003744;1675.9600000004866;1676.5999999988708;168.85999999794876;16846.910000000207;169.82999999891035;17086.069999997562;17173.029999998107;17269.019999999728;175.19000000174856;17511.364999998477;17586.794999995618;17620.02499999653;17802.589999999327;17974</t>
  </si>
  <si>
    <t>http://0,0.328,0.333,0.441,0.462],0.481,0.548,0.565,0.565],0.668,0.683],0.697],0.926,0.929,0.938],0.941],0],1.055,1.146],1.822],1088.434999997844,109.20500000065658,11.237,11.537,12.38,12.883,12.883],12687.270000002172,1280.8899999945424,12947.840000000724,12953.029999996943,1329.9199999964912,13455.159999997704,13580.439999997907,13999.920000002021,14006.184999998368,14574.254999999539,14610.240000001795,14610.489999999118,14611.199999999371,14611.414999999397,14611.609999999928,14611.85000000114,14612.034999998286,14612.240000002203,14612.459999996645,14612.694999996165,14612.965000000258,14614.334999998391,14637.889999998151,14802.369999997609,15892.234999999346,16.159,16.159],16064.20999999682,163.01999999996042,1673.84999999922,1674.4049999979325,1674.895000003744,1675.9600000004866,1676.5999999988708,168.85999999794876,16846.910000000207,169.82999999891035,17086.069999997562,17173.029999998107,17269.019999999728,175.19000000174856,17511.364999998477,17586.794999995618,17620.02499999653,17802.58999999932</t>
  </si>
  <si>
    <t>f922f336-5413-4fc9-bb49-205bcb2fafc9.tmp</t>
  </si>
  <si>
    <t>\\acsfs\profiles$\geovannasm\Downloads\f922f336-5413-4fc9-bb49-205bcb2fafc9.tmp</t>
  </si>
  <si>
    <t>7f0c57c2-ca7c-4ccd-a027-6bb7bfe5c898.tmp</t>
  </si>
  <si>
    <t>\\acsfs\profiles$\luanaagl\Downloads\7f0c57c2-ca7c-4ccd-a027-6bb7bfe5c898.tmp</t>
  </si>
  <si>
    <t>23ba6cf4-cddb-4e2a-949a-f6eac0fc807a.tmp</t>
  </si>
  <si>
    <t>\\acsfs\profiles$\KARENDSR\Downloads\23ba6cf4-cddb-4e2a-949a-f6eac0fc807a.tmp</t>
  </si>
  <si>
    <t>33e438f8-a9c8-4b86-a889-e417cdfc62e1.tmp</t>
  </si>
  <si>
    <t>\\acsfs\profiles$\KARENDSR\Downloads\33e438f8-a9c8-4b86-a889-e417cdfc62e1.tmp</t>
  </si>
  <si>
    <t>4e6ab87c-8b22-498e-9d13-276d39fb41da.tmp</t>
  </si>
  <si>
    <t>\\acsfs\profiles$\KARENDSR\Downloads\4e6ab87c-8b22-498e-9d13-276d39fb41da.tmp</t>
  </si>
  <si>
    <t>mail.google.com/_/upload?authuser=0&amp;dcp=asu-n&amp;upload_id=AEnB2Ur-jeFj6OSlRzzqzW0rTrP37GCXd0wnVqM1UopjF7Zb_EjK1GPfN9TZQoA-HPgThroAR03Alj3d6QblaW_3IMfglg0KCA&amp;upload_protocol=resumable</t>
  </si>
  <si>
    <t>http:///batch?%24ct=multipart%2Fmixed%3B%20boundary%3D%22%3D%3D%3D%3D%3D6abnv625lkme%3D%3D%3D%3D%3D%22&amp;key=AIzaSyAy9VVXHSpS2IJpptzYtGbLP3-3_l0aBk4</t>
  </si>
  <si>
    <t>7c0c367e-48a6-4454-8c28-39b9de9a066b.tmp</t>
  </si>
  <si>
    <t>\\acsfs\profiles$\ayalabfi\Downloads\7c0c367e-48a6-4454-8c28-39b9de9a066b.tmp</t>
  </si>
  <si>
    <t>d275f11b-0ac2-4ac9-9c88-539284200cd0.tmp</t>
  </si>
  <si>
    <t>\\acsfs\profiles$\ayalabfi\Downloads\d275f11b-0ac2-4ac9-9c88-539284200cd0.tmp</t>
  </si>
  <si>
    <t>1c107a92-43d1-429d-9a42-327e6c666695.tmp</t>
  </si>
  <si>
    <t>\\acsfs\profiles$\ayalabfi\Downloads\1c107a92-43d1-429d-9a42-327e6c666695.tmp</t>
  </si>
  <si>
    <t>6626e43c-cc43-41cf-98a3-da4cbe76682f.tmp</t>
  </si>
  <si>
    <t>\\acsfs\profiles$\ayalabfi\Downloads\6626e43c-cc43-41cf-98a3-da4cbe76682f.tmp</t>
  </si>
  <si>
    <t>db86665e-a5d5-4e1c-804e-89b3dfa3c63e.tmp</t>
  </si>
  <si>
    <t>\\acsfs\profiles$\cintiadcf\Downloads\db86665e-a5d5-4e1c-804e-89b3dfa3c63e.tmp</t>
  </si>
  <si>
    <t>10.200.66.188</t>
  </si>
  <si>
    <t>74-86-7A-FB-1A-03</t>
  </si>
  <si>
    <t>VOTORANT-WB009</t>
  </si>
  <si>
    <t>kellyac</t>
  </si>
  <si>
    <t>https://parceiro.metlife.com.br/cotadorml/implantador/propostas/cadproposta.aspx</t>
  </si>
  <si>
    <t>lu120163sty3s.tmp</t>
  </si>
  <si>
    <t>\\acsfs\profiles$\CLAUDIAJCA\lu120163sty3s.tmp</t>
  </si>
  <si>
    <t>\\acsfs\profiles$\CLAUDIAJCA\lu120163sty3s.tmp\</t>
  </si>
  <si>
    <t>\\acsfs\profiles$\CLAUDIAJCA\lu120163sty3s.tmp\META-INF\</t>
  </si>
  <si>
    <t>\\acsfs\profiles$\CLAUDIAJCA\lu120163sty3s.tmp\Thumbnails\</t>
  </si>
  <si>
    <t>87cbe69d-e889-4ebd-aa32-9015f49a9b4a.tmp</t>
  </si>
  <si>
    <t>\\acsfs\profiles$\lorrainerdl\Downloads\87cbe69d-e889-4ebd-aa32-9015f49a9b4a.tmp</t>
  </si>
  <si>
    <t>66d0e487-cc3d-4e37-962c-a5323f6fd8a4.tmp</t>
  </si>
  <si>
    <t>\\acsfs\profiles$\lorrainerdl\Downloads\66d0e487-cc3d-4e37-962c-a5323f6fd8a4.tmp</t>
  </si>
  <si>
    <t>a063018b-0320-405f-a819-e0f46ba2a79a.tmp</t>
  </si>
  <si>
    <t>\\acsfs\profiles$\lorrainerdl\Downloads\a063018b-0320-405f-a819-e0f46ba2a79a.tmp</t>
  </si>
  <si>
    <t>f8134642-0f95-458d-af51-5b571e3b3c21.tmp</t>
  </si>
  <si>
    <t>\\acsfs\profiles$\lorrainerdl\Downloads\f8134642-0f95-458d-af51-5b571e3b3c21.tmp</t>
  </si>
  <si>
    <t>217490cc-37c0-41f5-8281-8b77b0c6c3d9.tmp</t>
  </si>
  <si>
    <t>\\acsfs\profiles$\lorrainerdl\Downloads\217490cc-37c0-41f5-8281-8b77b0c6c3d9.tmp</t>
  </si>
  <si>
    <t>5e79f424-7198-42d8-976a-c1da31ae5855.tmp</t>
  </si>
  <si>
    <t>\\acsfs\profiles$\victoriaksr\Downloads\5e79f424-7198-42d8-976a-c1da31ae5855.tmp</t>
  </si>
  <si>
    <t>1c65af60-11d1-4a72-8c9e-61fc308da281.tmp</t>
  </si>
  <si>
    <t>\\acsfs\profiles$\victoriaksr\Downloads\1c65af60-11d1-4a72-8c9e-61fc308da281.tmp</t>
  </si>
  <si>
    <t>$I1YIO7P.ica</t>
  </si>
  <si>
    <t>\\acsfs\profiles$\victoriaksr\Downloads\$RECYCLE.BIN\$I1YIO7P.ica</t>
  </si>
  <si>
    <t>$IGYLQPL.ica</t>
  </si>
  <si>
    <t>\\acsfs\profiles$\victoriaksr\Downloads\$RECYCLE.BIN\$IGYLQPL.ica</t>
  </si>
  <si>
    <t>c8df5e49-3ed1-4c21-abe2-2cfdfefcd916.tmp</t>
  </si>
  <si>
    <t>\\acsfs\profiles$\lorraynevam\Downloads\c8df5e49-3ed1-4c21-abe2-2cfdfefcd916.tmp</t>
  </si>
  <si>
    <t>ID's para alteração.xlsx</t>
  </si>
  <si>
    <t>\\acsfs\DEPTOS\Operacao\PCP\5 - Comum\PLANEJAMENTO BV\22 - BANCO DE DADOS BV\CARTÕES\ID's para alteração.xlsx</t>
  </si>
  <si>
    <t>http:///batch?%24ct=multipart%2Fmixed%3B%20boundary%3D%22%3D%3D%3D%3D%3D6nx5dqmo9lir%3D%3D%3D%3D%3D%22&amp;key=AIzaSyAy9VVXHSpS2IJpptzYtGbLP3-3_l0aBk4</t>
  </si>
  <si>
    <t>ancest;ancestorhasaugmentedpermissions;containsunsubscribedchildren;displayname;domain;emailaddress;explicitlytrashed;filesize;hasthumbnail;hasthumbnail�;hasvisitorpermissions;id;id);items(kind;ken;lastmodifyinguser(kind;lastviewedbymedate;mimetype;modifiedbymedate;modifieddate;ontainsunsubscribedchildren;owners(kind;permissionid;pictu;picture;rpermissions;shared;sharedwithmedate;thumbnailversion;title;userpermission(role);workspaceids;</t>
  </si>
  <si>
    <t>http://ancest,ancestorhasaugmentedpermissions,containsunsubscribedchildren,displayname,domain,emailaddress,explicitlytrashed,filesize,hasthumbnail,hasthumbnail�,hasvisitorpermissions,id,id),items(kind,ken,lastmodifyinguser(kind,lastviewedbymedate,mimetype,modifiedbymedate,modifieddate,ontainsunsubscribedchildren,owners(kind,permissionid,pictu,picture,rpermissions,shared,sharedwithmedate,thumbnailversion,title,userpermission(role),workspaceids</t>
  </si>
  <si>
    <t>ancest,ancestorhasaugmentedpermissions,containsunsubscribedchildren,displayname,domain,emailaddress,explicitlytrashed,filesize,hasthumbnail,hasthumbnail�,hasvisitorpermissions,id,id),items(kind,ken,lastmodifyinguser(kind,lastviewedbymedate,mimetype,modifiedbymedate,modifieddate,ontainsunsubscribedchildren,owners(kind,permissionid,pictu,picture,rpermissions,shared,sharedwithmedate,thumbnailversion,title,userpermission(role),workspaceids</t>
  </si>
  <si>
    <t>3xh===== conten;ancest;ancestorhasaugmentedpermissions;containsunsubscribedchildren;displayname;domain;emailaddress;explicitlytrashed;filesize;hasthumbnail;hasthumbnail�;hasvisitorpermissions;id;id);items(kind;ken;lastmodifyinguser(kind;lastviewedbymedate;mimetype;modifiedbymedate;modifieddate;ontainsunsubscribedchildren;owners(kind;permissionid;pictu;picture;rpermissions;shared;sharedwithmedate;thumbnailversion;title;userpermission(role);workspaceids;</t>
  </si>
  <si>
    <t>http://3xh===== conten,ancest,ancestorhasaugmentedpermissions,containsunsubscribedchildren,displayname,domain,emailaddress,explicitlytrashed,filesize,hasthumbnail,hasthumbnail�,hasvisitorpermissions,id,id),items(kind,ken,lastmodifyinguser(kind,lastviewedbymedate,mimetype,modifiedbymedate,modifieddate,ontainsunsubscribedchildren,owners(kind,permissionid,pictu,picture,rpermissions,shared,sharedwithmedate,thumbnailversion,title,userpermission(role),workspaceids</t>
  </si>
  <si>
    <t>http:///batch?%24ct=multipart%2Fmixed%3B%20boundary%3D%22%3D%3D%3D%3D%3Dr0hfb0xqab1w%3D%3D%3D%3D%3D%22&amp;key=AIzaSyAy9VVXHSpS2IJpptzYtGbLP3-3_l0aBk4</t>
  </si>
  <si>
    <t>3xh===== conten;ancest;ancestorhasaugmentedpermissions;containsunsubscribedchildren;displayname;domain;emailaddress;explicitlytrashed;file(kind;fileid;filesize;hasthumbnail;hasthumbnail�;hasvisitorpermissions;id;id);items(deleted;items(kind;ken;kind;lastmodifyinguser(kind;lastviewedbymedate;mimetype;modifiedbymedate;modifieddate;ontainsunsubscribedchildren;owners(kind;per;permissionid;pictu;picture;rpermissions;shared;sharedwithmedate;thumbnailversion;title;userpermission(role);workspaceids;</t>
  </si>
  <si>
    <t>http://3xh===== conten,ancest,ancestorhasaugmentedpermissions,containsunsubscribedchildren,displayname,domain,emailaddress,explicitlytrashed,file(kind,fileid,filesize,hasthumbnail,hasthumbnail�,hasvisitorpermissions,id,id),items(deleted,items(kind,ken,kind,lastmodifyinguser(kind,lastviewedbymedate,mimetype,modifiedbymedate,modifieddate,ontainsunsubscribedchildren,owners(kind,per,permissionid,pictu,picture,rpermissions,shared,sharedwithmedate,thumbnailversion,title,userpermission(role),workspaceids</t>
  </si>
  <si>
    <t>http:///batch?%24ct=multipart%2Fmixed%3B%20boundary%3D%22%3D%3D%3D%3D%3Drccpmzizuzwu%3D%3D%3D%3D%3D%22&amp;key=AIzaSyAy9VVXHSpS2IJpptzYtGbLP3-3_l0aBk4</t>
  </si>
  <si>
    <t>3xh===== conten;ancest;ancestorhasaugmentedpermissions;containsunsubscribedchildren;displayname;domain;emailaddress;explicitlytrashed;file(kind;fileid;filesize;hasthumbnail;hasthumbnail�;hasvisitorpermissions;id;id);items(deleted;items(kind;ken;kind;lastmodifyinguser(kind;lastviewedbymedate;mimetype;modifiedbymedate;modifieddate;ontainsunsubscribedchildren;owners(kind;per;permissionid;pictu;picture;pmzizuzwu=;rpermissions;shared;sharedwithmedate;thumbnailversion;title;userpermission(role);workspaceids;</t>
  </si>
  <si>
    <t>http://3xh===== conten,ancest,ancestorhasaugmentedpermissions,containsunsubscribedchildren,displayname,domain,emailaddress,explicitlytrashed,file(kind,fileid,filesize,hasthumbnail,hasthumbnail�,hasvisitorpermissions,id,id),items(deleted,items(kind,ken,kind,lastmodifyinguser(kind,lastviewedbymedate,mimetype,modifiedbymedate,modifieddate,ontainsunsubscribedchildren,owners(kind,per,permissionid,pictu,picture,pmzizuzwu=,rpermissions,shared,sharedwithmedate,thumbnailversion,title,userpermission(role),workspaceids</t>
  </si>
  <si>
    <t>http:///batch?%24ct=multipart%2Fmixed%3B%20boundary%3D%22%3D%3D%3D%3D%3Dhwpohmnbghme%3D%3D%3D%3D%3D%22&amp;key=AIzaSyAy9VVXHSpS2IJpptzYtGbLP3-3_l0aBk4</t>
  </si>
  <si>
    <t>http:///batch?%24ct=multipart%2Fmixed%3B%20boundary%3D%22%3D%3D%3D%3D%3D2fznpqinihqj%3D%3D%3D%3D%3D%22&amp;key=AIzaSyAy9VVXHSpS2IJpptzYtGbLP3-3_l0aBk4</t>
  </si>
  <si>
    <t>http:///batch?%24ct=multipart%2Fmixed%3B%20boundary%3D%22%3D%3D%3D%3D%3D35o09l1bhqtr%3D%3D%3D%3D%3D%22&amp;key=AIzaSyAy9VVXHSpS2IJpptzYtGbLP3-3_l0aBk4</t>
  </si>
  <si>
    <t>http:///batch?%24ct=multipart%2Fmixed%3B%20boundary%3D%22%3D%3D%3D%3D%3D9vh91ecxc8a7%3D%3D%3D%3D%3D%22&amp;key=AIzaSyAy9VVXHSpS2IJpptzYtGbLP3-3_l0aBk4</t>
  </si>
  <si>
    <t>http:///batch?%24ct=multipart%2Fmixed%3B%20boundary%3D%22%3D%3D%3D%3D%3Dgzaweujf0872%3D%3D%3D%3D%3D%22&amp;key=AIzaSyAy9VVXHSpS2IJpptzYtGbLP3-3_l0aBk4</t>
  </si>
  <si>
    <t>http:///batch?%24ct=multipart%2Fmixed%3B%20boundary%3D%22%3D%3D%3D%3D%3D6ctuzuve82ef%3D%3D%3D%3D%3D%22&amp;key=AIzaSyAy9VVXHSpS2IJpptzYtGbLP3-3_l0aBk4</t>
  </si>
  <si>
    <t>http:///batch?%24ct=multipart%2Fmixed%3B%20boundary%3D%22%3D%3D%3D%3D%3Dq58nw8dxvusf%3D%3D%3D%3D%3D%22&amp;key=AIzaSyAy9VVXHSpS2IJpptzYtGbLP3-3_l0aBk4</t>
  </si>
  <si>
    <t>http:///batch?%24ct=multipart%2Fmixed%3B%20boundary%3D%22%3D%3D%3D%3D%3D376pinspaz3h%3D%3D%3D%3D%3D%22&amp;key=AIzaSyAy9VVXHSpS2IJpptzYtGbLP3-3_l0aBk4</t>
  </si>
  <si>
    <t>http:///batch?%24ct=multipart%2Fmixed%3B%20boundary%3D%22%3D%3D%3D%3D%3Djqdew1ucy624%3D%3D%3D%3D%3D%22&amp;key=AIzaSyAy9VVXHSpS2IJpptzYtGbLP3-3_l0aBk4</t>
  </si>
  <si>
    <t>lu107809isukf.tmp</t>
  </si>
  <si>
    <t>\\acsfs\profiles$\CINTIADCF\lu107809isukf.tmp</t>
  </si>
  <si>
    <t>\\acsfs\profiles$\CINTIADCF\lu107809isukf.tmp\</t>
  </si>
  <si>
    <t>\\acsfs\profiles$\CINTIADCF\lu107809isukf.tmp\META-INF\</t>
  </si>
  <si>
    <t>\\acsfs\profiles$\CINTIADCF\lu107809isukf.tmp\Thumbnails\</t>
  </si>
  <si>
    <t>PAMELA MARIA CRISTINA MACEDO DA SILVA GUEDES (8).contact</t>
  </si>
  <si>
    <t>\\acsfs\profiles$\pamelamcmdsg\Contacts\PAMELA MARIA CRISTINA MACEDO DA SILVA GUEDES (8).contact</t>
  </si>
  <si>
    <t>c173084f-8bc5-4f77-a3ef-faf667142d02.tmp</t>
  </si>
  <si>
    <t>\\acsfs\profiles$\pamelamcmdsg\Downloads\c173084f-8bc5-4f77-a3ef-faf667142d02.tmp</t>
  </si>
  <si>
    <t>Não confirmado 575184.crdownload</t>
  </si>
  <si>
    <t>\\acsfs\profiles$\pamelamcmdsg\Downloads\Não confirmado 575184.crdownload</t>
  </si>
  <si>
    <t>ad7fe688-8003-49d9-bb90-5495be9eb804.tmp</t>
  </si>
  <si>
    <t>\\acsfs\profiles$\victoriaksr\Downloads\ad7fe688-8003-49d9-bb90-5495be9eb804.tmp</t>
  </si>
  <si>
    <t>d6939a7d-74e2-4e4a-8546-6038711e1548.tmp</t>
  </si>
  <si>
    <t>\\acsfs\profiles$\lorraynevam\Downloads\d6939a7d-74e2-4e4a-8546-6038711e1548.tmp</t>
  </si>
  <si>
    <t>519a3e63-b217-4fac-9c24-53e5c5ece69c.tmp</t>
  </si>
  <si>
    <t>\\acsfs\profiles$\lorraynevam\Downloads\519a3e63-b217-4fac-9c24-53e5c5ece69c.tmp</t>
  </si>
  <si>
    <t>http:///batch?%24ct=multipart%2Fmixed%3B%20boundary%3D%22%3D%3D%3D%3D%3D8gd4qmushoel%3D%3D%3D%3D%3D%22&amp;key=AIzaSyAy9VVXHSpS2IJpptzYtGbLP3-3_l0aBk4</t>
  </si>
  <si>
    <t>http:///batch?%24ct=multipart%2Fmixed%3B%20boundary%3D%22%3D%3D%3D%3D%3Dw6v11wkuxd5q%3D%3D%3D%3D%3D%22&amp;key=AIzaSyAy9VVXHSpS2IJpptzYtGbLP3-3_l0aBk4</t>
  </si>
  <si>
    <t>1;1578482283785;1738007010;[];[]]];ancest;containsunsubscribedchildren;displayname;domain;emailaddress;false;filesize;id);lastmodifyinguser(kind;lastviewedbymedate;modifiedbymedate;null;ontainsunsubscribedchildren;owners(kind;permissionid;pictu;picture;rpermissions;true]";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;vxd5874j_rcxytdcakyaqcq4lriewtnjwmfrnjuv2-4muryr1woqdsmriyrxpb6q0jomgaedsibdjbasd4smb8mgt27ilk1iuo3qlr_ieswztassn-4tzfhfs7rn7vgnzv_zjdkl8uk\";workspaceids;</t>
  </si>
  <si>
    <t>http://1,1578482283785,1738007010,[],[]]],ancest,containsunsubscribedchildren,displayname,domain,emailaddress,false,filesize,id),lastmodifyinguser(kind,lastviewedbymedate,modifiedbymedate,null,ontainsunsubscribedchildren,owners(kind,permissionid,pictu,picture,rpermissions,true]",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,vxd5874j_rcxytdcakyaqcq4lriewtnjwmfrnjuv2-4muryr1woqdsmriyrxpb6q0jomgaedsibdjbasd4smb8mgt27ilk1iuo3qlr_ieswztassn-4tzfhfs7rn7vgnzv_zjdkl8uk\",workspaceids</t>
  </si>
  <si>
    <t>http:///batch?%24ct=multipart%2Fmixed%3B%20boundary%3D%22%3D%3D%3D%3D%3Dacy11eghfjo9%3D%3D%3D%3D%3D%22&amp;key=AIzaSyAy9VVXHSpS2IJpptzYtGbLP3-3_l0aBk4</t>
  </si>
  <si>
    <t>1;1578482283785;1738007010;[];[]]];ancest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;picture;rpermissions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;userpermission(role);vxd5874j_rcxytdcakyaqcq4lriewtnjwmfrnjuv2-4muryr1woqdsmriyrxpb6q0jomgaedsibdjbasd4smb8mgt27ilk1iuo3qlr_ieswztassn-4tzfhfs7rn7vgnzv_zjdkl8uk\";workspaceids;</t>
  </si>
  <si>
    <t>http://1,1578482283785,1738007010,[],[]]],ancest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,picture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,userpermission(role),vxd5874j_rcxytdcakyaqcq4lriewtnjwmfrnjuv2-4muryr1woqdsmriyrxpb6q0jomgaedsibdjbasd4smb8mgt27ilk1iuo3qlr_ieswztassn-4tzfhfs7rn7vgnzv_zjdkl8uk\",workspaceids</t>
  </si>
  <si>
    <t>http:///batch?%24ct=multipart%2Fmixed%3B%20boundary%3D%22%3D%3D%3D%3D%3D8nx0j8frl9qn%3D%3D%3D%3D%3D%22&amp;key=AIzaSyAy9VVXHSpS2IJpptzYtGbLP3-3_l0aBk4</t>
  </si>
  <si>
    <t>http:///batch?%24ct=multipart%2Fmixed%3B%20boundary%3D%22%3D%3D%3D%3D%3D59dg9obi5a2n%3D%3D%3D%3D%3D%22&amp;key=AIzaSyAy9VVXHSpS2IJpptzYtGbLP3-3_l0aBk4</t>
  </si>
  <si>
    <t>http:///batch?%24ct=multipart%2Fmixed%3B%20boundary%3D%22%3D%3D%3D%3D%3Dy383f0adnpmu%3D%3D%3D%3D%3D%22&amp;key=AIzaSyAy9VVXHSpS2IJpptzYtGbLP3-3_l0aBk4</t>
  </si>
  <si>
    <t>http:///batch?%24ct=multipart%2Fmixed%3B%20boundary%3D%22%3D%3D%3D%3D%3Debs9rsfn0q10%3D%3D%3D%3D%3D%22&amp;key=AIzaSyAy9VVXHSpS2IJpptzYtGbLP3-3_l0aBk4</t>
  </si>
  <si>
    <t>http:///batch?%24ct=multipart%2Fmixed%3B%20boundary%3D%22%3D%3D%3D%3D%3Danx7jbqgmqvs%3D%3D%3D%3D%3D%22&amp;key=AIzaSyAy9VVXHSpS2IJpptzYtGbLP3-3_l0aBk4</t>
  </si>
  <si>
    <t>0];1578483183727;1738007010;4;7r�p�� ��_x0017_�_x0012_&amp;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ve3qlr_isln-n7igrr0buldm8gxk212hey66ooonvmu\";userpermission(role);vxd5874j_rcxytdcakyaqcq4lriewtnjwmfrnjuv2-4muryr1woqdsmriyrxpb6q0jomgaedsibdjbasd4smb8mgt27ilk1ive3qlr_isln-n7igrr0buldm8gxk212hey66ooonvmu\";workspaceids;</t>
  </si>
  <si>
    <t>http://0],1578483183727,1738007010,4,7r�p�� ��_x0017_�_x0012_&amp;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ve3qlr_isln-n7igrr0buldm8gxk212hey66ooonvmu\",userpermission(role),vxd5874j_rcxytdcakyaqcq4lriewtnjwmfrnjuv2-4muryr1woqdsmriyrxpb6q0jomgaedsibdjbasd4smb8mgt27ilk1ive3qlr_isln-n7igrr0buldm8gxk212hey66ooonvmu\",workspaceids</t>
  </si>
  <si>
    <t>http:///batch?%24ct=multipart%2Fmixed%3B%20boundary%3D%22%3D%3D%3D%3D%3Dkxwr6ayc22mi%3D%3D%3D%3D%3D%22&amp;key=AIzaSyAy9VVXHSpS2IJpptzYtGbLP3-3_l0aBk4</t>
  </si>
  <si>
    <t>http:///batch?%24ct=multipart%2Fmixed%3B%20boundary%3D%22%3D%3D%3D%3D%3Dvxohv56ksij%3D%3D%3D%3D%3D%22&amp;key=AIzaSyAy9VVXHSpS2IJpptzYtGbLP3-3_l0aBk4</t>
  </si>
  <si>
    <t>f145430e-41af-48d0-ae72-4acfd87c4f43.tmp</t>
  </si>
  <si>
    <t>\\acsfs\profiles$\ayalabfi\Downloads\f145430e-41af-48d0-ae72-4acfd87c4f43.tmp</t>
  </si>
  <si>
    <t>666de018-203f-4cb3-a1c0-771ce37fadee.tmp</t>
  </si>
  <si>
    <t>\\acsfs\profiles$\ayalabfi\Downloads\666de018-203f-4cb3-a1c0-771ce37fadee.tmp</t>
  </si>
  <si>
    <t>2c274db1-9b06-4397-bc7b-2f86911964a8.tmp</t>
  </si>
  <si>
    <t>\\acsfs\profiles$\ayalabfi\Downloads\2c274db1-9b06-4397-bc7b-2f86911964a8.tmp</t>
  </si>
  <si>
    <t>84d90f09-60f4-45d2-b9ae-75b8ace9fe21.tmp</t>
  </si>
  <si>
    <t>\\acsfs\profiles$\cintiadcf\Downloads\84d90f09-60f4-45d2-b9ae-75b8ace9fe21.tmp</t>
  </si>
  <si>
    <t>54fd813a-a39e-4e40-b5c1-83c5c0542c05.tmp</t>
  </si>
  <si>
    <t>\\acsfs\profiles$\ALYNYA\Downloads\54fd813a-a39e-4e40-b5c1-83c5c0542c05.tmp</t>
  </si>
  <si>
    <t>fd7d4caf-f8d4-4642-bb7f-7df003c31cd3.tmp</t>
  </si>
  <si>
    <t>\\acsfs\profiles$\claudiajca\Downloads\fd7d4caf-f8d4-4642-bb7f-7df003c31cd3.tmp</t>
  </si>
  <si>
    <t>ad7c5c51-7b31-428f-851f-c28e818af15b.tmp</t>
  </si>
  <si>
    <t>\\acsfs\profiles$\rafaelahpn\Downloads\ad7c5c51-7b31-428f-851f-c28e818af15b.tmp</t>
  </si>
  <si>
    <t>\\acsfs\profiles$\rafaelahpn\Contacts\</t>
  </si>
  <si>
    <t>RAFAELA HELENA PEREIRA NUNES (10665).contact</t>
  </si>
  <si>
    <t>\\acsfs\profiles$\rafaelahpn\Contacts\RAFAELA HELENA PEREIRA NUNES (10665).contact</t>
  </si>
  <si>
    <t>f6a9e9ce-4e2a-4642-82de-a60061e981da.tmp</t>
  </si>
  <si>
    <t>\\acsfs\profiles$\larissaad\Downloads\f6a9e9ce-4e2a-4642-82de-a60061e981da.tmp</t>
  </si>
  <si>
    <t>13985eb6-692c-4f50-a8fd-c03155dfeb73.tmp</t>
  </si>
  <si>
    <t>\\acsfs\profiles$\larissaad\Downloads\13985eb6-692c-4f50-a8fd-c03155dfeb73.tmp</t>
  </si>
  <si>
    <t>5cf83044-c104-4577-8e09-fb9afcbe5b36.tmp</t>
  </si>
  <si>
    <t>\\acsfs\profiles$\larissaad\Downloads\5cf83044-c104-4577-8e09-fb9afcbe5b36.tmp</t>
  </si>
  <si>
    <t>tarefa dando erro.PNG</t>
  </si>
  <si>
    <t>\\acsfs\profiles$\nayarasds\Downloads\tarefa dando erro.PNG</t>
  </si>
  <si>
    <t>http:///batch?%24ct=multipart%2Fmixed%3B%20boundary%3D%22%3D%3D%3D%3D%3Datdqd6fvme40%3D%3D%3D%3D%3D%22&amp;key=AIzaSyAy9VVXHSpS2IJpptzYtGbLP3-3_l0aBk4</t>
  </si>
  <si>
    <t>1578483218686000]]]eids;ancestorhasaugmentedpermissions;containsunsubscribedchildren;displayname;domain;emailaddress;file(kind;fileid;filesize;hasthumbnail;hasvisitorpermissions;id;id);items(deleted;ken;ken=ac4w5vix_z5c3vm9ln1dolghdosvr2cejg:1578482277703&amp;buildlabel=drive.web-frontend_20191211.00_p1;kind;lastmodifyinguser(kind;lastviewedbymedate;modifiedbymedate;modifieddate;motq3mze4otg5odazecozwc9rynzcgas=";ontainsunsubscribedchildren;owners(kind;per;permissionid;picture;shared;sharedwithmedate;thumbnailversion;title;userpermission(role);workspaceids;</t>
  </si>
  <si>
    <t>http://1578483218686000]]]eids,ancestorhasaugmentedpermissions,containsunsubscribedchildren,displayname,domain,emailaddress,file(kind,fileid,filesize,hasthumbnail,hasvisitorpermissions,id,id),items(deleted,ken,ken=ac4w5vix_z5c3vm9ln1dolghdosvr2cejg:1578482277703&amp;buildlabel=drive.web-frontend_20191211.00_p1,kind,lastmodifyinguser(kind,lastviewedbymedate,modifiedbymedate,modifieddate,motq3mze4otg5odazecozwc9rynzcgas=",ontainsunsubscribedchildren,owners(kind,per,permissionid,picture,shared,sharedwithmedate,thumbnailversion,title,userpermission(role),workspaceids</t>
  </si>
  <si>
    <t>http:///batch?%24ct=multipart%2Fmixed%3B%20boundary%3D%22%3D%3D%3D%3D%3D2gdiagr0cvjh%3D%3D%3D%3D%3D%22&amp;key=AIzaSyAy9VVXHSpS2IJpptzYtGbLP3-3_l0aBk4</t>
  </si>
  <si>
    <t>5aab398c-7757-40b9-a66a-dbd3db12cc78.tmp</t>
  </si>
  <si>
    <t>\\acsfs\profiles$\ayalabfi\Downloads\5aab398c-7757-40b9-a66a-dbd3db12cc78.tmp</t>
  </si>
  <si>
    <t>41ca3fde-c7b8-4eb9-8170-bc2fae856b1e.tmp</t>
  </si>
  <si>
    <t>\\acsfs\profiles$\cintiadcf\Downloads\41ca3fde-c7b8-4eb9-8170-bc2fae856b1e.tmp</t>
  </si>
  <si>
    <t>\\acsfs\DEPTOS\Operacao\Banco_Votorantim\Qualidade\Eliane\TRÉPLICA DEZEMBRO-MUTANT\</t>
  </si>
  <si>
    <t>1° Ciclo Dezembro.txt</t>
  </si>
  <si>
    <t>\\acsfs\DEPTOS\Operacao\Banco_Votorantim\Qualidade\Eliane\TRÉPLICA DEZEMBRO-MUTANT\1° Ciclo Dezembro.txt</t>
  </si>
  <si>
    <t>C:\Users\kesiadof\Downloads\</t>
  </si>
  <si>
    <t>Dimensionamento_Janeiro_Cartões.xlsx</t>
  </si>
  <si>
    <t>\\acsfs\Deptos\EDUCACAO EMPRESARIAL\KÉSIA\Dimensionamento_Janeiro_Cartões.xlsx</t>
  </si>
  <si>
    <t>\\acsfs\Deptos\EDUCACAO EMPRESARIAL\KÉSIA\Dimensionamento_Janeiro_Cartões.xlsx\</t>
  </si>
  <si>
    <t>\\acsfs\Deptos\EDUCACAO EMPRESARIAL\KÉSIA\Dimensionamento_Janeiro_Cartões.xlsx\:Zone.Identifier:$DATA</t>
  </si>
  <si>
    <t>LOG CHAMADAS DETALHADO - BV CARTÕES - DEZ-19.xlsx</t>
  </si>
  <si>
    <t>\\acsfs\Deptos\EDUCACAO EMPRESARIAL\KÉSIA\LOG CHAMADAS DETALHADO - BV CARTÕES - DEZ-19.xlsx</t>
  </si>
  <si>
    <t>\\acsfs\Deptos\EDUCACAO EMPRESARIAL\KÉSIA\LOG CHAMADAS DETALHADO - BV CARTÕES - DEZ-19.xlsx\</t>
  </si>
  <si>
    <t>\\acsfs\Deptos\EDUCACAO EMPRESARIAL\KÉSIA\LOG CHAMADAS DETALHADO - BV CARTÕES - DEZ-19.xlsx\:Zone.Identifier:$DATA</t>
  </si>
  <si>
    <t>\\acsfs\Deptos\EDUCACAO EMPRESARIAL\KÉSIA\LOG CHAMADAS DETALHADO - BV CARTÕES DEZ_JAN.xlsx</t>
  </si>
  <si>
    <t>\\acsfs\Deptos\EDUCACAO EMPRESARIAL\KÉSIA\LOG CHAMADAS DETALHADO - BV CARTÕES DEZ_JAN.xlsx\</t>
  </si>
  <si>
    <t>\\acsfs\Deptos\EDUCACAO EMPRESARIAL\KÉSIA\LOG CHAMADAS DETALHADO - BV CARTÕES DEZ_JAN.xlsx\:Zone.Identifier:$DATA</t>
  </si>
  <si>
    <t>\\acsfs\Deptos\EDUCACAO EMPRESARIAL\KÉSIA\Pasta1.xlsx</t>
  </si>
  <si>
    <t>C:\Users\kesiadof\Downloads\ALERTA DE ATENDIMENTO.xlsx\</t>
  </si>
  <si>
    <t>\\acsfs\Deptos\EDUCACAO EMPRESARIAL\KÉSIA\ALERTA DE ATENDIMENTO.xlsx</t>
  </si>
  <si>
    <t>\\acsfs\Deptos\EDUCACAO EMPRESARIAL\KÉSIA\ALERTA DE ATENDIMENTO.xlsx\</t>
  </si>
  <si>
    <t>\\acsfs\Deptos\EDUCACAO EMPRESARIAL\KÉSIA\ALERTA DE ATENDIMENTO.xlsx\:Zone.Identifier:$DATA</t>
  </si>
  <si>
    <t>\\acsfs\Deptos\EDUCACAO EMPRESARIAL\KÉSIA\BANCO DE DADOS - OPERAÇÃO.xlsx</t>
  </si>
  <si>
    <t>\\acsfs\Deptos\EDUCACAO EMPRESARIAL\KÉSIA\BANCO DE DADOS - OPERAÇÃO.xlsx\</t>
  </si>
  <si>
    <t>\\acsfs\Deptos\EDUCACAO EMPRESARIAL\KÉSIA\BANCO DE DADOS - OPERAÇÃO.xlsx\:Zone.Identifier:$DATA</t>
  </si>
  <si>
    <t>175393d0-b06a-405b-839a-6f1c8211894e.tmp</t>
  </si>
  <si>
    <t>\\acsfs\profiles$\nataliacsl\Downloads\175393d0-b06a-405b-839a-6f1c8211894e.tmp</t>
  </si>
  <si>
    <t>2dd31108-1802-4fdf-b0bc-c49dd2a80b88.tmp</t>
  </si>
  <si>
    <t>\\acsfs\profiles$\rafaelahpn\Downloads\2dd31108-1802-4fdf-b0bc-c49dd2a80b88.tmp</t>
  </si>
  <si>
    <t>\\acsfs\profiles$\danielmlds\Contacts\</t>
  </si>
  <si>
    <t>DANIEL MARINHO LIMA DA SILVA (11).contact</t>
  </si>
  <si>
    <t>\\acsfs\profiles$\danielmlds\Contacts\DANIEL MARINHO LIMA DA SILVA (11).contact</t>
  </si>
  <si>
    <t>\\acsfs\profiles$\danielmlds\My Documents\My Videos\</t>
  </si>
  <si>
    <t>\\acsfs\profiles$\danielmlds\My Documents\My Videos\desktop.ini</t>
  </si>
  <si>
    <t>\\acsfs\profiles$\danielmlds\My Documents\My Pictures\</t>
  </si>
  <si>
    <t>\\acsfs\profiles$\danielmlds\My Documents\My Pictures\desktop.ini</t>
  </si>
  <si>
    <t>\\acsfs\profiles$\danielmlds\Contacts\desktop.ini</t>
  </si>
  <si>
    <t>\\acsfs\profiles$\danielmlds\Favorites\</t>
  </si>
  <si>
    <t>\\acsfs\profiles$\danielmlds\Favorites\desktop.ini</t>
  </si>
  <si>
    <t>\\acsfs\profiles$\danielmlds\My Documents\My Music\</t>
  </si>
  <si>
    <t>\\acsfs\profiles$\danielmlds\My Documents\My Music\desktop.ini</t>
  </si>
  <si>
    <t>\\acsfs\profiles$\danielmlds\Searches\</t>
  </si>
  <si>
    <t>\\acsfs\profiles$\danielmlds\Searches\desktop.ini</t>
  </si>
  <si>
    <t>\\acsfs\profiles$\danielmlds\Downloads\desktop.ini</t>
  </si>
  <si>
    <t>\\acsfs\profiles$\danielmlds\My Documents\</t>
  </si>
  <si>
    <t>\\acsfs\profiles$\danielmlds\My Documents\desktop.ini</t>
  </si>
  <si>
    <t>\\acsfs\profiles$\danielmlds\Saved Games\</t>
  </si>
  <si>
    <t>\\acsfs\profiles$\danielmlds\Saved Games\desktop.ini</t>
  </si>
  <si>
    <t>\\acsfs\profiles$\DANIELMLDS\Favorites\Links for Brasil\</t>
  </si>
  <si>
    <t>\\acsfs\profiles$\DANIELMLDS\Favorites\Links for Brasil\desktop.ini</t>
  </si>
  <si>
    <t>\\acsfs\profiles$\DANIELMLDS\Favorites\Links for Brasil\Microsoft Brasil.url</t>
  </si>
  <si>
    <t>\\acsfs\profiles$\DANIELMLDS\Favorites\Links for Brasil\Windows Brasil.url</t>
  </si>
  <si>
    <t>\\acsfs\profiles$\DANIELMLDS\Favorites\Links for Brasil\MSN Brasil.url</t>
  </si>
  <si>
    <t>07f7c477-23e7-4699-abb4-617d7ff63d58.tmp</t>
  </si>
  <si>
    <t>\\acsfs\profiles$\rafaelamsv\Downloads\07f7c477-23e7-4699-abb4-617d7ff63d58.tmp</t>
  </si>
  <si>
    <t>65f688b0-6d7d-4e47-801c-40dbcf9c4ffb.tmp</t>
  </si>
  <si>
    <t>\\acsfs\profiles$\rafaelamsv\Downloads\65f688b0-6d7d-4e47-801c-40dbcf9c4ffb.tmp</t>
  </si>
  <si>
    <t>29fbf41b-4b3e-4e29-a632-b2ae0927efa6.tmp</t>
  </si>
  <si>
    <t>\\acsfs\profiles$\rafaelamsv\Downloads\29fbf41b-4b3e-4e29-a632-b2ae0927efa6.tmp</t>
  </si>
  <si>
    <t>2473d20b-b1f6-4a83-94ea-e3cdfd8d661e.tmp</t>
  </si>
  <si>
    <t>\\acsfs\profiles$\BRUNAAR\Downloads\2473d20b-b1f6-4a83-94ea-e3cdfd8d661e.tmp</t>
  </si>
  <si>
    <t>100014122394468;catianalv@algartech.com;cpc-controldeskavon@algartech.com;joseasn@algartech.com;lucianarsantos@algartech.com;luiz.henriquesantos@avon.com;marianadjc@algartech.com;senildapdo@algartecnologia.com.br;</t>
  </si>
  <si>
    <t>100014122394468,catianalv@algartech.com,cpc-controldeskavon@algartech.com,joseasn@algartech.com,lucianarsantos@algartech.com,luiz.henriquesantos@avon.com,marianadjc@algartech.com,senildapdo@algartecnologia.com.br</t>
  </si>
  <si>
    <t>100014122394468;cpc-controldeskavon@algartech.com;joseasn@algartech.com;luiz.henriquesantos@avon.com;marianadjc@algartech.com;</t>
  </si>
  <si>
    <t>100014122394468,cpc-controldeskavon@algartech.com,joseasn@algartech.com,luiz.henriquesantos@avon.com,marianadjc@algartech.com</t>
  </si>
  <si>
    <t>db364b06-ac6f-4bed-903c-f71ac7481dd5.tmp</t>
  </si>
  <si>
    <t>\\acsfs\profiles$\nataliacsl\Downloads\db364b06-ac6f-4bed-903c-f71ac7481dd5.tmp</t>
  </si>
  <si>
    <t>33742f70-b182-4f21-8468-ddd7ff59c38c.tmp</t>
  </si>
  <si>
    <t>\\acsfs\profiles$\nataliacsl\Downloads\33742f70-b182-4f21-8468-ddd7ff59c38c.tmp</t>
  </si>
  <si>
    <t>lu150961grsp7.tmp</t>
  </si>
  <si>
    <t>\\acsfs\profiles$\BRUNAAR\Numero\lu150961grsp7.tmp</t>
  </si>
  <si>
    <t>3b19d755-d409-49c3-9574-28f22a9f61f8.tmp</t>
  </si>
  <si>
    <t>\\acsfs\profiles$\geovannasm\Downloads\3b19d755-d409-49c3-9574-28f22a9f61f8.tmp</t>
  </si>
  <si>
    <t>8bda58b1-9a4c-439c-9da8-f26a04057a1d.tmp</t>
  </si>
  <si>
    <t>\\acsfs\profiles$\maxmillianosv\Downloads\8bda58b1-9a4c-439c-9da8-f26a04057a1d.tmp</t>
  </si>
  <si>
    <t>e0525cef-9a2d-48a5-814a-a03a1fb28dd7.tmp</t>
  </si>
  <si>
    <t>\\acsfs\profiles$\anafsb\Downloads\e0525cef-9a2d-48a5-814a-a03a1fb28dd7.tmp</t>
  </si>
  <si>
    <t>3647cb99-533e-4534-b83d-08011860308d.tmp</t>
  </si>
  <si>
    <t>\\acsfs\profiles$\anafsb\Downloads\3647cb99-533e-4534-b83d-08011860308d.tmp</t>
  </si>
  <si>
    <t>39c171b9-4b55-4c93-977d-269a961d2558.tmp</t>
  </si>
  <si>
    <t>\\acsfs\profiles$\anafsb\Downloads\39c171b9-4b55-4c93-977d-269a961d2558.tmp</t>
  </si>
  <si>
    <t>ff3e6de2-d9cc-4e74-8ff5-0837c432eff2.tmp</t>
  </si>
  <si>
    <t>\\acsfs\profiles$\anafsb\Downloads\ff3e6de2-d9cc-4e74-8ff5-0837c432eff2.tmp</t>
  </si>
  <si>
    <t>02e31c4f-3632-4149-88fe-5543e55b9cb9.tmp</t>
  </si>
  <si>
    <t>\\acsfs\profiles$\anafsb\Downloads\02e31c4f-3632-4149-88fe-5543e55b9cb9.tmp</t>
  </si>
  <si>
    <t>d7440d51-68b1-47e5-b80f-d9fe4af0600a.tmp</t>
  </si>
  <si>
    <t>\\acsfs\profiles$\anafsb\Downloads\d7440d51-68b1-47e5-b80f-d9fe4af0600a.tmp</t>
  </si>
  <si>
    <t>454b9d47-866c-475e-9895-44bcc1a2fa10.tmp</t>
  </si>
  <si>
    <t>\\acsfs\profiles$\anafsb\Downloads\454b9d47-866c-475e-9895-44bcc1a2fa10.tmp</t>
  </si>
  <si>
    <t>17ee0cf5-a2ab-4a64-876a-ca5f5e957a63.tmp</t>
  </si>
  <si>
    <t>\\acsfs\profiles$\anafsb\Downloads\17ee0cf5-a2ab-4a64-876a-ca5f5e957a63.tmp</t>
  </si>
  <si>
    <t>9781968f-bdbd-4744-a85a-7e6d740adb93.tmp</t>
  </si>
  <si>
    <t>\\acsfs\profiles$\danielmlds\Downloads\9781968f-bdbd-4744-a85a-7e6d740adb93.tmp</t>
  </si>
  <si>
    <t>Não confirmado 515388.crdownload</t>
  </si>
  <si>
    <t>\\acsfs\profiles$\danielmlds\Downloads\Não confirmado 515388.crdownload</t>
  </si>
  <si>
    <t>c7ae334c-20b0-441f-ab70-4c4e7f54190d.tmp</t>
  </si>
  <si>
    <t>\\acsfs\profiles$\danielmlds\Downloads\c7ae334c-20b0-441f-ab70-4c4e7f54190d.tmp</t>
  </si>
  <si>
    <t>Não confirmado 327638.crdownload</t>
  </si>
  <si>
    <t>\\acsfs\profiles$\danielmlds\Downloads\Não confirmado 327638.crdownload</t>
  </si>
  <si>
    <t>a7e2dd79-ea3d-40dd-9dc5-79b1f55e2a6a.tmp</t>
  </si>
  <si>
    <t>\\acsfs\profiles$\danielmlds\Downloads\a7e2dd79-ea3d-40dd-9dc5-79b1f55e2a6a.tmp</t>
  </si>
  <si>
    <t>88b37438-acea-43e7-9d7e-00e6e8517d15.tmp</t>
  </si>
  <si>
    <t>\\acsfs\profiles$\Flaviojmm\Downloads\88b37438-acea-43e7-9d7e-00e6e8517d15.tmp</t>
  </si>
  <si>
    <t>edbbd448-1740-435a-95c9-0d54047ddf20.tmp</t>
  </si>
  <si>
    <t>\\acsfs\profiles$\Flaviojmm\Downloads\edbbd448-1740-435a-95c9-0d54047ddf20.tmp</t>
  </si>
  <si>
    <t>2f36ee89-83bf-441f-8a27-82fa4a00c2ae.tmp</t>
  </si>
  <si>
    <t>\\acsfs\profiles$\larissaad\Downloads\2f36ee89-83bf-441f-8a27-82fa4a00c2ae.tmp</t>
  </si>
  <si>
    <t>d25386b4-6852-4a57-b8c1-7ca1360070c1.tmp</t>
  </si>
  <si>
    <t>\\acsfs\profiles$\LUCASNS\Downloads\d25386b4-6852-4a57-b8c1-7ca1360070c1.tmp</t>
  </si>
  <si>
    <t>1f5721b0-a75a-4a9c-a03f-5154f5da88f2.tmp</t>
  </si>
  <si>
    <t>\\acsfs\profiles$\LUCASNS\Downloads\1f5721b0-a75a-4a9c-a03f-5154f5da88f2.tmp</t>
  </si>
  <si>
    <t>204dc820-3d68-4991-8fab-12f1b1695fd8.tmp</t>
  </si>
  <si>
    <t>\\acsfs\profiles$\LUCASNS\Downloads\204dc820-3d68-4991-8fab-12f1b1695fd8.tmp</t>
  </si>
  <si>
    <t>http://beacons.gvt2.com/domainreliability/upload</t>
  </si>
  <si>
    <t>http:///batch?%24ct=multipart%2Fmixed%3B%20boundary%3D%22%3D%3D%3D%3D%3Dsszkklg40oi2%3D%3D%3D%3D%3D%22&amp;key=AIzaSyAy9VVXHSpS2IJpptzYtGbLP3-3_l0aBk4</t>
  </si>
  <si>
    <t>1578482583077;1738007010;2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;userpermission(role);vxd5874j_rcxytdcakyaqcq4lriewtnjwmfrnjuv2-4muryr1woqdsmriyrxpb6q0jomgaedsibdjbasd4smb8mgt27ilk1iu-3qlr92j2vcfo4dzik0bmysw429vntyvrkvii3km_e\";workspaceids;</t>
  </si>
  <si>
    <t>http://1578482583077,1738007010,2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,userpermission(role),vxd5874j_rcxytdcakyaqcq4lriewtnjwmfrnjuv2-4muryr1woqdsmriyrxpb6q0jomgaedsibdjbasd4smb8mgt27ilk1iu-3qlr92j2vcfo4dzik0bmysw429vntyvrkvii3km_e\",workspaceids</t>
  </si>
  <si>
    <t>http:///batch?%24ct=multipart%2Fmixed%3B%20boundary%3D%22%3D%3D%3D%3D%3Djh7qgy6hvr4d%3D%3D%3D%3D%3D%22&amp;key=AIzaSyAy9VVXHSpS2IJpptzYtGbLP3-3_l0aBk4</t>
  </si>
  <si>
    <t>http:///batch?%24ct=multipart%2Fmixed%3B%20boundary%3D%22%3D%3D%3D%3D%3Dirnt1sm9zpxb%3D%3D%3D%3D%3D%22&amp;key=AIzaSyAy9VVXHSpS2IJpptzYtGbLP3-3_l0aBk4</t>
  </si>
  <si>
    <t>http:///batch?%24ct=multipart%2Fmixed%3B%20boundary%3D%22%3D%3D%3D%3D%3De30zavqn9hwu%3D%3D%3D%3D%3D%22&amp;key=AIzaSyAy9VVXHSpS2IJpptzYtGbLP3-3_l0aBk4</t>
  </si>
  <si>
    <t>http:///batch?%24ct=multipart%2Fmixed%3B%20boundary%3D%22%3D%3D%3D%3D%3Dnjdfcp1djhia%3D%3D%3D%3D%3D%22&amp;key=AIzaSyAy9VVXHSpS2IJpptzYtGbLP3-3_l0aBk4</t>
  </si>
  <si>
    <t>0ef411a3-9527-4a2b-b86c-ddd08547b0ae.tmp</t>
  </si>
  <si>
    <t>\\acsfs\profiles$\ayalabfi\Downloads\0ef411a3-9527-4a2b-b86c-ddd08547b0ae.tmp</t>
  </si>
  <si>
    <t>ee609491-2ee4-476b-bf04-3e41be3374a3.tmp</t>
  </si>
  <si>
    <t>\\acsfs\profiles$\wedersonbadr\My Documents\My Music\ee609491-2ee4-476b-bf04-3e41be3374a3.tmp</t>
  </si>
  <si>
    <t>\\acsfs\profiles$\gabriellalpr\Contacts\</t>
  </si>
  <si>
    <t>GABRIELLA LEMES PEREIRA REIS (31177).contact</t>
  </si>
  <si>
    <t>\\acsfs\profiles$\gabriellalpr\Contacts\GABRIELLA LEMES PEREIRA REIS (31177).contact</t>
  </si>
  <si>
    <t>\\acsfs\profiles$\gabriellalpr\My Documents\My Videos\</t>
  </si>
  <si>
    <t>\\acsfs\profiles$\gabriellalpr\My Documents\My Videos\desktop.ini</t>
  </si>
  <si>
    <t>\\acsfs\profiles$\gabriellalpr\My Documents\My Pictures\</t>
  </si>
  <si>
    <t>\\acsfs\profiles$\gabriellalpr\My Documents\My Pictures\desktop.ini</t>
  </si>
  <si>
    <t>\\acsfs\profiles$\gabriellalpr\Contacts\desktop.ini</t>
  </si>
  <si>
    <t>\\acsfs\profiles$\gabriellalpr\Favorites\</t>
  </si>
  <si>
    <t>\\acsfs\profiles$\gabriellalpr\Favorites\desktop.ini</t>
  </si>
  <si>
    <t>\\acsfs\profiles$\gabriellalpr\My Documents\My Music\</t>
  </si>
  <si>
    <t>\\acsfs\profiles$\gabriellalpr\My Documents\My Music\desktop.ini</t>
  </si>
  <si>
    <t>\\acsfs\profiles$\gabriellalpr\Searches\</t>
  </si>
  <si>
    <t>\\acsfs\profiles$\gabriellalpr\Searches\desktop.ini</t>
  </si>
  <si>
    <t>\\acsfs\profiles$\gabriellalpr\Downloads\desktop.ini</t>
  </si>
  <si>
    <t>\\acsfs\profiles$\gabriellalpr\My Documents\</t>
  </si>
  <si>
    <t>\\acsfs\profiles$\gabriellalpr\My Documents\desktop.ini</t>
  </si>
  <si>
    <t>\\acsfs\profiles$\gabriellalpr\Saved Games\</t>
  </si>
  <si>
    <t>\\acsfs\profiles$\gabriellalpr\Saved Games\desktop.ini</t>
  </si>
  <si>
    <t>\\acsfs\profiles$\gabriellalpr\Favorites\Links for Brasil\</t>
  </si>
  <si>
    <t>\\acsfs\profiles$\gabriellalpr\Favorites\Links for Brasil\desktop.ini</t>
  </si>
  <si>
    <t>\\acsfs\profiles$\gabriellalpr\Favorites\Links for Brasil\Microsoft Brasil.url</t>
  </si>
  <si>
    <t>\\acsfs\profiles$\gabriellalpr\Favorites\Links for Brasil\Windows Brasil.url</t>
  </si>
  <si>
    <t>\\acsfs\profiles$\gabriellalpr\Favorites\Links for Brasil\MSN Brasil.url</t>
  </si>
  <si>
    <t>e02dc564-d92b-4aab-be1a-97ca3ae3d928.tmp</t>
  </si>
  <si>
    <t>\\acsfs\profiles$\luanarda\Downloads\e02dc564-d92b-4aab-be1a-97ca3ae3d928.tmp</t>
  </si>
  <si>
    <t>652f2c81-939d-48ee-ae27-941cff823f4d.tmp</t>
  </si>
  <si>
    <t>\\acsfs\profiles$\anafsb\Downloads\652f2c81-939d-48ee-ae27-941cff823f4d.tmp</t>
  </si>
  <si>
    <t>c70dc8b7-c6d6-4abd-9532-c0d00d15163d.tmp</t>
  </si>
  <si>
    <t>\\acsfs\profiles$\danielmlds\Downloads\c70dc8b7-c6d6-4abd-9532-c0d00d15163d.tmp</t>
  </si>
  <si>
    <t>ffe16710-f445-47cd-a5c2-cef5efff5808.tmp</t>
  </si>
  <si>
    <t>\\acsfs\profiles$\victoriaksr\Downloads\ffe16710-f445-47cd-a5c2-cef5efff5808.tmp</t>
  </si>
  <si>
    <t>09d40e1f-ae24-4bcf-afa8-9664d71712c0.tmp</t>
  </si>
  <si>
    <t>\\acsfs\profiles$\victoriaksr\Downloads\09d40e1f-ae24-4bcf-afa8-9664d71712c0.tmp</t>
  </si>
  <si>
    <t>51f59c12-38ac-4218-bd8d-8a09c91e649f.tmp</t>
  </si>
  <si>
    <t>\\acsfs\profiles$\PEDROHAB\Downloads\51f59c12-38ac-4218-bd8d-8a09c91e649f.tmp</t>
  </si>
  <si>
    <t>f7424bad-5477-41ea-88b0-8e58c723c0c8.tmp</t>
  </si>
  <si>
    <t>\\acsfs\profiles$\PEDROHAB\Downloads\f7424bad-5477-41ea-88b0-8e58c723c0c8.tmp</t>
  </si>
  <si>
    <t>c625bf94-bd67-493f-8e45-db9c634cfcdd.tmp</t>
  </si>
  <si>
    <t>\\acsfs\profiles$\PEDROHAB\Downloads\c625bf94-bd67-493f-8e45-db9c634cfcdd.tmp</t>
  </si>
  <si>
    <t>234b2feb-cacd-401b-8da7-ddb95f719241.tmp</t>
  </si>
  <si>
    <t>\\acsfs\profiles$\kellzylenneasr\Downloads\234b2feb-cacd-401b-8da7-ddb95f719241.tmp</t>
  </si>
  <si>
    <t>c206eba9-d737-4c5f-b3f2-96dd01764adc.tmp</t>
  </si>
  <si>
    <t>\\acsfs\profiles$\kellzylenneasr\Downloads\c206eba9-d737-4c5f-b3f2-96dd01764adc.tmp</t>
  </si>
  <si>
    <t>fca89f04-4636-43e0-bac7-2ea184db6b7b.tmp</t>
  </si>
  <si>
    <t>\\acsfs\profiles$\kellzylenneasr\Downloads\fca89f04-4636-43e0-bac7-2ea184db6b7b.tmp</t>
  </si>
  <si>
    <t>8f340db8-ee41-441f-9276-688b3f41bc91.tmp</t>
  </si>
  <si>
    <t>\\acsfs\profiles$\gabrielhca\Downloads\8f340db8-ee41-441f-9276-688b3f41bc91.tmp</t>
  </si>
  <si>
    <t>075409f8-e4e4-4529-a6fd-2d10603ded3f.tmp</t>
  </si>
  <si>
    <t>\\acsfs\profiles$\gabrielhca\Downloads\075409f8-e4e4-4529-a6fd-2d10603ded3f.tmp</t>
  </si>
  <si>
    <t>50a0ed94-ce73-4cdf-b294-9eee729dbb3c.tmp</t>
  </si>
  <si>
    <t>\\acsfs\profiles$\gabrielhca\Downloads\50a0ed94-ce73-4cdf-b294-9eee729dbb3c.tmp</t>
  </si>
  <si>
    <t>6d63e6c5-6d48-4d08-b034-91f498f77aca.tmp</t>
  </si>
  <si>
    <t>\\acsfs\profiles$\gabrielhca\Downloads\6d63e6c5-6d48-4d08-b034-91f498f77aca.tmp</t>
  </si>
  <si>
    <t>3173db9e-b9c3-459f-9938-9fe77b186522.tmp</t>
  </si>
  <si>
    <t>\\acsfs\profiles$\gabriellalpr\Downloads\3173db9e-b9c3-459f-9938-9fe77b186522.tmp</t>
  </si>
  <si>
    <t>4f49babe-081b-4679-a023-5330ceaf8b71.tmp</t>
  </si>
  <si>
    <t>\\acsfs\profiles$\gabriellalpr\Downloads\4f49babe-081b-4679-a023-5330ceaf8b71.tmp</t>
  </si>
  <si>
    <t>5253677b-2765-4068-871a-8555fc03cf9b.tmp</t>
  </si>
  <si>
    <t>\\acsfs\profiles$\paulovadc\Downloads\5253677b-2765-4068-871a-8555fc03cf9b.tmp</t>
  </si>
  <si>
    <t>lu7348jegcq.tmp</t>
  </si>
  <si>
    <t>\\acsfs\profiles$\victoriaksr\Downloads\lu7348jegcq.tmp</t>
  </si>
  <si>
    <t>849b1736-3e3e-44ea-9333-999831d92450.tmp</t>
  </si>
  <si>
    <t>\\acsfs\profiles$\gabrielsma\Downloads\849b1736-3e3e-44ea-9333-999831d92450.tmp</t>
  </si>
  <si>
    <t>Não confirmado 447857.crdownload</t>
  </si>
  <si>
    <t>\\acsfs\ACS\Gabriel da Silva\Contemporânea\VENDAS\Não confirmado 447857.crdownload</t>
  </si>
  <si>
    <t>Novo Relatório de Vendas.zip:Zone.Identifier</t>
  </si>
  <si>
    <t>\\acsfs\ACS\Gabriel da Silva\Contemporânea\VENDAS\Novo Relatório de Vendas.zip:Zone.Identifier</t>
  </si>
  <si>
    <t>\\acsfs\ACS\Gabriel da Silva\Contemporânea\NPS\NPS SAC_Base - Cópia.xlsx\</t>
  </si>
  <si>
    <t>\\acsfs\ACS\Gabriel da Silva\Contemporânea\NPS\NPS SAC_Base - Cópia.xlsx\:Zone.Identifier:$DATA</t>
  </si>
  <si>
    <t>\\acsfs\ACS\Gabriel da Silva\Contemporânea\NPS\NPS SAC_Base - Cópia.xlsx</t>
  </si>
  <si>
    <t>NPS SAC_Base - Cópia.xlsx</t>
  </si>
  <si>
    <t>TALITA FERNANDES DA COSTA (9).contact</t>
  </si>
  <si>
    <t>\\acsfs\profiles$\talitafdc\Contacts\TALITA FERNANDES DA COSTA (9).contact</t>
  </si>
  <si>
    <t>gleycekos</t>
  </si>
  <si>
    <t>\\acsfs\profiles$\gleycekos\Downloads\</t>
  </si>
  <si>
    <t>d04657a8-0ab7-469f-95c2-79b8e34ac8c3.tmp</t>
  </si>
  <si>
    <t>\\acsfs\profiles$\gleycekos\Downloads\d04657a8-0ab7-469f-95c2-79b8e34ac8c3.tmp</t>
  </si>
  <si>
    <t>5a567b7d-4bb7-4eb6-af95-514d6b6b5e91.tmp</t>
  </si>
  <si>
    <t>\\acsfs\profiles$\gleycekos\Downloads\5a567b7d-4bb7-4eb6-af95-514d6b6b5e91.tmp</t>
  </si>
  <si>
    <t>d7e9ac89-50a2-4891-893c-657945820476.tmp</t>
  </si>
  <si>
    <t>\\acsfs\profiles$\gleycekos\Downloads\d7e9ac89-50a2-4891-893c-657945820476.tmp</t>
  </si>
  <si>
    <t>0e876ac8-ebd1-4023-a2c2-9e6d8cff9365.tmp</t>
  </si>
  <si>
    <t>\\acsfs\profiles$\gabriellalpr\Downloads\0e876ac8-ebd1-4023-a2c2-9e6d8cff9365.tmp</t>
  </si>
  <si>
    <t>2118259e-19b6-4289-9181-c81719fbb36d.tmp</t>
  </si>
  <si>
    <t>\\acsfs\profiles$\gabriellalpr\Downloads\2118259e-19b6-4289-9181-c81719fbb36d.tmp</t>
  </si>
  <si>
    <t>729d195b-3ed1-4ca7-8ba5-6c17b611166d.tmp</t>
  </si>
  <si>
    <t>\\acsfs\profiles$\rafaelahpn\Downloads\729d195b-3ed1-4ca7-8ba5-6c17b611166d.tmp</t>
  </si>
  <si>
    <t>852cc1bf-d88d-4d4d-82e2-390cadddd2b9.tmp</t>
  </si>
  <si>
    <t>\\acsfs\profiles$\rafaelahpn\Downloads\852cc1bf-d88d-4d4d-82e2-390cadddd2b9.tmp</t>
  </si>
  <si>
    <t>lu150961grspb.tmp</t>
  </si>
  <si>
    <t>\\acsfs\profiles$\BRUNAAR\Numero\lu150961grspb.tmp</t>
  </si>
  <si>
    <t>lu150961grspf.tmp</t>
  </si>
  <si>
    <t>\\acsfs\profiles$\BRUNAAR\Numero\lu150961grspf.tmp</t>
  </si>
  <si>
    <t>5a662567-04e0-4387-8279-5431fe3d5fd0.tmp</t>
  </si>
  <si>
    <t>\\acsfs\profiles$\lucasgpe\Downloads\5a662567-04e0-4387-8279-5431fe3d5fd0.tmp</t>
  </si>
  <si>
    <t>fb22bc3e-63c1-4da1-9ed0-055babd30003.tmp</t>
  </si>
  <si>
    <t>\\acsfs\profiles$\laylaams\Downloads\fb22bc3e-63c1-4da1-9ed0-055babd30003.tmp</t>
  </si>
  <si>
    <t>http:///batch?%24ct=multipart%2Fmixed%3B%20boundary%3D%22%3D%3D%3D%3D%3Dkd0ggbvlwlz6%3D%3D%3D%3D%3D%22&amp;key=AIzaSyAy9VVXHSpS2IJpptzYtGbLP3-3_l0aBk4</t>
  </si>
  <si>
    <t>ancestorhasaugmentedpermissions;containsunsubscribedchildren;displayname;domain;emailaddress;explicitlytrashed;file(kind;fileid;filesize;hasthumbnail;hasvisitorpermissions;id;id);items(deleted;items(kind;ken;kind;lastmodifyinguser(kind;lastviewedbymedate;mimetype;modifiedbymedate;modifieddate;ontainsunsubscribedchildren;owners(kind;per;permissionid;picture;quotabytesused;shareable;shared;sharedwithmedate;thumbnailversion;tit;title;userpermission(role);workspaceids;</t>
  </si>
  <si>
    <t>http://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e,shared,sharedwithmedate,thumbnailversion,tit,title,userpermission(role),workspaceids</t>
  </si>
  <si>
    <t>1c936f4c-2a54-47d7-98d3-fa9aeeca94c1.tmp</t>
  </si>
  <si>
    <t>\\acsfs\profiles$\geovannasm\Downloads\1c936f4c-2a54-47d7-98d3-fa9aeeca94c1.tmp</t>
  </si>
  <si>
    <t>EBOOK PERFOMANCE - Desempenho_Operação_v4.pdf</t>
  </si>
  <si>
    <t>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ure,quotabytesused,shareable,shared,sharedwithmedate,thumbnailversion,tit,title,userpermission(role),workspaceids</t>
  </si>
  <si>
    <t>http:///batch?%24ct=multipart%2Fmixed%3B%20boundary%3D%22%3D%3D%3D%3D%3Dxmzwdiijvoh%3D%3D%3D%3D%3D%22&amp;key=AIzaSyAy9VVXHSpS2IJpptzYtGbLP3-3_l0aBk4</t>
  </si>
  <si>
    <t>http:///batch?%24ct=multipart%2Fmixed%3B%20boundary%3D%22%3D%3D%3D%3D%3D2nzhid45ipvz%3D%3D%3D%3D%3D%22&amp;key=AIzaSyAy9VVXHSpS2IJpptzYtGbLP3-3_l0aBk4</t>
  </si>
  <si>
    <t>76b7da2c-08b7-427f-a135-0f4a5093d897.tmp</t>
  </si>
  <si>
    <t>\\acsfs\profiles$\gabrielsma\Downloads\76b7da2c-08b7-427f-a135-0f4a5093d897.tmp</t>
  </si>
  <si>
    <t>Não confirmado 378531.crdownload</t>
  </si>
  <si>
    <t>\\acsfs\ACS\Gabriel da Silva\Contemporânea\VENDAS\Não confirmado 378531.crdownload</t>
  </si>
  <si>
    <t>Novo Relatório de Vendas.xlsx</t>
  </si>
  <si>
    <t>\\acsfs\ACS\Gabriel da Silva\Contemporânea\VENDAS\Novo Relatório de Vendas.xlsx</t>
  </si>
  <si>
    <t>a29c3aea-54b0-4b81-b334-317f073df280.tmp</t>
  </si>
  <si>
    <t>\\acsfs\profiles$\PEDROHAB\Downloads\a29c3aea-54b0-4b81-b334-317f073df280.tmp</t>
  </si>
  <si>
    <t>38dffdf5-f4c3-423f-953e-274a51f6bcdc.tmp</t>
  </si>
  <si>
    <t>\\acsfs\profiles$\quindaizaagds\Downloads\38dffdf5-f4c3-423f-953e-274a51f6bcdc.tmp</t>
  </si>
  <si>
    <t>21733795-365e-4a62-afcc-ae1b3292398d.tmp</t>
  </si>
  <si>
    <t>\\acsfs\profiles$\nathaliarmr\Downloads\21733795-365e-4a62-afcc-ae1b3292398d.tmp</t>
  </si>
  <si>
    <t>c6d09916-da7d-4f3d-b934-ed0ad47f3d5f.tmp</t>
  </si>
  <si>
    <t>\\acsfs\profiles$\nathaliarmr\Downloads\c6d09916-da7d-4f3d-b934-ed0ad47f3d5f.tmp</t>
  </si>
  <si>
    <t>39844cd4-3b6b-4eb4-a72d-a1a2fb779166.tmp</t>
  </si>
  <si>
    <t>\\acsfs\profiles$\maxmillianosv\Downloads\39844cd4-3b6b-4eb4-a72d-a1a2fb779166.tmp</t>
  </si>
  <si>
    <t>millenaptes</t>
  </si>
  <si>
    <t>80e3c556-c666-4286-b24b-6cb226d15785.tmp</t>
  </si>
  <si>
    <t>\\acsfs\profiles$\claudiajca\Downloads\80e3c556-c666-4286-b24b-6cb226d15785.tmp</t>
  </si>
  <si>
    <t>a45d2545-64a1-4411-9c95-91f2e8f9906d.tmp</t>
  </si>
  <si>
    <t>\\acsfs\profiles$\lorrainerdl\Downloads\a45d2545-64a1-4411-9c95-91f2e8f9906d.tmp</t>
  </si>
  <si>
    <t>347b3794-f0b7-489b-8d39-b1c6be9c20f5.tmp</t>
  </si>
  <si>
    <t>\\acsfs\profiles$\gabrielsma\Downloads\347b3794-f0b7-489b-8d39-b1c6be9c20f5.tmp</t>
  </si>
  <si>
    <t>\\acsfs\ACS\Gabriel da Silva\Contemporânea\VENDAS\Q29udHJvbGxlci5FeHBsb3Jlcl8x.ica.crdownload</t>
  </si>
  <si>
    <t>2dd3e584-1674-44a8-b230-b87d339c05e2.tmp</t>
  </si>
  <si>
    <t>\\acsfs\profiles$\gabrielsma\Downloads\2dd3e584-1674-44a8-b230-b87d339c05e2.tmp</t>
  </si>
  <si>
    <t>Q29udHJvbGxlci5TQUNBLVNBQ18xLTE-.ica.crdownload</t>
  </si>
  <si>
    <t>\\acsfs\ACS\Gabriel da Silva\Contemporânea\VENDAS\Q29udHJvbGxlci5TQUNBLVNBQ18xLTE-.ica.crdownload</t>
  </si>
  <si>
    <t>3b8aa9ac-da47-478e-b9dc-2a2d29a0be1b.tmp</t>
  </si>
  <si>
    <t>\\acsfs\profiles$\THYAGOSP\Downloads\3b8aa9ac-da47-478e-b9dc-2a2d29a0be1b.tmp</t>
  </si>
  <si>
    <t>fc7d326a-d2e9-424e-b07b-efc0b1094eb9.tmp</t>
  </si>
  <si>
    <t>\\acsfs\profiles$\maxmillianosv\Downloads\fc7d326a-d2e9-424e-b07b-efc0b1094eb9.tmp</t>
  </si>
  <si>
    <t>85c1de5c-f04f-4e16-a558-8c9e4d7b6ad9.tmp</t>
  </si>
  <si>
    <t>\\acsfs\profiles$\maxmillianosv\Downloads\85c1de5c-f04f-4e16-a558-8c9e4d7b6ad9.tmp</t>
  </si>
  <si>
    <t>7af4e4f9-bc9d-475a-ba6a-cf55d468fea3.tmp</t>
  </si>
  <si>
    <t>\\acsfs\profiles$\maxmillianosv\Downloads\7af4e4f9-bc9d-475a-ba6a-cf55d468fea3.tmp</t>
  </si>
  <si>
    <t>cd628c51-e51e-40d3-86f2-f169684bb242.tmp</t>
  </si>
  <si>
    <t>\\acsfs\profiles$\maxmillianosv\Downloads\cd628c51-e51e-40d3-86f2-f169684bb242.tmp</t>
  </si>
  <si>
    <t>7306144c-0bf4-412b-b665-719339b6981c.tmp</t>
  </si>
  <si>
    <t>\\acsfs\profiles$\luanaagl\Downloads\7306144c-0bf4-412b-b665-719339b6981c.tmp</t>
  </si>
  <si>
    <t>\\acsfs\ACS\Gabriel da Silva\Contemporânea\Erros Operacionais\</t>
  </si>
  <si>
    <t>E2ED7998.tmp</t>
  </si>
  <si>
    <t>\\acsfs\ACS\Gabriel da Silva\Contemporânea\Erros Operacionais\E2ED7998.tmp</t>
  </si>
  <si>
    <t>~$Base de Erros.xlsx</t>
  </si>
  <si>
    <t>\\acsfs\ACS\Gabriel da Silva\Contemporânea\Erros Operacionais\~$Base de Erros.xlsx</t>
  </si>
  <si>
    <t>d6bd0e0c-2ba6-4b80-8d43-c00eebf1cd44.tmp</t>
  </si>
  <si>
    <t>\\acsfs\profiles$\gabrielsma\Downloads\d6bd0e0c-2ba6-4b80-8d43-c00eebf1cd44.tmp</t>
  </si>
  <si>
    <t>Não confirmado 433882.crdownload</t>
  </si>
  <si>
    <t>\\acsfs\ACS\Gabriel da Silva\Contemporânea\Erros Operacionais\Não confirmado 433882.crdownload</t>
  </si>
  <si>
    <t>c7341ad5-fd00-4e77-b44f-77646b4c36e5.tmp</t>
  </si>
  <si>
    <t>\\acsfs\profiles$\gabrielsma\Downloads\c7341ad5-fd00-4e77-b44f-77646b4c36e5.tmp</t>
  </si>
  <si>
    <t>\\acsfs\ACS\Gabriel da Silva\Contemporânea\Erros Operacionais\Q29udHJvbGxlci5JbnRyYW5ldC1DaHJvbWU-.ica.crdownload</t>
  </si>
  <si>
    <t>35296d49-ab6e-4814-98be-71bb1c60285d.tmp</t>
  </si>
  <si>
    <t>\\acsfs\profiles$\leticiala\Downloads\35296d49-ab6e-4814-98be-71bb1c60285d.tmp</t>
  </si>
  <si>
    <t>4624893d-c82f-4059-9635-b3085db7e6ec.tmp</t>
  </si>
  <si>
    <t>\\acsfs\profiles$\leticiala\Downloads\4624893d-c82f-4059-9635-b3085db7e6ec.tmp</t>
  </si>
  <si>
    <t>377a4d52-d118-456f-bc60-80da03fa28a4.tmp</t>
  </si>
  <si>
    <t>\\acsfs\profiles$\laylaams\Downloads\377a4d52-d118-456f-bc60-80da03fa28a4.tmp</t>
  </si>
  <si>
    <t>mail.google.com/sync/u/0/i/s?hl=pt-BR&amp;c=382</t>
  </si>
  <si>
    <t>mail.google.com/_/upload?authuser=0&amp;dcp=asu-n&amp;upload_id=AEnB2UoqkMPQZc6h6EzJTWDG8dDTP-GaLLBAUvcfF584CuJbb2pEpTjKkMMDx7mMA0dycAwp1mlN8ATR8zCZR3jSQCtghlIKmTz7qErx2OHqshKP9VvlGFI&amp;upload_protocol=resumable</t>
  </si>
  <si>
    <t>abbd5389-0681-4576-a84e-4dc733d2bf73.tmp</t>
  </si>
  <si>
    <t>\\acsfs\profiles$\inarajst\Downloads\abbd5389-0681-4576-a84e-4dc733d2bf73.tmp</t>
  </si>
  <si>
    <t>0ca151f6-6765-4ba4-bb8d-e71fd56e9b8d.tmp</t>
  </si>
  <si>
    <t>\\acsfs\profiles$\luanarda\Downloads\0ca151f6-6765-4ba4-bb8d-e71fd56e9b8d.tmp</t>
  </si>
  <si>
    <t>JOAO PEDRO NICOMEDES BERTOLDO GOMES (39).contact</t>
  </si>
  <si>
    <t>\\acsfs\profiles$\joaopnbg\Contacts\JOAO PEDRO NICOMEDES BERTOLDO GOMES (39).contact</t>
  </si>
  <si>
    <t>05045664-a13f-4b14-8300-b42f9eabd71e.tmp</t>
  </si>
  <si>
    <t>\\acsfs\profiles$\kamilamrc\Downloads\05045664-a13f-4b14-8300-b42f9eabd71e.tmp</t>
  </si>
  <si>
    <t>c997768d-64d2-41d3-86a2-81a2409e1feb.tmp</t>
  </si>
  <si>
    <t>\\acsfs\profiles$\kamilamrc\Downloads\c997768d-64d2-41d3-86a2-81a2409e1feb.tmp</t>
  </si>
  <si>
    <t>587ca118-cf75-4160-bdf4-00c9950addd5.tmp</t>
  </si>
  <si>
    <t>\\acsfs\profiles$\gabrielaff\Downloads\587ca118-cf75-4160-bdf4-00c9950addd5.tmp</t>
  </si>
  <si>
    <t>f027851a-c2a2-4a34-a0a0-b2df9af65bad.tmp</t>
  </si>
  <si>
    <t>\\acsfs\profiles$\sarahbal\Downloads\f027851a-c2a2-4a34-a0a0-b2df9af65bad.tmp</t>
  </si>
  <si>
    <t>d0c267a9-bf45-46fa-ba00-221d5cc04c83.tmp</t>
  </si>
  <si>
    <t>\\acsfs\profiles$\sarahbal\Downloads\d0c267a9-bf45-46fa-ba00-221d5cc04c83.tmp</t>
  </si>
  <si>
    <t>979ac393-3a8c-4aca-8553-913372ba1e8a.tmp</t>
  </si>
  <si>
    <t>\\acsfs\profiles$\sarahbal\Downloads\979ac393-3a8c-4aca-8553-913372ba1e8a.tmp</t>
  </si>
  <si>
    <t>Não confirmado 5226.crdownload</t>
  </si>
  <si>
    <t>\\acsfs\ACS\Gabriel da Silva\Contemporânea\Gen\Não confirmado 5226.crdownload</t>
  </si>
  <si>
    <t>~$Agent_Utilization_Report (4).xlsx</t>
  </si>
  <si>
    <t>\\acsfs\ACS\Gabriel da Silva\Contemporânea\Gen\~$Agent_Utilization_Report (4).xlsx</t>
  </si>
  <si>
    <t>ef1453dd-46e2-491d-afca-8b09a99b3058.tmp</t>
  </si>
  <si>
    <t>\\acsfs\profiles$\leticiala\Downloads\ef1453dd-46e2-491d-afca-8b09a99b3058.tmp</t>
  </si>
  <si>
    <t>http://outlook.office365.com/owa/ev.owa2?ns=pendingrequest&amp;ev=finishnotificationrequest&amp;ua=0&amp;cid=60f4e6dd-1fb4-4b71-a3a0-fb8e2d922479</t>
  </si>
  <si>
    <t>http:///batch?%24ct=multipart%2Fmixed%3B%20boundary%3D%22%3D%3D%3D%3D%3Dtxzijy7po7rk%3D%3D%3D%3D%3D%22&amp;key=AIzaSyAy9VVXHSpS2IJpptzYtGbLP3-3_l0aBk4</t>
  </si>
  <si>
    <t>lu150961grspj.tmp</t>
  </si>
  <si>
    <t>\\acsfs\profiles$\BRUNAAR\Numero\lu150961grspj.tmp</t>
  </si>
  <si>
    <t>\\acsfs\profiles$\gleycekos\My Documents\xworkcenter\logs\</t>
  </si>
  <si>
    <t>XLOG_gleycekos_08012020_084747.log</t>
  </si>
  <si>
    <t>\\acsfs\profiles$\gleycekos\My Documents\xworkcenter\logs\XLOG_gleycekos_08012020_084747.log</t>
  </si>
  <si>
    <t>XLOG_gleycekos_08012020_093355.log</t>
  </si>
  <si>
    <t>\\acsfs\profiles$\gleycekos\My Documents\xworkcenter\logs\XLOG_gleycekos_08012020_093355.log</t>
  </si>
  <si>
    <t>2ae71e5a-45f8-4894-87ab-7ae58610174f.tmp</t>
  </si>
  <si>
    <t>\\acsfs\profiles$\luanarda\Downloads\2ae71e5a-45f8-4894-87ab-7ae58610174f.tmp</t>
  </si>
  <si>
    <t>751ee945-1e20-4135-93ca-fef767da8798.tmp</t>
  </si>
  <si>
    <t>\\acsfs\profiles$\wenderbnm\Downloads\751ee945-1e20-4135-93ca-fef767da8798.tmp</t>
  </si>
  <si>
    <t>f42d2671-57f8-46b5-ac99-b79a835eb76c.tmp</t>
  </si>
  <si>
    <t>\\acsfs\profiles$\kamilamrc\Downloads\f42d2671-57f8-46b5-ac99-b79a835eb76c.tmp</t>
  </si>
  <si>
    <t>259430a1-bfd9-4b9d-9588-e5dd5edce704.tmp</t>
  </si>
  <si>
    <t>\\acsfs\profiles$\kamilamrc\Downloads\259430a1-bfd9-4b9d-9588-e5dd5edce704.tmp</t>
  </si>
  <si>
    <t>75f3b5e7-2230-45d7-9690-e55a66aeccf3.tmp</t>
  </si>
  <si>
    <t>\\acsfs\profiles$\kamilamrc\Downloads\75f3b5e7-2230-45d7-9690-e55a66aeccf3.tmp</t>
  </si>
  <si>
    <t>91147bbb-4cfd-4020-8542-56d73722d286.tmp</t>
  </si>
  <si>
    <t>\\acsfs\profiles$\kamilamrc\Downloads\91147bbb-4cfd-4020-8542-56d73722d286.tmp</t>
  </si>
  <si>
    <t>bba06ae4-ebb7-45d9-9530-3445bc6b8057.tmp</t>
  </si>
  <si>
    <t>\\acsfs\profiles$\kamilamrc\Downloads\bba06ae4-ebb7-45d9-9530-3445bc6b8057.tmp</t>
  </si>
  <si>
    <t>\\acsfs\profiles$\gabrielsma\Downloads\e2911c97-eceb-4ab4-8201-fe9ee58eb148.tmp\</t>
  </si>
  <si>
    <t>\\acsfs\profiles$\gabrielsma\Downloads\e2911c97-eceb-4ab4-8201-fe9ee58eb148.tmp</t>
  </si>
  <si>
    <t>e2911c97-eceb-4ab4-8201-fe9ee58eb148.tmp</t>
  </si>
  <si>
    <t>\\acsfs\ACS\Gabriel da Silva\Contemporânea\BDBV\Não confirmado 774582.crdownload\</t>
  </si>
  <si>
    <t>\\acsfs\ACS\Gabriel da Silva\Contemporânea\BDBV\Não confirmado 774582.crdownload</t>
  </si>
  <si>
    <t>Não confirmado 774582.crdownload</t>
  </si>
  <si>
    <t>ca461f46-f3ef-4ccf-ae93-66999a3262e6.tmp</t>
  </si>
  <si>
    <t>\\acsfs\profiles$\THYAGOSP\Downloads\ca461f46-f3ef-4ccf-ae93-66999a3262e6.tmp</t>
  </si>
  <si>
    <t>d451c45e-b4b0-468b-a68e-c4d320f2d01b.tmp</t>
  </si>
  <si>
    <t>\\acsfs\profiles$\leticiala\Downloads\d451c45e-b4b0-468b-a68e-c4d320f2d01b.tmp</t>
  </si>
  <si>
    <t>b4cce3bf-0b58-4b53-bd77-632d6bd29385.tmp</t>
  </si>
  <si>
    <t>\\acsfs\profiles$\adelvinsonle\Downloads\b4cce3bf-0b58-4b53-bd77-632d6bd29385.tmp</t>
  </si>
  <si>
    <t>45f75ddd-a15c-413b-a22d-9b2aef457510.tmp</t>
  </si>
  <si>
    <t>\\acsfs\profiles$\adelvinsonle\Downloads\45f75ddd-a15c-413b-a22d-9b2aef457510.tmp</t>
  </si>
  <si>
    <t>webquiz.xlsx</t>
  </si>
  <si>
    <t>\\acsfs\DEPTOS\Operacao\Banco_Votorantim\Qualidade\Josias\webquiz.xlsx</t>
  </si>
  <si>
    <t>716ae23a-49ed-4d80-be19-a04ae3a329a6.tmp</t>
  </si>
  <si>
    <t>\\acsfs\profiles$\nathaliarmr\Downloads\716ae23a-49ed-4d80-be19-a04ae3a329a6.tmp</t>
  </si>
  <si>
    <t>https://andrelpsa@algartech.com,joaogvc@algartech.com,leonardoao@algartech.com,marianadjc@algartech.com,maristelavodq@bv.algartech.com,paulacn@algartech.com,rafaelggs@algartech.com,taysdss@algartech.com,viniciussg@algartech.com</t>
  </si>
  <si>
    <t>3xh===== conten;ancest;ancestorhasaugmentedpermissions;containsunsubscribedchildren;displayname;domain;emailaddress;explicitlytrashed;file(kind;fileid;filesize;hasthumbnail;hasthumbnail�;hasvisitorpermissions;id;id);items(deleted;items(kind;ken;ken=ac4w5vix_z5c3vm9ln1dolghdosvr2cejg:1578482277703&amp;buildlabel=drive.web-frontend_20191211.00_p19999997907;kind;lastmodifyinguser(kind;lastviewedbymedate;mimetype;modifiedbymedate;modifieddate;ontainsunsubscribedchildren;owners(kind;per;permissionid;pictu;picture;pmzizuzwu=;rpermissions;shared;sharedwithmedate;thumbnailversion;title;userpermission(role);workspaceids;</t>
  </si>
  <si>
    <t>3xh===== conten,ancest,ancestorhasaugmentedpermissions,containsunsubscribedchildren,displayname,domain,emailaddress,explicitlytrashed,file(kind,fileid,filesize,hasthumbnail,hasthumbnail�,hasvisitorpermissions,id,id),items(deleted,items(kind,ken,ken=ac4w5vix_z5c3vm9ln1dolghdosvr2cejg:1578482277703&amp;buildlabel=drive.web-frontend_20191211.00_p19999997907,kind,lastmodifyinguser(kind,lastviewedbymedate,mimetype,modifiedbymedate,modifieddate,ontainsunsubscribedchildren,owners(kind,per,permissionid,pictu,picture,pmzizuzwu=,rpermissions,shared,sharedwithmedate,thumbnailversion,title,userpermission(role),workspaceids</t>
  </si>
  <si>
    <t>ken=ac4w5vix_z5c3vm9ln1dolghdosvr2cejg:1578482277703&amp;buildlabel=drive.web-frontend_20191211.00_p1;</t>
  </si>
  <si>
    <t>ken=ac4w5vix_z5c3vm9ln1dolghdosvr2cejg:1578482277703&amp;buildlabel=drive.web-frontend_20191211.00_p1</t>
  </si>
  <si>
    <t>"[[];0];0]n\lib\_x000E_gen-p;1;1578483183727;1578487095663;17;1738007010;1]";4;62f782-ef2f-4018-bf8a-e9a53647a531\";7r�p�� ��_x0017_�_x0012_&amp;;["157;[1];[3700735];[];[]];[]]"];[]]];[null;ancestorhasaugmentedpermissions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a2yrts9lxdwy2a2qw-5owtggtmrllgiag:412:469)\\n at ht.kc (https://www.gstatic.com/og/_/js/k=og.qtm.en_us.xqsfvjkae_m.o/rt=j/m=qgl;qmd;qmutsd;qsd;shared;sharedwithmeda</t>
  </si>
  <si>
    <t>"[[],0],0]n\lib\_x000E_gen-p,1,1578483183727,1578487095663,17,1738007010,1]",4,62f782-ef2f-4018-bf8a-e9a53647a531\",7r�p�� ��_x0017_�_x0012_&amp;,["157,[1],[3700735],[],[]],[]]"],[]]],[null,ancestorhasaugmentedpermissions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a2yrts9lxdwy2a2qw-5owtggtmrllgiag:412:469)\\n at ht.kc (https://www.gstatic.com/og/_/js/k=og.qtm.en_us.xqsfvjkae_m.o/rt=j/m=qgl,qmd,qmutsd,qsd,shared,sharedwithmeda</t>
  </si>
  <si>
    <t>04c6f704-0456-422e-a562-9f8cc0e039e0.tmp</t>
  </si>
  <si>
    <t>\\acsfs\profiles$\vivianealda\Downloads\04c6f704-0456-422e-a562-9f8cc0e039e0.tmp</t>
  </si>
  <si>
    <t>2e507837-6b13-4897-9a7f-88df4f43a3e4.tmp</t>
  </si>
  <si>
    <t>\\acsfs\profiles$\jhonatadss\Downloads\2e507837-6b13-4897-9a7f-88df4f43a3e4.tmp</t>
  </si>
  <si>
    <t>3e33217d-64b4-4293-9e58-adb408f8f6b6.tmp</t>
  </si>
  <si>
    <t>\\acsfs\profiles$\jhonatadss\Downloads\3e33217d-64b4-4293-9e58-adb408f8f6b6.tmp</t>
  </si>
  <si>
    <t>03e7b093-4115-4623-9cde-10be5cf5f16f.tmp</t>
  </si>
  <si>
    <t>\\acsfs\profiles$\rafaelahpn\Downloads\03e7b093-4115-4623-9cde-10be5cf5f16f.tmp</t>
  </si>
  <si>
    <t>"[[];"languagecode":"pt-br";"requesttype":"live_request";"scenariotype":"dr;"scenariotype":"dri;"timezone":"-03:00";0];0].c;0]];1;10;117;118;12;1212;1212];1358;15;1578485591688;1578486244215104;1578486244507000;1578486251976000;1578486252079000];1578486252365000;1600];1600]];17;1738007010;1];2;200];241;242;246;256];262;2];3;306;30];379;3]";44777999;61021];62f782-ef2f-4018-bf8a-e9a53647a531\";740;741;76];8;84;84779782]];85;85];87;91023;91023];[11;[15;[1578486251976000;[15];[2;[240;[248;[30;[3700735];[4;[5;[856;[[-1;[[1;[[1578486244466000];[[1578486244507000];[[[116];[[[736;[];[]];[]]"];[]]];[]]]]]];[null;false;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_x0010_y_x000F_ken=ac4w5vix_z5c3vm9ln1dolgh</t>
  </si>
  <si>
    <t>"[[],"languagecode":"pt-br","requesttype":"live_request","scenariotype":"dr,"scenariotype":"dri,"timezone":"-03:00",0],0].c,0]],1,10,117,118,12,1212,1212],1358,15,1578485591688,1578486244215104,1578486244507000,1578486251976000,1578486252079000],1578486252365000,1600],1600]],17,1738007010,1],2,200],241,242,246,256],262,2],3,306,30],379,3]",44777999,61021],62f782-ef2f-4018-bf8a-e9a53647a531\",740,741,76],8,84,84779782]],85,85],87,91023,91023],[11,[15,[1578486251976000,[15],[2,[240,[248,[30,[3700735],[4,[5,[856,[[-1,[[1,[[1578486244466000],[[1578486244507000],[[[116],[[[736,[],[]],[]]"],[]]],[]]]]]],[null,false,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_x0010_y_x000F_ken=ac4w5vix_z5c3vm9ln1dolgh</t>
  </si>
  <si>
    <t>ancest,containsunsubscribedchildren,displayname,domain,emailaddress,filesize,id),lastmodifyinguser(kind,lastviewedbymedate,modifiedbymedate,ontainsunsubscribedchildren,owners(kind,permissionid,pictu,picture,rpermissions,workspaceids</t>
  </si>
  <si>
    <t>1,1578482283785,1738007010,[],[]]],ancest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,picture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o3qlr_ieswztassn-4tzfhfs7rn7vgnzv_zjdkl8uk\",userpermission(role),vxd5874j_rcxytdcakyaqcq4lriewtnjwmfrnjuv2-4muryr1woqdsmriyrxpb6q0jomgaedsibdjbasd4smb8mgt27ilk1iuo3qlr_ieswztassn-4tzfhfs7rn7vgnzv_zjdkl8uk\",workspaceids</t>
  </si>
  <si>
    <t>0]_x000F_;1;106001;109];137;14;156;1578482280746000;1578482280746_wmnyhopw71gf\;1578486252415000];1578486253659;159]];15]]];2;25;2];3;6;9;[1;[1578486252370000;[6];[78;[[10;[[12;[[null;[\"drive.web-frontend_20191211.00_p1\"]]]";[];[]]];[null;false;false]];ken=ac4w5vix_z5c3vm9ln1dolghdosvr2cejg:1578482277703&amp;buildlabel=drive.web-frontend_20191211.00_p1l;null;true];true]]];</t>
  </si>
  <si>
    <t>0]_x000F_,1,106001,109],137,14,156,1578482280746000,1578482280746_wmnyhopw71gf\,1578486252415000],1578486253659,159]],15]]],2,25,2],3,6,9,[1,[1578486252370000,[6],[78,[[10,[[12,[[null,[\"drive.web-frontend_20191211.00_p1\"]]]",[],[]]],[null,false,false]],ken=ac4w5vix_z5c3vm9ln1dolghdosvr2cejg:1578482277703&amp;buildlabel=drive.web-frontend_20191211.00_p1l,null,true],true]]]</t>
  </si>
  <si>
    <t>0]":0}b\_x000E_gen-p;1578487396656;1738007010;18;[];[]]];false;null;true]";ucqtrilxgzh2vmrvsg2jq1cbl4qg2jm47nvobhbfm_yn1fbbaidporrazpamsvj7sqad53jxy8lxn1gsuwlcokff-zk60jt6_mj0zjrpvewalswsaovfsol0bx_rkft-rmwy6dhqz6nive-v4tcaj4fvjzk0ccvxd5874j_rcxytdcakyaqcq4lriewtnjwmfrnjuv2-4muryr1woqdsmriyrxpb6q0jomgaedsibdjbasd4smb8mgt27ilk1iq-3qlr8vixdh40bg7ridqciwsgzc9gx-8lrpwrxylcs\";vxd5874j_rcxytdcakyaqcq4lriewtnjwmfrnjuv2-4muryr1woqdsmriyrxpb6q0jomgaedsibdjbasd4smb8mgt27ilk1iq-3qlr8vixdh40bg7ridqciwsgzc9gx-8lrpwrxylcs\";</t>
  </si>
  <si>
    <t>0]":0}b\_x000E_gen-p,1578487396656,1738007010,18,[],[]]],false,null,true]",ucqtrilxgzh2vmrvsg2jq1cbl4qg2jm47nvobhbfm_yn1fbbaidporrazpamsvj7sqad53jxy8lxn1gsuwlcokff-zk60jt6_mj0zjrpvewalswsaovfsol0bx_rkft-rmwy6dhqz6nive-v4tcaj4fvjzk0ccvxd5874j_rcxytdcakyaqcq4lriewtnjwmfrnjuv2-4muryr1woqdsmriyrxpb6q0jomgaedsibdjbasd4smb8mgt27ilk1iq-3qlr8vixdh40bg7ridqciwsgzc9gx-8lrpwrxylcs\",vxd5874j_rcxytdcakyaqcq4lriewtnjwmfrnjuv2-4muryr1woqdsmriyrxpb6q0jomgaedsibdjbasd4smb8mgt27ilk1iq-3qlr8vixdh40bg7ridqciwsgzc9gx-8lrpwrxylcs\"</t>
  </si>
  <si>
    <t>1578485811043000]]];dywotkwndi5ntixmjk1mty2mqokcij207tggtjnkjdxupg66tkmlha6ddk0nzmxodk4otgwmxfkp/e3lf9/vbgl";</t>
  </si>
  <si>
    <t>1578485811043000]]],dywotkwndi5ntixmjk1mty2mqokcij207tggtjnkjdxupg66tkmlha6ddk0nzmxodk4otgwmxfkp/e3lf9/vbgl"</t>
  </si>
  <si>
    <t>http:///batch?%24ct=multipart%2Fmixed%3B%20boundary%3D%22%3D%3D%3D%3D%3Dsmwbmp7m3gyp%3D%3D%3D%3D%3D%22&amp;key=AIzaSyAy9VVXHSpS2IJpptzYtGbLP3-3_l0aBk4</t>
  </si>
  <si>
    <t>http:///batch?%24ct=multipart%2Fmixed%3B%20boundary%3D%22%3D%3D%3D%3D%3Dk3kcd9gcsy4i%3D%3D%3D%3D%3D%22&amp;key=AIzaSyAy9VVXHSpS2IJpptzYtGbLP3-3_l0aBk4</t>
  </si>
  <si>
    <t>http:///batch?%24ct=multipart%2Fmixed%3B%20boundary%3D%22%3D%3D%3D%3D%3Dhbcwa4qthuc0%3D%3D%3D%3D%3D%22&amp;key=AIzaSyAy9VVXHSpS2IJpptzYtGbLP3-3_l0aBk4</t>
  </si>
  <si>
    <t>0]ok;15;1578486493690;1738007010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xu3qlr9iea7tizefmrvhfs1rsthvhhdn5f8nfdqwcwy\";userpermission(role);vxd5874j_rcxytdcakyaqcq4lriewtnjwmfrnjuv2-4muryr1woqdsmriyrxpb6q0jomgaedsibdjbasd4smb8mgt27ilk1ixu3qlr9iea7tizefmrvhfs1rsthvhhdn5f8nfdqwcwy\";workspaceids;</t>
  </si>
  <si>
    <t>http://0]ok,15,1578486493690,1738007010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xu3qlr9iea7tizefmrvhfs1rsthvhhdn5f8nfdqwcwy\",userpermission(role),vxd5874j_rcxytdcakyaqcq4lriewtnjwmfrnjuv2-4muryr1woqdsmriyrxpb6q0jomgaedsibdjbasd4smb8mgt27ilk1ixu3qlr9iea7tizefmrvhfs1rsthvhhdn5f8nfdqwcwy\",workspaceids</t>
  </si>
  <si>
    <t>http:///batch?%24ct=multipart%2Fmixed%3B%20boundary%3D%22%3D%3D%3D%3D%3Dc31sac7jo38k%3D%3D%3D%3D%3D%22&amp;key=AIzaSyAy9VVXHSpS2IJpptzYtGbLP3-3_l0aBk4</t>
  </si>
  <si>
    <t>1578482882712000]]];ancestorhasaugmentedpermissions;containsunsubscribedchildren;cqov8pllmzi2akekfiouyzcli 7jwjedt;dczmta5mzm2otcxndawmze4naolcj ctkdp unz gewpytj/9eklatqogw5ndczmtg5odk4mdmr8rg/ a4e6y8ycw==";displayname;domain;emailaddress;file(kind;fileid;filesize;hasthumbnail;hasvisitorpermissions;id;id);items(deleted;kalgbcgki4cf1 /lz5gikfioulte4odmxodm0mzu5mze4odm5ntqkcgjxifksicfypwcwpytj/9eklatqogw5ndczmtg5odk4mdmrkie6j4qedae;kalgbcgkinnzn /lz5gikfsotodczmta5mzm2otcxndawmze4naolcj ctkdp unz gewpytj/9eklatqogw5ndczmtg5odk4mdmr8rg/ a4e6y8;ken;kind;lastmodifyinguser(kind;lastviewedbymedate;modifiedbymedate;modifieddate;ontainsunsubscribedchildren;owners(kind;per;permissionid;picture;shared;sharedwithmedate;thumbnailversion;title;userpermission(role);workspaceids;</t>
  </si>
  <si>
    <t>http://1578482882712000]]],ancestorhasaugmentedpermissions,containsunsubscribedchildren,cqov8pllmzi2akekfiouyzcli 7jwjedt,dczmta5mzm2otcxndawmze4naolcj ctkdp unz gewpytj/9eklatqogw5ndczmtg5odk4mdmr8rg/ a4e6y8ycw==",displayname,domain,emailaddress,file(kind,fileid,filesize,hasthumbnail,hasvisitorpermissions,id,id),items(deleted,kalgbcgki4cf1 /lz5gikfioulte4odmxodm0mzu5mze4odm5ntqkcgjxifksicfypwcwpytj/9eklatqogw5ndczmtg5odk4mdmrkie6j4qedae,kalgbcgkinnzn /lz5gikfsotodczmta5mzm2otcxndawmze4naolcj ctkdp unz gewpytj/9eklatqogw5ndczmtg5odk4mdmr8rg/ a4e6y8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v8va7pxu1he9%3D%3D%3D%3D%3D%22&amp;key=AIzaSyAy9VVXHSpS2IJpptzYtGbLP3-3_l0aBk4</t>
  </si>
  <si>
    <t>http:///batch?%24ct=multipart%2Fmixed%3B%20boundary%3D%22%3D%3D%3D%3D%3D9ww880lolmzy%3D%3D%3D%3D%3D%22&amp;key=AIzaSyAy9VVXHSpS2IJpptzYtGbLP3-3_l0aBk4</t>
  </si>
  <si>
    <t>505982fd-6ae2-46f5-a3f9-33f814128371.tmp</t>
  </si>
  <si>
    <t>\\acsfs\profiles$\jhonatadss\Downloads\505982fd-6ae2-46f5-a3f9-33f814128371.tmp</t>
  </si>
  <si>
    <t>c005120e-bab0-46b7-8101-d470792369de.tmp</t>
  </si>
  <si>
    <t>\\acsfs\profiles$\lorrainerdl\Downloads\c005120e-bab0-46b7-8101-d470792369de.tmp</t>
  </si>
  <si>
    <t>$IFJNCY9.txt</t>
  </si>
  <si>
    <t>\\acsfs\profiles$\victoriaksr\My Documents\$RECYCLE.BIN\$IFJNCY9.txt</t>
  </si>
  <si>
    <t>$IMFUQRW.txt</t>
  </si>
  <si>
    <t>\\acsfs\profiles$\victoriaksr\My Documents\$RECYCLE.BIN\$IMFUQRW.txt</t>
  </si>
  <si>
    <t>$IJ89W2Y.xlsx</t>
  </si>
  <si>
    <t>\\acsfs\profiles$\victoriaksr\My Documents\$RECYCLE.BIN\$IJ89W2Y.xlsx</t>
  </si>
  <si>
    <t>.~lock.1724 (Tratados).ods#</t>
  </si>
  <si>
    <t>\\acsfs\profiles$\victoriaksr\My Documents\.~lock.1724 (Tratados).ods#</t>
  </si>
  <si>
    <t>mail.google.com/sync/u/0/i/s?hl=pt-BR&amp;c=692</t>
  </si>
  <si>
    <t>mail.google.com/sync/u/0/i/s?hl=pt-BR&amp;c=696</t>
  </si>
  <si>
    <t>mail.google.com/sync/u/0/i/s?hl=pt-BR&amp;c=701</t>
  </si>
  <si>
    <t>bb8a39c2-311c-497d-9b70-f31023a16a2e.tmp</t>
  </si>
  <si>
    <t>\\acsfs\profiles$\henriquehmdo\Downloads\bb8a39c2-311c-497d-9b70-f31023a16a2e.tmp</t>
  </si>
  <si>
    <t>Não confirmado 922258.crdownload</t>
  </si>
  <si>
    <t>\\acsfs\profiles$\henriquehmdo\Downloads\Não confirmado 922258.crdownload</t>
  </si>
  <si>
    <t>87bda3cf-2706-4972-ac33-0c0e144ffe02.tmp</t>
  </si>
  <si>
    <t>\\acsfs\profiles$\henriquehmdo\Downloads\87bda3cf-2706-4972-ac33-0c0e144ffe02.tmp</t>
  </si>
  <si>
    <t>Q29udHJvbGxlci5DYWxjdWxhZG9yYURlVmVuY2lt (24).ica</t>
  </si>
  <si>
    <t>\\acsfs\profiles$\henriquehmdo\Downloads\Q29udHJvbGxlci5DYWxjdWxhZG9yYURlVmVuY2lt (24).ica</t>
  </si>
  <si>
    <t>89ee120b-9d36-4a43-800e-8323a4d8929b.tmp</t>
  </si>
  <si>
    <t>\\acsfs\profiles$\LAISLG\Downloads\89ee120b-9d36-4a43-800e-8323a4d8929b.tmp</t>
  </si>
  <si>
    <t>b41043f3-8136-436e-88c1-b69b58dc0717.tmp</t>
  </si>
  <si>
    <t>\\acsfs\profiles$\LAISLG\Downloads\b41043f3-8136-436e-88c1-b69b58dc0717.tmp</t>
  </si>
  <si>
    <t>114a49c9-f03b-4358-844a-6a2ce714041a.tmp</t>
  </si>
  <si>
    <t>\\acsfs\profiles$\gabrielhca\Downloads\114a49c9-f03b-4358-844a-6a2ce714041a.tmp</t>
  </si>
  <si>
    <t>7ffa7954-821f-4d50-989d-24f5fb7f92b1.tmp</t>
  </si>
  <si>
    <t>\\acsfs\profiles$\gabriellalpr\Downloads\7ffa7954-821f-4d50-989d-24f5fb7f92b1.tmp</t>
  </si>
  <si>
    <t>3c91106e-65c8-45e6-8664-516cd71e131a.tmp</t>
  </si>
  <si>
    <t>\\acsfs\profiles$\rafaelahpn\Downloads\3c91106e-65c8-45e6-8664-516cd71e131a.tmp</t>
  </si>
  <si>
    <t>0e892a35-ea7f-42b7-8e99-f3fde2c115e9.tmp</t>
  </si>
  <si>
    <t>\\acsfs\profiles$\KARENDSR\Downloads\0e892a35-ea7f-42b7-8e99-f3fde2c115e9.tmp</t>
  </si>
  <si>
    <t>$ICHBJ8V.txt</t>
  </si>
  <si>
    <t>\\acsfs\profiles$\victoriaksr\My Documents\$RECYCLE.BIN\$ICHBJ8V.txt</t>
  </si>
  <si>
    <t>.~lock.Fila 1721 - REORIENTAÇÃO PRIORIDADE OFICIAL - ENCAMINHADO SUPERVISÃO 05.12 (1).xlsx#</t>
  </si>
  <si>
    <t>\\acsfs\profiles$\victoriaksr\My Documents\.~lock.Fila 1721 - REORIENTAÇÃO PRIORIDADE OFICIAL - ENCAMINHADO SUPERVISÃO 05.12 (1).xlsx#</t>
  </si>
  <si>
    <t>$IXKGHIK.xlsx</t>
  </si>
  <si>
    <t>\\acsfs\profiles$\victoriaksr\My Documents\$RECYCLE.BIN\$IXKGHIK.xlsx</t>
  </si>
  <si>
    <t>.~lock.1721 (1).ods#</t>
  </si>
  <si>
    <t>\\acsfs\profiles$\victoriaksr\My Documents\.~lock.1721 (1).ods#</t>
  </si>
  <si>
    <t>$IRM2Z8W.ods</t>
  </si>
  <si>
    <t>\\acsfs\profiles$\victoriaksr\My Documents\$RECYCLE.BIN\$IRM2Z8W.ods</t>
  </si>
  <si>
    <t>.~lock.1721.ods#</t>
  </si>
  <si>
    <t>\\acsfs\profiles$\victoriaksr\My Documents\.~lock.1721.ods#</t>
  </si>
  <si>
    <t>$I9HFE9K.ods</t>
  </si>
  <si>
    <t>\\acsfs\profiles$\victoriaksr\My Documents\$RECYCLE.BIN\$I9HFE9K.ods</t>
  </si>
  <si>
    <t>$IEBXR1J.xlsx</t>
  </si>
  <si>
    <t>\\acsfs\profiles$\victoriaksr\My Documents\$RECYCLE.BIN\$IEBXR1J.xlsx</t>
  </si>
  <si>
    <t>$IZOS1QW.xlsx</t>
  </si>
  <si>
    <t>\\acsfs\profiles$\victoriaksr\My Documents\$RECYCLE.BIN\$IZOS1QW.xlsx</t>
  </si>
  <si>
    <t>$ITS65UT.xlsx</t>
  </si>
  <si>
    <t>\\acsfs\profiles$\victoriaksr\Downloads\$RECYCLE.BIN\$ITS65UT.xlsx</t>
  </si>
  <si>
    <t>$IVM55R2.xlsx</t>
  </si>
  <si>
    <t>\\acsfs\profiles$\victoriaksr\Downloads\$RECYCLE.BIN\$IVM55R2.xlsx</t>
  </si>
  <si>
    <t>$IKD7V38.xlsx</t>
  </si>
  <si>
    <t>\\acsfs\profiles$\victoriaksr\Downloads\$RECYCLE.BIN\$IKD7V38.xlsx</t>
  </si>
  <si>
    <t>$I86AU10.xlsx</t>
  </si>
  <si>
    <t>\\acsfs\profiles$\victoriaksr\Downloads\$RECYCLE.BIN\$I86AU10.xlsx</t>
  </si>
  <si>
    <t>$IMHT7E6.ods</t>
  </si>
  <si>
    <t>\\acsfs\profiles$\victoriaksr\Downloads\$RECYCLE.BIN\$IMHT7E6.ods</t>
  </si>
  <si>
    <t>$IIHG0LZ.xlsx</t>
  </si>
  <si>
    <t>\\acsfs\profiles$\victoriaksr\Downloads\$RECYCLE.BIN\$IIHG0LZ.xlsx</t>
  </si>
  <si>
    <t>$I02L0JB.xlsx</t>
  </si>
  <si>
    <t>\\acsfs\profiles$\victoriaksr\Downloads\$RECYCLE.BIN\$I02L0JB.xlsx</t>
  </si>
  <si>
    <t>$IXWVOF9.xlsx</t>
  </si>
  <si>
    <t>\\acsfs\profiles$\victoriaksr\Downloads\$RECYCLE.BIN\$IXWVOF9.xlsx</t>
  </si>
  <si>
    <t>$ILO9935.xlsx</t>
  </si>
  <si>
    <t>\\acsfs\profiles$\victoriaksr\My Documents\$RECYCLE.BIN\$ILO9935.xlsx</t>
  </si>
  <si>
    <t>$ILJL9EP.xlsx</t>
  </si>
  <si>
    <t>\\acsfs\profiles$\victoriaksr\My Documents\$RECYCLE.BIN\$ILJL9EP.xlsx</t>
  </si>
  <si>
    <t>$IX48J8B.xlsx</t>
  </si>
  <si>
    <t>\\acsfs\profiles$\victoriaksr\My Documents\$RECYCLE.BIN\$IX48J8B.xlsx</t>
  </si>
  <si>
    <t>5e3818f5-075c-4c60-aa6a-ccc28f24003f.tmp</t>
  </si>
  <si>
    <t>\\acsfs\profiles$\victoriaksr\Downloads\5e3818f5-075c-4c60-aa6a-ccc28f24003f.tmp</t>
  </si>
  <si>
    <t>C2494A3.tmp</t>
  </si>
  <si>
    <t>\\acsfs\ACS\Gabriel da Silva\Contemporânea\Erros Operacionais\C2494A3.tmp</t>
  </si>
  <si>
    <t>65E5A396.tmp</t>
  </si>
  <si>
    <t>\\acsfs\ACS\Gabriel da Silva\Contemporânea\Erros Operacionais\65E5A396.tmp</t>
  </si>
  <si>
    <t>8E23D505.tmp</t>
  </si>
  <si>
    <t>\\acsfs\ACS\Gabriel da Silva\Contemporânea\Erros Operacionais\8E23D505.tmp</t>
  </si>
  <si>
    <t>mail.google.com/sync/u/0/i/s?hl=pt-BR&amp;c=706</t>
  </si>
  <si>
    <t>mail.google.com/sync/u/0/i/s?hl=pt-BR&amp;c=708</t>
  </si>
  <si>
    <t>dde0d13c-1f6e-4b76-8af5-d5e35920b43b.tmp</t>
  </si>
  <si>
    <t>\\acsfs\profiles$\henriquehmdo\Downloads\dde0d13c-1f6e-4b76-8af5-d5e35920b43b.tmp</t>
  </si>
  <si>
    <t>d1dfe447-16bc-4a7e-8142-ade3a4c55ca4.tmp</t>
  </si>
  <si>
    <t>\\acsfs\profiles$\henriquehmdo\Downloads\d1dfe447-16bc-4a7e-8142-ade3a4c55ca4.tmp</t>
  </si>
  <si>
    <t>andrelpsa@algartech.com;antoniocoj@algartech.com;ricardodfm@algartech.com.br;taysdss@algartech.com;viniciussg@algartech.com;</t>
  </si>
  <si>
    <t>andrelpsa@algartech.com,antoniocoj@algartech.com,ricardodfm@algartech.com.br,taysdss@algartech.com,viniciussg@algartech.com</t>
  </si>
  <si>
    <t>a29f2650-32c8-46a9-af97-a1e6b57bbebd.tmp</t>
  </si>
  <si>
    <t>\\acsfs\profiles$\inarajst\Downloads\a29f2650-32c8-46a9-af97-a1e6b57bbebd.tmp</t>
  </si>
  <si>
    <t>6e037dc4-b12e-4b2b-b921-5b1fe2de5bda.tmp</t>
  </si>
  <si>
    <t>\\acsfs\profiles$\geovannasm\Downloads\6e037dc4-b12e-4b2b-b921-5b1fe2de5bda.tmp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;"[[];"[[null;0;0]_`��_x000E_���_�_x001A_� �5s��0g��_x0010_�{�'�py�58�烯`��-�el{�_�_x0011_�on��7��l��`��-�em۲_�_x0014_vǢ�\�6��&lt;�_x001F_`��-�ehu�ݒ�_x0017_q�_x001D_����c�_x0007_��!kn;1;10;1011\;11;135;1578483546681;1578487614813;1578487623626;1738007010;1];283657575;3];424740;4];5;[1;[2;[20090307];[];[]];[]]"];[]]];[null;false;false]]";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;ken=ac4w5vix_z5c3vm9ln1dolghdosvr2cejg:1578482277703&amp;buildlabel=drive.web-frontend_20191211.00_p1null;ken=ac4w5vix_z5c3vm9ln1dolghdosvr2cejg:1578482277703&amp;buildlabel=drive.web-frontend_20191211.00_p1s_x0001_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0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1,135,1578483546681,1578487614813,1578487623626,1738007010,1],283657575,3],424740,4],5,[1,[2,[20090307],[],[]],[]]"],[]]],[null,false,false]]",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,ken=ac4w5vix_z5c3vm9ln1dolghdosvr2cejg:1578482277703&amp;buildlabel=drive.web-frontend_20191211.00_p1null,ken=ac4w5vix_z5c3vm9ln1dolghdosvr2cejg:1578482277703&amp;buildlabel=drive.web-frontend_20191211.00_p1s_x0001_</t>
  </si>
  <si>
    <t>http:///batch?%24ct=multipart%2Fmixed%3B%20boundary%3D%22%3D%3D%3D%3D%3Dkb5r87l8p8z%3D%3D%3D%3D%3D%22&amp;key=AIzaSyAy9VVXHSpS2IJpptzYtGbLP3-3_l0aBk4</t>
  </si>
  <si>
    <t>"[49;0]s3;0]x;10;11;1578484688680;1578484688680000;1578484989680;1578485290678;1738007010;8;[];[]];[]]];\"!xv6lxn9cqj8mh-qzxljy9sq73od3b_ucaaaazfiaaaahmqfntmixjmyw3dmlwsiglvmcia9rdpsnaskx-8otgo9gtnqffijf_egp4ek0w_76qmns-thx6rhizgiow8jpkxsxg7kpvf2v92kljox2sbl8q5ta_xv07h85e9c_foikg4bnxk9zjcl7uhqalq-6lmaljifbkl9a6as8xhnqotw;ancestorhasaugmentedpermissions;containsunsubscribedchildren;displayname;domain;emailaddress;false;file(kind;fileid;filesize;hasthumbnail;hasvisitorpermissions;id;id);items(deleted;items(kind;ken;kind;lastmodifyinguser(kind;lastviewedbymedate;modifiedbymedate;modifieddate;null;ontainsunsubscribedchildren;owners(kind;permiss;permission;permissionid;picture;picture�;rpermissions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w-3qlr9touhbp</t>
  </si>
  <si>
    <t>http://"[49,0]s3,0]x,10,11,1578484688680,1578484688680000,1578484989680,1578485290678,1738007010,8,[],[]],[]]],\"!xv6lxn9cqj8mh-qzxljy9sq73od3b_ucaaaazfiaaaahmqfntmixjmyw3dmlwsiglvmcia9rdpsnaskx-8otgo9gtnqffijf_egp4ek0w_76qmns-thx6rhizgiow8jpkxsxg7kpvf2v92kljox2sbl8q5ta_xv07h85e9c_foikg4bnxk9zjcl7uhqalq-6lmaljifbkl9a6as8xhnqotw,ancestorhasaugmentedpermissions,containsunsubscribedchildren,displayname,domain,emailaddress,false,file(kind,fileid,filesize,hasthumbnail,hasvisitorpermissions,id,id),items(deleted,items(kind,ken,kind,lastmodifyinguser(kind,lastviewedbymedate,modifiedbymedate,modifieddate,null,ontainsunsubscribedchildren,owners(kind,permiss,permission,permissionid,picture,picture�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w-3qlr</t>
  </si>
  <si>
    <t>http:///batch?%24ct=multipart%2Fmixed%3B%20boundary%3D%22%3D%3D%3D%3D%3Dspieepl4pgv%3D%3D%3D%3D%3D%22&amp;key=AIzaSyAy9VVXHSpS2IJpptzYtGbLP3-3_l0aBk4</t>
  </si>
  <si>
    <t>http:///batch?%24ct=multipart%2Fmixed%3B%20boundary%3D%22%3D%3D%3D%3D%3Dkempjvdsqj3f%3D%3D%3D%3D%3D%22&amp;key=AIzaSyAy9VVXHSpS2IJpptzYtGbLP3-3_l0aBk4</t>
  </si>
  <si>
    <t>"[49;0]s3;0]x;10;11;1578484688680;1578484688680000;1578484989680;1578485290678;1738007010;8;[];[]];[]]];\"!xv6lxn9cqj8mh-qzxljy9sq73od3b_ucaaaazfiaaaahmqfntmixjmyw3dmlwsiglvmcia9rdpsnaskx-8otgo9gtnqffijf_egp4ek0w_76qmns-thx6rhizgiow8jpkxsxg7kpvf2v92kljox2sbl8q5ta_xv07h85e9c_foikg4bnxk9zjcl7uhqalq-6lmaljifbkl9a6as8xhnqotw;ancestorhasaugmentedpermissions;containsunsubscribedchildren;displayname;domain;emailaddress;false;file(kind;fileid;filesize;hasthumbnail;hasvisitorpermissions;id;id);items(deleted;items(kind;ken;kind;lastmodifyinguser(kind;lastviewedbymedate;modifiedbymedate;modifieddate;null;ontainsunsubscribedchildren;owners(kind;per;permiss;permission;permissionid;picture;picture�;rpermissions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w-3qlr9to</t>
  </si>
  <si>
    <t>http://"[49,0]s3,0]x,10,11,1578484688680,1578484688680000,1578484989680,1578485290678,1738007010,8,[],[]],[]]],\"!xv6lxn9cqj8mh-qzxljy9sq73od3b_ucaaaazfiaaaahmqfntmixjmyw3dmlwsiglvmcia9rdpsnaskx-8otgo9gtnqffijf_egp4ek0w_76qmns-thx6rhizgiow8jpkxsxg7kpvf2v92kljox2sbl8q5ta_xv07h85e9c_foikg4bnxk9zjcl7uhqalq-6lmaljifbkl9a6as8xhnqotw,ancestorhasaugmentedpermissions,containsunsubscribedchildren,displayname,domain,emailaddress,false,file(kind,fileid,filesize,hasthumbnail,hasvisitorpermissions,id,id),items(deleted,items(kind,ken,kind,lastmodifyinguser(kind,lastviewedbymedate,modifiedbymedate,modifieddate,null,ontainsunsubscribedchildren,owners(kind,per,permiss,permission,permissionid,picture,picture�,rpermissions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w-</t>
  </si>
  <si>
    <t>http:///batch?%24ct=multipart%2Fmixed%3B%20boundary%3D%22%3D%3D%3D%3D%3Dk8ilzsbq7dm%3D%3D%3D%3D%3D%22&amp;key=AIzaSyAy9VVXHSpS2IJpptzYtGbLP3-3_l0aBk4</t>
  </si>
  <si>
    <t>1578485811043000]]];ancestorhasaugmentedpermissions;containsunsubscribedchildren;displayname;domain;dywotkwndi5ntixmjk1mty2mqokcij207tggtjnkjdxupg66tkmlha6ddk0nzmxodk4otgwmxfkp/e3lf9/vbgl";emailaddress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;workspaceids;</t>
  </si>
  <si>
    <t>http://1578485811043000]]],ancestorhasaugmentedpermissions,containsunsubscribedchildren,displayname,domain,dywotkwndi5ntixmjk1mty2mqokcij207tggtjnkjdxupg66tkmlha6ddk0nzmxodk4otgwmxfkp/e3lf9/vbgl",emailaddress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,workspaceids</t>
  </si>
  <si>
    <t>http:///batch?%24ct=multipart%2Fmixed%3B%20boundary%3D%22%3D%3D%3D%3D%3Dsif1d7myrdrw%3D%3D%3D%3D%3D%22&amp;key=AIzaSyAy9VVXHSpS2IJpptzYtGbLP3-3_l0aBk4</t>
  </si>
  <si>
    <t>1578485811043000]]];ancestorhasaugmentedpermissions;containsunsubscribedchildren;displayname;domain;dywotkwndi5ntixmjk1mty2mqokcij207tggtjnkjdxupg66tkmlha6ddk0nzmxodk4otgwmxfkp/e3lf9/vbgl"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1578485811043000]]],ancestorhasaugmentedpermissions,containsunsubscribedchildren,displayname,domain,dywotkwndi5ntixmjk1mty2mqokcij207tggtjnkjdxupg66tkmlha6ddk0nzmxodk4otgwmxfkp/e3lf9/vbgl"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8474brkwsn4m%3D%3D%3D%3D%3D%22&amp;key=AIzaSyAy9VVXHSpS2IJpptzYtGbLP3-3_l0aBk4</t>
  </si>
  <si>
    <t>\\acsfs\DEPTOS\Operacao\Banco_Votorantim\Qualidade\Eliane\ACESSOS\</t>
  </si>
  <si>
    <t>Acessos e pastas.txt</t>
  </si>
  <si>
    <t>\\acsfs\DEPTOS\Operacao\Banco_Votorantim\Qualidade\Eliane\ACESSOS\Acessos e pastas.txt</t>
  </si>
  <si>
    <t>8796ab97-56a2-471b-a24b-7f6795298b71.tmp</t>
  </si>
  <si>
    <t>\\acsfs\profiles$\lorenabmc\Downloads\8796ab97-56a2-471b-a24b-7f6795298b71.tmp</t>
  </si>
  <si>
    <t>e7dffb0f-02bf-44a1-868f-e358b36c0dff.tmp</t>
  </si>
  <si>
    <t>\\acsfs\profiles$\lorenabmc\Downloads\e7dffb0f-02bf-44a1-868f-e358b36c0dff.tmp</t>
  </si>
  <si>
    <t>7a3d266d-953d-4f63-a73e-257693c5a71d.tmp</t>
  </si>
  <si>
    <t>\\acsfs\profiles$\francislayneads\Downloads\7a3d266d-953d-4f63-a73e-257693c5a71d.tmp</t>
  </si>
  <si>
    <t>b43d04de-0a8c-493a-a97d-b530a13c1f26.tmp</t>
  </si>
  <si>
    <t>\\acsfs\profiles$\francislayneads\Downloads\b43d04de-0a8c-493a-a97d-b530a13c1f26.tmp</t>
  </si>
  <si>
    <t>outlook.office.com/owa/service.svc?action=CreateItem&amp;app=Mail&amp;n=193</t>
  </si>
  <si>
    <t>josiascdsj@algartech.com;maristelavodq@bv.algartech.com;</t>
  </si>
  <si>
    <t>josiascdsj@algartech.com,maristelavodq@bv.algartech.com</t>
  </si>
  <si>
    <t>\\acsfs\ACS\Gabriel da Silva\Contemporânea\BDBV\~$Banco de Dados BV.xlsx</t>
  </si>
  <si>
    <t>outlook.office.com/owa/service.svc?action=UpdateItem&amp;app=Mail&amp;n=196</t>
  </si>
  <si>
    <t>outlook.office.com/owa/service.svc?action=UpdateItem&amp;app=Mail&amp;n=214</t>
  </si>
  <si>
    <t>algartechcpcbv@algartech.com;andrelpsa@algartech.com;josiascdsj@algartech.com;maristelavodq@bv.algartech.com;mirianppb@algartech.com;qualidadealgarbv@algartech.com;supervisaobancovotorantim@algartech.com;talmaiardo@algartech.com;</t>
  </si>
  <si>
    <t>algartechcpcbv@algartech.com,andrelpsa@algartech.com,josiascdsj@algartech.com,maristelavodq@bv.algartech.com,mirianppb@algartech.com,qualidadealgarbv@algartech.com,supervisaobancovotorantim@algartech.com,talmaiardo@algartech.com</t>
  </si>
  <si>
    <t>outlook.office.com/owa/service.svc?action=UpdateItem&amp;app=Mail&amp;n=222</t>
  </si>
  <si>
    <t>algartechcpcbv@algartech.com;andrelpsa@algartech.com;josiascdsj@algartech.com;maristelavodq@bv.algartech.com;mirianppb@algartech.com;qualidadealgarbv@algartech.com;supervisaobancovotorantim@algartech.com;talmaiardo@algartech.com;thiagolrc@bv.algartech.com;</t>
  </si>
  <si>
    <t>algartechcpcbv@algartech.com,andrelpsa@algartech.com,josiascdsj@algartech.com,maristelavodq@bv.algartech.com,mirianppb@algartech.com,qualidadealgarbv@algartech.com,supervisaobancovotorantim@algartech.com,talmaiardo@algartech.com,thiagolrc@bv.algartech.com</t>
  </si>
  <si>
    <t>outlook.office.com/owa/service.svc?action=UpdateItem&amp;app=Mail&amp;n=229</t>
  </si>
  <si>
    <t>outlook.office.com/owa/service.svc?action=CreateItem&amp;app=Mail&amp;n=251</t>
  </si>
  <si>
    <t>outlook.office.com/owa/service.svc?action=UpdateItem&amp;app=Mail&amp;n=272</t>
  </si>
  <si>
    <t>d364fa98-3ce0-46df-b739-315579149d10.tmp</t>
  </si>
  <si>
    <t>\\acsfs\profiles$\mariagsg\Downloads\d364fa98-3ce0-46df-b739-315579149d10.tmp</t>
  </si>
  <si>
    <t>73b4ead1-6374-4d82-aaac-1d4bbe6bbfbf.tmp</t>
  </si>
  <si>
    <t>\\acsfs\profiles$\mariagsg\Downloads\73b4ead1-6374-4d82-aaac-1d4bbe6bbfbf.tmp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;"[[];"[[null;0;0]_`��_x000E_���_�_x001A_� �5s��0g��_x0010_�{�'�py�58�烯`��-�el{�_�_x0011_�on��7��l��`��-�em۲_�_x0014_vǢ�\�6��&lt;�_x001F_`��-�ehu�ݒ�_x0017_q�_x001D_����c�_x0007_��!kn;1;10;1011\;11;135;1578487603652000]]];1578487614813;1578487623626;1];283657575;3];424740;4];5;[1;[2;[20090307];[];[]];[]]"];[]]];[null;agas=";ancestorhasaugmentedpermissions;containsunsubscribedchildren;displayname;domain;emailaddress;explicitlytrashed;false]]";file(kind;fileid;filesize;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;hasthumbnail;hasvisitorpermissions;id;id);items(deleted;items(kind;k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0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1,135,1578487603652000]]],1578487614813,1578487623626,1],283657575,3],424740,4],5,[1,[2,[20090307],[],[]],[]]"],[]]],[null,agas=",ancestorhasaugmentedpermissions,containsunsubscribedchildren,displayname,domain,emailaddress,explicitlytrashed,false]]",file(kind,fileid,filesize,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,hasthumbnail,hasvisitorpermissions,id,id),items(deleted,items(kind,k</t>
  </si>
  <si>
    <t>"[[];0];0]kind;0]n\lib\_x000E_gen-p;1;1578483183727;1578487095663;1578487998656;17;1738007010;1]";20;4;62f782-ef2f-4018-bf8a-e9a53647a531\";7r�p�� ��_x0017_�_x0012_&amp;;["157;[1];[3700735];[];[]];[]]"];[]]];[null;ancestorhasaugmentedpermissions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a2yrts9lxdwy2a2qw-5owtggtmrllgiag:412:469)\\n at ht.kc (https://www.gstatic.com/og/_/js/k=og.qtm.en_us.xqsfvjkae_m.o/rt=j/m=qgl;qmd;qmutsd;q</t>
  </si>
  <si>
    <t>"[[],0],0]kind,0]n\lib\_x000E_gen-p,1,1578483183727,1578487095663,1578487998656,17,1738007010,1]",20,4,62f782-ef2f-4018-bf8a-e9a53647a531\",7r�p�� ��_x0017_�_x0012_&amp;,["157,[1],[3700735],[],[]],[]]"],[]]],[null,ancestorhasaugmentedpermissions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a2yrts9lxdwy2a2qw-5owtggtmrllgiag:412:469)\\n at ht.kc (https://www.gstatic.com/og/_/js/k=og.qtm.en_us.xqsfvjkae_m.o/rt=j/m=qgl,qmd,qmutsd,q</t>
  </si>
  <si>
    <t>http:///batch?%24ct=multipart%2Fmixed%3B%20boundary%3D%22%3D%3D%3D%3D%3Dp64b5me0e9ra%3D%3D%3D%3D%3D%22&amp;key=AIzaSyAy9VVXHSpS2IJpptzYtGbLP3-3_l0aBk4</t>
  </si>
  <si>
    <t>http:///batch?%24ct=multipart%2Fmixed%3B%20boundary%3D%22%3D%3D%3D%3D%3Dqvrsh1uunrpl%3D%3D%3D%3D%3D%22&amp;key=AIzaSyAy9VVXHSpS2IJpptzYtGbLP3-3_l0aBk4</t>
  </si>
  <si>
    <t>http:///batch?%24ct=multipart%2Fmixed%3B%20boundary%3D%22%3D%3D%3D%3D%3Dqt8lyj5euc3g%3D%3D%3D%3D%3D%22&amp;key=AIzaSyAy9VVXHSpS2IJpptzYtGbLP3-3_l0aBk4</t>
  </si>
  <si>
    <t>898b14c8-9cb3-41b2-aef3-6cb705177e18.tmp</t>
  </si>
  <si>
    <t>\\acsfs\profiles$\isabellegtds\Downloads\898b14c8-9cb3-41b2-aef3-6cb705177e18.tmp</t>
  </si>
  <si>
    <t>GABRIELA FERREIRA SILVA (3165).contact</t>
  </si>
  <si>
    <t>\\acsfs\profiles$\gabrielafs\Contacts\GABRIELA FERREIRA SILVA (3165).contact</t>
  </si>
  <si>
    <t>b4afb9a4-70d1-4967-8923-703ff89fff2d.tmp</t>
  </si>
  <si>
    <t>\\acsfs\profiles$\gabrielafs\Downloads\b4afb9a4-70d1-4967-8923-703ff89fff2d.tmp</t>
  </si>
  <si>
    <t>9950df7c-64b0-4e31-9746-80ebeb528955.tmp</t>
  </si>
  <si>
    <t>\\acsfs\profiles$\gabrielafs\Downloads\9950df7c-64b0-4e31-9746-80ebeb528955.tmp</t>
  </si>
  <si>
    <t>JANAYNA TEREZA ROCHA ONOFRE_1_6774912018730267558_1_32.wav</t>
  </si>
  <si>
    <t>\\acsfs\Deptos\EDUCACAO EMPRESARIAL\KÉSIA\Ligações 1º Ciclo - Janeiro 2020\JANAYNA TEREZA ROCHA ONOFRE_1_6774912018730267558_1_32.wav</t>
  </si>
  <si>
    <t>b5b8c6a8-764b-4d03-baea-c8fcab19352f.tmp</t>
  </si>
  <si>
    <t>\\acsfs\profiles$\ROZENCAM\Downloads\b5b8c6a8-764b-4d03-baea-c8fcab19352f.tmp</t>
  </si>
  <si>
    <t>7254BFAE.tmp</t>
  </si>
  <si>
    <t>\\acsfs\ACS\Gabriel da Silva\Contemporânea\Erros Operacionais\7254BFAE.tmp</t>
  </si>
  <si>
    <t>cbdb3e17-0891-460a-ba69-703e93b480f4.tmp</t>
  </si>
  <si>
    <t>\\acsfs\profiles$\isabellegtds\Downloads\cbdb3e17-0891-460a-ba69-703e93b480f4.tmp</t>
  </si>
  <si>
    <t>e9cc6b69-c743-4326-99b6-2f66dd9331bc.tmp</t>
  </si>
  <si>
    <t>\\acsfs\profiles$\ALYNYA\Downloads\e9cc6b69-c743-4326-99b6-2f66dd9331bc.tmp</t>
  </si>
  <si>
    <t>3c756faf-f5f2-4823-b5b1-731e689fd3ef.tmp</t>
  </si>
  <si>
    <t>\\acsfs\profiles$\ALYNYA\Downloads\3c756faf-f5f2-4823-b5b1-731e689fd3ef.tmp</t>
  </si>
  <si>
    <t>e238e9ef-2cbd-48dc-9b32-665f54aaad19.tmp</t>
  </si>
  <si>
    <t>\\acsfs\profiles$\gabrielaff\Downloads\e238e9ef-2cbd-48dc-9b32-665f54aaad19.tmp</t>
  </si>
  <si>
    <t>3c95757a-12c7-4639-ba2c-068ed03fe8e1.tmp</t>
  </si>
  <si>
    <t>\\acsfs\profiles$\sarahbal\Downloads\3c95757a-12c7-4639-ba2c-068ed03fe8e1.tmp</t>
  </si>
  <si>
    <t>b84fb301-7136-43f3-8f89-ede7e285472c.tmp</t>
  </si>
  <si>
    <t>\\acsfs\profiles$\sarahbal\Downloads\b84fb301-7136-43f3-8f89-ede7e285472c.tmp</t>
  </si>
  <si>
    <t>\\acsfs\ACS\Gabriel da Silva\Contemporânea\NPS\Nova pasta\</t>
  </si>
  <si>
    <t>~$Controle de Erros operacionais - Dezembro - 02.01.20.xlsb</t>
  </si>
  <si>
    <t>\\acsfs\ACS\Gabriel da Silva\Contemporânea\NPS\Nova pasta\~$Controle de Erros operacionais - Dezembro - 02.01.20.xlsb</t>
  </si>
  <si>
    <t>57F5EC6.tmp</t>
  </si>
  <si>
    <t>\\acsfs\ACS\Gabriel da Silva\Contemporânea\Erros Operacionais\57F5EC6.tmp</t>
  </si>
  <si>
    <t>~$baseLigs.xlsm</t>
  </si>
  <si>
    <t>\\acsfs\ACS\Gabriel da Silva\Contemporânea\Erros Operacionais\~$baseLigs.xlsm</t>
  </si>
  <si>
    <t>6c486546-a3a4-4028-9069-47a7749b33ee.tmp</t>
  </si>
  <si>
    <t>\\acsfs\profiles$\leticiala\Downloads\6c486546-a3a4-4028-9069-47a7749b33ee.tmp</t>
  </si>
  <si>
    <t>c0794e5b-7670-4d54-8a92-ffce2f3538a4.tmp</t>
  </si>
  <si>
    <t>\\acsfs\profiles$\gabrielafs\Downloads\c0794e5b-7670-4d54-8a92-ffce2f3538a4.tmp</t>
  </si>
  <si>
    <t>bacab4af-7993-457b-9072-aeecbb4b1f71.tmp</t>
  </si>
  <si>
    <t>\\acsfs\profiles$\gabrielafs\Downloads\bacab4af-7993-457b-9072-aeecbb4b1f71.tmp</t>
  </si>
  <si>
    <t>d92374de-2b18-4640-a1c3-45d176a19233.tmp</t>
  </si>
  <si>
    <t>\\acsfs\profiles$\gabrielafs\Downloads\d92374de-2b18-4640-a1c3-45d176a19233.tmp</t>
  </si>
  <si>
    <t>RELATORIO DE LOGIN - FINANCEIRA - 06-01 - Cópia.xlsm</t>
  </si>
  <si>
    <t>\\acsfs\DEPTOS\Operacao\PCP\5 - Comum\PLANEJAMENTO BV\14 - ACOMPANHAMENTO\1 - REPORT ACOMPANHAMENTO\2020\1 - JANEIRO\FINANCEIRA\Login Logout Financeira\RELATORIO DE LOGIN - FINANCEIRA - 06-01 - Cópia.xlsm</t>
  </si>
  <si>
    <t>ad3d0b02-80dc-4087-95dc-c7a6299d674b.tmp</t>
  </si>
  <si>
    <t>\\acsfs\profiles$\isabellegtds\Downloads\ad3d0b02-80dc-4087-95dc-c7a6299d674b.tmp</t>
  </si>
  <si>
    <t>JOYCE MARIA MENDES DIAS LOPES_1_6776407693846456800_1_32.wav</t>
  </si>
  <si>
    <t>\\acsfs\Deptos\EDUCACAO EMPRESARIAL\KÉSIA\Ligações 1º Ciclo - Janeiro 2020\JOYCE MARIA MENDES DIAS LOPES_1_6776407693846456800_1_32.wav</t>
  </si>
  <si>
    <t>152152CB.tmp</t>
  </si>
  <si>
    <t>\\acsfs\ACS\Gabriel da Silva\Contemporânea\Erros Operacionais\152152CB.tmp</t>
  </si>
  <si>
    <t>bd atualizado financeira.xlsx</t>
  </si>
  <si>
    <t>\\acsfs\DEPTOS\Operacao\PCP\5 - Comum\JUKA\bd atualizado financeira.xlsx</t>
  </si>
  <si>
    <t>44f477ff-793a-4d90-95f7-5f2b9cb7705e.tmp</t>
  </si>
  <si>
    <t>\\acsfs\profiles$\anafsb\Downloads\44f477ff-793a-4d90-95f7-5f2b9cb7705e.tmp</t>
  </si>
  <si>
    <t>b26960a3-667d-4e40-810b-0bac60697c9e.tmp</t>
  </si>
  <si>
    <t>\\acsfs\profiles$\kamilamrc\Downloads\b26960a3-667d-4e40-810b-0bac60697c9e.tmp</t>
  </si>
  <si>
    <t>http://cinemagraphs.com/api/census/recordhit</t>
  </si>
  <si>
    <t>3f45d99f-2264-43c9-a657-e24ea6eb3247.tmp</t>
  </si>
  <si>
    <t>\\acsfs\profiles$\rafaelahpn\Downloads\3f45d99f-2264-43c9-a657-e24ea6eb3247.tmp</t>
  </si>
  <si>
    <t>2da72c98-fd4e-40ab-a6ce-dac2113709e5.tmp</t>
  </si>
  <si>
    <t>\\acsfs\profiles$\ROZENCAM\Downloads\2da72c98-fd4e-40ab-a6ce-dac2113709e5.tmp</t>
  </si>
  <si>
    <t>fe75ec51-33c7-49b0-8409-fb4d65b0e85e.tmp</t>
  </si>
  <si>
    <t>\\acsfs\profiles$\sarahbal\Downloads\fe75ec51-33c7-49b0-8409-fb4d65b0e85e.tmp</t>
  </si>
  <si>
    <t>380603d3-9f27-4d8d-9f14-46b45846fa79.tmp</t>
  </si>
  <si>
    <t>\\acsfs\profiles$\lucasqdss\Downloads\380603d3-9f27-4d8d-9f14-46b45846fa79.tmp</t>
  </si>
  <si>
    <t>1522DF47.tmp</t>
  </si>
  <si>
    <t>\\acsfs\ACS\Gabriel da Silva\Contemporânea\Erros Operacionais\1522DF47.tmp</t>
  </si>
  <si>
    <t>\\acsfs\DEPTOS\Operacao\Banco_Votorantim\Supervisao\Maristela\CRBV vendas\</t>
  </si>
  <si>
    <t>Dados associados.xlsx</t>
  </si>
  <si>
    <t>\\acsfs\DEPTOS\Operacao\Banco_Votorantim\Supervisao\Maristela\CRBV vendas\Dados associados.xlsx</t>
  </si>
  <si>
    <t>3db146f6-0b4f-42cc-998f-7bffbc57f345.tmp</t>
  </si>
  <si>
    <t>\\acsfs\profiles$\leticiala\Downloads\3db146f6-0b4f-42cc-998f-7bffbc57f345.tmp</t>
  </si>
  <si>
    <t>b51db587-f29b-409a-9f8b-75de4de568ae.tmp</t>
  </si>
  <si>
    <t>\\acsfs\profiles$\PEDROHAB\Downloads\b51db587-f29b-409a-9f8b-75de4de568ae.tmp</t>
  </si>
  <si>
    <t>https://udpwfmniceap02/web/guest/home?p_auth=dpo0ix4s&amp;p_p_id=58&amp;p_p_lifecycle=1&amp;p_p_state=maximized&amp;p_p_mode=view&amp;savelastpath=0&amp;_58_struts_action=/login/forgot_password</t>
  </si>
  <si>
    <t>bc543736-fdc9-4f73-8ae8-ff5cdd1618f9.tmp</t>
  </si>
  <si>
    <t>\\acsfs\profiles$\LAISLG\Downloads\bc543736-fdc9-4f73-8ae8-ff5cdd1618f9.tmp</t>
  </si>
  <si>
    <t>http:///batch?%24ct=multipart%2Fmixed%3B%20boundary%3D%22%3D%3D%3D%3D%3Daqhsxhbsddkl%3D%3D%3D%3D%3D%22&amp;key=AIzaSyAy9VVXHSpS2IJpptzYtGbLP3-3_l0aBk4</t>
  </si>
  <si>
    <t>http:///batch?%24ct=multipart%2Fmixed%3B%20boundary%3D%22%3D%3D%3D%3D%3D46qnu766dmdq%3D%3D%3D%3D%3D%22&amp;key=AIzaSyAy9VVXHSpS2IJpptzYtGbLP3-3_l0aBk4</t>
  </si>
  <si>
    <t>http:///batch?%24ct=multipart%2Fmixed%3B%20boundary%3D%22%3D%3D%3D%3D%3Dh2pzukaj8opo%3D%3D%3D%3D%3D%22&amp;key=AIzaSyAy9VVXHSpS2IJpptzYtGbLP3-3_l0aBk4</t>
  </si>
  <si>
    <t>ad3b2144-72a0-4523-a8cd-2cad4d6f63b7.tmp</t>
  </si>
  <si>
    <t>\\acsfs\profiles$\leonardobb\Downloads\ad3b2144-72a0-4523-a8cd-2cad4d6f63b7.tmp</t>
  </si>
  <si>
    <t>003938fe-556d-41d5-b8b0-51ae7d1e728d.tmp</t>
  </si>
  <si>
    <t>\\acsfs\profiles$\leonardobb\Downloads\003938fe-556d-41d5-b8b0-51ae7d1e728d.tmp</t>
  </si>
  <si>
    <t>703b7673-ab5a-45ee-935d-578244a8bae8.tmp</t>
  </si>
  <si>
    <t>\\acsfs\profiles$\leonardobb\Downloads\703b7673-ab5a-45ee-935d-578244a8bae8.tmp</t>
  </si>
  <si>
    <t>F5957D0A.tmp</t>
  </si>
  <si>
    <t>\\acsfs\ACS\Gabriel da Silva\Contemporânea\Erros Operacionais\F5957D0A.tmp</t>
  </si>
  <si>
    <t>https://udpwfmniceap02/web/guest/home?p_auth=le4ez6kf&amp;p_p_id=58&amp;p_p_lifecycle=1&amp;p_p_state=maximized&amp;p_p_mode=view&amp;savelastpath=0&amp;_58_struts_action=/login/forgot_password</t>
  </si>
  <si>
    <t>https://udpmailboxap01.acs.com.br:8443/h/search;jsessionid=ctzgbi6fo7jh1plx7cflv07ph?si=0&amp;so=0&amp;sc=65966&amp;st=conversation&amp;action=compose</t>
  </si>
  <si>
    <t>anakdss@bv.algartech.com;</t>
  </si>
  <si>
    <t>https://anakdss@bv.algartech.com</t>
  </si>
  <si>
    <t>\\acsfs\profiles$\gleycekos\Desktop\</t>
  </si>
  <si>
    <t>AJUDAS do dia.txt</t>
  </si>
  <si>
    <t>\\acsfs\profiles$\gleycekos\Desktop\AJUDAS do dia.txt</t>
  </si>
  <si>
    <t>http:///batch?%24ct=multipart%2Fmixed%3B%20boundary%3D%22%3D%3D%3D%3D%3D984zl9h4u06e%3D%3D%3D%3D%3D%22&amp;key=AIzaSyAy9VVXHSpS2IJpptzYtGbLP3-3_l0aBk4</t>
  </si>
  <si>
    <t>http:///batch?%24ct=multipart%2Fmixed%3B%20boundary%3D%22%3D%3D%3D%3D%3Dwevaclcduh4j%3D%3D%3D%3D%3D%22&amp;key=AIzaSyAy9VVXHSpS2IJpptzYtGbLP3-3_l0aBk4</t>
  </si>
  <si>
    <t>http:///batch?%24ct=multipart%2Fmixed%3B%20boundary%3D%22%3D%3D%3D%3D%3Dtei651ojjyhj%3D%3D%3D%3D%3D%22&amp;key=AIzaSyAy9VVXHSpS2IJpptzYtGbLP3-3_l0aBk4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;1578485811043000]]];ancest;ancestorhasaugmentedpermissions;containsunsubscribedchildren;copyable;displayname;domain;dywotkwndi5ntixmjk1mty2mqokcij207tggtjnkjdxupg66tkmlha6ddk0nzmxodk4otgwmxfkp/e3lf9/vbgl";emailaddress;explicitlytrashed;file(kind;fileextension;fileid;filesize;flaggedford;foldercolor;haschildfolders;hasthumbnail;hasvisitorpermissions;id;id);items(deleted;ken;kind;lastmodifyinguser(kind;lastviewedbymedate;mimetype;modifiedbymedate;modifieddate;ontainsunsubscribedchildren;owners(kind;per;permissionid;pictu;picture;primarysyncparentid;quotabytesused;rpermissions;shareable;shared;sharedwithmedate;sharinguser(kind;subscribed;thumbnailversion;title;userpermission(role);workspaceids;</t>
  </si>
  <si>
    <t>http://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ncest,ancestorhasaugmentedpermissions,containsunsubscribedchildren,copyable,displayname,domain,dywotkwndi5ntixmjk1mty2mqokcij207tggtjnkjdxupg66tkmlha6ddk0nzmxodk4otgwmxfkp/e3lf9/vbgl",emailaddress,explicitlytrashed,file(kind,fileextension,fileid,filesize,flaggedford,foldercolor,haschildfolders,hasthumbnail,hasvisitorpermissions,id,id),items(deleted,ken,kind,lastmodifyinguser(kind,lastviewedbymedate,mimetype,modifiedbymedate,modifieddate,ontainsunsubscribedchildren,owners(kind,per,permissionid,pictu,picture,primarysyncparentid,quotabytesused,rpermissions,shareable,shared,sharedwithmedate,sharinguser(kind,subscribed,thumbnailversion,title,userpermission(role),workspaceids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;1578485811043000]]];actionitems;ancest;ancestorhasaugmentedpermissions;authorizedappid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dywotkwndi5ntixmjk1mty2mqokcij207tggtjnkjdxupg66tkmlha6ddk0nzmxodk4otgwmxfkp/e3lf9/vbgl";emailaddress;explicitlytrashed;file(kind;fileextension;fileid;filesize;flaggedforabuse;flaggedford;foldercolor;folderfeatures;hasaugmentedpermissions;haschildfolders;hasthumbnail;hasvisitorpermissions;hidden;id;id);items(deleted</t>
  </si>
  <si>
    <t>http://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ctionitems,ancest,ancestorhasaugmentedpermissions,authorizedappid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dywotkwndi5ntixmjk1mty2mqokcij207tggtjnkjdxupg66tkmlha6ddk0nzmxodk4otgwmxfkp/e3lf9/vbgl",emailaddress,explicitlytrashed,file(kind,fileextension,fileid,filesize,flaggedforabuse,flaggedford,foldercolor,folderfeatures,hasaugmentedpermissions,haschildfolders,hasthumbnail,hasvisitorpermissions,hidden,id,id),items(</t>
  </si>
  <si>
    <t>http:///batch?%24ct=multipart%2Fmixed%3B%20boundary%3D%22%3D%3D%3D%3D%3D9iu2tbhhzclv%3D%3D%3D%3D%3D%22&amp;key=AIzaSyAy9VVXHSpS2IJpptzYtGbLP3-3_l0aBk4</t>
  </si>
  <si>
    <t>http:///batch?%24ct=multipart%2Fmixed%3B%20boundary%3D%22%3D%3D%3D%3D%3Du7249ipre4le%3D%3D%3D%3D%3D%22&amp;key=AIzaSyAy9VVXHSpS2IJpptzYtGbLP3-3_l0aBk4</t>
  </si>
  <si>
    <t>http:///batch?%24ct=multipart%2Fmixed%3B%20boundary%3D%22%3D%3D%3D%3D%3Dtccguebej24w%3D%3D%3D%3D%3D%22&amp;key=AIzaSyAy9VVXHSpS2IJpptzYtGbLP3-3_l0aBk4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;1578485811043000]]];actionitems;ancest;ancestorhasaugmentedpermissions;authorizedappid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playname;domain;dywotkwndi5ntixmjk1mty2mqokcij207tggtjnkjdxupg66tkmlha6ddk0nzmxodk4otgwmxfkp/e3lf9/vbgl";emailaddress;explicitlytrashed;file(kind;fileextension;fileid;filesize;flaggedforabuse;flaggedford;foldercolor;folderfeatures;guebej24w=;hasaugmentedpermissions;haschildfolders;hasthumbnail;hasvisitorpermissions;hidden;id;id);it</t>
  </si>
  <si>
    <t>http://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ctionitems,ancest,ancestorhasaugmentedpermissions,authorizedappid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dywotkwndi5ntixmjk1mty2mqokcij207tggtjnkjdxupg66tkmlha6ddk0nzmxodk4otgwmxfkp/e3lf9/vbgl",emailaddress,explicitlytrashed,file(kind,fileextension,fileid,filesize,flaggedforabuse,flaggedford,foldercolor,folderfeatures,guebej24w=,hasaugmentedpermissions,haschildfolders,hasthumbnail,hasvisitorpermissions,hidden,id</t>
  </si>
  <si>
    <t>http:///batch?%24ct=multipart%2Fmixed%3B%20boundary%3D%22%3D%3D%3D%3D%3Djz4zlal95pv7%3D%3D%3D%3D%3D%22&amp;key=AIzaSyAy9VVXHSpS2IJpptzYtGbLP3-3_l0aBk4</t>
  </si>
  <si>
    <t>http:///batch?%24ct=multipart%2Fmixed%3B%20boundary%3D%22%3D%3D%3D%3D%3D2qozcgenxfct%3D%3D%3D%3D%3D%22&amp;key=AIzaSyAy9VVXHSpS2IJpptzYtGbLP3-3_l0aBk4</t>
  </si>
  <si>
    <t>http:///batch?%24ct=multipart%2Fmixed%3B%20boundary%3D%22%3D%3D%3D%3D%3Dm84xy97uarpw%3D%3D%3D%3D%3D%22&amp;key=AIzaSyAy9VVXHSpS2IJpptzYtGbLP3-3_l0aBk4</t>
  </si>
  <si>
    <t>http:///batch?%24ct=multipart%2Fmixed%3B%20boundary%3D%22%3D%3D%3D%3D%3Da1a5dxjol37y%3D%3D%3D%3D%3D%22&amp;key=AIzaSyAy9VVXHSpS2IJpptzYtGbLP3-3_l0aBk4</t>
  </si>
  <si>
    <t>http:///batch?%24ct=multipart%2Fmixed%3B%20boundary%3D%22%3D%3D%3D%3D%3Dkr84v9cyuof3%3D%3D%3D%3D%3D%22&amp;key=AIzaSyAy9VVXHSpS2IJpptzYtGbLP3-3_l0aBk4</t>
  </si>
  <si>
    <t>http:///batch?%24ct=multipart%2Fmixed%3B%20boundary%3D%22%3D%3D%3D%3D%3Drtn7jpzb0wzq%3D%3D%3D%3D%3D%22&amp;key=AIzaSyAy9VVXHSpS2IJpptzYtGbLP3-3_l0aBk4</t>
  </si>
  <si>
    <t>http:///batch?%24ct=multipart%2Fmixed%3B%20boundary%3D%22%3D%3D%3D%3D%3Dxys6g26dvydv%3D%3D%3D%3D%3D%22&amp;key=AIzaSyAy9VVXHSpS2IJpptzYtGbLP3-3_l0aBk4</t>
  </si>
  <si>
    <t>http:///batch?%24ct=multipart%2Fmixed%3B%20boundary%3D%22%3D%3D%3D%3D%3Dqtu7seyonc6x%3D%3D%3D%3D%3D%22&amp;key=AIzaSyAy9VVXHSpS2IJpptzYtGbLP3-3_l0aBk4</t>
  </si>
  <si>
    <t>http:///batch?%24ct=multipart%2Fmixed%3B%20boundary%3D%22%3D%3D%3D%3D%3D9wapvt2ifff5%3D%3D%3D%3D%3D%22&amp;key=AIzaSyAy9VVXHSpS2IJpptzYtGbLP3-3_l0aBk4</t>
  </si>
  <si>
    <t>http:///batch?%24ct=multipart%2Fmixed%3B%20boundary%3D%22%3D%3D%3D%3D%3Dmntdtfcbcx2i%3D%3D%3D%3D%3D%22&amp;key=AIzaSyAy9VVXHSpS2IJpptzYtGbLP3-3_l0aBk4</t>
  </si>
  <si>
    <t>http:///batch?%24ct=multipart%2Fmixed%3B%20boundary%3D%22%3D%3D%3D%3D%3Dl15m6xpd7d31%3D%3D%3D%3D%3D%22&amp;key=AIzaSyAy9VVXHSpS2IJpptzYtGbLP3-3_l0aBk4</t>
  </si>
  <si>
    <t>http:///batch?%24ct=multipart%2Fmixed%3B%20boundary%3D%22%3D%3D%3D%3D%3Dmf1fg528sxoy%3D%3D%3D%3D%3D%22&amp;key=AIzaSyAy9VVXHSpS2IJpptzYtGbLP3-3_l0aBk4</t>
  </si>
  <si>
    <t>e2120886-748f-49cc-9fec-1a862d89e571.tmp</t>
  </si>
  <si>
    <t>\\acsfs\profiles$\luanaagl\Downloads\e2120886-748f-49cc-9fec-1a862d89e571.tmp</t>
  </si>
  <si>
    <t>3a07ac33-c01f-41f4-839e-4c2ddc8b1cd9.tmp</t>
  </si>
  <si>
    <t>\\acsfs\profiles$\lucasqdss\Downloads\3a07ac33-c01f-41f4-839e-4c2ddc8b1cd9.tmp</t>
  </si>
  <si>
    <t>5C0FED89.tmp</t>
  </si>
  <si>
    <t>\\acsfs\ACS\Gabriel da Silva\Contemporânea\Erros Operacionais\5C0FED89.tmp</t>
  </si>
  <si>
    <t>AEEF5D74.tmp</t>
  </si>
  <si>
    <t>\\acsfs\ACS\Gabriel da Silva\Contemporânea\Erros Operacionais\AEEF5D74.tmp</t>
  </si>
  <si>
    <t>VBF945.tmp</t>
  </si>
  <si>
    <t>\\acsfs\ACS\Gabriel da Silva\Contemporânea\Erros Operacionais\VBF945.tmp</t>
  </si>
  <si>
    <t>43b07d54-e024-4980-ac3c-8b6eccd2ff01.tmp</t>
  </si>
  <si>
    <t>\\acsfs\profiles$\lucasgpe\Downloads\43b07d54-e024-4980-ac3c-8b6eccd2ff01.tmp</t>
  </si>
  <si>
    <t>36558ef0-9d44-404b-bad6-5c1376134334.tmp</t>
  </si>
  <si>
    <t>\\acsfs\profiles$\nathaliarmr\Downloads\36558ef0-9d44-404b-bad6-5c1376134334.tmp</t>
  </si>
  <si>
    <t>0]&lt;m;0]dchild_x0017_&gt;�k;1578488299653;1578488600710;1738007010;21;22;[];[]]];false;ken=ac4w5vix_z5c3vm9ln1dolghdosvr2cejg:1578482277703&amp;buildlabel=drive.web-frontend_20191211.00_p1;null;true]";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;ucqtrilxgzh2vmrvsg2jq1cbl4qg2jm47nvobhbfm_yn1fbbaidporrazpamsvj7sqad53jxy8lxn1gsuwlcokff-zk60jt6_mj0zjrpvewalswsaovfsol0bx_rkft-rmwy6dhqz6nive-v4tcaj4fvjzk0ccvxd5874j_rcxytdcakyaqcq4lriewtnjwmfrnjuv2-4muryr1woqdsmriyrxpb6q0jomgaedsibdjbasd4smb8mgt27ilk1iro3qlr_jdbtgq7fczm-sm6lvenhtpsvobdsf5_cqe7k\";vxd5874j_rcxytdcakyaqcq4lriewtnjwmfrnjuv2-4muryr1woqdsmriyrxpb6q0jomgaedsibdjbasd4smb8mgt27ilk1ir-3qlr8thwczlmmh8kcvmngv__blhlf2exr0tzn4s-c\";vxd5874j_rcxytdcakyaqcq4lriewtnjwmfrnjuv2-4muryr1woqdsmriyrxpb6q0jomgaedsibdjbasd4smb8mgt27ilk1</t>
  </si>
  <si>
    <t>0]&lt;m,0]dchild_x0017_&gt;�k,1578488299653,1578488600710,1738007010,21,22,[],[]]],false,ken=ac4w5vix_z5c3vm9ln1dolghdosvr2cejg:1578482277703&amp;buildlabel=drive.web-frontend_20191211.00_p1,null,true]",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,ucqtrilxgzh2vmrvsg2jq1cbl4qg2jm47nvobhbfm_yn1fbbaidporrazpamsvj7sqad53jxy8lxn1gsuwlcokff-zk60jt6_mj0zjrpvewalswsaovfsol0bx_rkft-rmwy6dhqz6nive-v4tcaj4fvjzk0ccvxd5874j_rcxytdcakyaqcq4lriewtnjwmfrnjuv2-4muryr1woqdsmriyrxpb6q0jomgaedsibdjbasd4smb8mgt27ilk1iro3qlr_jdbtgq7fczm-sm6lvenhtpsvobdsf5_cqe7k\",vxd5874j_rcxytdcakyaqcq4lriewtnjwmfrnjuv2-4muryr1woqdsmriyrxpb6q0jomgaedsibdjbasd4smb8mgt27ilk1ir-3qlr8thwczlmmh8kcvmngv__blhlf2exr0tzn4s-c\",vxd5874j_rcxytdcakyaqcq4lriewtnjwmfrnjuv2-4muryr1woqdsmriyrxpb6q0jomgaedsibdjbasd4smb8mgt27ilk1</t>
  </si>
  <si>
    <t>http:///batch?%24ct=multipart%2Fmixed%3B%20boundary%3D%22%3D%3D%3D%3D%3Dc5glisgafl9%3D%3D%3D%3D%3D%22&amp;key=AIzaSyAy9VVXHSpS2IJpptzYtGbLP3-3_l0aBk4</t>
  </si>
  <si>
    <t>http:///batch?%24ct=multipart%2Fmixed%3B%20boundary%3D%22%3D%3D%3D%3D%3Djplanjjro1d4%3D%3D%3D%3D%3D%22&amp;key=AIzaSyAy9VVXHSpS2IJpptzYtGbLP3-3_l0aBk4</t>
  </si>
  <si>
    <t>http:///batch?%24ct=multipart%2Fmixed%3B%20boundary%3D%22%3D%3D%3D%3D%3Dbzj1k3ge7a6z%3D%3D%3D%3D%3D%22&amp;key=AIzaSyAy9VVXHSpS2IJpptzYtGbLP3-3_l0aBk4</t>
  </si>
  <si>
    <t>1578490133926000]]]n;motq3mze4otg5odazev3mg9ngxgf0gas=";</t>
  </si>
  <si>
    <t>1578490133926000]]]n,motq3mze4otg5odazev3mg9ngxgf0gas="</t>
  </si>
  <si>
    <t>http:///batch?%24ct=multipart%2Fmixed%3B%20boundary%3D%22%3D%3D%3D%3D%3Dq79cr5kx8w43%3D%3D%3D%3D%3D%22&amp;key=AIzaSyAy9VVXHSpS2IJpptzYtGbLP3-3_l0aBk4</t>
  </si>
  <si>
    <t>http:///batch?%24ct=multipart%2Fmixed%3B%20boundary%3D%22%3D%3D%3D%3D%3Dzbudk1gzv82f%3D%3D%3D%3D%3D%22&amp;key=AIzaSyAy9VVXHSpS2IJpptzYtGbLP3-3_l0aBk4</t>
  </si>
  <si>
    <t>http:///batch?%24ct=multipart%2Fmixed%3B%20boundary%3D%22%3D%3D%3D%3D%3Dvrtuacz3w7hy%3D%3D%3D%3D%3D%22&amp;key=AIzaSyAy9VVXHSpS2IJpptzYtGbLP3-3_l0aBk4</t>
  </si>
  <si>
    <t>773db64d-e767-4cfc-a6e0-c8536a03576c.tmp</t>
  </si>
  <si>
    <t>\\acsfs\profiles$\lorenabmc\Downloads\773db64d-e767-4cfc-a6e0-c8536a03576c.tmp</t>
  </si>
  <si>
    <t>Acompanhamento Backoffice Cornerstone JAN.20 (2).xlsx</t>
  </si>
  <si>
    <t>\\udpavonfs01\AVON\00 - ACOMPANHAMENTO AVON\04 - BACKOFFICE CORNERSTONE\2020\01.2020\RELATORIO\02.01.2020\Acompanhamento Backoffice Cornerstone JAN.20 (2).xlsx</t>
  </si>
  <si>
    <t>b2500940-b054-4dfb-998e-0f99cd5e4d9d.tmp</t>
  </si>
  <si>
    <t>\\acsfs\profiles$\rafaelahpn\Downloads\b2500940-b054-4dfb-998e-0f99cd5e4d9d.tmp</t>
  </si>
  <si>
    <t>cd6a4c96-779e-40ca-a75c-7ccd60c918d7.tmp</t>
  </si>
  <si>
    <t>\\acsfs\profiles$\sarahbal\Downloads\cd6a4c96-779e-40ca-a75c-7ccd60c918d7.tmp</t>
  </si>
  <si>
    <t>613e9a94-5fe2-456d-8d85-1603152d129d.tmp</t>
  </si>
  <si>
    <t>\\acsfs\profiles$\leticiala\Downloads\613e9a94-5fe2-456d-8d85-1603152d129d.tmp</t>
  </si>
  <si>
    <t>a1632366-e90a-4921-80b4-653e39ad0bb2.tmp</t>
  </si>
  <si>
    <t>\\acsfs\profiles$\gabrielafs\Downloads\a1632366-e90a-4921-80b4-653e39ad0bb2.tmp</t>
  </si>
  <si>
    <t>4e8352ab-447a-4098-9e8c-b7f43c0d8dcc.tmp</t>
  </si>
  <si>
    <t>\\acsfs\profiles$\gabrielafs\Downloads\4e8352ab-447a-4098-9e8c-b7f43c0d8dcc.tmp</t>
  </si>
  <si>
    <t>algartechcpcbv@algartech.com;andrelpsa@algartech.com;gabrielsma@algartech.com;joaogvc@algartech.com;leonardoao@algartech.com;marianadjc@algartech.com;maristelavodq@bv.algartech.com;mirianppb@algartech.com;paulacn@algartech.com;qualidadealgarbv@algartech.com;rafaelggs@algartech.com;supervisaobancovotorantim@algartech.com;talmaiardo@algartech.com;taysdss@algartech.com;thiagolrc@bv.algartech.com;thiagordu@algartech.com;viniciussg@algartech.com;</t>
  </si>
  <si>
    <t>algartechcpcbv@algartech.com,andrelpsa@algartech.com,gabrielsma@algartech.com,joaogvc@algartech.com,leonardoao@algartech.com,marianadjc@algartech.com,maristelavodq@bv.algartech.com,mirianppb@algartech.com,paulacn@algartech.com,qualidadealgarbv@algartech.com,rafaelggs@algartech.com,supervisaobancovotorantim@algartech.com,talmaiardo@algartech.com,taysdss@algartech.com,thiagolrc@bv.algartech.com,thiagordu@algartech.com,viniciussg@algartech.com</t>
  </si>
  <si>
    <t>RELATORIO DE LOGIN - FINANCEIRA - 07-01.xlsm</t>
  </si>
  <si>
    <t>\\acsfs\DEPTOS\Operacao\PCP\5 - Comum\PLANEJAMENTO BV\14 - ACOMPANHAMENTO\1 - REPORT ACOMPANHAMENTO\2020\1 - JANEIRO\FINANCEIRA\Login Logout Financeira\RELATORIO DE LOGIN - FINANCEIRA - 07-01.xlsm</t>
  </si>
  <si>
    <t>http:///batch?%24ct=multipart%2Fmixed%3B%20boundary%3D%22%3D%3D%3D%3D%3Dky8s1fshp0iz%3D%3D%3D%3D%3D%22&amp;key=AIzaSyAy9VVXHSpS2IJpptzYtGbLP3-3_l0aBk4</t>
  </si>
  <si>
    <t>0]606;1249879475;1578490616962;3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sox6hol5kanqwbau83b0q5tkjn-hbfch3-4j8cwcvib1u3yw_dbg2iyqsj0vym_b7dfqnwqgkbws1m2cqbfimye2oacaz-vdoe0myeoq9px5wwx6exb7icqyohpqang4pirsidha80hu-xwnd3jeagwtrute_mttiv2j3j8itcgmyhiqrlntav2d-7hfahvdcamin68arejhe3btwkknhscb8zw7n41izr3qad9vajlgdzuawau\";thumbnailversion;title;true]";userpermission(role);workspaceids;</t>
  </si>
  <si>
    <t>http://0]606,1249879475,1578490616962,3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rejhe3btwkknhscb8zw7n41izr3qad9vajlgdzuawau\",thumbnailversion,title,true]",userpermission(role),workspaceids</t>
  </si>
  <si>
    <t>http:///batch?%24ct=multipart%2Fmixed%3B%20boundary%3D%22%3D%3D%3D%3D%3Dmgrl72f45ncv%3D%3D%3D%3D%3D%22&amp;key=AIzaSyAy9VVXHSpS2IJpptzYtGbLP3-3_l0aBk4</t>
  </si>
  <si>
    <t>http:///batch?%24ct=multipart%2Fmixed%3B%20boundary%3D%22%3D%3D%3D%3D%3D9ywcxr6hfel2%3D%3D%3D%3D%3D%22&amp;key=AIzaSyAy9VVXHSpS2IJpptzYtGbLP3-3_l0aBk4</t>
  </si>
  <si>
    <t>b7b9291a-5006-40f3-840b-9baeb8cebc50.tmp</t>
  </si>
  <si>
    <t>\\acsfs\profiles$\lorenabmc\Downloads\b7b9291a-5006-40f3-840b-9baeb8cebc50.tmp</t>
  </si>
  <si>
    <t>0f488703-9244-4f34-ae7c-9acff1021651.tmp</t>
  </si>
  <si>
    <t>\\acsfs\profiles$\luanarda\Downloads\0f488703-9244-4f34-ae7c-9acff1021651.tmp</t>
  </si>
  <si>
    <t>DED34801.tmp</t>
  </si>
  <si>
    <t>\\acsfs\ACS\Gabriel da Silva\Contemporânea\Erros Operacionais\DED34801.tmp</t>
  </si>
  <si>
    <t>227ed80b-d033-45f9-a813-84957bb89bb6.tmp</t>
  </si>
  <si>
    <t>\\acsfs\profiles$\larissaad\Downloads\227ed80b-d033-45f9-a813-84957bb89bb6.tmp</t>
  </si>
  <si>
    <t>bb5c1ff1-c08c-43b8-933d-35d9e3e9c83c.tmp</t>
  </si>
  <si>
    <t>\\acsfs\profiles$\vivianalds\Downloads\bb5c1ff1-c08c-43b8-933d-35d9e3e9c83c.tmp</t>
  </si>
  <si>
    <t>JULIANE ARAUJO SILVA_1_6776368317586282434_1_32.wav</t>
  </si>
  <si>
    <t>\\acsfs\Deptos\EDUCACAO EMPRESARIAL\KÉSIA\Ligações 1º Ciclo - Janeiro 2020\JULIANE ARAUJO SILVA_1_6776368317586282434_1_32.wav</t>
  </si>
  <si>
    <t>\\acsfs\ACS\Gabriel da Silva\Contemporânea\BDBV\D3B3653A.tmp\</t>
  </si>
  <si>
    <t>\\acsfs\ACS\Gabriel da Silva\Contemporânea\BDBV\D3B3653A.tmp\:Zone.Identifier:$DATA</t>
  </si>
  <si>
    <t>\\acsfs\ACS\Gabriel da Silva\Contemporânea\BDBV\D3B3653A.tmp</t>
  </si>
  <si>
    <t>D3B3653A.tmp</t>
  </si>
  <si>
    <t>D439F179.tmp</t>
  </si>
  <si>
    <t>\\acsfs\ACS\Gabriel da Silva\Contemporânea\D439F179.tmp</t>
  </si>
  <si>
    <t>72FB0824.tmp</t>
  </si>
  <si>
    <t>\\acsfs\ACS\Gabriel da Silva\Contemporânea\Erros Operacionais\72FB0824.tmp</t>
  </si>
  <si>
    <t>~$Dados turma inicial.xlsx</t>
  </si>
  <si>
    <t>\\acsfs\ACS\Gabriel da Silva\Contemporânea\Gen\~$Dados turma inicial.xlsx</t>
  </si>
  <si>
    <t>EAD2473E.tmp</t>
  </si>
  <si>
    <t>\\acsfs\ACS\Gabriel da Silva\Contemporânea\Erros Operacionais\EAD2473E.tmp</t>
  </si>
  <si>
    <t>AD2BA5CD.tmp</t>
  </si>
  <si>
    <t>\\acsfs\ACS\Gabriel da Silva\Contemporânea\Erros Operacionais\AD2BA5CD.tmp</t>
  </si>
  <si>
    <t>~$Erros operacionais - Dezembro.xlsb</t>
  </si>
  <si>
    <t>\\acsfs\ACS\Gabriel da Silva\Contemporânea\Erros Operacionais\~$Erros operacionais - Dezembro.xlsb</t>
  </si>
  <si>
    <t>outlook.office.com/owa/service.svc?action=CreateItem&amp;app=Mail&amp;n=321</t>
  </si>
  <si>
    <t>algartechcpcbv@algartech.com;andrelpsa@algartech.com;camillarl@algartech.com;josiascdsj@algartech.com;maristelavodq@bv.algartech.com;mirianppb@algartech.com;qualidadealgarbv@algartech.com;supervisaobancovotorantim@algartech.com;talmaiardo@algartech.com;thiagolrc@bv.algartech.com;</t>
  </si>
  <si>
    <t>algartechcpcbv@algartech.com,andrelpsa@algartech.com,camillarl@algartech.com,josiascdsj@algartech.com,maristelavodq@bv.algartech.com,mirianppb@algartech.com,qualidadealgarbv@algartech.com,supervisaobancovotorantim@algartech.com,talmaiardo@algartech.com,thiagolrc@bv.algartech.com</t>
  </si>
  <si>
    <t>Erros operacionais - Dezembro.xlsb</t>
  </si>
  <si>
    <t>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0]606;1249879475;1578490917993;4;[];[]]];false;null;sox6hol5kanqwbau83b0q5tkjn-hbfch3-4j8cwcvib1u3yw_dbg2iyqsj0vym_b7dfqnwqgkbws1m2cqbfimye2oacaz-vdoe0myeoq9px5wwx6exb7icqyohpqang4pirsidha80hu-xwnd3jeagwtrute_mttiv2j3j8itcgmyhiqrlntav2d-7hfahvdcamin68aqujhe3aroj0ivibsfpsjmoq6vf6bhwyfap4_qymblpm\";true]";</t>
  </si>
  <si>
    <t>0]606,1249879475,1578490917993,4,[],[]]],false,null,sox6hol5kanqwbau83b0q5tkjn-hbfch3-4j8cwcvib1u3yw_dbg2iyqsj0vym_b7dfqnwqgkbws1m2cqbfimye2oacaz-vdoe0myeoq9px5wwx6exb7icqyohpqang4pirsidha80hu-xwnd3jeagwtrute_mttiv2j3j8itcgmyhiqrlntav2d-7hfahvdcamin68aqujhe3aroj0ivibsfpsjmoq6vf6bhwyfap4_qymblpm\",true]"</t>
  </si>
  <si>
    <t>f8e5b6f9-4fcd-40a1-b054-25d944df6c34.tmp</t>
  </si>
  <si>
    <t>\\acsfs\profiles$\isabellegtds\Downloads\f8e5b6f9-4fcd-40a1-b054-25d944df6c34.tmp</t>
  </si>
  <si>
    <t>dd0cd53f-04a2-4d16-94ec-bef521f70384.tmp</t>
  </si>
  <si>
    <t>\\acsfs\profiles$\nataliacsl\Downloads\dd0cd53f-04a2-4d16-94ec-bef521f70384.tmp</t>
  </si>
  <si>
    <t>ad8a8191-4a20-46f3-8595-fdbfcb5e4ddb.tmp</t>
  </si>
  <si>
    <t>\\acsfs\profiles$\paulovadc\Downloads\ad8a8191-4a20-46f3-8595-fdbfcb5e4ddb.tmp</t>
  </si>
  <si>
    <t>c376b1dc-4e6b-4832-9cd2-b7f55674759b.tmp</t>
  </si>
  <si>
    <t>\\acsfs\profiles$\ROZENCAM\Downloads\c376b1dc-4e6b-4832-9cd2-b7f55674759b.tmp</t>
  </si>
  <si>
    <t>Erro fatal JaneiroDANIEL PEREIRA DE LIMA.PNG</t>
  </si>
  <si>
    <t>\\acsfs\ACS\001 - Qualidade Lilian\PAULO\Erro fatal JaneiroDANIEL PEREIRA DE LIMA.PNG</t>
  </si>
  <si>
    <t>\\acsfs\ACS\001 - Qualidade Lilian\PAULO\Thumbs.db</t>
  </si>
  <si>
    <t>outlook.office.com/owa/service.svc?action=UpdateItem&amp;app=Mail&amp;n=325</t>
  </si>
  <si>
    <t>outlook.office.com/owa/service.svc?action=CreateItem&amp;app=Mail&amp;n=337</t>
  </si>
  <si>
    <t>outlook.office.com/owa/service.svc?action=UpdateItem&amp;app=Mail&amp;n=355</t>
  </si>
  <si>
    <t>0c2e5856ed_u x-goog-authuser: 0 --=====tei651ojjyhj===== content-type: application/http content-transfer-encoding: binary get /drive/v2internal/files/1h_eh7jcwchxzbpsenzlihtrwfi0sl7ro?opendrive=false&amp;reason=1412&amp;synctype=0&amp;errorrecovery=false&amp;fields=kind,1578485811043000]]],actionitems,ancest,ancestorhasaugmentedpermissions,authorizedappid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dywotkwndi5ntixmjk1mty2mqokcij207tggtjnkjdxupg66tkmlha6ddk0nzmxodk4otgwmxfkp/e3lf9/vbgl",emailaddress,explicitlytrashed,file(kind,fileextension,fileid,filesize,flaggedforabuse,flaggedford,foldercolor,folderfeatures,guebej24w=,hasaugmentedpermissions,haschildfolders,hasthumbnail,hasvisitorpermissions,hidden,id,id),it</t>
  </si>
  <si>
    <t>ffacd974-923a-4ef9-a329-03b3b794a313.tmp</t>
  </si>
  <si>
    <t>\\acsfs\profiles$\cintiadcf\Downloads\ffacd974-923a-4ef9-a329-03b3b794a313.tmp</t>
  </si>
  <si>
    <t>NAYARA NERY ARAUJO OLIVEIRA_1_6774127405514698607_1_32.wav</t>
  </si>
  <si>
    <t>\\acsfs\Deptos\EDUCACAO EMPRESARIAL\KÉSIA\Ligações 1º Ciclo - Janeiro 2020\NAYARA NERY ARAUJO OLIVEIRA_1_6774127405514698607_1_32.wav</t>
  </si>
  <si>
    <t>75276413-cd86-4481-b6ee-c4749c6b3947.tmp</t>
  </si>
  <si>
    <t>\\acsfs\profiles$\websondsa\Downloads\75276413-cd86-4481-b6ee-c4749c6b3947.tmp</t>
  </si>
  <si>
    <t>e3f26ab9-0fca-47cb-9705-0e5d9eb8dcab.tmp</t>
  </si>
  <si>
    <t>\\acsfs\profiles$\leticiala\Downloads\e3f26ab9-0fca-47cb-9705-0e5d9eb8dcab.tmp</t>
  </si>
  <si>
    <t>bd3475d2-d9fd-485b-9ec0-5f4a65ca704a.tmp</t>
  </si>
  <si>
    <t>\\acsfs\profiles$\henriquehmdo\Downloads\bd3475d2-d9fd-485b-9ec0-5f4a65ca704a.tmp</t>
  </si>
  <si>
    <t>https://udpmailboxap01.acs.com.br:8443/h/search;jsessionid=gvxbr0yi6isz1r5dysenavplv?si=0&amp;so=0&amp;sc=66118&amp;st=conversation&amp;action=compose</t>
  </si>
  <si>
    <t>XLOG_vanessacgs_08012020_083808.log</t>
  </si>
  <si>
    <t>\\acsfs\profiles$\vanessacgs\My Documents\xworkcenter\logs\XLOG_vanessacgs_08012020_083808.log</t>
  </si>
  <si>
    <t>XLOG_vanessacgs_08012020_081640.log</t>
  </si>
  <si>
    <t>\\acsfs\profiles$\vanessacgs\My Documents\xworkcenter\logs\XLOG_vanessacgs_08012020_081640.log</t>
  </si>
  <si>
    <t>http:///batch?%24ct=multipart%2Fmixed%3B%20boundary%3D%22%3D%3D%3D%3D%3D8046tmw1s30e%3D%3D%3D%3D%3D%22&amp;key=AIzaSyAy9VVXHSpS2IJpptzYtGbLP3-3_l0aBk4</t>
  </si>
  <si>
    <t>http:///batch?%24ct=multipart%2Fmixed%3B%20boundary%3D%22%3D%3D%3D%3D%3Dt1zdveybbcuj%3D%3D%3D%3D%3D%22&amp;key=AIzaSyAy9VVXHSpS2IJpptzYtGbLP3-3_l0aBk4</t>
  </si>
  <si>
    <t>http:///batch?%24ct=multipart%2Fmixed%3B%20boundary%3D%22%3D%3D%3D%3D%3Dyt2i3ty5zw14%3D%3D%3D%3D%3D%22&amp;key=AIzaSyAy9VVXHSpS2IJpptzYtGbLP3-3_l0aBk4</t>
  </si>
  <si>
    <t>\\udpavonfs01\AVON\00 - ACOMPANHAMENTO AVON\04 - BACKOFFICE CORNERSTONE\2020\01.2020\RELATORIO\</t>
  </si>
  <si>
    <t>\\udpavonfs01\AVON\00 - ACOMPANHAMENTO AVON\04 - BACKOFFICE CORNERSTONE\2020\01.2020\RELATORIO\Acompanhamento Backoffice Cornerstone JAN.20.xlsx</t>
  </si>
  <si>
    <t>a04009eb-59fa-4705-92c0-0e6a43319a9f.tmp</t>
  </si>
  <si>
    <t>\\acsfs\profiles$\ALYNYA\Downloads\a04009eb-59fa-4705-92c0-0e6a43319a9f.tmp</t>
  </si>
  <si>
    <t>4ec03a5e-a320-44db-af69-0034fcbdc946.tmp</t>
  </si>
  <si>
    <t>\\acsfs\profiles$\ALYNYA\Downloads\4ec03a5e-a320-44db-af69-0034fcbdc946.tmp</t>
  </si>
  <si>
    <t>e851860f-e9e1-4229-89d7-c9ee0bea062f.tmp</t>
  </si>
  <si>
    <t>\\acsfs\profiles$\ROZENCAM\Downloads\e851860f-e9e1-4229-89d7-c9ee0bea062f.tmp</t>
  </si>
  <si>
    <t>\\acsfs\profiles$\stefaniasdf\Documents\</t>
  </si>
  <si>
    <t>Duvidas e sugerstão.txt</t>
  </si>
  <si>
    <t>\\acsfs\profiles$\stefaniasdf\Documents\Duvidas e sugerstão.txt</t>
  </si>
  <si>
    <t>270f69c4-a369-4ad9-8a63-ccab36b94611.tmp</t>
  </si>
  <si>
    <t>\\acsfs\profiles$\ayalabfi\Downloads\270f69c4-a369-4ad9-8a63-ccab36b94611.tmp</t>
  </si>
  <si>
    <t>0]_x0003_erperm��;1249879475;1578490315940;2;[];[]]];ancestorhasaugmentedpermissions;containsunsubscribedchildren;displayname;domain;emailaddress;false;file(kind;fileid;filesize;hasthumbnail;hasvisitorpermissions;id;id);items(deleted;ken;kind;kon;lastmodifyinguser(kind;lastviewedbymedate;modifiedbymedate;modifieddate;null;ontainsunsubscribedchildren;owners(kind;per;permissionid;picture;shared;sharedwithmedate;sox6hol5kanqwbau83b0q5tkjn-hbfch3-4j8cwcvib1u3yw_dbg2iyqsj0vym_b7dfqnwqgkbws1m2cqbfimye2oacaz-vdoe0myeoq9px5wwx6exb7icqyohpqang4pirsidha80hu-xwnd3jeagwtrute_mttiv2j3j8itcgmyhiqrlntav2d-7hfahvdcamin68arojhe3z8fubhz-w3y6t7qzl-5u417os3zc4efsjngge\";thumbnailversion;title;true]";userpermission(role);workspaceids;</t>
  </si>
  <si>
    <t>0]_x0003_erperm��,1249879475,1578490315940,2,[],[]]],ancestorhasaugmentedpermissions,containsunsubscribedchildren,displayname,domain,emailaddress,false,file(kind,fileid,filesize,hasthumbnail,hasvisitorpermissions,id,id),items(deleted,ken,kind,kon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rojhe3z8fubhz-w3y6t7qzl-5u417os3zc4efsjngge\",thumbnailversion,title,true]",userpermission(role),workspaceids</t>
  </si>
  <si>
    <t>0]606;0]\&lt;mask\��;1;1249879475;1578490017034;1578491520045;6;[];[]]];false;k\\;null;sox6hol5kanqwbau83b0q5tkjn-hbfch3-4j8cwcvib1u3yw_dbg2iyqsj0vym_b7dfqnwqgkbws1m2cqbfimye2oacaz-vdoe0myeoq9px5wwx6exb7icqyohpqang4pirsidha80hu-xwnd3jeagwtrute_mttiv2j3j8itcgmyhiqrlntav2d-7hfahvdcamin68aqojhe3anyjepww2lizp_ycwtgcnqrwqhfkbacodko7e\";sox6hol5kanqwbau83b0q5tkjn-hbfch3-4j8cwcvib1u3yw_dbg2iyqsj0vym_b7dfqnwqgkbws1m2cqbfimye2oacaz-vdoe0myeoq9px5wwx6exb7icqyohpqang4pirsidha80hu-xwnd3jeagwtrute_mttiv2j3j8itcgmyhiqrlntav2d-7hfahvdcamin68ar-jhe3z6p5cxxichtzdryrbcqjppb5p-vt87ihohhxs\";true]";</t>
  </si>
  <si>
    <t>0]606,0]\&lt;mask\��,1,1249879475,1578490017034,1578491520045,6,[],[]]],false,k\\,null,sox6hol5kanqwbau83b0q5tkjn-hbfch3-4j8cwcvib1u3yw_dbg2iyqsj0vym_b7dfqnwqgkbws1m2cqbfimye2oacaz-vdoe0myeoq9px5wwx6exb7icqyohpqang4pirsidha80hu-xwnd3jeagwtrute_mttiv2j3j8itcgmyhiqrlntav2d-7hfahvdcamin68aqojhe3anyjepww2lizp_ycwtgcnqrwqhfkbacodko7e\",sox6hol5kanqwbau83b0q5tkjn-hbfch3-4j8cwcvib1u3yw_dbg2iyqsj0vym_b7dfqnwqgkbws1m2cqbfimye2oacaz-vdoe0myeoq9px5wwx6exb7icqyohpqang4pirsidha80hu-xwnd3jeagwtrute_mttiv2j3j8itcgmyhiqrlntav2d-7hfahvdcamin68ar-jhe3z6p5cxxichtzdryrbcqjppb5p-vt87ihohhxs\",true]"</t>
  </si>
  <si>
    <t>"[[];"languagecode":"pt-br";"requesttype":"live_request";"scenariotype":"dr;"scenariotype":"dri;"timezone":"-03:00";0];0].c;0]\\˔0n\\;0]];0]l;1;10;117;118;12;1212;1212];1358;15;1578485591688;1578486244215104;1578486244507000;1578486251976000;1578486252079000];1578486252365000;1578489503863;1600];1600]];17;1738007010;1];2;200];241;242;246;25;256];262;2];3;306;30];379;3]";44777999;61021];62f782-ef2f-4018-bf8a-e9a53647a531\";740;741;76];8;84;84779782]];85;85];87;91023;91023];[11;[15;[1578486251976000;[15];[2;[240;[248;[30;[3700735];[4;[5;[856;[[-1;[[1;[[1578486244466000];[[1578486244507000];[[[116];[[[736;[];[]];[]]"];[]]];[]]]]]];[null;false;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</t>
  </si>
  <si>
    <t>"[[],"languagecode":"pt-br","requesttype":"live_request","scenariotype":"dr,"scenariotype":"dri,"timezone":"-03:00",0],0].c,0]\\˔0n\\,0]],0]l,1,10,117,118,12,1212,1212],1358,15,1578485591688,1578486244215104,1578486244507000,1578486251976000,1578486252079000],1578486252365000,1578489503863,1600],1600]],17,1738007010,1],2,200],241,242,246,25,256],262,2],3,306,30],379,3]",44777999,61021],62f782-ef2f-4018-bf8a-e9a53647a531\",740,741,76],8,84,84779782]],85,85],87,91023,91023],[11,[15,[1578486251976000,[15],[2,[240,[248,[30,[3700735],[4,[5,[856,[[-1,[[1,[[1578486244466000],[[1578486244507000],[[[116],[[[736,[],[]],[]]"],[]]],[]]]]]],[null,false,ken=ac4w5vix_z5c3vm9ln1dolghdosvr2cejg:1578482277703&amp;buildlabel=drive.web-frontend_20191211.00_p1_x0010_y_x000F_ken=ac4w5vix_z5c3vm9ln1dolghdosvr2cejg:1578482277703&amp;buildlabel=drive.web-frontend_20����n_x0010_y_x000F_ken=ac4w5vix_z5c3vm9ln1dolghdosvr2cejg:1578482277703&amp;buildlabel=drive.web-frontend_20����n_x0010_y_x000F_ken=ac4w5vix_z5c3vm9ln1dolghdosvr2cejg:1578482277703&amp;buildlabel=drive.web-frontend_20����n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;"[[];"[[null;"mozilla/5.0 (windows nt 6.1) applewebkit/537.36 (khtml;0;0];0]_`��_x000E_���_�_x001A_� �5s��0g��_x0010_�{�'�py�58�烯`��-�el{�_�_x0011_�on��7��l��`��-�em۲_�_x0014_vǢ�\�6��&lt;�_x001F_`��-�ehu�ݒ�_x0017_q�_x001D_����c�_x0007_��!kn;1;10;1011\;10233.650000001944;103.717;103.717];10340;11;11356.019999999262;1193;1193];12;12.38;12.883;12.883];12366.479999996955;12378.259999997681;12387.699999999313;12388.615000003483;12389.47499999631;12391.649999997753;12653;13;13029.58999999828;1303.6599999977625;13314.989999998943;135;13700014;13700109;13700167;13700185;13700235;13700451;13700563;13700607;137008;13700883;13700946;13700951;13700982;13701078;13701139;13701207;13701235;13701239;13701262;13701276;13701298;13701418;13701422;13701430;13701450;13701458;13701486;13701506;13701510;13701534;13701537]];13701537]]];13701573;13701577;13701589;13701609;13701614;13701625;13701653;13701657;13701693</t>
  </si>
  <si>
    <t>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"mozilla/5.0 (windows nt 6.1) applewebkit/537.36 (khtml,0,0]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0233.650000001944,103.717,103.717],10340,11,11356.019999999262,1193,1193],12,12.38,12.883,12.883],12366.479999996955,12378.259999997681,12387.699999999313,12388.615000003483,12389.47499999631,12391.649999997753,12653,13,13029.58999999828,1303.6599999977625,13314.989999998943,135,13700014,13700109,13700167,13700185,13700235,13700451,13700563,13700607,137008,13700883,13700946,13700951,13700982,13701078,13701139,13701207,13701235,13701239,13701262,13701276,13701298,13701418,13701422,13701430,13701450,13701458,13701486,13701506,13701510,13701534,13701537]],13701537]]],13701573,13701577,13701589,13701609,13701614,13701625,13701653,13701657,13701693</t>
  </si>
  <si>
    <t>0]&lt;m;14;1578486193674;1738007010;[];[]]];false;null;true]";ucqtrilxgzh2vmrvsg2jq1cbl4qg2jm47nvobhbfm_yn1fbbaidporrazpamsvj7sqad53jxy8lxn1gsuwlcokff-zk60jt6_mj0zjrpvewalswsaovfsol0bx_rkft-rmwy6dhqz6nive-v4tcaj4fvjzk0ccvxd5874j_rcxytdcakyaqcq4lriewtnjwmfrnjuv2-4muryr1woqdsmriyrxpb6q0jomgaedsibdjbasd4smb8mgt27ilk1ix-3qlr9sl-zxuxzewe7syf9mvehnwhvmp6t-r1zunnk\";vxd5874j_rcxytdcakyaqcq4lriewtnjwmfrnjuv2-4muryr1woqdsmriyrxpb6q0jomgaedsibdjbasd4smb8mgt27ilk1ix-3qlr9sl-zxuxzewe7syf9mvehnwhvmp6t-r1zunnk\";</t>
  </si>
  <si>
    <t>0]&lt;m,14,1578486193674,1738007010,[],[]]],false,null,true]",ucqtrilxgzh2vmrvsg2jq1cbl4qg2jm47nvobhbfm_yn1fbbaidporrazpamsvj7sqad53jxy8lxn1gsuwlcokff-zk60jt6_mj0zjrpvewalswsaovfsol0bx_rkft-rmwy6dhqz6nive-v4tcaj4fvjzk0ccvxd5874j_rcxytdcakyaqcq4lriewtnjwmfrnjuv2-4muryr1woqdsmriyrxpb6q0jomgaedsibdjbasd4smb8mgt27ilk1ix-3qlr9sl-zxuxzewe7syf9mvehnwhvmp6t-r1zunnk\",vxd5874j_rcxytdcakyaqcq4lriewtnjwmfrnjuv2-4muryr1woqdsmriyrxpb6q0jomgaedsibdjbasd4smb8mgt27ilk1ix-3qlr9sl-zxuxzewe7syf9mvehnwhvmp6t-r1zunnk\"</t>
  </si>
  <si>
    <t>0]:;1578486794662;1578488361639000]]]lk1iqe4��j8b;16;1738007010;[];[]]];da4odc1ndc1ntkyndq1mda4nwolco7ewqi6nd7bpaewm5snr5ch8lzrogw5ndczmtg5odk4mdmrxpdltafkiowycw==";false;ilyukfioulkkud/sm4x cd1dtfagqz5qajzmkfioumqy;null;true]";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;vxd5874j_rcxytdcakyaqcq4lriewtnjwmfrnjuv2-4muryr1woqdsmriyrxpb6q0jomgaedsibdjbasd4smb8mgt27ilk1iqe3qlr8b1sd409kfraom87dyjq4br50g3xqdg0h7ucy\";</t>
  </si>
  <si>
    <t>0]:,1578486794662,1578488361639000]]]lk1iqe4��j8b,16,1738007010,[],[]]],da4odc1ndc1ntkyndq1mda4nwolco7ewqi6nd7bpaewm5snr5ch8lzrogw5ndczmtg5odk4mdmrxpdltafkiowycw==",false,ilyukfioulkkud/sm4x cd1dtfagqz5qajzmkfioumqy,null,true]",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,vxd5874j_rcxytdcakyaqcq4lriewtnjwmfrnjuv2-4muryr1woqdsmriyrxpb6q0jomgaedsibdjbasd4smb8mgt27ilk1iqe3qlr8b1sd409kfraom87dyjq4br50g3xqdg0h7ucy\"</t>
  </si>
  <si>
    <t>52a105b8-908c-47d1-b2e2-6dc34171aec7.tmp</t>
  </si>
  <si>
    <t>\\acsfs\profiles$\luanarda\Downloads\52a105b8-908c-47d1-b2e2-6dc34171aec7.tmp</t>
  </si>
  <si>
    <t>176cd194-6eae-4435-ad37-d27f48f8d88f.tmp</t>
  </si>
  <si>
    <t>\\acsfs\profiles$\anafsb\Downloads\176cd194-6eae-4435-ad37-d27f48f8d88f.tmp</t>
  </si>
  <si>
    <t>0a9c0390-665f-49ea-8fc1-230f714e983e.tmp</t>
  </si>
  <si>
    <t>\\acsfs\profiles$\lorrainerdl\Downloads\0a9c0390-665f-49ea-8fc1-230f714e983e.tmp</t>
  </si>
  <si>
    <t>a6cbd3b9-9831-4a17-9371-631008c1f78f.tmp</t>
  </si>
  <si>
    <t>\\acsfs\profiles$\lucasgpe\Downloads\a6cbd3b9-9831-4a17-9371-631008c1f78f.tmp</t>
  </si>
  <si>
    <t>http:///batch?%24ct=multipart%2Fmixed%3B%20boundary%3D%22%3D%3D%3D%3D%3D9invjmw4qrnv%3D%3D%3D%3D%3D%22&amp;key=AIzaSyAy9VVXHSpS2IJpptzYtGbLP3-3_l0aBk4</t>
  </si>
  <si>
    <t>http:///batch?%24ct=multipart%2Fmixed%3B%20boundary%3D%22%3D%3D%3D%3D%3Dphcc81o0mfxr%3D%3D%3D%3D%3D%22&amp;key=AIzaSyAy9VVXHSpS2IJpptzYtGbLP3-3_l0aBk4</t>
  </si>
  <si>
    <t>81o0mfxr===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81o0mfxr===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7aafa31r01g%3D%3D%3D%3D%3D%22&amp;key=AIzaSyAy9VVXHSpS2IJpptzYtGbLP3-3_l0aBk4</t>
  </si>
  <si>
    <t>a053c8c1-7115-427b-b08b-81d43e6dcc1f.tmp</t>
  </si>
  <si>
    <t>\\acsfs\profiles$\vivianalds\Downloads\a053c8c1-7115-427b-b08b-81d43e6dcc1f.tmp</t>
  </si>
  <si>
    <t>21 de janeiro 2020.jpg</t>
  </si>
  <si>
    <t>8b5ab8be-a67b-4376-ba0d-ffbd9d0228d3.tmp</t>
  </si>
  <si>
    <t>\\acsfs\profiles$\gabrielsma\Downloads\8b5ab8be-a67b-4376-ba0d-ffbd9d0228d3.tmp</t>
  </si>
  <si>
    <t>\\acsfs\ACS\Gabriel da Silva\Contemporânea\BDBV\Q29udHJvbGxlci5BQ09NLVNvdUJWXzE-.ica.crdownload</t>
  </si>
  <si>
    <t>3f40d6f2-c191-4f6e-bf9d-e890fe875d6c.tmp</t>
  </si>
  <si>
    <t>\\acsfs\profiles$\henriquehmdo\Downloads\3f40d6f2-c191-4f6e-bf9d-e890fe875d6c.tmp</t>
  </si>
  <si>
    <t>e035970f-9962-4584-b2d9-4d83b338c8da.tmp</t>
  </si>
  <si>
    <t>\\acsfs\profiles$\gabrielafs\Downloads\e035970f-9962-4584-b2d9-4d83b338c8da.tmp</t>
  </si>
  <si>
    <t>dcc2fa30-878d-46bd-84d7-56b79c84e12e.tmp</t>
  </si>
  <si>
    <t>\\acsfs\profiles$\ayalabfi\Downloads\dcc2fa30-878d-46bd-84d7-56b79c84e12e.tmp</t>
  </si>
  <si>
    <t>THAYNARA CAMILA SANTOS LOPES_1_6776371272523782990_1_32.wav</t>
  </si>
  <si>
    <t>\\acsfs\Deptos\EDUCACAO EMPRESARIAL\KÉSIA\Ligações 1º Ciclo - Janeiro 2020\THAYNARA CAMILA SANTOS LOPES_1_6776371272523782990_1_32.wav</t>
  </si>
  <si>
    <t>2ee7cf82-f49f-4612-ad15-40e4b36ced86.tmp</t>
  </si>
  <si>
    <t>\\acsfs\profiles$\LUCASNS\Downloads\2ee7cf82-f49f-4612-ad15-40e4b36ced86.tmp</t>
  </si>
  <si>
    <t>d5d7a3b1-5417-4411-94c5-43177b217aee.tmp</t>
  </si>
  <si>
    <t>\\acsfs\profiles$\nathaliarmr\Downloads\d5d7a3b1-5417-4411-94c5-43177b217aee.tmp</t>
  </si>
  <si>
    <t>ac73cdd2-e7e7-4800-96ee-7c6c8f886941.tmp</t>
  </si>
  <si>
    <t>\\acsfs\profiles$\wedersonbadr\My Documents\My Music\ac73cdd2-e7e7-4800-96ee-7c6c8f886941.tmp</t>
  </si>
  <si>
    <t>29e62cdc-42a5-4dd8-ab58-1d2483cca4ff.tmp</t>
  </si>
  <si>
    <t>\\acsfs\profiles$\ROZENCAM\Downloads\29e62cdc-42a5-4dd8-ab58-1d2483cca4ff.tmp</t>
  </si>
  <si>
    <t>aaeb7dd0-654e-4602-a077-8db0a9f66fdd.tmp</t>
  </si>
  <si>
    <t>\\acsfs\profiles$\victoriaksr\Downloads\aaeb7dd0-654e-4602-a077-8db0a9f66fdd.tmp</t>
  </si>
  <si>
    <t>lu150961grspn.tmp</t>
  </si>
  <si>
    <t>\\acsfs\profiles$\BRUNAAR\Numero\lu150961grspn.tmp</t>
  </si>
  <si>
    <t>lu150961grspr.tmp</t>
  </si>
  <si>
    <t>\\acsfs\profiles$\BRUNAAR\Numero\lu150961grspr.tmp</t>
  </si>
  <si>
    <t>c:\users\adilsonloj\downloads\</t>
  </si>
  <si>
    <t>kit_pre_deslig_disp_sem_justa_causa_ind_94594_barbara vasconcelos de paula neves.pdf</t>
  </si>
  <si>
    <t>27093652-ea5c-4e26-9d23-2afd907c6473.tmp</t>
  </si>
  <si>
    <t>\\acsfs\profiles$\nathaliarmr\Downloads\27093652-ea5c-4e26-9d23-2afd907c6473.tmp</t>
  </si>
  <si>
    <t>f1b54369-2e95-4d35-b30f-1f24cbcce5fa.tmp</t>
  </si>
  <si>
    <t>\\acsfs\profiles$\luanaagl\Downloads\f1b54369-2e95-4d35-b30f-1f24cbcce5fa.tmp</t>
  </si>
  <si>
    <t>ac6d4ac1-d498-48a3-a985-fea05db6f6f2.tmp</t>
  </si>
  <si>
    <t>\\acsfs\profiles$\luanaagl\Downloads\ac6d4ac1-d498-48a3-a985-fea05db6f6f2.tmp</t>
  </si>
  <si>
    <t>THAIS MACHADO BEZERRA_1_6774693989010448600_1_32.wav</t>
  </si>
  <si>
    <t>\\acsfs\Deptos\EDUCACAO EMPRESARIAL\KÉSIA\Ligações 1º Ciclo - Janeiro 2020\THAIS MACHADO BEZERRA_1_6774693989010448600_1_32.wav</t>
  </si>
  <si>
    <t>b6f30385-d47f-4259-8ebb-657e4a59d7e0.tmp</t>
  </si>
  <si>
    <t>\\acsfs\profiles$\claudiajca\Downloads\b6f30385-d47f-4259-8ebb-657e4a59d7e0.tmp</t>
  </si>
  <si>
    <t>f6643743-feb5-4b62-aad2-4aeb5e8e5689.tmp</t>
  </si>
  <si>
    <t>\\acsfs\profiles$\anafsb\Downloads\f6643743-feb5-4b62-aad2-4aeb5e8e5689.tmp</t>
  </si>
  <si>
    <t>8627ccc8-2e53-40e2-a133-31a8294975c8.tmp</t>
  </si>
  <si>
    <t>\\acsfs\profiles$\KARENDSR\Downloads\8627ccc8-2e53-40e2-a133-31a8294975c8.tmp</t>
  </si>
  <si>
    <t>655cc66e-9e7c-4deb-a720-b8e3320914a8.tmp</t>
  </si>
  <si>
    <t>\\acsfs\profiles$\lucasqdss\Downloads\655cc66e-9e7c-4deb-a720-b8e3320914a8.tmp</t>
  </si>
  <si>
    <t>mail.google.com/_/upload?authuser=0&amp;dcp=asu-n&amp;upload_id=AEnB2Uo8Vu5QpS0Exuaq16Do4rCUh8o9kzV0b1et8sT5tp1xB_r9EnM4GllMq5ThAtl-J_Z41J5wO2-_NfM5EeKYnyrFXx3UrtxnK1UpJ0rt9tj2znSVpkA&amp;upload_protocol=resumable</t>
  </si>
  <si>
    <t>21 de janeiro 2020 (1).jpg</t>
  </si>
  <si>
    <t>386f9a45-47de-4e9e-ad37-8b07c433b38a.tmp</t>
  </si>
  <si>
    <t>\\acsfs\profiles$\milenaas\Downloads\386f9a45-47de-4e9e-ad37-8b07c433b38a.tmp</t>
  </si>
  <si>
    <t>82932b1a-ba28-4b1c-a6d4-9ed9b39c4167.tmp</t>
  </si>
  <si>
    <t>\\acsfs\profiles$\vivianalds\Downloads\82932b1a-ba28-4b1c-a6d4-9ed9b39c4167.tmp</t>
  </si>
  <si>
    <t>0]ok,15,1578486493690,1738007010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xu3qlr9iea7tizefmrvhfs1rsthvhhdn5f8nfdqwcwy\",userpermission(role),vxd5874j_rcxytdcakyaqcq4lriewtnjwmfrnjuv2-4muryr1woqdsmriyrxpb6q0jomgaedsibdjbasd4smb8mgt27ilk1ixu3qlr9iea7tizefmrvhfs1rsthvhhdn5f8nfdqwcwy\",workspaceids</t>
  </si>
  <si>
    <t>0]":0}4��|�;0]:;1249879475;1578486794662;1578488361639000]]]lk1iqe4��j8b;1578492423126;16;1738007010;9;[];[]]];da4odc1ndc1ntkyndq1mda4nwolco7ewqi6nd7bpaewm5snr5ch8lzrogw5ndczmtg5odk4mdmrxpdltafkiowycw==";false;ilyukfioulkkud/sm4x cd1dtfagqz5qajzmkfioumqy;kl�;null;sox6hol5kanqwbau83b0q5tkjn-hbfch3-4j8cwcvib1u3yw_dbg2iyqsj0vym_b7dfqnwqgkbws1m2cqbfimye2oacaz-vdoe0myeoq9px5wwx6exb7icqyohpqang4pirsidha80hu-xwnd3jeagwtrute_mttiv2j3j8itcgmyhiqrlntav2d-7hfahvdcamin68ap-jhe3yafm0mslqeeqci4nx4iejzajqnszh2d1puqlk\";true]";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;vxd5874j_rcxytdcakyaqcq4lriewtnjwmfrnjuv2-4muryr1woqdsmriyrxpb6q0jomgaedsibdjbasd4smb8mgt27ilk1iqe3qlr8b1sd409kfraom87dyjq4br50g3xqdg0h7ucy\";</t>
  </si>
  <si>
    <t>0]":0}4��|�,0]:,1249879475,1578486794662,1578488361639000]]]lk1iqe4��j8b,1578492423126,16,1738007010,9,[],[]]],da4odc1ndc1ntkyndq1mda4nwolco7ewqi6nd7bpaewm5snr5ch8lzrogw5ndczmtg5odk4mdmrxpdltafkiowycw==",false,ilyukfioulkkud/sm4x cd1dtfagqz5qajzmkfioumqy,kl�,null,sox6hol5kanqwbau83b0q5tkjn-hbfch3-4j8cwcvib1u3yw_dbg2iyqsj0vym_b7dfqnwqgkbws1m2cqbfimye2oacaz-vdoe0myeoq9px5wwx6exb7icqyohpqang4pirsidha80hu-xwnd3jeagwtrute_mttiv2j3j8itcgmyhiqrlntav2d-7hfahvdcamin68ap-jhe3yafm0mslqeeqci4nx4iejzajqnszh2d1puqlk\",true]",ucqtrilxgzh2vmrvsg2jq1cbl4qg2jm47nvobhbfm_yn1fbbaidporrazpamsvj7sqad53jxy8lxn1gsuwlcokff-zk60jt6_mj0zjrpvewalswsaovfsol0bx_rkft-rmwy6dhqz6nive-v4tcaj4fvjzk0ccvxd5874j_rcxytdcakyaqcq4lriewtnjwmfrnjuv2-4muryr1woqdsmriyrxpb6q0jomgaedsibdjbasd4smb8mgt27ilk1iqe3qlr8b1sd409kfraom87dyjq4br50g3xqdg0h7ucy\",vxd5874j_rcxytdcakyaqcq4lriewtnjwmfrnjuv2-4muryr1woqdsmriyrxpb6q0jomgaedsibdjbasd4smb8mgt27ilk1iqe3qlr8b1sd409kfraom87dyjq4br50g3xqdg0h7ucy\"</t>
  </si>
  <si>
    <t>mail.google.com/sync/u/0/i/s?hl=pt-BR&amp;c=684</t>
  </si>
  <si>
    <t>a6c2f548-70c7-46e7-be2c-08dd5107ab99.tmp</t>
  </si>
  <si>
    <t>\\acsfs\profiles$\luanaagl\Downloads\a6c2f548-70c7-46e7-be2c-08dd5107ab99.tmp</t>
  </si>
  <si>
    <t>88788ad5-20ae-4d4f-8db8-1f3a57801367.tmp</t>
  </si>
  <si>
    <t>\\acsfs\profiles$\ALYNYA\Downloads\88788ad5-20ae-4d4f-8db8-1f3a57801367.tmp</t>
  </si>
  <si>
    <t>4da9dbb1-67d2-49ee-abb8-9e43b581c4c3.tmp</t>
  </si>
  <si>
    <t>\\acsfs\profiles$\anafsb\Downloads\4da9dbb1-67d2-49ee-abb8-9e43b581c4c3.tmp</t>
  </si>
  <si>
    <t>189a91f2-a593-48a6-bc4a-88bc110d2b57.tmp</t>
  </si>
  <si>
    <t>\\acsfs\profiles$\anafsb\Downloads\189a91f2-a593-48a6-bc4a-88bc110d2b57.tmp</t>
  </si>
  <si>
    <t>b19a840d-3b8e-4dc0-a737-f49d494297f0.tmp</t>
  </si>
  <si>
    <t>\\acsfs\profiles$\anafsb\Downloads\b19a840d-3b8e-4dc0-a737-f49d494297f0.tmp</t>
  </si>
  <si>
    <t>fa68af3c-a825-4be0-b25e-0239848e16c7.tmp</t>
  </si>
  <si>
    <t>\\acsfs\profiles$\anafsb\Downloads\fa68af3c-a825-4be0-b25e-0239848e16c7.tmp</t>
  </si>
  <si>
    <t>90106342-ec9d-40a9-8991-b78181383c44.tmp</t>
  </si>
  <si>
    <t>\\acsfs\profiles$\KARENDSR\Downloads\90106342-ec9d-40a9-8991-b78181383c44.tmp</t>
  </si>
  <si>
    <t>.~lock.Palno de Aula 6 horas2.xls#</t>
  </si>
  <si>
    <t>\\acsfs\DEPTOS\EDUCACAO EMPRESARIAL\2 - Operações\0.01 BV CARTÕES\Larisa\Formação BV\.~lock.Palno de Aula 6 horas2.xls#</t>
  </si>
  <si>
    <t>http://play.google.com/log?format=json&amp;hasfast=true</t>
  </si>
  <si>
    <t>http:///batch?%24ct=multipart%2Fmixed%3B%20boundary%3D%22%3D%3D%3D%3D%3D9c8485v23sda%3D%3D%3D%3D%3D%22&amp;key=AIzaSyAy9VVXHSpS2IJpptzYtGbLP3-3_l0aBk4</t>
  </si>
  <si>
    <t>http:///batch?%24ct=multipart%2Fmixed%3B%20boundary%3D%22%3D%3D%3D%3D%3Dre0bzh1vilbf%3D%3D%3D%3D%3D%22&amp;key=AIzaSyAy9VVXHSpS2IJpptzYtGbLP3-3_l0aBk4</t>
  </si>
  <si>
    <t>e9f3d500-1735-4ac9-abdf-221a7532c71d.tmp</t>
  </si>
  <si>
    <t>\\acsfs\profiles$\henriquehmdo\Downloads\e9f3d500-1735-4ac9-abdf-221a7532c71d.tmp</t>
  </si>
  <si>
    <t>100031549241687;</t>
  </si>
  <si>
    <t>https://100031549241687</t>
  </si>
  <si>
    <t>http:///batch?%24ct=multipart%2Fmixed%3B%20boundary%3D%22%3D%3D%3D%3D%3Drtaduv6rqmfi%3D%3D%3D%3D%3D%22&amp;key=AIzaSyAy9VVXHSpS2IJpptzYtGbLP3-3_l0aBk4</t>
  </si>
  <si>
    <t>0]4�_x0017_�ij�&amp;_x0005_k�h;1249879475;14;1578493928201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sox6hol5kanqwbau83b0q5tkjn-hbfch3-4j8cwcvib1u3yw_dbg2iyqsj0vym_b7dfqnwqgkbws1m2cqbfimye2oacaz-vdoe0myeoq9px5wwx6exb7icqyohpqang4pirsidha80hu-xwnd3jeagwtrute_mttiv2j3j8itcgmyhiqrlntav2d-7hfahvdcamin68aoojhe3avjucyjpjp108fy38ua2icb3uu6j6njxtaxqc\";thumbnailversion;title;true]";userpermission(role);workspaceids;</t>
  </si>
  <si>
    <t>http://0]4�_x0017_�ij�&amp;_x0005_k�h,1249879475,14,1578493928201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oojhe3avjucyjpjp108fy38ua2icb3uu6j6njxtaxqc\",thumbnailversion,title,true]",userpermission(role),workspaceids</t>
  </si>
  <si>
    <t>http:///batch?%24ct=multipart%2Fmixed%3B%20boundary%3D%22%3D%3D%3D%3D%3Dss9eirwlklxe%3D%3D%3D%3D%3D%22&amp;key=AIzaSyAy9VVXHSpS2IJpptzYtGbLP3-3_l0aBk4</t>
  </si>
  <si>
    <t>http:///batch?%24ct=multipart%2Fmixed%3B%20boundary%3D%22%3D%3D%3D%3D%3Dv3paghwkcdza%3D%3D%3D%3D%3D%22&amp;key=AIzaSyAy9VVXHSpS2IJpptzYtGbLP3-3_l0aBk4</t>
  </si>
  <si>
    <t>"mozilla/5.0 (windows nt 6.1) applewebkit/537.36 (khtml;0]_x000F_;0]]]];1;106001;109];13;137;13700167;13700185;13700235;13700451;13700607;13700883;13700946;1370095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14;156;1578482280746000;1578482280746_wmnyhopw71gf\;1578486252415000];1578486253659;1578487697659;159]];15]]];1738007010;19;2;25;2];3;5701393;6;9;[1;[1578486252370000;[6];[78;[[10;[[12;[[13701214;[[null;[\"drive.web-frontend_20191211.00_p1\"]]]";[];[]]];[null;ancestorhasaugmentedpermissions;containsunsubscribedchildren;displayname;domain;emailaddress;false;false];false]];file(kind;fileid;filesize;gampqtp7yn6iriu24ksnqvk-esmg4wwpxf";hasthumbnail;hasvisitorpermissions;id;id);items(deleted;ken;ken=ac4w5vix_z5c3vm9ln1dolghdosvr2cejg:1578482277703&amp;buildlabel=drive.web-fronten</t>
  </si>
  <si>
    <t>http://"mozilla/5.0 (windows nt 6.1) applewebkit/537.36 (khtml,0]_x000F_,0]]]],1,106001,109],13,137,13700167,13700185,13700235,13700451,13700607,13700883,13700946,1370095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14,156,1578482280746000,1578482280746_wmnyhopw71gf\,1578486252415000],1578486253659,1578487697659,159]],15]]],1738007010,19,2,25,2],3,5701393,6,9,[1,[1578486252370000,[6],[78,[[10,[[12,[[13701214,[[null,[\"drive.web-frontend_20191211.00_p1\"]]]",[],[]]],[null,ancestorhasaugmentedpermissions,containsunsubscribedchildren,displayname,domain,emailaddress,false,false],false]],file(kind,fileid,filesize,gampqtp7yn6iriu24ksnqvk-esmg4wwpxf",hasthumbnail,hasvisitorpermissions,id,id),items(deleted,ken,ken=ac4w5vix_z5c3vm9ln1dolghdosvr2cejg:1578482277703&amp;buildlabel=drive.web-</t>
  </si>
  <si>
    <t>"languagecode":"pt-br";"requesttype":"background_request";"scenariotype;"timezone":"-03:00";1578482882712000]]];ancestorhasaugmentedpermissions;containsunsubscribedchildren;cqov8pllmzi2akekfiouyzcli 7jwjedt;dczmta5mzm2otcxndawmze4naolcj ctkdp unz gewpytj/9eklatqogw5ndczmtg5odk4mdmr8rg/ a4e6y8ycw==";displayname;domain;emailaddress;file(kind;fileid;filesize;hasthumbnail;hasvisitorpermissions;id;id);items(deleted;kalgbcgki4cf1 /lz5gikfioulte4odmxodm0mzu5mze4odm5ntqkcgjxifksicfypwcwpytj/9eklatqogw5ndczmtg5odk4mdmrkie6j4qedae;kalgbcgkinnzn /lz5gikfsotodczmta5mzm2otcxndawmze4naolcj ctkdp unz gewpytj/9eklatqogw5ndczmtg5odk4mdmr8rg/ a4e6y8;ken;kind;lastmodifyinguser(kind;lastviewedbymedate;modifiedbymedate;modifieddate;ontainsunsubscribedchildren;owners(kind;p";per;permissionid;picture;shared;sharedwithmedate;thumbnailversion;title;userpermission(role);workspaceids;</t>
  </si>
  <si>
    <t>"languagecode":"pt-br","requesttype":"background_request","scenariotype,"timezone":"-03:00",1578482882712000]]],ancestorhasaugmentedpermissions,containsunsubscribedchildren,cqov8pllmzi2akekfiouyzcli 7jwjedt,dczmta5mzm2otcxndawmze4naolcj ctkdp unz gewpytj/9eklatqogw5ndczmtg5odk4mdmr8rg/ a4e6y8ycw==",displayname,domain,emailaddress,file(kind,fileid,filesize,hasthumbnail,hasvisitorpermissions,id,id),items(deleted,kalgbcgki4cf1 /lz5gikfioulte4odmxodm0mzu5mze4odm5ntqkcgjxifksicfypwcwpytj/9eklatqogw5ndczmtg5odk4mdmrkie6j4qedae,kalgbcgkinnzn /lz5gikfsotodczmta5mzm2otcxndawmze4naolcj ctkdp unz gewpytj/9eklatqogw5ndczmtg5odk4mdmr8rg/ a4e6y8,ken,kind,lastmodifyinguser(kind,lastviewedbymedate,modifiedbymedate,modifieddate,ontainsunsubscribedchildren,owners(kind,p",per,permissionid,picture,shared,sharedwithmedate,thumbnailversion,title,userpermission(role),workspaceids</t>
  </si>
  <si>
    <t>http:///batch?%24ct=multipart%2Fmixed%3B%20boundary%3D%22%3D%3D%3D%3D%3D5a7m39xrecx5%3D%3D%3D%3D%3D%22&amp;key=AIzaSyAy9VVXHSpS2IJpptzYtGbLP3-3_l0aBk4</t>
  </si>
  <si>
    <t>0]\\;13;1578485892673;1578488901799;1738007010;23;[];[]]];ancestorhasaugmentedpermissions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ru3qlr8teqa2w81rzujveecytfu7nla2fwezhd44ofy\";ucqtrilxgzh2vmrvsg2jq1cbl4qg2jm47nvobhbfm_yn1fbbaidporrazpamsvj7sqad53jxy8lxn1gsuwlcokff-zk60jt6_mj0zjrpvewalswsaovfsol0bx_rkft-rmwy6dhqz6nive-v4tcaj4fvjzk0ccvxd5874j_rcxytdcakyaqcq4lriewtnjwmfrnjuv2-4muryr1woqdsmriyrxpb6q0jomgaedsibdjbasd4smb8mgt27ilk1ixo3qlr-0jc_tnh-rgx91qontmn</t>
  </si>
  <si>
    <t>http://0]\\,13,1578485892673,1578488901799,1738007010,23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ru3qlr8teqa2w81rzujveecytfu7nla2fwezhd44ofy\",ucqtrilxgzh2vmrvsg2jq1cbl4qg2jm47nvobhbfm_yn1fbbaidporrazpamsvj7sqad53jxy8lxn1gsuwlcokff-zk60jt6_mj0zjrpvewalswsaovfsol0bx_rkft-rmwy6dhqz6nive-v4tcaj4fvjzk0ccvxd5874j_rcxytdcakyaqcq4lriewtnjwmfrnjuv2-4muryr1woqdsmriyrxpb6q0jomgaedsibdjbasd4smb8mgt27ilk1ixo3qlr-0jc_tnh-rgx9</t>
  </si>
  <si>
    <t>http:///batch?%24ct=multipart%2Fmixed%3B%20boundary%3D%22%3D%3D%3D%3D%3D4f6lhabtr7e8%3D%3D%3D%3D%3D%22&amp;key=AIzaSyAy9VVXHSpS2IJpptzYtGbLP3-3_l0aBk4</t>
  </si>
  <si>
    <t>http:///batch?%24ct=multipart%2Fmixed%3B%20boundary%3D%22%3D%3D%3D%3D%3Dx4ugy81sqbku%3D%3D%3D%3D%3D%22&amp;key=AIzaSyAy9VVXHSpS2IJpptzYtGbLP3-3_l0aBk4</t>
  </si>
  <si>
    <t>JESSICA DE ALMEIDA GOMES_1_6774031000678768807_1_32.wav</t>
  </si>
  <si>
    <t>\\acsfs\Deptos\EDUCACAO EMPRESARIAL\KÉSIA\Ligações 1º Ciclo - Janeiro 2020\JESSICA DE ALMEIDA GOMES_1_6774031000678768807_1_32.wav</t>
  </si>
  <si>
    <t>e426a2a2-6a57-47a5-95aa-34cae2627512.tmp</t>
  </si>
  <si>
    <t>\\acsfs\profiles$\lorrainerdl\Downloads\e426a2a2-6a57-47a5-95aa-34cae2627512.tmp</t>
  </si>
  <si>
    <t>B9BDD856.tmp</t>
  </si>
  <si>
    <t>\\acsfs\ACS\Gabriel da Silva\Contemporânea\Acessos\B9BDD856.tmp</t>
  </si>
  <si>
    <t>0]4�_x0017_�ij�&amp;_x0005_k�h,1249879475,14,1578493928201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sox6hol5kanqwbau83b0q5tkjn-hbfch3-4j8cwcvib1u3yw_dbg2iyqsj0vym_b7dfqnwqgkbws1m2cqbfimye2oacaz-vdoe0myeoq9px5wwx6exb7icqyohpqang4pirsidha80hu-xwnd3jeagwtrute_mttiv2j3j8itcgmyhiqrlntav2d-7hfahvdcamin68aoojhe3avjucyjpjp108fy38ua2icb3uu6j6njxtaxqc\",thumbnailversion,title,true]",userpermission(role),workspaceids</t>
  </si>
  <si>
    <t>1578482583077;1578487998672000]]];1578487999645000]]];1738007010;2;[];[]]];ancestorhasaugmentedpermissions;containsunsubscribedchildren;dg4mzi2nzy3mdm0ntgwotgwmwokcj/mra67tjriezc28iwz/p2tos86ddk0nzmxodk4otgwmxfickmsclgcmrgl";displayname;domain;emailaddress;false;file(kind;fileid;filesize;hasthumbnail;hasvisitorpermissions;id;id);items(deleted;ken;ken=ac4w5vix_z5c3vm9ln1dolghdosvr2cejg:1578482277703&amp;buildlabel=drive.web-frontend_20191211.00_p10{_x0001_;kind;lastmodifyinguser(kind;lastviewedbymedate;modifiedbymedate;modifieddate;null;ontainsunsubscribedchildren;owners(kind;per;permissionid;picture;s86ddk0nzmxodk4otgwmxejpotdufhswhgl";shared;sharedwithmedate;thumbnailversion;title;true]";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;userpermission(role);vxd5874j_rcxytd</t>
  </si>
  <si>
    <t>1578482583077,1578487998672000]]],1578487999645000]]],1738007010,2,[],[]]],ancestorhasaugmentedpermissions,containsunsubscribedchildren,dg4mzi2nzy3mdm0ntgwotgwmwokcj/mra67tjriezc28iwz/p2tos86ddk0nzmxodk4otgwmxfickmsclgcmrgl",displayname,domain,emailaddress,false,file(kind,fileid,filesize,hasthumbnail,hasvisitorpermissions,id,id),items(deleted,ken,ken=ac4w5vix_z5c3vm9ln1dolghdosvr2cejg:1578482277703&amp;buildlabel=drive.web-frontend_20191211.00_p10{_x0001_,kind,lastmodifyinguser(kind,lastviewedbymedate,modifiedbymedate,modifieddate,null,ontainsunsubscribedchildren,owners(kind,per,permissionid,picture,s86ddk0nzmxodk4otgwmxejpotdufhswhgl"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u-3qlr92j2vcfo4dzik0bmysw429vntyvrkvii3km_e\",userpermission(role),vxd5874j_rcxytd</t>
  </si>
  <si>
    <t>0]\\,13,1578485892673,1578488901799,1738007010,23,[],[]]],ancestorhasaugmentedpermissions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cqtrilxgzh2vmrvsg2jq1cbl4qg2jm47nvobhbfm_yn1fbbaidporrazpamsvj7sqad53jxy8lxn1gsuwlcokff-zk60jt6_mj0zjrpvewalswsaovfsol0bx_rkft-rmwy6dhqz6nive-v4tcaj4fvjzk0ccvxd5874j_rcxytdcakyaqcq4lriewtnjwmfrnjuv2-4muryr1woqdsmriyrxpb6q0jomgaedsibdjbasd4smb8mgt27ilk1iru3qlr8teqa2w81rzujveecytfu7nla2fwezhd44ofy\",ucqtrilxgzh2vmrvsg2jq1cbl4qg2jm47nvobhbfm_yn1fbbaidporrazpamsvj7sqad53jxy8lxn1gsuwlcokff-zk60jt6_mj0zjrpvewalswsaovfsol0bx_rkft-rmwy6dhqz6nive-v4tcaj4fvjzk0ccvxd5874j_rcxytdcakyaqcq4lriewtnjwmfrnjuv2-4muryr1woqdsmriyrxpb6q0jomgaedsibdjbasd4smb8mgt27ilk1ixo3qlr-0jc_tnh-rgx91qontmn</t>
  </si>
  <si>
    <t>mail.google.com/sync/u/0/i/s?hl=pt-BR&amp;c=791</t>
  </si>
  <si>
    <t>0]&lt;m;0]dchild_x0017_&gt;�k;0]s;1249879475;15;1578488299653;1578488600710;1578494229200;1738007010;21;22;[];[]]];false;ken=ac4w5vix_z5c3vm9ln1dolghdosvr2cejg:1578482277703&amp;buildlabel=drive.web-frontend_20191211.00_p1;null;sox6hol5kanqwbau83b0q5tkjn-hbfch3-4j8cwcvib1u3yw_dbg2iyqsj0vym_b7dfqnwqgkbws1m2cqbfimye2oacaz-vdoe0myeoq9px5wwx6exb7icqyohpqang4pirsidha80hu-xwnd3jeagwtrute_mttiv2j3j8itcgmyhiqrlntav2d-7hfahvdcamin68aoejhe3yrrpkvpo0tr7gr773h1atzmoqbqahistrkhew\";true]";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;ucqtrilxgzh2vmrvsg2jq1cbl4qg2jm47nvobhbfm_yn1fbbaidporrazpamsvj7sqad53jxy8lxn1gsuwlcokff-zk60jt6_mj0zjrpvewalswsaovfsol0bx_rkft-rmwy6dhqz6nive-v4tcaj4fvjzk0ccvxd5874j_rcxytdcakyaqcq4lriewtnjwmfrnjuv2-4muryr1woqdsmriyrxpb6q0jomgaedsibdjbasd4smb8mgt27ilk1iro3ql</t>
  </si>
  <si>
    <t>0]&lt;m,0]dchild_x0017_&gt;�k,0]s,1249879475,15,1578488299653,1578488600710,1578494229200,1738007010,21,22,[],[]]],false,ken=ac4w5vix_z5c3vm9ln1dolghdosvr2cejg:1578482277703&amp;buildlabel=drive.web-frontend_20191211.00_p1,null,sox6hol5kanqwbau83b0q5tkjn-hbfch3-4j8cwcvib1u3yw_dbg2iyqsj0vym_b7dfqnwqgkbws1m2cqbfimye2oacaz-vdoe0myeoq9px5wwx6exb7icqyohpqang4pirsidha80hu-xwnd3jeagwtrute_mttiv2j3j8itcgmyhiqrlntav2d-7hfahvdcamin68aoejhe3yrrpkvpo0tr7gr773h1atzmoqbqahistrkhew\",true]",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,ucqtrilxgzh2vmrvsg2jq1cbl4qg2jm47nvobhbfm_yn1fbbaidporrazpamsvj7sqad53jxy8lxn1gsuwlcokff-zk60jt6_mj0zjrpvewalswsaovfsol0bx_rkft-rmwy6dhqz6nive-v4tcaj4fvjzk0ccvxd5874j_rcxytdcakyaqcq4lriewtnjwmfrnjuv2-4muryr1woqdsmriyrxpb6q0jomgaedsibdjbasd4smb8mgt27ilk1iro3ql</t>
  </si>
  <si>
    <t>89552083-72bd-46bb-9f95-7fc104af4fad.tmp</t>
  </si>
  <si>
    <t>\\acsfs\profiles$\claudiajca\Downloads\89552083-72bd-46bb-9f95-7fc104af4fad.tmp</t>
  </si>
  <si>
    <t>e37703ff-086b-463e-b245-b88f903755d2.tmp</t>
  </si>
  <si>
    <t>\\acsfs\profiles$\ROZENCAM\Downloads\e37703ff-086b-463e-b245-b88f903755d2.tmp</t>
  </si>
  <si>
    <t>outlook.office.com/owa/service.svc?action=createitem&amp;app=mail&amp;n=739</t>
  </si>
  <si>
    <t>outlook.office.com/owa/service.svc?action=createitem&amp;app=mail&amp;n=741</t>
  </si>
  <si>
    <t>outlook.office.com/owa/service.svc?action=createitem&amp;app=mail&amp;n=745</t>
  </si>
  <si>
    <t>9aab3345-8e29-48af-8807-49e83e8d85f6.tmp</t>
  </si>
  <si>
    <t>\\acsfs\profiles$\danielac\Downloads\9aab3345-8e29-48af-8807-49e83e8d85f6.tmp</t>
  </si>
  <si>
    <t>lu150961grspv.tmp</t>
  </si>
  <si>
    <t>\\acsfs\profiles$\BRUNAAR\Numero\lu150961grspv.tmp</t>
  </si>
  <si>
    <t>http:///batch?%24ct=multipart%2Fmixed%3B%20boundary%3D%22%3D%3D%3D%3D%3Dl710cwpene6t%3D%3D%3D%3D%3D%22&amp;key=AIzaSyAy9VVXHSpS2IJpptzYtGbLP3-3_l0aBk4</t>
  </si>
  <si>
    <t>http:///batch?%24ct=multipart%2Fmixed%3B%20boundary%3D%22%3D%3D%3D%3D%3Dhpiuw1djx7x4%3D%3D%3D%3D%3D%22&amp;key=AIzaSyAy9VVXHSpS2IJpptzYtGbLP3-3_l0aBk4</t>
  </si>
  <si>
    <t>http:///batch?%24ct=multipart%2Fmixed%3B%20boundary%3D%22%3D%3D%3D%3D%3D42bbhz4b49ut%3D%3D%3D%3D%3D%22&amp;key=AIzaSyAy9VVXHSpS2IJpptzYtGbLP3-3_l0aBk4</t>
  </si>
  <si>
    <t>http:///batch?%24ct=multipart%2Fmixed%3B%20boundary%3D%22%3D%3D%3D%3D%3D32uov2yuckyl%3D%3D%3D%3D%3D%22&amp;key=AIzaSyAy9VVXHSpS2IJpptzYtGbLP3-3_l0aBk4</t>
  </si>
  <si>
    <t>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http:///batch?%24ct=multipart%2Fmixed%3B%20boundary%3D%22%3D%3D%3D%3D%3Dg5725s4xx0vn%3D%3D%3D%3D%3D%22&amp;key=AIzaSyAy9VVXHSpS2IJpptzYtGbLP3-3_l0aBk4</t>
  </si>
  <si>
    <t>http:///batch?%24ct=multipart%2Fmixed%3B%20boundary%3D%22%3D%3D%3D%3D%3Dy4ev6ejwh59k%3D%3D%3D%3D%3D%22&amp;key=AIzaSyAy9VVXHSpS2IJpptzYtGbLP3-3_l0aBk4</t>
  </si>
  <si>
    <t>http:///batch?%24ct=multipart%2Fmixed%3B%20boundary%3D%22%3D%3D%3D%3D%3Dzgbuwgxor1ko%3D%3D%3D%3D%3D%22&amp;key=AIzaSyAy9VVXHSpS2IJpptzYtGbLP3-3_l0aBk4</t>
  </si>
  <si>
    <t>http:///batch?%24ct=multipart%2Fmixed%3B%20boundary%3D%22%3D%3D%3D%3D%3Dvsnlekj4zrzg%3D%3D%3D%3D%3D%22&amp;key=AIzaSyAy9VVXHSpS2IJpptzYtGbLP3-3_l0aBk4</t>
  </si>
  <si>
    <t>http:///batch?%24ct=multipart%2Fmixed%3B%20boundary%3D%22%3D%3D%3D%3D%3Dvuz531l5ksbx%3D%3D%3D%3D%3D%22&amp;key=AIzaSyAy9VVXHSpS2IJpptzYtGbLP3-3_l0aBk4</t>
  </si>
  <si>
    <t>http:///batch?%24ct=multipart%2Fmixed%3B%20boundary%3D%22%3D%3D%3D%3D%3Ddc24muk5ig0p%3D%3D%3D%3D%3D%22&amp;key=AIzaSyAy9VVXHSpS2IJpptzYtGbLP3-3_l0aBk4</t>
  </si>
  <si>
    <t>http:///batch?%24ct=multipart%2Fmixed%3B%20boundary%3D%22%3D%3D%3D%3D%3Dml6rpexdh1yv%3D%3D%3D%3D%3D%22&amp;key=AIzaSyAy9VVXHSpS2IJpptzYtGbLP3-3_l0aBk4</t>
  </si>
  <si>
    <t>http:///batch?%24ct=multipart%2Fmixed%3B%20boundary%3D%22%3D%3D%3D%3D%3D4zpnyd2ssdtq%3D%3D%3D%3D%3D%22&amp;key=AIzaSyAy9VVXHSpS2IJpptzYtGbLP3-3_l0aBk4</t>
  </si>
  <si>
    <t>http:///batch?%24ct=multipart%2Fmixed%3B%20boundary%3D%22%3D%3D%3D%3D%3D5fkw2lvdspjo%3D%3D%3D%3D%3D%22&amp;key=AIzaSyAy9VVXHSpS2IJpptzYtGbLP3-3_l0aBk4</t>
  </si>
  <si>
    <t>http:///batch?%24ct=multipart%2Fmixed%3B%20boundary%3D%22%3D%3D%3D%3D%3Dwng6vul3cj5a%3D%3D%3D%3D%3D%22&amp;key=AIzaSyAy9VVXHSpS2IJpptzYtGbLP3-3_l0aBk4</t>
  </si>
  <si>
    <t>http:///batch?%24ct=multipart%2Fmixed%3B%20boundary%3D%22%3D%3D%3D%3D%3D5i2opsmg8z2u%3D%3D%3D%3D%3D%22&amp;key=AIzaSyAy9VVXHSpS2IJpptzYtGbLP3-3_l0aBk4</t>
  </si>
  <si>
    <t>e911d956-3209-4a22-a12a-906def197008.tmp</t>
  </si>
  <si>
    <t>\\acsfs\profiles$\gabrielafs\Downloads\e911d956-3209-4a22-a12a-906def197008.tmp</t>
  </si>
  <si>
    <t>6a88783d-f007-458e-a70b-c8f11d7de718.tmp</t>
  </si>
  <si>
    <t>\\acsfs\profiles$\leonardobb\Downloads\6a88783d-f007-458e-a70b-c8f11d7de718.tmp</t>
  </si>
  <si>
    <t>mail.google.com/sync/u/0/i/s?hl=pt-BR&amp;c=795</t>
  </si>
  <si>
    <t>ancestorhasaugmentedpe,containsunsubscribedchildren,displayname,domain,emailaddres,emailaddress,filesize,id),lastmodifyinguser(kind,lastviewedbymedate,modifiedbymedate,ontainsunsubscribedchildren,owners(kind,permissionid,picture,rpermissions,workspaceids</t>
  </si>
  <si>
    <t>8d910ee6-81bc-458d-bac5-d1206519e77c.tmp</t>
  </si>
  <si>
    <t>\\acsfs\profiles$\KARENDSR\Downloads\8d910ee6-81bc-458d-bac5-d1206519e77c.tmp</t>
  </si>
  <si>
    <t>389af827-a720-4bf1-a134-72c88c72efdc.tmp</t>
  </si>
  <si>
    <t>\\acsfs\profiles$\sarahbal\Downloads\389af827-a720-4bf1-a134-72c88c72efdc.tmp</t>
  </si>
  <si>
    <t>8878cbf9-b426-4a4d-90e9-245536c63869.tmp</t>
  </si>
  <si>
    <t>\\acsfs\profiles$\matheushds\Downloads\8878cbf9-b426-4a4d-90e9-245536c63869.tmp</t>
  </si>
  <si>
    <t>fc9bf86f-317b-4cc0-b9cc-fbddf2c4be6f.tmp</t>
  </si>
  <si>
    <t>\\acsfs\profiles$\matheushds\Downloads\fc9bf86f-317b-4cc0-b9cc-fbddf2c4be6f.tmp</t>
  </si>
  <si>
    <t>outlook.office.com/owa/service.svc?action=createitem&amp;app=mail&amp;n=746</t>
  </si>
  <si>
    <t>outlook.office.com/owa/service.svc?action=createitem&amp;app=mail&amp;n=747</t>
  </si>
  <si>
    <t>outlook.office.com/owa/service.svc?action=createitem&amp;app=mail&amp;n=748</t>
  </si>
  <si>
    <t>outlook.office.com/owa/service.svc?action=createitem&amp;app=mail&amp;n=749</t>
  </si>
  <si>
    <t>outlook.office.com/owa/service.svc?action=createitem&amp;app=mail&amp;n=752</t>
  </si>
  <si>
    <t>outlook.office.com/owa/service.svc?action=createitem&amp;app=mail&amp;n=763</t>
  </si>
  <si>
    <t>outlook.office.com/owa/service.svc?action=CreateItem&amp;app=Mail&amp;n=123</t>
  </si>
  <si>
    <t>algartechcpcbv@algartech.com;andrelpsa@algartech.com;camillarl@algartech.com;eliane.martins@bv.com.br;josiascdsj@algartech.com;maristelavodq@bv.algartech.com;mirianppb@algartech.com;qualidadealgarbv@algartech.com;supervisaobancovotorantim@algartech.com;talmaiardo@algartech.com;thiagolrc@bv.algartech.com;</t>
  </si>
  <si>
    <t>algartechcpcbv@algartech.com,andrelpsa@algartech.com,camillarl@algartech.com,eliane.martins@bv.com.br,josiascdsj@algartech.com,maristelavodq@bv.algartech.com,mirianppb@algartech.com,qualidadealgarbv@algartech.com,supervisaobancovotorantim@algartech.com,talmaiardo@algartech.com,thiagolrc@bv.algartech.com</t>
  </si>
  <si>
    <t>outlook.office.com/owa/service.svc?action=UpdateItem&amp;app=Mail&amp;n=138</t>
  </si>
  <si>
    <t>17CA08C5.tmp</t>
  </si>
  <si>
    <t>\\acsfs\ACS\Gabriel da Silva\Contemporânea\17CA08C5.tmp</t>
  </si>
  <si>
    <t>lu150961grspz.tmp</t>
  </si>
  <si>
    <t>\\acsfs\profiles$\BRUNAAR\Numero\lu150961grspz.tmp</t>
  </si>
  <si>
    <t>cb3eb34d-bf92-4795-847a-1c0f59a01b47.tmp</t>
  </si>
  <si>
    <t>\\acsfs\profiles$\henriquehmdo\Downloads\cb3eb34d-bf92-4795-847a-1c0f59a01b47.tmp</t>
  </si>
  <si>
    <t>48f77568-b6e8-41e4-8357-bb7739fbb9dd.tmp</t>
  </si>
  <si>
    <t>\\acsfs\profiles$\henriquehmdo\Downloads\48f77568-b6e8-41e4-8357-bb7739fbb9dd.tmp</t>
  </si>
  <si>
    <t>XLOG_gleycekos_08012020_093516.log</t>
  </si>
  <si>
    <t>\\acsfs\profiles$\gleycekos\My Documents\xworkcenter\logs\XLOG_gleycekos_08012020_093516.log</t>
  </si>
  <si>
    <t>846fcfd8-f39f-4049-9fa1-19a8630090d2.tmp</t>
  </si>
  <si>
    <t>\\acsfs\profiles$\ALYNYA\Downloads\846fcfd8-f39f-4049-9fa1-19a8630090d2.tmp</t>
  </si>
  <si>
    <t>dec82ac1-4045-4005-97d9-914bd04a6236.tmp</t>
  </si>
  <si>
    <t>\\acsfs\profiles$\KARENDSR\Downloads\dec82ac1-4045-4005-97d9-914bd04a6236.tmp</t>
  </si>
  <si>
    <t>84df6f63-fb77-47ee-aa1e-daf4b70d780a.tmp</t>
  </si>
  <si>
    <t>\\acsfs\profiles$\sarahbal\Downloads\84df6f63-fb77-47ee-aa1e-daf4b70d780a.tmp</t>
  </si>
  <si>
    <t>e2600e32-a680-4d9a-92d4-e430d83ca2e1.tmp</t>
  </si>
  <si>
    <t>\\acsfs\profiles$\sarahbal\Downloads\e2600e32-a680-4d9a-92d4-e430d83ca2e1.tmp</t>
  </si>
  <si>
    <t>ea0b15b7-06a2-49b7-92fc-4654adaf5f97.tmp</t>
  </si>
  <si>
    <t>\\acsfs\profiles$\matheushds\Downloads\ea0b15b7-06a2-49b7-92fc-4654adaf5f97.tmp</t>
  </si>
  <si>
    <t>e3f17464-b1ad-442b-8ca3-e70a14f38dfd.tmp</t>
  </si>
  <si>
    <t>\\acsfs\profiles$\matheushds\Downloads\e3f17464-b1ad-442b-8ca3-e70a14f38dfd.tmp</t>
  </si>
  <si>
    <t>\\acsfs\ACS\Gabriel da Silva\Contemporânea\BDBV\FBF38C6E.tmp\</t>
  </si>
  <si>
    <t>\\acsfs\ACS\Gabriel da Silva\Contemporânea\BDBV\FBF38C6E.tmp\:Zone.Identifier:$DATA</t>
  </si>
  <si>
    <t>\\acsfs\ACS\Gabriel da Silva\Contemporânea\BDBV\FBF38C6E.tmp</t>
  </si>
  <si>
    <t>FBF38C6E.tmp</t>
  </si>
  <si>
    <t>outlook.office.com/owa/service.svc?action=CreateItem&amp;app=Mail&amp;n=179</t>
  </si>
  <si>
    <t>algartechcpcbv@algartech.com;andrelpsa@algartech.com;camillarl@algartech.com;eliane.martins@bv.com.br;josiascdsj@algartech.com;maristelavodq@bv.algartech.com;martala@algartech.com;mirianppb@algartech.com;qualidadealgarbv@algartech.com;supervisaobancovotorantim@algartech.com;talmaiardo@algartech.com;thiagolrc@bv.algartech.com;</t>
  </si>
  <si>
    <t>algartechcpcbv@algartech.com,andrelpsa@algartech.com,camillarl@algartech.com,eliane.martins@bv.com.br,josiascdsj@algartech.com,maristelavodq@bv.algartech.com,martala@algartech.com,mirianppb@algartech.com,qualidadealgarbv@algartech.com,supervisaobancovotorantim@algartech.com,talmaiardo@algartech.com,thiagolrc@bv.algartech.com</t>
  </si>
  <si>
    <t>e0aa6c53-91e8-4dfb-b2d3-5c134fda017b.tmp</t>
  </si>
  <si>
    <t>\\acsfs\profiles$\gabrielsma\Downloads\e0aa6c53-91e8-4dfb-b2d3-5c134fda017b.tmp</t>
  </si>
  <si>
    <t>Não confirmado 134093.crdownload</t>
  </si>
  <si>
    <t>\\acsfs\ACS\Gabriel da Silva\Contemporânea\VENDAS\Não confirmado 134093.crdownload</t>
  </si>
  <si>
    <t>bbd579b0-e43c-42cb-ac98-efa85522f520.tmp</t>
  </si>
  <si>
    <t>\\acsfs\profiles$\gabrielsma\Downloads\bbd579b0-e43c-42cb-ac98-efa85522f520.tmp</t>
  </si>
  <si>
    <t>Não confirmado 238570.crdownload</t>
  </si>
  <si>
    <t>\\acsfs\ACS\Gabriel da Silva\Contemporânea\VENDAS\Não confirmado 238570.crdownload</t>
  </si>
  <si>
    <t>\\acsfs\ACS\Gabriel da Silva\Contemporânea\BDBV\E59F28D3.tmp\</t>
  </si>
  <si>
    <t>\\acsfs\ACS\Gabriel da Silva\Contemporânea\BDBV\E59F28D3.tmp\:Zone.Identifier:$DATA</t>
  </si>
  <si>
    <t>\\acsfs\ACS\Gabriel da Silva\Contemporânea\BDBV\E59F28D3.tmp</t>
  </si>
  <si>
    <t>E59F28D3.tmp</t>
  </si>
  <si>
    <t>e09f4b46-6f7c-4541-9774-08e515ff0224.tmp</t>
  </si>
  <si>
    <t>\\acsfs\profiles$\maxmillianosv\Downloads\e09f4b46-6f7c-4541-9774-08e515ff0224.tmp</t>
  </si>
  <si>
    <t>84e1712e-ccd5-4df5-9340-822051a26335.tmp</t>
  </si>
  <si>
    <t>\\acsfs\profiles$\rafaelamsv\Downloads\84e1712e-ccd5-4df5-9340-822051a26335.tmp</t>
  </si>
  <si>
    <t>6507c72b-9843-49cf-9ec4-52380584ef90.tmp</t>
  </si>
  <si>
    <t>\\acsfs\profiles$\rafaelamsv\Downloads\6507c72b-9843-49cf-9ec4-52380584ef90.tmp</t>
  </si>
  <si>
    <t>1036df26-1d80-4a7f-ac53-0854aa1a2e5f.tmp</t>
  </si>
  <si>
    <t>\\acsfs\profiles$\rafaelamsv\Downloads\1036df26-1d80-4a7f-ac53-0854aa1a2e5f.tmp</t>
  </si>
  <si>
    <t>5f9bc4ec-4423-46d2-8372-213a0e0e15e3.tmp</t>
  </si>
  <si>
    <t>\\acsfs\profiles$\gabrielsma\Downloads\5f9bc4ec-4423-46d2-8372-213a0e0e15e3.tmp</t>
  </si>
  <si>
    <t>http:///batch?%24ct=multipart%2Fmixed%3B%20boundary%3D%22%3D%3D%3D%3D%3Dt0mkqt6sfwu9%3D%3D%3D%3D%3D%22&amp;key=AIzaSyAy9VVXHSpS2IJpptzYtGbLP3-3_l0aBk4</t>
  </si>
  <si>
    <t>http:///batch?%24ct=multipart%2Fmixed%3B%20boundary%3D%22%3D%3D%3D%3D%3D7so27h9y36fz%3D%3D%3D%3D%3D%22&amp;key=AIzaSyAy9VVXHSpS2IJpptzYtGbLP3-3_l0aBk4</t>
  </si>
  <si>
    <t>http:///batch?%24ct=multipart%2Fmixed%3B%20boundary%3D%22%3D%3D%3D%3D%3Dexux281belve%3D%3D%3D%3D%3D%22&amp;key=AIzaSyAy9VVXHSpS2IJpptzYtGbLP3-3_l0aBk4</t>
  </si>
  <si>
    <t>kit_pre_deslig_disp_sem_justa_causa_ind_100377_lays costa braga (1).pdf</t>
  </si>
  <si>
    <t>e77d80ff-dfcc-4aac-ad9c-6547940f4e1d.tmp</t>
  </si>
  <si>
    <t>\\acsfs\profiles$\vivianealda\Downloads\e77d80ff-dfcc-4aac-ad9c-6547940f4e1d.tmp</t>
  </si>
  <si>
    <t>D5B7C386.tmp</t>
  </si>
  <si>
    <t>\\acsfs\ACS\Gabriel da Silva\Contemporânea\Acessos\D5B7C386.tmp</t>
  </si>
  <si>
    <t>~$safagfrwar.xlsx</t>
  </si>
  <si>
    <t>\\acsfs\ACS\Gabriel da Silva\Contemporânea\Acessos\~$safagfrwar.xlsx</t>
  </si>
  <si>
    <t>~$Acompanhamento de solicitações.xlsm</t>
  </si>
  <si>
    <t>\\acsfs\ACS\Gabriel da Silva\Contemporânea\Acessos\~$Acompanhamento de solicitações.xlsm</t>
  </si>
  <si>
    <t>28F5F41E.tmp</t>
  </si>
  <si>
    <t>\\acsfs\ACS\Gabriel da Silva\Contemporânea\Erros Operacionais\28F5F41E.tmp</t>
  </si>
  <si>
    <t>~$Base de Erros_copiaContratao.xlsx</t>
  </si>
  <si>
    <t>\\acsfs\ACS\Gabriel da Silva\Contemporânea\Erros Operacionais\~$Base de Erros_copiaContratao.xlsx</t>
  </si>
  <si>
    <t>8e6a8096-4463-4179-bbc7-37fdcaba2322.tmp</t>
  </si>
  <si>
    <t>\\acsfs\profiles$\BRUNAAR\Downloads\8e6a8096-4463-4179-bbc7-37fdcaba2322.tmp</t>
  </si>
  <si>
    <t>http:///batch?%24ct=multipart%2Fmixed%3B%20boundary%3D%22%3D%3D%3D%3D%3Dc45rya6usek%3D%3D%3D%3D%3D%22&amp;key=AIzaSyAy9VVXHSpS2IJpptzYtGbLP3-3_l0aBk4</t>
  </si>
  <si>
    <t>http:///batch?%24ct=multipart%2Fmixed%3B%20boundary%3D%22%3D%3D%3D%3D%3De67c0owctpj%3D%3D%3D%3D%3D%22&amp;key=AIzaSyAy9VVXHSpS2IJpptzYtGbLP3-3_l0aBk4</t>
  </si>
  <si>
    <t>http:///batch?%24ct=multipart%2Fmixed%3B%20boundary%3D%22%3D%3D%3D%3D%3Dr9q269lx15oq%3D%3D%3D%3D%3D%22&amp;key=AIzaSyAy9VVXHSpS2IJpptzYtGbLP3-3_l0aBk4</t>
  </si>
  <si>
    <t>a6125e18-3677-4030-9db2-6917a7d64b87.tmp</t>
  </si>
  <si>
    <t>\\acsfs\profiles$\wenderbnm\Downloads\a6125e18-3677-4030-9db2-6917a7d64b87.tmp</t>
  </si>
  <si>
    <t>ade9907b-3fe7-4866-9565-76f3294fe946.tmp</t>
  </si>
  <si>
    <t>\\acsfs\profiles$\sarahbal\Downloads\ade9907b-3fe7-4866-9565-76f3294fe946.tmp</t>
  </si>
  <si>
    <t>74c5fe8a-5729-4420-9943-a52b303b4fd2.tmp</t>
  </si>
  <si>
    <t>\\acsfs\profiles$\Flaviojmm\Downloads\74c5fe8a-5729-4420-9943-a52b303b4fd2.tmp</t>
  </si>
  <si>
    <t>lu150961grsq3.tmp</t>
  </si>
  <si>
    <t>\\acsfs\profiles$\BRUNAAR\Numero\lu150961grsq3.tmp</t>
  </si>
  <si>
    <t>lu150961grsq7.tmp</t>
  </si>
  <si>
    <t>\\acsfs\profiles$\BRUNAAR\Numero\lu150961grsq7.tmp</t>
  </si>
  <si>
    <t>2d5f0255-4b8d-465b-a91f-c88acad4a816.tmp</t>
  </si>
  <si>
    <t>\\acsfs\profiles$\nathaliarmr\Downloads\2d5f0255-4b8d-465b-a91f-c88acad4a816.tmp</t>
  </si>
  <si>
    <t>5f47152c-3a4c-4e22-92b0-80ff62cff2f8.tmp</t>
  </si>
  <si>
    <t>\\acsfs\profiles$\lorrainerdl\Downloads\5f47152c-3a4c-4e22-92b0-80ff62cff2f8.tmp</t>
  </si>
  <si>
    <t>a0a0c1e7-9d30-4c5a-b18c-9a0e24b08f1d.tmp</t>
  </si>
  <si>
    <t>\\acsfs\profiles$\lucasqdss\Downloads\a0a0c1e7-9d30-4c5a-b18c-9a0e24b08f1d.tmp</t>
  </si>
  <si>
    <t>e8fefae4-a900-4e2d-be09-785212d972b3.tmp</t>
  </si>
  <si>
    <t>\\acsfs\profiles$\Flaviojmm\Downloads\e8fefae4-a900-4e2d-be09-785212d972b3.tmp</t>
  </si>
  <si>
    <t>lu150961grsqb.tmp</t>
  </si>
  <si>
    <t>\\acsfs\profiles$\BRUNAAR\Numero\lu150961grsqb.tmp</t>
  </si>
  <si>
    <t>\\acsfs\DEPTOS\EDUCACAO EMPRESARIAL\2 - Operações\0 - BV\1 - TREINADORES\Haruna\Arquivos Leandra Alto Valor.pptx\</t>
  </si>
  <si>
    <t>\\acsfs\DEPTOS\EDUCACAO EMPRESARIAL\2 - Operações\0 - BV\1 - TREINADORES\Haruna\Arquivos Leandra Alto Valor.pptx</t>
  </si>
  <si>
    <t>Arquivos Leandra Alto Valor.pptx</t>
  </si>
  <si>
    <t>cd8fb24a-f650-43f1-af5c-21f52618187e.tmp</t>
  </si>
  <si>
    <t>\\acsfs\profiles$\paulovadc\Downloads\cd8fb24a-f650-43f1-af5c-21f52618187e.tmp</t>
  </si>
  <si>
    <t>55e87ee6-621f-4aea-8d7c-92c1387d1b2d.tmp</t>
  </si>
  <si>
    <t>\\acsfs\profiles$\sarahbal\Downloads\55e87ee6-621f-4aea-8d7c-92c1387d1b2d.tmp</t>
  </si>
  <si>
    <t>de4cd69e-abda-4ffd-8c19-70f043f4d038.tmp</t>
  </si>
  <si>
    <t>\\acsfs\profiles$\lucasqdss\Downloads\de4cd69e-abda-4ffd-8c19-70f043f4d038.tmp</t>
  </si>
  <si>
    <t>2451161f-4208-4e76-95ad-6412d80dc1e8.tmp</t>
  </si>
  <si>
    <t>\\acsfs\profiles$\mariagsg\Downloads\2451161f-4208-4e76-95ad-6412d80dc1e8.tmp</t>
  </si>
  <si>
    <t>NatanaelLF</t>
  </si>
  <si>
    <t>\\acsfs\profiles$\NatanaelLF\Contacts\</t>
  </si>
  <si>
    <t>NATANAEL LAURENCIO FURTADO (20463).contact</t>
  </si>
  <si>
    <t>\\acsfs\profiles$\NatanaelLF\Contacts\NATANAEL LAURENCIO FURTADO (20463).contact</t>
  </si>
  <si>
    <t>\\acsfs\profiles$\NatanaelLF\My Documents\My Videos\</t>
  </si>
  <si>
    <t>\\acsfs\profiles$\NatanaelLF\My Documents\My Videos\desktop.ini</t>
  </si>
  <si>
    <t>\\acsfs\profiles$\NatanaelLF\My Documents\My Pictures\</t>
  </si>
  <si>
    <t>\\acsfs\profiles$\NatanaelLF\My Documents\My Pictures\desktop.ini</t>
  </si>
  <si>
    <t>\\acsfs\profiles$\NatanaelLF\Contacts\desktop.ini</t>
  </si>
  <si>
    <t>\\acsfs\profiles$\NatanaelLF\Favorites\</t>
  </si>
  <si>
    <t>\\acsfs\profiles$\NatanaelLF\Favorites\desktop.ini</t>
  </si>
  <si>
    <t>\\acsfs\profiles$\NatanaelLF\My Documents\My Music\</t>
  </si>
  <si>
    <t>\\acsfs\profiles$\NatanaelLF\My Documents\My Music\desktop.ini</t>
  </si>
  <si>
    <t>\\acsfs\profiles$\NatanaelLF\Searches\</t>
  </si>
  <si>
    <t>\\acsfs\profiles$\NatanaelLF\Searches\desktop.ini</t>
  </si>
  <si>
    <t>\\acsfs\profiles$\NatanaelLF\Downloads\</t>
  </si>
  <si>
    <t>\\acsfs\profiles$\NatanaelLF\Downloads\desktop.ini</t>
  </si>
  <si>
    <t>\\acsfs\profiles$\NatanaelLF\My Documents\</t>
  </si>
  <si>
    <t>\\acsfs\profiles$\NatanaelLF\My Documents\desktop.ini</t>
  </si>
  <si>
    <t>\\acsfs\profiles$\NatanaelLF\Saved Games\</t>
  </si>
  <si>
    <t>\\acsfs\profiles$\NatanaelLF\Saved Games\desktop.ini</t>
  </si>
  <si>
    <t>\\acsfs\profiles$\natanaellf\Favorites\Links for Brasil\</t>
  </si>
  <si>
    <t>\\acsfs\profiles$\natanaellf\Favorites\Links for Brasil\desktop.ini</t>
  </si>
  <si>
    <t>\\acsfs\profiles$\natanaellf\Favorites\Links for Brasil\Microsoft Brasil.url</t>
  </si>
  <si>
    <t>\\acsfs\profiles$\natanaellf\Favorites\Links for Brasil\Windows Brasil.url</t>
  </si>
  <si>
    <t>\\acsfs\profiles$\natanaellf\Favorites\Links for Brasil\MSN Brasil.url</t>
  </si>
  <si>
    <t>f90937bf-9ef1-42dc-8262-eb531c897837.tmp</t>
  </si>
  <si>
    <t>\\acsfs\profiles$\regisedsj\Downloads\f90937bf-9ef1-42dc-8262-eb531c897837.tmp</t>
  </si>
  <si>
    <t>f0c1329d-9dfd-46f8-b3ba-7bfbe9e66dde.tmp</t>
  </si>
  <si>
    <t>\\acsfs\profiles$\regisedsj\Downloads\f0c1329d-9dfd-46f8-b3ba-7bfbe9e66dde.tmp</t>
  </si>
  <si>
    <t>62392743.tmp</t>
  </si>
  <si>
    <t>\\acsfs\ACS\Gabriel da Silva\Contemporânea\Erros Operacionais\62392743.tmp</t>
  </si>
  <si>
    <t>7D393AB6.tmp</t>
  </si>
  <si>
    <t>\\acsfs\ACS\Gabriel da Silva\Contemporânea\Erros Operacionais\7D393AB6.tmp</t>
  </si>
  <si>
    <t>5DD20AA5.tmp</t>
  </si>
  <si>
    <t>\\acsfs\ACS\Gabriel da Silva\Contemporânea\Erros Operacionais\5DD20AA5.tmp</t>
  </si>
  <si>
    <t>fe08ace2-609f-44f4-b024-3ec583eea836.tmp</t>
  </si>
  <si>
    <t>\\acsfs\profiles$\sarahbal\Downloads\fe08ace2-609f-44f4-b024-3ec583eea836.tmp</t>
  </si>
  <si>
    <t>90e23e90-8473-4ba6-8727-03b9ae4bd4fd.tmp</t>
  </si>
  <si>
    <t>\\acsfs\profiles$\matheushds\Downloads\90e23e90-8473-4ba6-8727-03b9ae4bd4fd.tmp</t>
  </si>
  <si>
    <t>1f9c9180-5260-421f-9502-535e64fa6f21.tmp</t>
  </si>
  <si>
    <t>\\acsfs\profiles$\rafaelamsv\Downloads\1f9c9180-5260-421f-9502-535e64fa6f21.tmp</t>
  </si>
  <si>
    <t>Erro Fatal Diosquely chat.PNG</t>
  </si>
  <si>
    <t>\\acsfs\ACS\001 - Qualidade Lilian\PAULO\Erro Fatal Diosquely chat.PNG</t>
  </si>
  <si>
    <t>BB0966C0.tmp</t>
  </si>
  <si>
    <t>\\acsfs\ACS\Gabriel da Silva\Contemporânea\Erros Operacionais\BB0966C0.tmp</t>
  </si>
  <si>
    <t>mail.google.com/sync/u/0/i/s?hl=pt-BR&amp;c=1200</t>
  </si>
  <si>
    <t>mail.google.com/sync/u/0/i/s?hl=pt-BR&amp;c=1202</t>
  </si>
  <si>
    <t>http:///batch?%24ct=multipart%2Fmixed%3B%20boundary%3D%22%3D%3D%3D%3D%3Dyqzoeygrmy4m%3D%3D%3D%3D%3D%22&amp;key=AIzaSyAy9VVXHSpS2IJpptzYtGbLP3-3_l0aBk4</t>
  </si>
  <si>
    <t>http:///batch?%24ct=multipart%2Fmixed%3B%20boundary%3D%22%3D%3D%3D%3D%3Do4rpwbly0sqs%3D%3D%3D%3D%3D%22&amp;key=AIzaSyAy9VVXHSpS2IJpptzYtGbLP3-3_l0aBk4</t>
  </si>
  <si>
    <t>http:///batch?%24ct=multipart%2Fmixed%3B%20boundary%3D%22%3D%3D%3D%3D%3Dr02gp1sf3ubu%3D%3D%3D%3D%3D%22&amp;key=AIzaSyAy9VVXHSpS2IJpptzYtGbLP3-3_l0aBk4</t>
  </si>
  <si>
    <t>6b7160bc-4ffe-4c73-8694-8edd77ff7b7f.tmp</t>
  </si>
  <si>
    <t>\\acsfs\profiles$\isabellegtds\Downloads\6b7160bc-4ffe-4c73-8694-8edd77ff7b7f.tmp</t>
  </si>
  <si>
    <t>f2a10792-76e3-47cc-9e8e-8eb3d3fd1415.tmp</t>
  </si>
  <si>
    <t>\\acsfs\profiles$\LUISPLS\Downloads\f2a10792-76e3-47cc-9e8e-8eb3d3fd1415.tmp</t>
  </si>
  <si>
    <t>6c069e73-a1b5-4f8c-9569-e68ef810ce5b.tmp</t>
  </si>
  <si>
    <t>\\acsfs\profiles$\lorrainerdl\Downloads\6c069e73-a1b5-4f8c-9569-e68ef810ce5b.tmp</t>
  </si>
  <si>
    <t>8acdd09a-eabf-4c67-87f1-a1307f6bf797.tmp</t>
  </si>
  <si>
    <t>\\acsfs\profiles$\Flaviojmm\Downloads\8acdd09a-eabf-4c67-87f1-a1307f6bf797.tmp</t>
  </si>
  <si>
    <t>~$Base de Erros_copiaContrato.xlsx</t>
  </si>
  <si>
    <t>\\acsfs\ACS\Gabriel da Silva\Contemporânea\Erros Operacionais\~$Base de Erros_copiaContrato.xlsx</t>
  </si>
  <si>
    <t>416AE818.tmp</t>
  </si>
  <si>
    <t>\\acsfs\ACS\Gabriel da Silva\Contemporânea\Erros Operacionais\416AE818.tmp</t>
  </si>
  <si>
    <t>~$Erros operacionais - Dezembro.xlsx</t>
  </si>
  <si>
    <t>\\acsfs\ACS\Gabriel da Silva\Contemporânea\Erros Operacionais\~$Erros operacionais - Dezembro.xlsx</t>
  </si>
  <si>
    <t>/o=exchangelabs/ou=exchange administrative group (fydibohf23spdlt)/cn=recipients/cn=5af2cae509964078b2026f7f550380b0-andre luis;/o=exchangelabs/ou=exchange administrative group (fydibohf23spdlt)/cn=recipients/cn=9b52022a6e624c30a92f50cf4538a4bf-talmaia rod;/o=exchangelabs/ou=exchange administrative group (fydibohf23spdlt)/cn=recipients/cn=groupd5c96cfa;maristelavodq@bv.algartech.com;thiagolrc@bv.algartech.com;</t>
  </si>
  <si>
    <t>Erros operacionais - Dezembro</t>
  </si>
  <si>
    <t>/o=exchangelabs/ou=exchange administrative group (fydibohf23spdlt)/cn=recipients/cn=5af2cae509964078b2026f7f550380b0-andre luis,/o=exchangelabs/ou=exchange administrative group (fydibohf23spdlt)/cn=recipients/cn=9b52022a6e624c30a92f50cf4538a4bf-talmaia rod,/o=exchangelabs/ou=exchange administrative group (fydibohf23spdlt)/cn=recipients/cn=groupd5c96cfa,maristelavodq@bv.algartech.com,thiagolrc@bv.algartech.com</t>
  </si>
  <si>
    <t>http:///batch?%24ct=multipart%2Fmixed%3B%20boundary%3D%22%3D%3D%3D%3D%3Djrvhz45tmjqa%3D%3D%3D%3D%3D%22&amp;key=AIzaSyAy9VVXHSpS2IJpptzYtGbLP3-3_l0aBk4</t>
  </si>
  <si>
    <t>http://_x001B_�� �u&lt;?�5�`��-�efuï&amp;��f�j� \����_x0011_���4����_x001E_l�n:���`�ջa *��~�g�u7�=�s[�7���_x000E_={z �d�9e�������g&gt;z�֯��x����d�� �`Ŋ-�em[�_�_x0010_��_��~�s~isݥ5���{�x��׷�_x000F_�l��^�&lt;_�_x000E__x0007_|r�]�ѽ��_��-i��_x001C_ �`��,"[[],"[[null,0,0]_`��_x000E_���_�_x001A_� �5s��0g��_x0010_�{�'�py�58�烯`��-�el{�_�_x0011_�on��7��l��`��-�em۲_�_x0014_vǢ�\�6��&lt;�_x001F_`��-�ehu�ݒ�_x0017_q�_x001D_����c�_x0007_��!kn,1,10,1011\,11,135,1578487603652000]]],1578487614813,1578487623626,1],283657575,3],424740,4],5,[1,[2,[20090307],[],[]],[]]"],[]]],[null,agas=",ancestorhasaugmentedpermissions,containsunsubscribedchildren,displayname,domain,emailaddress,explicitlytrashed,false]]",file(kind,fileid,filesize,gbvŢ_x001C_���{_x001C__x0015_"�`��nk�c��m�:���ֽ��u���n�s8n`�_x0013_b�m�e��tm8le u���b�r_x001C_v7o9`��_x0001_(=� ����{t�}уc����o_x001C_�8�_x001E_�ޮ�_x001A_q֙�`�dӒ�_x0001_}�#�_�y�_x001F_;owf���w��c_x000F_=�᢮_x001D_om_x001D_^rd�_x0016_⩜�&lt;g!_x001E_�h&amp;��d���#��#��ޜ����\xty�hwy�r����k�lc�c��7������*_x0016__x0011_�����_x0004_�ݷ��[��3�p_x001A_�׶�k�����!���d�.$��wv�r�٥�g�^�_x001F_6p�^�|v^x�5:/_x0014_�x.俧�9�_x001E_�{?)ɛ�^�z�._x000F_`�ݒ�_x0008_�j�_x0016_�y�n{q_��unyҠ�����]r`j��s��`����d������_x0005_��_x001C_m[Ҿ�&amp;_`Ŋ-�efu��~_x0004_l�tx��=����,hasthumbnail,hasvisitorpermissions,id,id),items(deleted,items</t>
  </si>
  <si>
    <t>http:///batch?%24ct=multipart%2Fmixed%3B%20boundary%3D%22%3D%3D%3D%3D%3Dk4uoci1yyhw%3D%3D%3D%3D%3D%22&amp;key=AIzaSyAy9VVXHSpS2IJpptzYtGbLP3-3_l0aBk4</t>
  </si>
  <si>
    <t>1c3c12bd-3b28-4193-9d13-43b92a25c28c.tmp</t>
  </si>
  <si>
    <t>\\acsfs\profiles$\isabellegtds\Downloads\1c3c12bd-3b28-4193-9d13-43b92a25c28c.tmp</t>
  </si>
  <si>
    <t>5ed4707b-bd4d-4cf0-b4a5-6501d0318bb2.tmp</t>
  </si>
  <si>
    <t>\\acsfs\profiles$\gabriellalpr\Downloads\5ed4707b-bd4d-4cf0-b4a5-6501d0318bb2.tmp</t>
  </si>
  <si>
    <t>ecf94838-0142-4f69-876b-76b21c50d9eb.tmp</t>
  </si>
  <si>
    <t>\\acsfs\profiles$\LUISPLS\Downloads\ecf94838-0142-4f69-876b-76b21c50d9eb.tmp</t>
  </si>
  <si>
    <t>\\acsfs\profiles$\brendavdoa\My Documents\My Pictures\</t>
  </si>
  <si>
    <t>untitled.png</t>
  </si>
  <si>
    <t>\\acsfs\profiles$\brendavdoa\My Documents\My Pictures\untitled.png</t>
  </si>
  <si>
    <t>\\acsfs\profiles$\brendavdoa\Downloads\$RECYCLE.BIN\</t>
  </si>
  <si>
    <t>$IC6U31C.pdf</t>
  </si>
  <si>
    <t>\\acsfs\profiles$\brendavdoa\Downloads\$RECYCLE.BIN\$IC6U31C.pdf</t>
  </si>
  <si>
    <t>$IE3BPR9.crdownload</t>
  </si>
  <si>
    <t>\\acsfs\profiles$\brendavdoa\Downloads\$RECYCLE.BIN\$IE3BPR9.crdownload</t>
  </si>
  <si>
    <t>$IVIM2D8.partial</t>
  </si>
  <si>
    <t>\\acsfs\profiles$\brendavdoa\Downloads\$RECYCLE.BIN\$IVIM2D8.partial</t>
  </si>
  <si>
    <t>$IS2IXEX.ica</t>
  </si>
  <si>
    <t>\\acsfs\profiles$\brendavdoa\Downloads\$RECYCLE.BIN\$IS2IXEX.ica</t>
  </si>
  <si>
    <t>$IWZ0GXV.xlsx</t>
  </si>
  <si>
    <t>\\acsfs\profiles$\brendavdoa\Downloads\$RECYCLE.BIN\$IWZ0GXV.xlsx</t>
  </si>
  <si>
    <t>$ICQEPFH.ica</t>
  </si>
  <si>
    <t>\\acsfs\profiles$\brendavdoa\Downloads\$RECYCLE.BIN\$ICQEPFH.ica</t>
  </si>
  <si>
    <t>$IG7TH7D.ica</t>
  </si>
  <si>
    <t>\\acsfs\profiles$\brendavdoa\Downloads\$RECYCLE.BIN\$IG7TH7D.ica</t>
  </si>
  <si>
    <t>$I7P2S5P.ica</t>
  </si>
  <si>
    <t>\\acsfs\profiles$\brendavdoa\Downloads\$RECYCLE.BIN\$I7P2S5P.ica</t>
  </si>
  <si>
    <t>$IXTPV6S.ica</t>
  </si>
  <si>
    <t>\\acsfs\profiles$\brendavdoa\Downloads\$RECYCLE.BIN\$IXTPV6S.ica</t>
  </si>
  <si>
    <t>$IQFEFEU.cr</t>
  </si>
  <si>
    <t>\\acsfs\profiles$\brendavdoa\Downloads\$RECYCLE.BIN\$IQFEFEU.cr</t>
  </si>
  <si>
    <t>$I7877IF.xlsx</t>
  </si>
  <si>
    <t>\\acsfs\profiles$\brendavdoa\Downloads\$RECYCLE.BIN\$I7877IF.xlsx</t>
  </si>
  <si>
    <t>$IEL9QND.xlsx</t>
  </si>
  <si>
    <t>\\acsfs\profiles$\brendavdoa\Downloads\$RECYCLE.BIN\$IEL9QND.xlsx</t>
  </si>
  <si>
    <t>\\acsfs\profiles$\brendavdoa\My Documents\My Videos\</t>
  </si>
  <si>
    <t>\\acsfs\profiles$\brendavdoa\My Documents\My Videos\untitled.png</t>
  </si>
  <si>
    <t>5edf2e10-b54f-4b59-add3-af7de719ed4b.tmp</t>
  </si>
  <si>
    <t>\\acsfs\profiles$\leticiala\Downloads\5edf2e10-b54f-4b59-add3-af7de719ed4b.tmp</t>
  </si>
  <si>
    <t>ad0cdedf-1c9a-476e-b493-1d7a1d38ae69.tmp</t>
  </si>
  <si>
    <t>\\acsfs\profiles$\luanarda\Downloads\ad0cdedf-1c9a-476e-b493-1d7a1d38ae69.tmp</t>
  </si>
  <si>
    <t>\\acsfs\profiles$\brendavdoa\My Documents\My Pictures\$RECYCLE.BIN\</t>
  </si>
  <si>
    <t>$IMA553R.png</t>
  </si>
  <si>
    <t>\\acsfs\profiles$\brendavdoa\My Documents\My Pictures\$RECYCLE.BIN\$IMA553R.png</t>
  </si>
  <si>
    <t>lu150961grsqh.tmp</t>
  </si>
  <si>
    <t>\\acsfs\profiles$\BRUNAAR\Numero\lu150961grsqh.tmp</t>
  </si>
  <si>
    <t>lu150961grsql.tmp</t>
  </si>
  <si>
    <t>\\acsfs\profiles$\BRUNAAR\Numero\lu150961grsql.tmp</t>
  </si>
  <si>
    <t>lu150961grsqp.tmp</t>
  </si>
  <si>
    <t>\\acsfs\profiles$\BRUNAAR\Numero\lu150961grsqp.tmp</t>
  </si>
  <si>
    <t>"[[];0];0]6;0]kind;0]n\lib\_x000E_gen-p;0]�_x000F_y���ӈ3k��;1;1249879475;1578483183727;1578487095663;1578487998656;1578489804891;1578496035312;17;1738007010;1]";20;21;26;4;62f782-ef2f-4018-bf8a-e9a53647a531\";7r�p�� ��_x0017_�_x0012_&amp;;["157;[1];[3700735];[];[]];[]]"];[]]];[null;ancestorhasaugmentedpermissions;andrelpsa@algartech.com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aristelavodq@bv.algartech.com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a2yrts9lxdwy2a2qw-5owt</t>
  </si>
  <si>
    <t>"[[],0],0]6,0]kind,0]n\lib\_x000E_gen-p,0]�_x000F_y���ӈ3k��,1,1249879475,1578483183727,1578487095663,1578487998656,1578489804891,1578496035312,17,1738007010,1]",20,21,26,4,62f782-ef2f-4018-bf8a-e9a53647a531\",7r�p�� ��_x0017_�_x0012_&amp;,["157,[1],[3700735],[],[]],[]]"],[]]],[null,ancestorhasaugmentedpermissions,andrelpsa@algartech.com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aristelavodq@bv.algartech.com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a2yrts9lxdwy2a2qw-5owt</t>
  </si>
  <si>
    <t>mail.google.com/sync/u/0/i/s?hl=pt-BR&amp;c=882</t>
  </si>
  <si>
    <t>"languagecode":"pt-br";"requesttype":"background_request";"scenariotype;"timezone":"-03:00";andrelpsa@algartech.com;ess"}};maristelavodq@bv.algartech.com;p";supervisaobancovotorantim@algartech.com;talmaiardo@algartech.com;thiagolrc@bv.algartech.com;</t>
  </si>
  <si>
    <t>"languagecode":"pt-br","requesttype":"background_request","scenariotype,"timezone":"-03:00",andrelpsa@algartech.com,ess"}},maristelavodq@bv.algartech.com,p",supervisaobancovotorantim@algartech.com,talmaiardo@algartech.com,thiagolrc@bv.algartech.com</t>
  </si>
  <si>
    <t>mail.google.com/sync/u/0/i/s?hl=pt-BR&amp;c=884</t>
  </si>
  <si>
    <t>0]606;1249879475;1578492122099;8;[];[]]];ancest;andrelpsa@algartech.com;containsunsubscribedchildren;displayname;domain;emailaddress;false;filesize;id);lastmodifyinguser(kind;lastviewedbymedate;maristelavodq@bv.algartech.com;modifiedbymedate;null;ontainsunsubscribedchildren;owners(kind;permissionid;pictu;picture;rpermissions;sox6hol5kanqwbau83b0q5tkjn-hbfch3-4j8cwcvib1u3yw_dbg2iyqsj0vym_b7dfqnwqgkbws1m2cqbfimye2oacaz-vdoe0myeoq9px5wwx6exb7icqyohpqang4pirsidha80hu-xwnd3jeagwtrute_mttiv2j3j8itcgmyhiqrlntav2d-7hfahvdcamin68apujhe3y1su7qunhz0ipgsfwvkqnyvl_eg4bvnh-hxka\";supervisaobancovotorantim@algartech.com;talmaiardo@algartech.com;thiagolrc@bv.algartech.com;true]";workspaceids;</t>
  </si>
  <si>
    <t>0]606,1249879475,1578492122099,8,[],[]]],ancest,andrelpsa@algartech.com,containsunsubscribedchildren,displayname,domain,emailaddress,false,filesize,id),lastmodifyinguser(kind,lastviewedbymedate,maristelavodq@bv.algartech.com,modifiedbymedate,null,ontainsunsubscribedchildren,owners(kind,permissionid,pictu,picture,rpermissions,sox6hol5kanqwbau83b0q5tkjn-hbfch3-4j8cwcvib1u3yw_dbg2iyqsj0vym_b7dfqnwqgkbws1m2cqbfimye2oacaz-vdoe0myeoq9px5wwx6exb7icqyohpqang4pirsidha80hu-xwnd3jeagwtrute_mttiv2j3j8itcgmyhiqrlntav2d-7hfahvdcamin68apujhe3y1su7qunhz0ipgsfwvkqnyvl_eg4bvnh-hxka\",supervisaobancovotorantim@algartech.com,talmaiardo@algartech.com,thiagolrc@bv.algartech.com,true]",workspaceids</t>
  </si>
  <si>
    <t>mail.google.com/sync/u/0/i/s?hl=pt-BR&amp;c=886</t>
  </si>
  <si>
    <t>"languagecode":"pt-br";"requesttype":"background_request";"scenariotype;"timezone":"-03:00";1578482882712000]]];ancestorhasaugmentedpermissions;andrelpsa@algartech.com;containsunsubscribedchildren;cqov8pllmzi2akekfiouyzcli 7jwjedt;dczmta5mzm2otcxndawmze4naolcj ctkdp unz gewpytj/9eklatqogw5ndczmtg5odk4mdmr8rg/ a4e6y8ycw==";displayname;domain;emailaddress;file(kind;fileid;filesize;hasthumbnail;hasvisitorpermissions;id;id);items(deleted;kalgbcgki4cf1 /lz5gikfioulte4odmxodm0mzu5mze4odm5ntqkcgjxifksicfypwcwpytj/9eklatqogw5ndczmtg5odk4mdmrkie6j4qedae;kalgbcgkinnzn /lz5gikfsotodczmta5mzm2otcxndawmze4naolcj ctkdp unz gewpytj/9eklatqogw5ndczmtg5odk4mdmr8rg/ a4e6y8;ken;kind;lastmodifyinguser(kind;lastviewedbymedate;maristelavodq@bv.algartech.com;modifiedbymedate;modifieddate;ontainsunsubscribedchildren;owners(kind;p";per;permissionid;picture;shared;sharedwithmedate;supervisaobancovotorantim@algartech.com;talmaiardo@algartech.com;thiagolrc@bv.algartech.com;thumbnailversion;title;userpermission(role);workspaceids;</t>
  </si>
  <si>
    <t>"languagecode":"pt-br","requesttype":"background_request","scenariotype,"timezone":"-03:00",1578482882712000]]],ancestorhasaugmentedpermissions,andrelpsa@algartech.com,containsunsubscribedchildren,cqov8pllmzi2akekfiouyzcli 7jwjedt,dczmta5mzm2otcxndawmze4naolcj ctkdp unz gewpytj/9eklatqogw5ndczmtg5odk4mdmr8rg/ a4e6y8ycw==",displayname,domain,emailaddress,file(kind,fileid,filesize,hasthumbnail,hasvisitorpermissions,id,id),items(deleted,kalgbcgki4cf1 /lz5gikfioulte4odmxodm0mzu5mze4odm5ntqkcgjxifksicfypwcwpytj/9eklatqogw5ndczmtg5odk4mdmrkie6j4qedae,kalgbcgkinnzn /lz5gikfsotodczmta5mzm2otcxndawmze4naolcj ctkdp unz gewpytj/9eklatqogw5ndczmtg5odk4mdmr8rg/ a4e6y8,ken,kind,lastmodifyinguser(kind,lastviewedbymedate,maristelavodq@bv.algartech.com,modifiedbymedate,modifieddate,ontainsunsubscribedchildren,owners(kind,p",per,permissionid,picture,shared,sharedwithmedate,supervisaobancovotorantim@algartech.com,talmaiardo@algartech.com,thiagolrc@bv.algartech.com,thumbnailversion,title,userpermission(role),workspaceids</t>
  </si>
  <si>
    <t>mail.google.com/sync/u/0/i/s?hl=pt-BR&amp;c=888</t>
  </si>
  <si>
    <t>0]&lt;m;0]dchild_x0017_&gt;�k;0]s;1249879475;15;1578488299653;1578488600710;1578494229200;1738007010;21;22;[];[]]];andrelpsa@algartech.com;false;ken=ac4w5vix_z5c3vm9ln1dolghdosvr2cejg:1578482277703&amp;buildlabel=drive.web-frontend_20191211.00_p1;maristelavodq@bv.algartech.com;null;sox6hol5kanqwbau83b0q5tkjn-hbfch3-4j8cwcvib1u3yw_dbg2iyqsj0vym_b7dfqnwqgkbws1m2cqbfimye2oacaz-vdoe0myeoq9px5wwx6exb7icqyohpqang4pirsidha80hu-xwnd3jeagwtrute_mttiv2j3j8itcgmyhiqrlntav2d-7hfahvdcamin68aoejhe3yrrpkvpo0tr7gr773h1atzmoqbqahistrkhew\";supervisaobancovotorantim@algartech.com;talmaiardo@algartech.com;thiagolrc@bv.algartech.com;true]";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;ucqtrilxgzh2vmrvsg2jq1cbl4qg2jm47nvobhbfm_yn1fbbaidporrazpamsvj7sqad53jxy8lxn1gsuwlcokff-zk60jt6_mj0zjrpvewalsws</t>
  </si>
  <si>
    <t>0]&lt;m,0]dchild_x0017_&gt;�k,0]s,1249879475,15,1578488299653,1578488600710,1578494229200,1738007010,21,22,[],[]]],andrelpsa@algartech.com,false,ken=ac4w5vix_z5c3vm9ln1dolghdosvr2cejg:1578482277703&amp;buildlabel=drive.web-frontend_20191211.00_p1,maristelavodq@bv.algartech.com,null,sox6hol5kanqwbau83b0q5tkjn-hbfch3-4j8cwcvib1u3yw_dbg2iyqsj0vym_b7dfqnwqgkbws1m2cqbfimye2oacaz-vdoe0myeoq9px5wwx6exb7icqyohpqang4pirsidha80hu-xwnd3jeagwtrute_mttiv2j3j8itcgmyhiqrlntav2d-7hfahvdcamin68aoejhe3yrrpkvpo0tr7gr773h1atzmoqbqahistrkhew\",supervisaobancovotorantim@algartech.com,talmaiardo@algartech.com,thiagolrc@bv.algartech.com,true]",ucqtrilxgzh2vmrvsg2jq1cbl4qg2jm47nvobhbfm_yn1fbbaidporrazpamsvj7sqad53jxy8lxn1gsuwlcokff-zk60jt6_mj0zjrpvewalswsaovfsol0bx_rkft-rmwy6dhqz6nive-v4tcaj4fvjzk0ccvxd5874j_rcxytdcakyaqcq4lriewtnjwmfrnjuv2-4muryr1woqdsmriyrxpb6q0jomgaedsibdjbasd4smb8mgt27ilk1ir-3qlr8thwczlmmh8kcvmngv__blhlf2exr0tzn4s-c\",ucqtrilxgzh2vmrvsg2jq1cbl4qg2jm47nvobhbfm_yn1fbbaidporrazpamsvj7sqad53jxy8lxn1gsuwlcokff-zk60jt6_mj0zjrpvewalsws</t>
  </si>
  <si>
    <t>mail.google.com/sync/u/0/i/s?hl=pt-BR&amp;c=892</t>
  </si>
  <si>
    <t>mail.google.com/sync/u/0/i/s?hl=pt-BR&amp;c=896</t>
  </si>
  <si>
    <t>213601df-4bd1-43f7-88be-61735ed648d4.tmp</t>
  </si>
  <si>
    <t>\\acsfs\profiles$\leticiala\Downloads\213601df-4bd1-43f7-88be-61735ed648d4.tmp</t>
  </si>
  <si>
    <t>57377f2d-9e26-408d-9750-9307d42b8f1b.tmp</t>
  </si>
  <si>
    <t>\\acsfs\profiles$\adelvinsonle\Downloads\57377f2d-9e26-408d-9750-9307d42b8f1b.tmp</t>
  </si>
  <si>
    <t>f2049c84-c632-42aa-b31d-8b04c41fde3b.tmp</t>
  </si>
  <si>
    <t>\\acsfs\profiles$\geovannasm\Downloads\f2049c84-c632-42aa-b31d-8b04c41fde3b.tmp</t>
  </si>
  <si>
    <t>3ab8de63-53aa-411b-8c73-336883d1250c.tmp</t>
  </si>
  <si>
    <t>\\acsfs\profiles$\vivianalds\Downloads\3ab8de63-53aa-411b-8c73-336883d1250c.tmp</t>
  </si>
  <si>
    <t>3e5fd66a-6678-40ce-b09e-982d2e630940.tmp</t>
  </si>
  <si>
    <t>\\acsfs\profiles$\lorrainerdl\Downloads\3e5fd66a-6678-40ce-b09e-982d2e630940.tmp</t>
  </si>
  <si>
    <t>4075fd4b-e683-4cf6-b419-fc9b5e515ac9.tmp</t>
  </si>
  <si>
    <t>\\acsfs\profiles$\marcellewdl\Downloads\4075fd4b-e683-4cf6-b419-fc9b5e515ac9.tmp</t>
  </si>
  <si>
    <t>b31527c8-2d41-4669-8e82-2240fc217275.tmp</t>
  </si>
  <si>
    <t>\\acsfs\profiles$\gabrielafs\Downloads\b31527c8-2d41-4669-8e82-2240fc217275.tmp</t>
  </si>
  <si>
    <t>a6075b98-51b8-401e-9c33-00617c4ff2f2.tmp</t>
  </si>
  <si>
    <t>\\acsfs\profiles$\leonardobb\Downloads\a6075b98-51b8-401e-9c33-00617c4ff2f2.tmp</t>
  </si>
  <si>
    <t>2b2dce36-58f0-45fe-84d5-5cd78f831981.tmp</t>
  </si>
  <si>
    <t>\\acsfs\profiles$\vivianalds\Downloads\2b2dce36-58f0-45fe-84d5-5cd78f831981.tmp</t>
  </si>
  <si>
    <t>$IVBN839.png</t>
  </si>
  <si>
    <t>\\acsfs\profiles$\brendavdoa\My Documents\My Pictures\$RECYCLE.BIN\$IVBN839.png</t>
  </si>
  <si>
    <t>bd64d6f8-7818-4e51-932b-4b5e0291b81d.tmp</t>
  </si>
  <si>
    <t>\\acsfs\profiles$\brunalas\Downloads\bd64d6f8-7818-4e51-932b-4b5e0291b81d.tmp</t>
  </si>
  <si>
    <t>2764702a-1cf9-4b4c-97fe-9a20b1b402f0.tmp</t>
  </si>
  <si>
    <t>\\acsfs\profiles$\marcosvnds\Downloads\2764702a-1cf9-4b4c-97fe-9a20b1b402f0.tmp</t>
  </si>
  <si>
    <t>037b10f8-c4eb-44d9-8409-009b555d2159.tmp</t>
  </si>
  <si>
    <t>\\acsfs\profiles$\marcosvnds\Downloads\037b10f8-c4eb-44d9-8409-009b555d2159.tmp</t>
  </si>
  <si>
    <t>99fc4be7-c388-40ee-967f-a3939c8cf3fc.tmp</t>
  </si>
  <si>
    <t>\\acsfs\profiles$\marcosvnds\Downloads\99fc4be7-c388-40ee-967f-a3939c8cf3fc.tmp</t>
  </si>
  <si>
    <t>https://udpmailboxap01.acs.com.br:8443/h/search?si=21&amp;so=0&amp;sc=66420&amp;sfi=2&amp;st=conversation&amp;action=compose&amp;paction=paneview</t>
  </si>
  <si>
    <t>t;</t>
  </si>
  <si>
    <t>https://t</t>
  </si>
  <si>
    <t>t;thiagolrc@bv.algartech.com;</t>
  </si>
  <si>
    <t>https://t,thiagolrc@bv.algartech.com</t>
  </si>
  <si>
    <t>49532378-e81a-48dd-b595-4b01f29d66cd.tmp</t>
  </si>
  <si>
    <t>\\acsfs\profiles$\luanaagl\Downloads\49532378-e81a-48dd-b595-4b01f29d66cd.tmp</t>
  </si>
  <si>
    <t>03690b0c-12fb-447d-93ee-895e902beb88.tmp</t>
  </si>
  <si>
    <t>\\acsfs\profiles$\luanaagl\Downloads\03690b0c-12fb-447d-93ee-895e902beb88.tmp</t>
  </si>
  <si>
    <t>c0329703-8bbf-4e0c-9343-a27a70d623bb.tmp</t>
  </si>
  <si>
    <t>\\acsfs\profiles$\brunalas\Downloads\c0329703-8bbf-4e0c-9343-a27a70d623bb.tmp</t>
  </si>
  <si>
    <t>833acc34-e7e1-49ab-8622-bbcc78f864a5.tmp</t>
  </si>
  <si>
    <t>\\acsfs\profiles$\marcosvnds\Downloads\833acc34-e7e1-49ab-8622-bbcc78f864a5.tmp</t>
  </si>
  <si>
    <t>56b3ac87-8d69-45af-84a4-cf485e4093c9.tmp</t>
  </si>
  <si>
    <t>\\acsfs\profiles$\marcosvnds\Downloads\56b3ac87-8d69-45af-84a4-cf485e4093c9.tmp</t>
  </si>
  <si>
    <t>af66252c-6aa9-4711-8784-0d473b787e7b.tmp</t>
  </si>
  <si>
    <t>\\acsfs\profiles$\marcosvnds\Downloads\af66252c-6aa9-4711-8784-0d473b787e7b.tmp</t>
  </si>
  <si>
    <t>512a31c8-dbe8-4939-aca4-282a74262433.tmp</t>
  </si>
  <si>
    <t>\\acsfs\profiles$\geovannasm\Downloads\512a31c8-dbe8-4939-aca4-282a74262433.tmp</t>
  </si>
  <si>
    <t>6d7c97ce-1401-4184-94f2-308c0ef252d5.tmp</t>
  </si>
  <si>
    <t>\\acsfs\profiles$\francislayneads\Downloads\6d7c97ce-1401-4184-94f2-308c0ef252d5.tmp</t>
  </si>
  <si>
    <t>lu120163sty3x.tmp</t>
  </si>
  <si>
    <t>\\acsfs\profiles$\CLAUDIAJCA\lu120163sty3x.tmp</t>
  </si>
  <si>
    <t>\\acsfs\profiles$\CLAUDIAJCA\lu120163sty3x.tmp\</t>
  </si>
  <si>
    <t>\\acsfs\profiles$\CLAUDIAJCA\lu120163sty3x.tmp\META-INF\</t>
  </si>
  <si>
    <t>\\acsfs\profiles$\CLAUDIAJCA\lu120163sty3x.tmp\Thumbnails\</t>
  </si>
  <si>
    <t>c2dbeb14-83e7-4942-adef-56ae34018c28.tmp</t>
  </si>
  <si>
    <t>\\acsfs\profiles$\larissaad\Downloads\c2dbeb14-83e7-4942-adef-56ae34018c28.tmp</t>
  </si>
  <si>
    <t>514d6df7-d475-4fbc-b90c-8f28be52d6e9.tmp</t>
  </si>
  <si>
    <t>\\acsfs\profiles$\marcosvnds\Downloads\514d6df7-d475-4fbc-b90c-8f28be52d6e9.tmp</t>
  </si>
  <si>
    <t>37c6eb73-e149-4802-8fe9-588280511e9f.tmp</t>
  </si>
  <si>
    <t>\\acsfs\profiles$\marcosvnds\Downloads\37c6eb73-e149-4802-8fe9-588280511e9f.tmp</t>
  </si>
  <si>
    <t>c7082fea-df5f-4c24-a6b4-2ff7738a6f77.tmp</t>
  </si>
  <si>
    <t>\\acsfs\profiles$\paulovadc\Downloads\c7082fea-df5f-4c24-a6b4-2ff7738a6f77.tmp</t>
  </si>
  <si>
    <t>3ef0801f-8361-4d19-933c-198ab95517d6.tmp</t>
  </si>
  <si>
    <t>\\acsfs\profiles$\lorrainerdl\Downloads\3ef0801f-8361-4d19-933c-198ab95517d6.tmp</t>
  </si>
  <si>
    <t>74cfbfe1-1d2e-4937-a4ec-d8a029716e95.tmp</t>
  </si>
  <si>
    <t>\\acsfs\profiles$\lorrainerdl\Downloads\74cfbfe1-1d2e-4937-a4ec-d8a029716e95.tmp</t>
  </si>
  <si>
    <t>4f69b378-ba60-4475-bb7d-bd82638f52ae.tmp</t>
  </si>
  <si>
    <t>\\acsfs\profiles$\rafaelamsv\Downloads\4f69b378-ba60-4475-bb7d-bd82638f52ae.tmp</t>
  </si>
  <si>
    <t>0525fb3e-95c6-40bc-810b-ec09312c93f4.tmp</t>
  </si>
  <si>
    <t>\\acsfs\profiles$\marcellewdl\Downloads\0525fb3e-95c6-40bc-810b-ec09312c93f4.tmp</t>
  </si>
  <si>
    <t>Gustavomro</t>
  </si>
  <si>
    <t>\\acsfs\profiles$\Gustavomro\My Documents\My Pictures\</t>
  </si>
  <si>
    <t>\\acsfs\profiles$\Gustavomro\My Documents\My Videos\desktop.ini</t>
  </si>
  <si>
    <t>\\acsfs\profiles$\Gustavomro\My Documents\My Videos\</t>
  </si>
  <si>
    <t>\\acsfs\profiles$\Gustavomro\My Documents\My Music\</t>
  </si>
  <si>
    <t>\\acsfs\profiles$\Gustavomro\My Documents\My Pictures\desktop.ini</t>
  </si>
  <si>
    <t>\\acsfs\profiles$\Gustavomro\Contacts\</t>
  </si>
  <si>
    <t>\\acsfs\profiles$\Gustavomro\Contacts\desktop.ini</t>
  </si>
  <si>
    <t>\\acsfs\profiles$\Gustavomro\My Documents\</t>
  </si>
  <si>
    <t>\\acsfs\profiles$\Gustavomro\Favorites\desktop.ini</t>
  </si>
  <si>
    <t>\\acsfs\profiles$\Gustavomro\My Documents\My Music\desktop.ini</t>
  </si>
  <si>
    <t>\\acsfs\profiles$\Gustavomro\Searches\</t>
  </si>
  <si>
    <t>\\acsfs\profiles$\Gustavomro\Searches\desktop.ini</t>
  </si>
  <si>
    <t>\\acsfs\profiles$\Gustavomro\Downloads\</t>
  </si>
  <si>
    <t>\\acsfs\profiles$\Gustavomro\Downloads\desktop.ini</t>
  </si>
  <si>
    <t>\\acsfs\profiles$\Gustavomro\Favorites\</t>
  </si>
  <si>
    <t>\\acsfs\profiles$\Gustavomro\My Documents\desktop.ini</t>
  </si>
  <si>
    <t>\\acsfs\profiles$\Gustavomro\Saved Games\desktop.ini</t>
  </si>
  <si>
    <t>\\acsfs\profiles$\Gustavomro\Saved Games\</t>
  </si>
  <si>
    <t>joaogvc@algartech.com;katia.cardoso@bv.com.br;leonardoao@algartech.com;marianadjc@algartech.com;paulacn@algartech.com;rafaelggs@algartech.com;robsonams@algartech.com;taysdss@algartech.com;viniciussg@algartech.com;</t>
  </si>
  <si>
    <t>joaogvc@algartech.com,katia.cardoso@bv.com.br,leonardoao@algartech.com,marianadjc@algartech.com,paulacn@algartech.com,rafaelggs@algartech.com,robsonams@algartech.com,taysdss@algartech.com,viniciussg@algartech.com</t>
  </si>
  <si>
    <t>algartechcpcbv@algartech.com;andrelpsa@algartech.com;gabrielsma@algartech.com;joaogvc@algartech.com;leonardoao@algartech.com;marianadjc@algartech.com;maristelavodq@bv.algartech.com;mirianppb@algartech.com;paulacn@algartech.com;qualidadealgarbv@algartech.com;rafaelggs@algartech.com;robsonams@algartech.com;supervisaobancovotorantim@algartech.com;talmaiardo@algartech.com;taysdss@algartech.com;thiagolrc@bv.algartech.com;thiagordu@algartech.com;viniciussg@algartech.com;</t>
  </si>
  <si>
    <t>algartechcpcbv@algartech.com,andrelpsa@algartech.com,gabrielsma@algartech.com,joaogvc@algartech.com,leonardoao@algartech.com,marianadjc@algartech.com,maristelavodq@bv.algartech.com,mirianppb@algartech.com,paulacn@algartech.com,qualidadealgarbv@algartech.com,rafaelggs@algartech.com,robsonams@algartech.com,supervisaobancovotorantim@algartech.com,talmaiardo@algartech.com,taysdss@algartech.com,thiagolrc@bv.algartech.com,thiagordu@algartech.com,viniciussg@algartech.com</t>
  </si>
  <si>
    <t>andrelpsa@algartech.com;joaogvc@algartech.com;leonardoao@algartech.com;marianadjc@algartech.com;maristelavodq@bv.algartech.com;paulacn@algartech.com;rafaelggs@algartech.com;robsonams@algartech.com;taysdss@algartech.com;viniciussg@algartech.com;</t>
  </si>
  <si>
    <t>andrelpsa@algartech.com,joaogvc@algartech.com,leonardoao@algartech.com,marianadjc@algartech.com,maristelavodq@bv.algartech.com,paulacn@algartech.com,rafaelggs@algartech.com,robsonams@algartech.com,taysdss@algartech.com,viniciussg@algartech.com</t>
  </si>
  <si>
    <t>joaogvc@algartech.com;leonardoao@algartech.com;marianadjc@algartech.com;paulacn@algartech.com;rafaelggs@algartech.com;robsonams@algartech.com;taysdss@algartech.com;thiagordu@algartech.com;viniciussg@algartech.com;</t>
  </si>
  <si>
    <t>joaogvc@algartech.com,leonardoao@algartech.com,marianadjc@algartech.com,paulacn@algartech.com,rafaelggs@algartech.com,robsonams@algartech.com,taysdss@algartech.com,thiagordu@algartech.com,viniciussg@algartech.com</t>
  </si>
  <si>
    <t>joaogvc@algartech.com;leonardoao@algartech.com;paulacn@algartech.com;rafaelggs@algartech.com;robsonams@algartech.com;taysdss@algartech.com;viniciussg@algartech.com;</t>
  </si>
  <si>
    <t>joaogvc@algartech.com,leonardoao@algartech.com,paulacn@algartech.com,rafaelggs@algartech.com,robsonams@algartech.com,taysdss@algartech.com,viniciussg@algartech.com</t>
  </si>
  <si>
    <t>8604c94e-d49b-465f-b9eb-2e2006fc48ed.tmp</t>
  </si>
  <si>
    <t>\\acsfs\profiles$\lorenabmc\Downloads\8604c94e-d49b-465f-b9eb-2e2006fc48ed.tmp</t>
  </si>
  <si>
    <t>REGIS EZAIAS DA SILVA JUNIOR_1_6775246751301435575_1_32.wav</t>
  </si>
  <si>
    <t>\\acsfs\Deptos\EDUCACAO EMPRESARIAL\KÉSIA\Ligações 1º Ciclo - Janeiro 2020\REGIS EZAIAS DA SILVA JUNIOR_1_6775246751301435575_1_32.wav</t>
  </si>
  <si>
    <t>d6b0466f-33e4-4e45-b043-9eccab643a5e.tmp</t>
  </si>
  <si>
    <t>\\acsfs\profiles$\rafaelahpn\Downloads\d6b0466f-33e4-4e45-b043-9eccab643a5e.tmp</t>
  </si>
  <si>
    <t>870b9cf2-443c-408a-b6bf-75ff1d442a0e.tmp</t>
  </si>
  <si>
    <t>\\acsfs\profiles$\sarahbal\Downloads\870b9cf2-443c-408a-b6bf-75ff1d442a0e.tmp</t>
  </si>
  <si>
    <t>224a6be6-091c-4a24-b3dd-66a054eb8762.tmp</t>
  </si>
  <si>
    <t>\\acsfs\profiles$\THYAGOSP\Downloads\224a6be6-091c-4a24-b3dd-66a054eb8762.tmp</t>
  </si>
  <si>
    <t>winrt--{S-1-5-21-602162358-764733703-839522115-352941}-.searchconnector-ms</t>
  </si>
  <si>
    <t>\\acsfs\profiles$\Gustavomro\Searches\winrt--{S-1-5-21-602162358-764733703-839522115-352941}-.searchconnector-ms</t>
  </si>
  <si>
    <t>40e501e2-f956-4d1f-a94c-aeec1fbf3ea2.tmp</t>
  </si>
  <si>
    <t>\\acsfs\profiles$\KARENDSR\Downloads\40e501e2-f956-4d1f-a94c-aeec1fbf3ea2.tmp</t>
  </si>
  <si>
    <t>4ee93a28-018d-4bf6-862a-e91688ff37f7.tmp</t>
  </si>
  <si>
    <t>\\acsfs\profiles$\KARENDSR\Downloads\4ee93a28-018d-4bf6-862a-e91688ff37f7.tmp</t>
  </si>
  <si>
    <t>2344d726-fbb6-43de-be8d-40a3d64dff8d.tmp</t>
  </si>
  <si>
    <t>\\acsfs\profiles$\geovannasm\Downloads\2344d726-fbb6-43de-be8d-40a3d64dff8d.tmp</t>
  </si>
  <si>
    <t>9ff468d9-c5ec-4006-b11e-c781b7570d7c.tmp</t>
  </si>
  <si>
    <t>\\acsfs\profiles$\luanaagl\Downloads\9ff468d9-c5ec-4006-b11e-c781b7570d7c.tmp</t>
  </si>
  <si>
    <t>c47df282-a850-4200-baa9-17a1aafc97de.tmp</t>
  </si>
  <si>
    <t>\\acsfs\profiles$\nataliacsl\Downloads\c47df282-a850-4200-baa9-17a1aafc97de.tmp</t>
  </si>
  <si>
    <t>mail.google.com/sync/u/0/i/fd?hl=pt-BR&amp;c=753</t>
  </si>
  <si>
    <t>RELATORIO DE LOGIN - BV CARTÕES 03-01 - Cópia.xlsm</t>
  </si>
  <si>
    <t>\\acsfs\DEPTOS\Operacao\PCP\5 - Comum\PLANEJAMENTO BV\14 - ACOMPANHAMENTO\1 - REPORT ACOMPANHAMENTO\2020\1 - JANEIRO\CARTÕES\Login Logout Cartões\RELATORIO DE LOGIN - BV CARTÕES 03-01 - Cópia.xlsm</t>
  </si>
  <si>
    <t>Clientes.txt</t>
  </si>
  <si>
    <t>\\acsfs\profiles$\jonathanwap\Clientes.txt</t>
  </si>
  <si>
    <t>c94fbeef-6588-4205-b5e8-5c11d84e041c.tmp</t>
  </si>
  <si>
    <t>\\acsfs\profiles$\francislayneads\Downloads\c94fbeef-6588-4205-b5e8-5c11d84e041c.tmp</t>
  </si>
  <si>
    <t>5ee65d7c-af73-4366-859c-ac2382a2821b.tmp</t>
  </si>
  <si>
    <t>\\acsfs\profiles$\gabrielaff\Downloads\5ee65d7c-af73-4366-859c-ac2382a2821b.tmp</t>
  </si>
  <si>
    <t>be93fa01-ec94-4e9e-b253-3eb3e534e440.tmp</t>
  </si>
  <si>
    <t>\\acsfs\profiles$\gabrielaff\Downloads\be93fa01-ec94-4e9e-b253-3eb3e534e440.tmp</t>
  </si>
  <si>
    <t>c8dd1703-9f7b-4362-a84f-014b1e6e8085.tmp</t>
  </si>
  <si>
    <t>\\acsfs\profiles$\inarajst\Downloads\c8dd1703-9f7b-4362-a84f-014b1e6e8085.tmp</t>
  </si>
  <si>
    <t>16e4eb5e-8399-4617-b354-d160f3ca12f6.tmp</t>
  </si>
  <si>
    <t>\\acsfs\profiles$\luanaagl\Downloads\16e4eb5e-8399-4617-b354-d160f3ca12f6.tmp</t>
  </si>
  <si>
    <t>FLAVIA CRISTINE DA SILVA TEIXEIRA_1_6775237766229864638_1_32.wav</t>
  </si>
  <si>
    <t>\\acsfs\Deptos\EDUCACAO EMPRESARIAL\KÉSIA\Ligações 1º Ciclo - Janeiro 2020\FLAVIA CRISTINE DA SILVA TEIXEIRA_1_6775237766229864638_1_32.wav</t>
  </si>
  <si>
    <t>f611191f-0192-4ed6-a5b1-670772cd2cf1.tmp</t>
  </si>
  <si>
    <t>\\acsfs\profiles$\KARENJSS\Downloads\f611191f-0192-4ed6-a5b1-670772cd2cf1.tmp</t>
  </si>
  <si>
    <t>2ca6b843-d00d-42a8-9018-76b0c96cb49c.tmp</t>
  </si>
  <si>
    <t>\\acsfs\profiles$\KARENJSS\Downloads\2ca6b843-d00d-42a8-9018-76b0c96cb49c.tmp</t>
  </si>
  <si>
    <t>\\acsfs\ACS\Gabriel da Silva\Contemporânea\BDBV\A5EFC595.tmp\</t>
  </si>
  <si>
    <t>\\acsfs\ACS\Gabriel da Silva\Contemporânea\BDBV\A5EFC595.tmp\:Zone.Identifier:$DATA</t>
  </si>
  <si>
    <t>\\acsfs\ACS\Gabriel da Silva\Contemporânea\BDBV\A5EFC595.tmp</t>
  </si>
  <si>
    <t>A5EFC595.tmp</t>
  </si>
  <si>
    <t>/o=exchangelabs/ou=exchange administrative group (fydibohf23spdlt)/cn=recipients/cn=066f391e261e41d38723bb6e42c3a6b3-josias cava;/o=exchangelabs/ou=exchange administrative group (fydibohf23spdlt)/cn=recipients/cn=5af2cae509964078b2026f7f550380b0-andre luis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d7b7225eca6c432cb952e8bf01b50f4b-algar tech;/o=exchangelabs/ou=exchange administrative group (fydibohf23spdlt)/cn=recipients/cn=e47f7192d7b143e286620292e5ce82f2-mirian pris;/o=exchangelabs/ou=exchange administrative group (fydibohf23spdlt)/cn=recipients/cn=f23199a9eb1c4dab9b7d7d0688901f52-marta lucia;/o=exchangelabs/ou=exchange administrative group (fydibohf23spdlt)/cn=recipients/cn=groupd5c96cfa;maristelavodq@bv.algartec</t>
  </si>
  <si>
    <t>ERRATA - Banco de Dados - 08/01</t>
  </si>
  <si>
    <t>/o=exchangelabs/ou=exchange administrative group (fydibohf23spdlt)/cn=recipients/cn=066f391e261e41d38723bb6e42c3a6b3-josias cava,/o=exchangelabs/ou=exchange administrative group (fydibohf23spdlt)/cn=recipients/cn=5af2cae509964078b2026f7f550380b0-andre luis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d7b7225eca6c432cb952e8bf01b50f4b-algar tech,/o=exchangelabs/ou=exchange administrative group (fydibohf23spdlt)/cn=recipients/cn=e47f7192d7b143e286620292e5ce82f2-mirian pris,/o=exchangelabs/ou=exchange administrative group (fydibohf23spdlt)/cn=recipients/cn=f23199a9eb1c4dab9b7d7d0688901f52-marta lucia,/o=exchangelabs/ou=exchange administrative group (fydibohf23spdlt)/cn=recipients/cn=groupd5c96cfa,maristelavodq@bv.algartec</t>
  </si>
  <si>
    <t>a59bcc50-5c2c-473a-8d48-b9af8ee6139f.tmp</t>
  </si>
  <si>
    <t>\\acsfs\profiles$\quindaizaagds\Downloads\a59bcc50-5c2c-473a-8d48-b9af8ee6139f.tmp</t>
  </si>
  <si>
    <t>38c84b1c-f62a-4ed7-8011-aedfef69f002.tmp</t>
  </si>
  <si>
    <t>\\acsfs\profiles$\quindaizaagds\Downloads\38c84b1c-f62a-4ed7-8011-aedfef69f002.tmp</t>
  </si>
  <si>
    <t>f99259ea-11c0-4cdd-8bde-0cc8ce781eaf.tmp</t>
  </si>
  <si>
    <t>\\acsfs\profiles$\quindaizaagds\Downloads\f99259ea-11c0-4cdd-8bde-0cc8ce781eaf.tmp</t>
  </si>
  <si>
    <t>5752571a-94f6-45c3-9cb5-4237af7fe6cc.tmp</t>
  </si>
  <si>
    <t>\\acsfs\profiles$\nathaliarmr\Downloads\5752571a-94f6-45c3-9cb5-4237af7fe6cc.tmp</t>
  </si>
  <si>
    <t>mail.google.com/sync/u/0/i/s?hl=pt-BR&amp;c=800</t>
  </si>
  <si>
    <t>cda5e306-b576-4f7a-ad49-4ce5d1f55b68.tmp</t>
  </si>
  <si>
    <t>\\acsfs\profiles$\wedersonbadr\My Documents\My Music\cda5e306-b576-4f7a-ad49-4ce5d1f55b68.tmp</t>
  </si>
  <si>
    <t>d1350a84-b37c-4428-823a-e9a22177ed04.tmp</t>
  </si>
  <si>
    <t>\\acsfs\profiles$\isabellegtds\Downloads\d1350a84-b37c-4428-823a-e9a22177ed04.tmp</t>
  </si>
  <si>
    <t>4906274e-06eb-419d-a35e-ff4ee74ba20a.tmp</t>
  </si>
  <si>
    <t>\\acsfs\profiles$\luanaagl\Downloads\4906274e-06eb-419d-a35e-ff4ee74ba20a.tmp</t>
  </si>
  <si>
    <t>529fb9ed-934c-4d55-ac00-4b4f0ffa4b04.tmp</t>
  </si>
  <si>
    <t>\\acsfs\profiles$\andrezacapf\Downloads\529fb9ed-934c-4d55-ac00-4b4f0ffa4b04.tmp</t>
  </si>
  <si>
    <t>df97acce-a257-4358-aa7e-78cecffe9bf1.tmp</t>
  </si>
  <si>
    <t>\\acsfs\profiles$\nataliacsl\Downloads\df97acce-a257-4358-aa7e-78cecffe9bf1.tmp</t>
  </si>
  <si>
    <t>cf8e0505-0348-4603-9ea7-c3734d46aa49.tmp</t>
  </si>
  <si>
    <t>\\acsfs\profiles$\georgendsq\Downloads\cf8e0505-0348-4603-9ea7-c3734d46aa49.tmp</t>
  </si>
  <si>
    <t>4092ff24-972c-44bd-a5c0-680837aee68f.tmp</t>
  </si>
  <si>
    <t>\\acsfs\profiles$\georgendsq\Downloads\4092ff24-972c-44bd-a5c0-680837aee68f.tmp</t>
  </si>
  <si>
    <t>fa326d2c-e982-4bde-bbb4-70c273951896.tmp</t>
  </si>
  <si>
    <t>\\acsfs\profiles$\georgendsq\Downloads\fa326d2c-e982-4bde-bbb4-70c273951896.tmp</t>
  </si>
  <si>
    <t>e6be667b-2a6a-47b6-9f3e-d890fa544f09.tmp</t>
  </si>
  <si>
    <t>\\acsfs\profiles$\georgendsq\Downloads\e6be667b-2a6a-47b6-9f3e-d890fa544f09.tmp</t>
  </si>
  <si>
    <t>88420e05-97da-48e3-8144-8bfb78d3cee7.tmp</t>
  </si>
  <si>
    <t>\\acsfs\profiles$\georgendsq\Downloads\88420e05-97da-48e3-8144-8bfb78d3cee7.tmp</t>
  </si>
  <si>
    <t>1ac16abe-6c4d-4435-8de5-d90df4148c36.tmp</t>
  </si>
  <si>
    <t>\\acsfs\profiles$\LUISPLS\Downloads\1ac16abe-6c4d-4435-8de5-d90df4148c36.tmp</t>
  </si>
  <si>
    <t>9c7943d7-f2f2-4db1-8c49-ffced7ff21e0.tmp</t>
  </si>
  <si>
    <t>\\acsfs\profiles$\brendadsl\Downloads\9c7943d7-f2f2-4db1-8c49-ffced7ff21e0.tmp</t>
  </si>
  <si>
    <t>04e89f48-62f1-4ecb-971a-7673fc6a4f16.tmp</t>
  </si>
  <si>
    <t>\\acsfs\profiles$\brendadsl\Downloads\04e89f48-62f1-4ecb-971a-7673fc6a4f16.tmp</t>
  </si>
  <si>
    <t>8fea5851-ad90-4eda-a5d1-5d8fba8e69ac.tmp</t>
  </si>
  <si>
    <t>\\acsfs\profiles$\brendadsl\Downloads\8fea5851-ad90-4eda-a5d1-5d8fba8e69ac.tmp</t>
  </si>
  <si>
    <t>99e8eba5-16bb-4254-86d0-14dac43fc0d6.tmp</t>
  </si>
  <si>
    <t>\\acsfs\profiles$\brendadsl\Downloads\99e8eba5-16bb-4254-86d0-14dac43fc0d6.tmp</t>
  </si>
  <si>
    <t>4f71e519-cecc-4766-83b1-d89ef744eadc.tmp</t>
  </si>
  <si>
    <t>\\acsfs\profiles$\brendadsl\Downloads\4f71e519-cecc-4766-83b1-d89ef744eadc.tmp</t>
  </si>
  <si>
    <t>BF2029B1.tmp</t>
  </si>
  <si>
    <t>\\acsfs\ACS\Gabriel da Silva\Contemporânea\Acessos\BF2029B1.tmp</t>
  </si>
  <si>
    <t>mail.google.com/sync/u/0/i/s?hl=pt-BR&amp;c=818</t>
  </si>
  <si>
    <t>andrelpsa@algartech.com;bvcartes-supervisores@algarnet.onmicrosoft.com;joaogvc@algartech.com;leonardoao@algartech.com;marianacds@algartech.com;marianadjc@algartech.com;maristelavodq@bv.algartech.com;paulacn@algartech.com;rafaelggs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maristelavodq@bv.algartech.com,paulacn@algartech.com,rafaelggs@algartech.com,taysdss@algartech.com,thiagordu@algartech.com,viniciussg@algartech.com</t>
  </si>
  <si>
    <t>RELATORIO DE LOGIN - BV CARTÕES 07-01.xlsm</t>
  </si>
  <si>
    <t>\\acsfs\DEPTOS\Operacao\PCP\5 - Comum\PLANEJAMENTO BV\14 - ACOMPANHAMENTO\1 - REPORT ACOMPANHAMENTO\2020\1 - JANEIRO\CARTÕES\Login Logout Cartões\RELATORIO DE LOGIN - BV CARTÕES 07-01.xlsm</t>
  </si>
  <si>
    <t>mail.google.com/_/upload?authuser=0&amp;dcp=asu-n&amp;upload_id=AEnB2UqHBngI_JzpkrJq9ikloo0DhD75-O7yaBgtxkKYBuTGddPH_v59k0RNZYANt6-5wmYgKN9ogq6Q3ldxDTDiJ06kb5FsE97NqZWm6a7GwZLn5EUpnro&amp;upload_protocol=resumable</t>
  </si>
  <si>
    <t>mail.google.com/sync/u/0/i/s?hl=pt-BR&amp;c=830</t>
  </si>
  <si>
    <t>lu107809isukp.tmp</t>
  </si>
  <si>
    <t>\\acsfs\profiles$\CINTIADCF\lu107809isukp.tmp</t>
  </si>
  <si>
    <t>\\acsfs\profiles$\CINTIADCF\lu107809isukp.tmp\</t>
  </si>
  <si>
    <t>\\acsfs\profiles$\CINTIADCF\lu107809isukp.tmp\META-INF\</t>
  </si>
  <si>
    <t>\\acsfs\profiles$\CINTIADCF\lu107809isukp.tmp\Thumbnails\</t>
  </si>
  <si>
    <t>10.200.66.128</t>
  </si>
  <si>
    <t>\\acsfs\profiles$\sorayadsr\Contacts\</t>
  </si>
  <si>
    <t>SORAYA DOS SANTOS REIS (21444).contact</t>
  </si>
  <si>
    <t>\\acsfs\profiles$\sorayadsr\Contacts\SORAYA DOS SANTOS REIS (21444).contact</t>
  </si>
  <si>
    <t>\\acsfs\profiles$\sorayadsr\My Documents\My Videos\</t>
  </si>
  <si>
    <t>\\acsfs\profiles$\sorayadsr\My Documents\My Videos\desktop.ini</t>
  </si>
  <si>
    <t>\\acsfs\profiles$\sorayadsr\My Documents\My Pictures\</t>
  </si>
  <si>
    <t>\\acsfs\profiles$\sorayadsr\My Documents\My Pictures\desktop.ini</t>
  </si>
  <si>
    <t>\\acsfs\profiles$\sorayadsr\Contacts\desktop.ini</t>
  </si>
  <si>
    <t>\\acsfs\profiles$\sorayadsr\Favorites\</t>
  </si>
  <si>
    <t>\\acsfs\profiles$\sorayadsr\Favorites\desktop.ini</t>
  </si>
  <si>
    <t>\\acsfs\profiles$\sorayadsr\My Documents\My Music\</t>
  </si>
  <si>
    <t>\\acsfs\profiles$\sorayadsr\My Documents\My Music\desktop.ini</t>
  </si>
  <si>
    <t>\\acsfs\profiles$\sorayadsr\Searches\</t>
  </si>
  <si>
    <t>\\acsfs\profiles$\sorayadsr\Searches\desktop.ini</t>
  </si>
  <si>
    <t>\\acsfs\profiles$\sorayadsr\Downloads\</t>
  </si>
  <si>
    <t>\\acsfs\profiles$\sorayadsr\Downloads\desktop.ini</t>
  </si>
  <si>
    <t>\\acsfs\profiles$\sorayadsr\My Documents\</t>
  </si>
  <si>
    <t>\\acsfs\profiles$\sorayadsr\My Documents\desktop.ini</t>
  </si>
  <si>
    <t>\\acsfs\profiles$\sorayadsr\Saved Games\</t>
  </si>
  <si>
    <t>\\acsfs\profiles$\sorayadsr\Saved Games\desktop.ini</t>
  </si>
  <si>
    <t>a66f5a0d-c470-4407-b35a-147893200b69.tmp</t>
  </si>
  <si>
    <t>\\acsfs\profiles$\andrezacapf\Downloads\a66f5a0d-c470-4407-b35a-147893200b69.tmp</t>
  </si>
  <si>
    <t>f8c8c786-774a-4a9e-b0ef-a5418f14bdd0.tmp</t>
  </si>
  <si>
    <t>\\acsfs\profiles$\andrezacapf\Downloads\f8c8c786-774a-4a9e-b0ef-a5418f14bdd0.tmp</t>
  </si>
  <si>
    <t>b3516287-68db-481c-a59a-23b5f8896b1a.tmp</t>
  </si>
  <si>
    <t>\\acsfs\profiles$\andrezacapf\Downloads\b3516287-68db-481c-a59a-23b5f8896b1a.tmp</t>
  </si>
  <si>
    <t>ed7c6f98-d535-4d36-aa8f-42d52d7baf12.tmp</t>
  </si>
  <si>
    <t>\\acsfs\profiles$\andrezacapf\Downloads\ed7c6f98-d535-4d36-aa8f-42d52d7baf12.tmp</t>
  </si>
  <si>
    <t>cd85f57f-502d-4a87-b08c-3eae7dc651d8.tmp</t>
  </si>
  <si>
    <t>\\acsfs\profiles$\andrezacapf\Downloads\cd85f57f-502d-4a87-b08c-3eae7dc651d8.tmp</t>
  </si>
  <si>
    <t>4cec0f1b-c9fa-4536-9058-64594f3bad47.tmp</t>
  </si>
  <si>
    <t>\\acsfs\profiles$\andrezacapf\Downloads\4cec0f1b-c9fa-4536-9058-64594f3bad47.tmp</t>
  </si>
  <si>
    <t>c2d97f9d-d503-400d-929b-ed605b42196e.tmp</t>
  </si>
  <si>
    <t>\\acsfs\profiles$\andrezacapf\Downloads\c2d97f9d-d503-400d-929b-ed605b42196e.tmp</t>
  </si>
  <si>
    <t>MATHEUS MARTINS ANANIAS XAVIER_1_6775573817355997468_1_32.wav</t>
  </si>
  <si>
    <t>\\acsfs\Deptos\EDUCACAO EMPRESARIAL\KÉSIA\Ligações 1º Ciclo - Janeiro 2020\MATHEUS MARTINS ANANIAS XAVIER_1_6775573817355997468_1_32.wav</t>
  </si>
  <si>
    <t>9d6b5a3b-8f29-45b2-aac4-0bfcb0a94612.tmp</t>
  </si>
  <si>
    <t>\\acsfs\profiles$\georgendsq\Downloads\9d6b5a3b-8f29-45b2-aac4-0bfcb0a94612.tmp</t>
  </si>
  <si>
    <t>e996186a-df7e-4bc4-aa07-67608647b53a.tmp</t>
  </si>
  <si>
    <t>\\acsfs\profiles$\KARENJSS\Downloads\e996186a-df7e-4bc4-aa07-67608647b53a.tmp</t>
  </si>
  <si>
    <t>7923F0BC.tmp</t>
  </si>
  <si>
    <t>\\acsfs\ACS\Gabriel da Silva\Contemporânea\Acessos\7923F0BC.tmp</t>
  </si>
  <si>
    <t>outlook.office.com/owa/service.svc?action=CreateItem&amp;app=Mail&amp;n=162</t>
  </si>
  <si>
    <t>andrelpsa@algartech.com;antoniocoj@algartech.com;leonardoao@algartech.com;ricardodfm@algartech.com.br;</t>
  </si>
  <si>
    <t>andrelpsa@algartech.com,antoniocoj@algartech.com,leonardoao@algartech.com,ricardodfm@algartech.com.br</t>
  </si>
  <si>
    <t>http:///batch?%24ct=multipart%2Fmixed%3B%20boundary%3D%22%3D%3D%3D%3D%3Decn63vom0bm2%3D%3D%3D%3D%3D%22&amp;key=AIzaSyAy9VVXHSpS2IJpptzYtGbLP3-3_l0aBk4</t>
  </si>
  <si>
    <t>http:///batch?%24ct=multipart%2Fmixed%3B%20boundary%3D%22%3D%3D%3D%3D%3D2vlnw19yza8l%3D%3D%3D%3D%3D%22&amp;key=AIzaSyAy9VVXHSpS2IJpptzYtGbLP3-3_l0aBk4</t>
  </si>
  <si>
    <t>http:///batch?%24ct=multipart%2Fmixed%3B%20boundary%3D%22%3D%3D%3D%3D%3Doxyck357pljr%3D%3D%3D%3D%3D%22&amp;key=AIzaSyAy9VVXHSpS2IJpptzYtGbLP3-3_l0aBk4</t>
  </si>
  <si>
    <t>http:///batch?%24ct=multipart%2Fmixed%3B%20boundary%3D%22%3D%3D%3D%3D%3Dtrpcistgbzrz%3D%3D%3D%3D%3D%22&amp;key=AIzaSyAy9VVXHSpS2IJpptzYtGbLP3-3_l0aBk4</t>
  </si>
  <si>
    <t>http:///batch?%24ct=multipart%2Fmixed%3B%20boundary%3D%22%3D%3D%3D%3D%3Dxdvmb7j3i6zh%3D%3D%3D%3D%3D%22&amp;key=AIzaSyAy9VVXHSpS2IJpptzYtGbLP3-3_l0aBk4</t>
  </si>
  <si>
    <t>http:///batch?%24ct=multipart%2Fmixed%3B%20boundary%3D%22%3D%3D%3D%3D%3Djs89wpezz9eo%3D%3D%3D%3D%3D%22&amp;key=AIzaSyAy9VVXHSpS2IJpptzYtGbLP3-3_l0aBk4</t>
  </si>
  <si>
    <t>http:///batch?%24ct=multipart%2Fmixed%3B%20boundary%3D%22%3D%3D%3D%3D%3Dqk93u669b66c%3D%3D%3D%3D%3D%22&amp;key=AIzaSyAy9VVXHSpS2IJpptzYtGbLP3-3_l0aBk4</t>
  </si>
  <si>
    <t>http:///batch?%24ct=multipart%2Fmixed%3B%20boundary%3D%22%3D%3D%3D%3D%3Drku8pzwb04e9%3D%3D%3D%3D%3D%22&amp;key=AIzaSyAy9VVXHSpS2IJpptzYtGbLP3-3_l0aBk4</t>
  </si>
  <si>
    <t>ancestorhasaugmentedpe;ancestorhasaugmentedpermissions;containsunsubscribedchildren;displayname;domain;emailaddres;emailaddress;file(kind;fileid;filesize;hasthumbnail;hasvisitorpermissions;id;id);items(deleted;ken;kind;lastmodifyinguser(kind;lastviewedbymedate;modifiedbymedate;modifieddate;ontainsunsubscribedchildren;owners(kind;per;permiss;permissionid;picture;rpermissions;shared;sharedwithmedate;thumbnailversion;title;userpermission(role);workspaceids;</t>
  </si>
  <si>
    <t>http://ancestorhasaugmentedpe,ancestorhasaugmentedpermissions,containsunsubscribedchildren,displayname,domain,emailaddres,emailaddress,file(kind,fileid,filesize,hasthumbnail,hasvisitorpermissions,id,id),items(deleted,ken,kind,lastmodifyinguser(kind,lastviewedbymedate,modifiedbymedate,modifieddate,ontainsunsubscribedchildren,owners(kind,per,permiss,permissionid,picture,rpermissions,shared,sharedwithmedate,thumbnailversion,title,userpermission(role),workspaceids</t>
  </si>
  <si>
    <t>Feedback Comportamento Vendas.txt</t>
  </si>
  <si>
    <t>\\acsfs\DEPTOS\Operacao\Banco_Votorantim\Supervisao\SUPERS BV CARTÕES\ADILSON\Feedback Comportamento Vendas.txt</t>
  </si>
  <si>
    <t>3a280782-ae13-43ee-ac2b-8c6c64131fab.tmp</t>
  </si>
  <si>
    <t>\\acsfs\profiles$\mariagsg\Downloads\3a280782-ae13-43ee-ac2b-8c6c64131fab.tmp</t>
  </si>
  <si>
    <t>9e2c15aa-f9f2-489c-9733-19668281a533.tmp</t>
  </si>
  <si>
    <t>\\acsfs\profiles$\geovannasm\Downloads\9e2c15aa-f9f2-489c-9733-19668281a533.tmp</t>
  </si>
  <si>
    <t>2a65b7cf-0801-4b65-a8c6-db2680113337.tmp</t>
  </si>
  <si>
    <t>\\acsfs\profiles$\regisadsa\Downloads\2a65b7cf-0801-4b65-a8c6-db2680113337.tmp</t>
  </si>
  <si>
    <t>"mozilla/5.0 (windows nt 6.1) applewebkit/537.36 (khtml;1;1249879475;13;13700167;13700185;13700235;13700451;13700607;13700883;13700946;1370095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1578500785593;31;5701393;[[13701214;[];[]]];ancestorhasaugmentedpermissions;containsunsubscribedchildren;displayname;domain;emailaddress;false;false];file(kind;fileid;filesize;gampqtp7yn6iriu24ksnqvk-esmg4wwpxf";hasthumbnail;hasvisitorpermissions;id;id);items(deleted;ken;kind;lastmodifyinguser(kind;lastviewedbymedate;like gecko) chrome/79.0.3945.88 safari/537.36";modifiedbymedate;modifieddate;null;ontainsunsubscribedchildren;owners(kind;per;permissionid;picture;pt-br;shared;sharedwithmedate;sox6hol5kanqwbau83b0q5tkjn-hbfch3-4j8cwcvib1u3yw_dbg2iyqsj0vym_b7dfqnwqgkbws1m2cqbfimye2oacaz-vd</t>
  </si>
  <si>
    <t>"mozilla/5.0 (windows nt 6.1) applewebkit/537.36 (khtml,1,1249879475,13,13700167,13700185,13700235,13700451,13700607,13700883,13700946,1370095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1578500785593,31,5701393,[[13701214,[],[]]],ancestorhasaugmentedpermissions,containsunsubscribedchildren,displayname,domain,emailaddress,false,false],file(kind,fileid,filesize,gampqtp7yn6iriu24ksnqvk-esmg4wwpxf",hasthumbnail,hasvisitorpermissions,id,id),items(deleted,ken,kind,lastmodifyinguser(kind,lastviewedbymedate,like gecko) chrome/79.0.3945.88 safari/537.36",modifiedbymedate,modifieddate,null,ontainsunsubscribedchildren,owners(kind,per,permissionid,picture,pt-br,shared,sharedwithmedate,sox6hol5kanqwbau83b0q5tkjn-hbfch3-4j8cwcvib1u3yw_dbg2iyqsj0vym_b7dfqnwqgkbws1m2cqbfimye2oacaz-vd</t>
  </si>
  <si>
    <t>\\udpavonfs01\AVON\00 - ACOMPANHAMENTO AVON\05 - OCUPAÇÃO BKO\2020\1 - JANEIRO\MÁSCARA\</t>
  </si>
  <si>
    <t>Análise Backoffice_Janeiro_2020.xlsx</t>
  </si>
  <si>
    <t>\\udpavonfs01\AVON\00 - ACOMPANHAMENTO AVON\05 - OCUPAÇÃO BKO\2020\1 - JANEIRO\RELATÓRIO\07.01.2020\Análise Backoffice_Janeiro_2020.xlsx</t>
  </si>
  <si>
    <t>c8e9b717-c5da-43bc-aa2d-23cb0679d025.tmp</t>
  </si>
  <si>
    <t>\\acsfs\profiles$\rafaelahpn\Downloads\c8e9b717-c5da-43bc-aa2d-23cb0679d025.tmp</t>
  </si>
  <si>
    <t>99c3e2ef-7b1e-4a98-908b-c64109d1c4dc.tmp</t>
  </si>
  <si>
    <t>\\acsfs\profiles$\rafaelahpn\Downloads\99c3e2ef-7b1e-4a98-908b-c64109d1c4dc.tmp</t>
  </si>
  <si>
    <t>5eb7940b-838e-499f-9db0-473109f7c4a5.tmp</t>
  </si>
  <si>
    <t>\\acsfs\profiles$\alinepp\Downloads\5eb7940b-838e-499f-9db0-473109f7c4a5.tmp</t>
  </si>
  <si>
    <t>c9892b21-538c-4773-8cf3-4db19f820503.tmp</t>
  </si>
  <si>
    <t>\\acsfs\profiles$\alinepp\Downloads\c9892b21-538c-4773-8cf3-4db19f820503.tmp</t>
  </si>
  <si>
    <t>eba6cf65-b5d6-4310-a3d0-e62bd18e1410.tmp</t>
  </si>
  <si>
    <t>\\acsfs\profiles$\alinepp\Downloads\eba6cf65-b5d6-4310-a3d0-e62bd18e1410.tmp</t>
  </si>
  <si>
    <t>1b320888-9b63-4be2-8a77-07c4fe6cff58.tmp</t>
  </si>
  <si>
    <t>\\acsfs\profiles$\KARENJSS\Downloads\1b320888-9b63-4be2-8a77-07c4fe6cff58.tmp</t>
  </si>
  <si>
    <t>outlook.office.com/owa/service.svc?action=UpdateItem&amp;app=Mail&amp;n=220</t>
  </si>
  <si>
    <t>http:///batch?%24ct=multipart%2Fmixed%3B%20boundary%3D%22%3D%3D%3D%3D%3Dtfxdyed6pcrt%3D%3D%3D%3D%3D%22&amp;key=AIzaSyAy9VVXHSpS2IJpptzYtGbLP3-3_l0aBk4</t>
  </si>
  <si>
    <t>http:///batch?%24ct=multipart%2Fmixed%3B%20boundary%3D%22%3D%3D%3D%3D%3Ddikvjnh27o7v%3D%3D%3D%3D%3D%22&amp;key=AIzaSyAy9VVXHSpS2IJpptzYtGbLP3-3_l0aBk4</t>
  </si>
  <si>
    <t>http:///batch?%24ct=multipart%2Fmixed%3B%20boundary%3D%22%3D%3D%3D%3D%3Dx6nfkwpxsu5d%3D%3D%3D%3D%3D%22&amp;key=AIzaSyAy9VVXHSpS2IJpptzYtGbLP3-3_l0aBk4</t>
  </si>
  <si>
    <t>http:///batch?%24ct=multipart%2Fmixed%3B%20boundary%3D%22%3D%3D%3D%3D%3Dhl7uzqw0ae8c%3D%3D%3D%3D%3D%22&amp;key=AIzaSyAy9VVXHSpS2IJpptzYtGbLP3-3_l0aBk4</t>
  </si>
  <si>
    <t>http:///batch?%24ct=multipart%2Fmixed%3B%20boundary%3D%22%3D%3D%3D%3D%3Dzcpymtneussd%3D%3D%3D%3D%3D%22&amp;key=AIzaSyAy9VVXHSpS2IJpptzYtGbLP3-3_l0aBk4</t>
  </si>
  <si>
    <t>ances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ontainsunsubscribedchildren;owners(kind;per;permiss;permission;permissionid;pict;picture;rpermissions;shared;sharedwithmedate;thumbnailversion;title;userpermission(role);workspaceids;</t>
  </si>
  <si>
    <t>http://ances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ontainsunsubscribedchildren,owners(kind,per,permiss,permission,permissionid,pict,picture,rpermissions,shared,sharedwithmedate,thumbnailversion,title,userpermission(role),workspaceids</t>
  </si>
  <si>
    <t>http:///batch?%24ct=multipart%2Fmixed%3B%20boundary%3D%22%3D%3D%3D%3D%3Dt5t32xaw8q83%3D%3D%3D%3D%3D%22&amp;key=AIzaSyAy9VVXHSpS2IJpptzYtGbLP3-3_l0aBk4</t>
  </si>
  <si>
    <t>http:///batch?%24ct=multipart%2Fmixed%3B%20boundary%3D%22%3D%3D%3D%3D%3D2qpxfggi0goq%3D%3D%3D%3D%3D%22&amp;key=AIzaSyAy9VVXHSpS2IJpptzYtGbLP3-3_l0aBk4</t>
  </si>
  <si>
    <t>http:///batch?%24ct=multipart%2Fmixed%3B%20boundary%3D%22%3D%3D%3D%3D%3Dsydkxyh2yvwm%3D%3D%3D%3D%3D%22&amp;key=AIzaSyAy9VVXHSpS2IJpptzYtGbLP3-3_l0aBk4</t>
  </si>
  <si>
    <t>http:///batch?%24ct=multipart%2Fmixed%3B%20boundary%3D%22%3D%3D%3D%3D%3Dgn5cfjcxesup%3D%3D%3D%3D%3D%22&amp;key=AIzaSyAy9VVXHSpS2IJpptzYtGbLP3-3_l0aBk4</t>
  </si>
  <si>
    <t>http:///batch?%24ct=multipart%2Fmixed%3B%20boundary%3D%22%3D%3D%3D%3D%3Dlxfvifqwo77f%3D%3D%3D%3D%3D%22&amp;key=AIzaSyAy9VVXHSpS2IJpptzYtGbLP3-3_l0aBk4</t>
  </si>
  <si>
    <t>http:///batch?%24ct=multipart%2Fmixed%3B%20boundary%3D%22%3D%3D%3D%3D%3D2s4prdoycpk%3D%3D%3D%3D%3D%22&amp;key=AIzaSyAy9VVXHSpS2IJpptzYtGbLP3-3_l0aBk4</t>
  </si>
  <si>
    <t>http:///batch?%24ct=multipart%2Fmixed%3B%20boundary%3D%22%3D%3D%3D%3D%3Dx2pngtcrvdly%3D%3D%3D%3D%3D%22&amp;key=AIzaSyAy9VVXHSpS2IJpptzYtGbLP3-3_l0aBk4</t>
  </si>
  <si>
    <t>http:///batch?%24ct=multipart%2Fmixed%3B%20boundary%3D%22%3D%3D%3D%3D%3Dvf5rxf3910r1%3D%3D%3D%3D%3D%22&amp;key=AIzaSyAy9VVXHSpS2IJpptzYtGbLP3-3_l0aBk4</t>
  </si>
  <si>
    <t>http:///batch?%24ct=multipart%2Fmixed%3B%20boundary%3D%22%3D%3D%3D%3D%3Dgmvc4z8v3nor%3D%3D%3D%3D%3D%22&amp;key=AIzaSyAy9VVXHSpS2IJpptzYtGbLP3-3_l0aBk4</t>
  </si>
  <si>
    <t>http:///batch?%24ct=multipart%2Fmixed%3B%20boundary%3D%22%3D%3D%3D%3D%3Dvzke00k587re%3D%3D%3D%3D%3D%22&amp;key=AIzaSyAy9VVXHSpS2IJpptzYtGbLP3-3_l0aBk4</t>
  </si>
  <si>
    <t>http:///batch?%24ct=multipart%2Fmixed%3B%20boundary%3D%22%3D%3D%3D%3D%3Df3homg9hzt3j%3D%3D%3D%3D%3D%22&amp;key=AIzaSyAy9VVXHSpS2IJpptzYtGbLP3-3_l0aBk4</t>
  </si>
  <si>
    <t>http:///batch?%24ct=multipart%2Fmixed%3B%20boundary%3D%22%3D%3D%3D%3D%3Dfm34vohvzqur%3D%3D%3D%3D%3D%22&amp;key=AIzaSyAy9VVXHSpS2IJpptzYtGbLP3-3_l0aBk4</t>
  </si>
  <si>
    <t>http:///batch?%24ct=multipart%2Fmixed%3B%20boundary%3D%22%3D%3D%3D%3D%3Drcy9vi48fkye%3D%3D%3D%3D%3D%22&amp;key=AIzaSyAy9VVXHSpS2IJpptzYtGbLP3-3_l0aBk4</t>
  </si>
  <si>
    <t>http:///batch?%24ct=multipart%2Fmixed%3B%20boundary%3D%22%3D%3D%3D%3D%3Dc08x4b9ycqr4%3D%3D%3D%3D%3D%22&amp;key=AIzaSyAy9VVXHSpS2IJpptzYtGbLP3-3_l0aBk4</t>
  </si>
  <si>
    <t>http:///batch?%24ct=multipart%2Fmixed%3B%20boundary%3D%22%3D%3D%3D%3D%3Dfqotp58t8fdm%3D%3D%3D%3D%3D%22&amp;key=AIzaSyAy9VVXHSpS2IJpptzYtGbLP3-3_l0aBk4</t>
  </si>
  <si>
    <t>http:///batch?%24ct=multipart%2Fmixed%3B%20boundary%3D%22%3D%3D%3D%3D%3Dh59wux8iqogc%3D%3D%3D%3D%3D%22&amp;key=AIzaSyAy9VVXHSpS2IJpptzYtGbLP3-3_l0aBk4</t>
  </si>
  <si>
    <t>http:///batch?%24ct=multipart%2Fmixed%3B%20boundary%3D%22%3D%3D%3D%3D%3D3yo2unuapr6%3D%3D%3D%3D%3D%22&amp;key=AIzaSyAy9VVXHSpS2IJpptzYtGbLP3-3_l0aBk4</t>
  </si>
  <si>
    <t>ance;ances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ontainsunsubscribedchildren;owners(kind;per;permiss;permission;permissionid;pic;pict;picture;rpermissions;shared;sharedwithmedate;thumbnailversion;title;userpermission(role);workspaceids;</t>
  </si>
  <si>
    <t>http://ance,ances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ontainsunsubscribedchildren,owners(kind,per,permiss,permission,permissionid,pic,pict,picture,rpermissions,shared,sharedwithmedate,thumbnailversion,title,userpermission(role),workspaceids</t>
  </si>
  <si>
    <t>http:///batch?%24ct=multipart%2Fmixed%3B%20boundary%3D%22%3D%3D%3D%3D%3D7a4ewcwzlph4%3D%3D%3D%3D%3D%22&amp;key=AIzaSyAy9VVXHSpS2IJpptzYtGbLP3-3_l0aBk4</t>
  </si>
  <si>
    <t>http:///batch?%24ct=multipart%2Fmixed%3B%20boundary%3D%22%3D%3D%3D%3D%3D48ko50l83rbu%3D%3D%3D%3D%3D%22&amp;key=AIzaSyAy9VVXHSpS2IJpptzYtGbLP3-3_l0aBk4</t>
  </si>
  <si>
    <t>http:///batch?%24ct=multipart%2Fmixed%3B%20boundary%3D%22%3D%3D%3D%3D%3Dfdeymr3ykyxn%3D%3D%3D%3D%3D%22&amp;key=AIzaSyAy9VVXHSpS2IJpptzYtGbLP3-3_l0aBk4</t>
  </si>
  <si>
    <t>http:///batch?%24ct=multipart%2Fmixed%3B%20boundary%3D%22%3D%3D%3D%3D%3D7mu1j6xulapx%3D%3D%3D%3D%3D%22&amp;key=AIzaSyAy9VVXHSpS2IJpptzYtGbLP3-3_l0aBk4</t>
  </si>
  <si>
    <t>http:///batch?%24ct=multipart%2Fmixed%3B%20boundary%3D%22%3D%3D%3D%3D%3D8n0r9ldzcpzp%3D%3D%3D%3D%3D%22&amp;key=AIzaSyAy9VVXHSpS2IJpptzYtGbLP3-3_l0aBk4</t>
  </si>
  <si>
    <t>http:///batch?%24ct=multipart%2Fmixed%3B%20boundary%3D%22%3D%3D%3D%3D%3Dkeg4cyvb0b13%3D%3D%3D%3D%3D%22&amp;key=AIzaSyAy9VVXHSpS2IJpptzYtGbLP3-3_l0aBk4</t>
  </si>
  <si>
    <t>http:///batch?%24ct=multipart%2Fmixed%3B%20boundary%3D%22%3D%3D%3D%3D%3Dswyfvg9i4dio%3D%3D%3D%3D%3D%22&amp;key=AIzaSyAy9VVXHSpS2IJpptzYtGbLP3-3_l0aBk4</t>
  </si>
  <si>
    <t>http:///batch?%24ct=multipart%2Fmixed%3B%20boundary%3D%22%3D%3D%3D%3D%3D2ub2pf7bis9d%3D%3D%3D%3D%3D%22&amp;key=AIzaSyAy9VVXHSpS2IJpptzYtGbLP3-3_l0aBk4</t>
  </si>
  <si>
    <t>http:///batch?%24ct=multipart%2Fmixed%3B%20boundary%3D%22%3D%3D%3D%3D%3D2cwjpft1c214%3D%3D%3D%3D%3D%22&amp;key=AIzaSyAy9VVXHSpS2IJpptzYtGbLP3-3_l0aBk4</t>
  </si>
  <si>
    <t>http:///batch?%24ct=multipart%2Fmixed%3B%20boundary%3D%22%3D%3D%3D%3D%3D924lahviorh8%3D%3D%3D%3D%3D%22&amp;key=AIzaSyAy9VVXHSpS2IJpptzYtGbLP3-3_l0aBk4</t>
  </si>
  <si>
    <t>http:///batch?%24ct=multipart%2Fmixed%3B%20boundary%3D%22%3D%3D%3D%3D%3Dxqfx3frww2lj%3D%3D%3D%3D%3D%22&amp;key=AIzaSyAy9VVXHSpS2IJpptzYtGbLP3-3_l0aBk4</t>
  </si>
  <si>
    <t>http:///batch?%24ct=multipart%2Fmixed%3B%20boundary%3D%22%3D%3D%3D%3D%3D6d45toni7ld8%3D%3D%3D%3D%3D%22&amp;key=AIzaSyAy9VVXHSpS2IJpptzYtGbLP3-3_l0aBk4</t>
  </si>
  <si>
    <t>ance;ances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ni7ld8=====;ontainsunsubscribedchildren;owners(kind;per;permiss;permission;permissionid;pic;pict;picture;rpermissions;shared;sharedwithmedate;thumbnailversion;title;userpermission(role);workspaceids;</t>
  </si>
  <si>
    <t>http://ance,ances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ni7ld8===== ,ontainsunsubscribedchildren,owners(kind,per,permiss,permission,permissionid,pic,pict,picture,rpermissions,shared,sharedwithmedate,thumbnailversion,title,userpermission(role),workspaceids</t>
  </si>
  <si>
    <t>http:///batch?%24ct=multipart%2Fmixed%3B%20boundary%3D%22%3D%3D%3D%3D%3Dqnm0jpf8yka1%3D%3D%3D%3D%3D%22&amp;key=AIzaSyAy9VVXHSpS2IJpptzYtGbLP3-3_l0aBk4</t>
  </si>
  <si>
    <t>http:///batch?%24ct=multipart%2Fmixed%3B%20boundary%3D%22%3D%3D%3D%3D%3Djxfe2gntpqj4%3D%3D%3D%3D%3D%22&amp;key=AIzaSyAy9VVXHSpS2IJpptzYtGbLP3-3_l0aBk4</t>
  </si>
  <si>
    <t>http:///batch?%24ct=multipart%2Fmixed%3B%20boundary%3D%22%3D%3D%3D%3D%3D6bqnwce6nifm%3D%3D%3D%3D%3D%22&amp;key=AIzaSyAy9VVXHSpS2IJpptzYtGbLP3-3_l0aBk4</t>
  </si>
  <si>
    <t>http:///batch?%24ct=multipart%2Fmixed%3B%20boundary%3D%22%3D%3D%3D%3D%3D8imtmt27oy8%3D%3D%3D%3D%3D%22&amp;key=AIzaSyAy9VVXHSpS2IJpptzYtGbLP3-3_l0aBk4</t>
  </si>
  <si>
    <t>http:///batch?%24ct=multipart%2Fmixed%3B%20boundary%3D%22%3D%3D%3D%3D%3Dn9ooyxtpfrnz%3D%3D%3D%3D%3D%22&amp;key=AIzaSyAy9VVXHSpS2IJpptzYtGbLP3-3_l0aBk4</t>
  </si>
  <si>
    <t>http:///batch?%24ct=multipart%2Fmixed%3B%20boundary%3D%22%3D%3D%3D%3D%3Dnzw7g99p2jo%3D%3D%3D%3D%3D%22&amp;key=AIzaSyAy9VVXHSpS2IJpptzYtGbLP3-3_l0aBk4</t>
  </si>
  <si>
    <t>http:///batch?%24ct=multipart%2Fmixed%3B%20boundary%3D%22%3D%3D%3D%3D%3Djzq2crwhnnea%3D%3D%3D%3D%3D%22&amp;key=AIzaSyAy9VVXHSpS2IJpptzYtGbLP3-3_l0aBk4</t>
  </si>
  <si>
    <t>ance;ances;ancest;ancestorhasaugmentedpe;ancestorhasaugmentedpermissions;containsunsubscribedchildren;displayname;domain;emailaddres;emailaddress;file(kind;fileid;filesize;hasthumbnail;hasvisitorpermissions;id;id);items(deleted;items(kind;ken;kind;lastmodifyinguser(kind;lastviewedbymedate;modifiedbymedate;modifieddate;ni7ld8=====;ontainsunsubscribedchildren;owners(kind;per;permiss;permission;permissionid;pic;pict;pictu;picture;rpermissions;shared;sharedwithmedate;thumbnailversion;title;userpermission(role);workspaceids;</t>
  </si>
  <si>
    <t>http://ance,ances,ancest,ancestorhasaugmentedpe,ancestorhasaugmentedpermissions,containsunsubscribedchildren,displayname,domain,emailaddres,emailaddress,file(kind,fileid,filesize,hasthumbnail,hasvisitorpermissions,id,id),items(deleted,items(kind,ken,kind,lastmodifyinguser(kind,lastviewedbymedate,modifiedbymedate,modifieddate,ni7ld8===== ,ontainsunsubscribedchildren,owners(kind,per,permiss,permission,permissionid,pic,pict,pictu,picture,rpermissions,shared,sharedwithmedate,thumbnailversion,title,userpermission(role),workspaceids</t>
  </si>
  <si>
    <t>http:///batch?%24ct=multipart%2Fmixed%3B%20boundary%3D%22%3D%3D%3D%3D%3D41iz9k4lztf4%3D%3D%3D%3D%3D%22&amp;key=AIzaSyAy9VVXHSpS2IJpptzYtGbLP3-3_l0aBk4</t>
  </si>
  <si>
    <t>http:///batch?%24ct=multipart%2Fmixed%3B%20boundary%3D%22%3D%3D%3D%3D%3Dozsgas70ifd%3D%3D%3D%3D%3D%22&amp;key=AIzaSyAy9VVXHSpS2IJpptzYtGbLP3-3_l0aBk4</t>
  </si>
  <si>
    <t>http:///batch?%24ct=multipart%2Fmixed%3B%20boundary%3D%22%3D%3D%3D%3D%3Dl5xgh115g745%3D%3D%3D%3D%3D%22&amp;key=AIzaSyAy9VVXHSpS2IJpptzYtGbLP3-3_l0aBk4</t>
  </si>
  <si>
    <t>http:///batch?%24ct=multipart%2Fmixed%3B%20boundary%3D%22%3D%3D%3D%3D%3D6v4g2am4llxs%3D%3D%3D%3D%3D%22&amp;key=AIzaSyAy9VVXHSpS2IJpptzYtGbLP3-3_l0aBk4</t>
  </si>
  <si>
    <t>http:///batch?%24ct=multipart%2Fmixed%3B%20boundary%3D%22%3D%3D%3D%3D%3Dmttwgqkhyrs6%3D%3D%3D%3D%3D%22&amp;key=AIzaSyAy9VVXHSpS2IJpptzYtGbLP3-3_l0aBk4</t>
  </si>
  <si>
    <t>http:///batch?%24ct=multipart%2Fmixed%3B%20boundary%3D%22%3D%3D%3D%3D%3Dopg1o688w6i%3D%3D%3D%3D%3D%22&amp;key=AIzaSyAy9VVXHSpS2IJpptzYtGbLP3-3_l0aBk4</t>
  </si>
  <si>
    <t>http:///batch?%24ct=multipart%2Fmixed%3B%20boundary%3D%22%3D%3D%3D%3D%3Dq6a11arxlni%3D%3D%3D%3D%3D%22&amp;key=AIzaSyAy9VVXHSpS2IJpptzYtGbLP3-3_l0aBk4</t>
  </si>
  <si>
    <t>http:///batch?%24ct=multipart%2Fmixed%3B%20boundary%3D%22%3D%3D%3D%3D%3Dfazoidlwmg5j%3D%3D%3D%3D%3D%22&amp;key=AIzaSyAy9VVXHSpS2IJpptzYtGbLP3-3_l0aBk4</t>
  </si>
  <si>
    <t>http:///batch?%24ct=multipart%2Fmixed%3B%20boundary%3D%22%3D%3D%3D%3D%3D1xq3w14475li%3D%3D%3D%3D%3D%22&amp;key=AIzaSyAy9VVXHSpS2IJpptzYtGbLP3-3_l0aBk4</t>
  </si>
  <si>
    <t>http:///batch?%24ct=multipart%2Fmixed%3B%20boundary%3D%22%3D%3D%3D%3D%3Djywxnw5on6mp%3D%3D%3D%3D%3D%22&amp;key=AIzaSyAy9VVXHSpS2IJpptzYtGbLP3-3_l0aBk4</t>
  </si>
  <si>
    <t>http:///batch?%24ct=multipart%2Fmixed%3B%20boundary%3D%22%3D%3D%3D%3D%3Dkmbi68t919qy%3D%3D%3D%3D%3D%22&amp;key=AIzaSyAy9VVXHSpS2IJpptzYtGbLP3-3_l0aBk4</t>
  </si>
  <si>
    <t>http:///batch?%24ct=multipart%2Fmixed%3B%20boundary%3D%22%3D%3D%3D%3D%3D6wz4jjz1y30g%3D%3D%3D%3D%3D%22&amp;key=AIzaSyAy9VVXHSpS2IJpptzYtGbLP3-3_l0aBk4</t>
  </si>
  <si>
    <t>http:///batch?%24ct=multipart%2Fmixed%3B%20boundary%3D%22%3D%3D%3D%3D%3D1do6d39qp500%3D%3D%3D%3D%3D%22&amp;key=AIzaSyAy9VVXHSpS2IJpptzYtGbLP3-3_l0aBk4</t>
  </si>
  <si>
    <t>http:///batch?%24ct=multipart%2Fmixed%3B%20boundary%3D%22%3D%3D%3D%3D%3Dis0p4r8ii1t8%3D%3D%3D%3D%3D%22&amp;key=AIzaSyAy9VVXHSpS2IJpptzYtGbLP3-3_l0aBk4</t>
  </si>
  <si>
    <t>http:///batch?%24ct=multipart%2Fmixed%3B%20boundary%3D%22%3D%3D%3D%3D%3Dmxyo7jow4g7q%3D%3D%3D%3D%3D%22&amp;key=AIzaSyAy9VVXHSpS2IJpptzYtGbLP3-3_l0aBk4</t>
  </si>
  <si>
    <t>http:///batch?%24ct=multipart%2Fmixed%3B%20boundary%3D%22%3D%3D%3D%3D%3Defxoy5hwoyb%3D%3D%3D%3D%3D%22&amp;key=AIzaSyAy9VVXHSpS2IJpptzYtGbLP3-3_l0aBk4</t>
  </si>
  <si>
    <t>0a94555b-627d-47a6-9431-7678992b031d.tmp</t>
  </si>
  <si>
    <t>\\acsfs\profiles$\regisadsa\Downloads\0a94555b-627d-47a6-9431-7678992b031d.tmp</t>
  </si>
  <si>
    <t>faa39f70-0fda-4bc5-ba4e-2df2f222b616.tmp</t>
  </si>
  <si>
    <t>\\acsfs\profiles$\regisadsa\Downloads\faa39f70-0fda-4bc5-ba4e-2df2f222b616.tmp</t>
  </si>
  <si>
    <t>d3c4a7a8-f931-4344-a607-89131265ddbf.tmp</t>
  </si>
  <si>
    <t>\\acsfs\profiles$\regisadsa\Downloads\d3c4a7a8-f931-4344-a607-89131265ddbf.tmp</t>
  </si>
  <si>
    <t>f6103770-1db5-4509-bbfe-7c563b9a6a38.tmp</t>
  </si>
  <si>
    <t>\\acsfs\profiles$\matheusmax\Downloads\f6103770-1db5-4509-bbfe-7c563b9a6a38.tmp</t>
  </si>
  <si>
    <t>3491e402-dfc8-474d-b4c1-44e0e30b2eee.tmp</t>
  </si>
  <si>
    <t>\\acsfs\profiles$\matheusmax\Downloads\3491e402-dfc8-474d-b4c1-44e0e30b2eee.tmp</t>
  </si>
  <si>
    <t>4519a70d-6b1b-4168-bc59-c45193a53ef3.tmp</t>
  </si>
  <si>
    <t>\\acsfs\profiles$\jalilebds\Downloads\4519a70d-6b1b-4168-bc59-c45193a53ef3.tmp</t>
  </si>
  <si>
    <t>$I0STZFM.xlsx</t>
  </si>
  <si>
    <t>\\acsfs\profiles$\jalilebds\Downloads\$RECYCLE.BIN\$I0STZFM.xlsx</t>
  </si>
  <si>
    <t>$I686ZPP.xlsx</t>
  </si>
  <si>
    <t>\\acsfs\profiles$\jalilebds\Downloads\$RECYCLE.BIN\$I686ZPP.xlsx</t>
  </si>
  <si>
    <t>$IL1MOYC.xlsx</t>
  </si>
  <si>
    <t>\\acsfs\profiles$\jalilebds\Downloads\$RECYCLE.BIN\$IL1MOYC.xlsx</t>
  </si>
  <si>
    <t>$ICESH7M.xlsx</t>
  </si>
  <si>
    <t>\\acsfs\profiles$\jalilebds\Downloads\$RECYCLE.BIN\$ICESH7M.xlsx</t>
  </si>
  <si>
    <t>f91288fd-5369-4f8b-a100-b789c47015ae.tmp</t>
  </si>
  <si>
    <t>\\acsfs\profiles$\jalilebds\Downloads\f91288fd-5369-4f8b-a100-b789c47015ae.tmp</t>
  </si>
  <si>
    <t>$IHN79BW.xlsx</t>
  </si>
  <si>
    <t>\\acsfs\profiles$\jalilebds\Downloads\$RECYCLE.BIN\$IHN79BW.xlsx</t>
  </si>
  <si>
    <t>bb688ab6-d064-4b4d-b4e1-6ee48b0b9d87.tmp</t>
  </si>
  <si>
    <t>\\acsfs\profiles$\jalilebds\Downloads\bb688ab6-d064-4b4d-b4e1-6ee48b0b9d87.tmp</t>
  </si>
  <si>
    <t>lu157041ciorx.tmp</t>
  </si>
  <si>
    <t>\\acsfs\profiles$\jalilebds\Downloads\lu157041ciorx.tmp</t>
  </si>
  <si>
    <t>lu157041cios0.tmp</t>
  </si>
  <si>
    <t>\\acsfs\profiles$\jalilebds\Downloads\lu157041cios0.tmp</t>
  </si>
  <si>
    <t>d32514e1-c1c3-4461-9664-38345801570a.tmp</t>
  </si>
  <si>
    <t>\\acsfs\profiles$\edicarlosdl\Downloads\d32514e1-c1c3-4461-9664-38345801570a.tmp</t>
  </si>
  <si>
    <t>e1f0fdaa-0c39-42b1-af47-e590faae6dda.tmp</t>
  </si>
  <si>
    <t>\\acsfs\profiles$\edicarlosdl\Downloads\e1f0fdaa-0c39-42b1-af47-e590faae6dda.tmp</t>
  </si>
  <si>
    <t>978fe249-c6bb-4e35-8cf7-9192c86321be.tmp</t>
  </si>
  <si>
    <t>\\acsfs\profiles$\nathaliarmr\Downloads\978fe249-c6bb-4e35-8cf7-9192c86321be.tmp</t>
  </si>
  <si>
    <t>b5fc360d-5d35-466e-9cb1-5b5dfc668cb5.tmp</t>
  </si>
  <si>
    <t>\\acsfs\profiles$\mariagsg\Downloads\b5fc360d-5d35-466e-9cb1-5b5dfc668cb5.tmp</t>
  </si>
  <si>
    <t>lu157041cios3.tmp</t>
  </si>
  <si>
    <t>\\acsfs\profiles$\jalilebds\Downloads\lu157041cios3.tmp</t>
  </si>
  <si>
    <t>lu157041cios6.tmp</t>
  </si>
  <si>
    <t>\\acsfs\profiles$\jalilebds\Downloads\lu157041cios6.tmp</t>
  </si>
  <si>
    <t>lu157041cios9.tmp</t>
  </si>
  <si>
    <t>\\acsfs\profiles$\jalilebds\Downloads\lu157041cios9.tmp</t>
  </si>
  <si>
    <t>lu157041ciosc.tmp</t>
  </si>
  <si>
    <t>\\acsfs\profiles$\jalilebds\Downloads\lu157041ciosc.tmp</t>
  </si>
  <si>
    <t>55a53e82-a703-4f9f-a2c8-db9c8e3ec79a.tmp</t>
  </si>
  <si>
    <t>\\acsfs\profiles$\gabrielamdp\Downloads\55a53e82-a703-4f9f-a2c8-db9c8e3ec79a.tmp</t>
  </si>
  <si>
    <t>c102d4ce-86b0-4762-b7d8-6a7460219a94.tmp</t>
  </si>
  <si>
    <t>\\acsfs\profiles$\gabrielamdp\Downloads\c102d4ce-86b0-4762-b7d8-6a7460219a94.tmp</t>
  </si>
  <si>
    <t>a858cfe0-95b7-40c9-929b-6a2ed1289af2.tmp</t>
  </si>
  <si>
    <t>\\acsfs\profiles$\gabrielamdp\Downloads\a858cfe0-95b7-40c9-929b-6a2ed1289af2.tmp</t>
  </si>
  <si>
    <t>7d56a08b-6176-4464-944b-683e3aba43b0.tmp</t>
  </si>
  <si>
    <t>\\acsfs\profiles$\gabrielamdp\Downloads\7d56a08b-6176-4464-944b-683e3aba43b0.tmp</t>
  </si>
  <si>
    <t>41a2c68e-68be-46dc-8ede-c747d93db1b7.tmp</t>
  </si>
  <si>
    <t>\\acsfs\profiles$\gabrielamdp\Downloads\41a2c68e-68be-46dc-8ede-c747d93db1b7.tmp</t>
  </si>
  <si>
    <t>c0d34596-f8a1-4456-8cd0-3fb4f8052cd4.tmp</t>
  </si>
  <si>
    <t>\\acsfs\profiles$\gabrielamdp\Downloads\c0d34596-f8a1-4456-8cd0-3fb4f8052cd4.tmp</t>
  </si>
  <si>
    <t>370BCBC8.tmp</t>
  </si>
  <si>
    <t>\\acsfs\ACS\Gabriel da Silva\Contemporânea\Acessos\370BCBC8.tmp</t>
  </si>
  <si>
    <t>6B2D2E1F.tmp</t>
  </si>
  <si>
    <t>\\acsfs\ACS\Gabriel da Silva\Contemporânea\Acessos\6B2D2E1F.tmp</t>
  </si>
  <si>
    <t>9F01EE20.tmp</t>
  </si>
  <si>
    <t>\\acsfs\ACS\Gabriel da Silva\Contemporânea\9F01EE20.tmp</t>
  </si>
  <si>
    <t>02de2e14-f18f-49cd-8b41-ae8e234400d5.tmp</t>
  </si>
  <si>
    <t>\\acsfs\profiles$\KARENDSR\Downloads\02de2e14-f18f-49cd-8b41-ae8e234400d5.tmp</t>
  </si>
  <si>
    <t>78-2B-CB-C1-07-8E</t>
  </si>
  <si>
    <t>VOTORANT-LB003</t>
  </si>
  <si>
    <t>\\acsfs\profiles$\victorgl\Contacts\</t>
  </si>
  <si>
    <t>VICTOR GARCIA LEMOS (10545).contact</t>
  </si>
  <si>
    <t>\\acsfs\profiles$\victorgl\Contacts\VICTOR GARCIA LEMOS (10545).contact</t>
  </si>
  <si>
    <t>\\acsfs\profiles$\victorgl\My Documents\My Videos\</t>
  </si>
  <si>
    <t>\\acsfs\profiles$\victorgl\My Documents\My Videos\desktop.ini</t>
  </si>
  <si>
    <t>\\acsfs\profiles$\victorgl\My Documents\My Pictures\</t>
  </si>
  <si>
    <t>\\acsfs\profiles$\victorgl\My Documents\My Pictures\desktop.ini</t>
  </si>
  <si>
    <t>\\acsfs\profiles$\victorgl\Contacts\desktop.ini</t>
  </si>
  <si>
    <t>\\acsfs\profiles$\victorgl\Favorites\</t>
  </si>
  <si>
    <t>\\acsfs\profiles$\victorgl\Favorites\desktop.ini</t>
  </si>
  <si>
    <t>\\acsfs\profiles$\victorgl\My Documents\My Music\</t>
  </si>
  <si>
    <t>\\acsfs\profiles$\victorgl\My Documents\My Music\desktop.ini</t>
  </si>
  <si>
    <t>\\acsfs\profiles$\victorgl\Searches\</t>
  </si>
  <si>
    <t>\\acsfs\profiles$\victorgl\Searches\desktop.ini</t>
  </si>
  <si>
    <t>\\acsfs\profiles$\victorgl\Downloads\desktop.ini</t>
  </si>
  <si>
    <t>\\acsfs\profiles$\victorgl\My Documents\</t>
  </si>
  <si>
    <t>\\acsfs\profiles$\victorgl\My Documents\desktop.ini</t>
  </si>
  <si>
    <t>\\acsfs\profiles$\victorgl\Saved Games\</t>
  </si>
  <si>
    <t>\\acsfs\profiles$\victorgl\Saved Games\desktop.ini</t>
  </si>
  <si>
    <t>lu157041ciosf.tmp</t>
  </si>
  <si>
    <t>\\acsfs\profiles$\jalilebds\Downloads\lu157041ciosf.tmp</t>
  </si>
  <si>
    <t>lu157041ciosi.tmp</t>
  </si>
  <si>
    <t>\\acsfs\profiles$\jalilebds\Downloads\lu157041ciosi.tmp</t>
  </si>
  <si>
    <t>ANA PAULA DA SILVA BORGES_1_6773683675263483223_1_32.wav</t>
  </si>
  <si>
    <t>\\acsfs\Deptos\EDUCACAO EMPRESARIAL\KÉSIA\Ligações 1º Ciclo - Janeiro 2020\ANA PAULA DA SILVA BORGES_1_6773683675263483223_1_32.wav</t>
  </si>
  <si>
    <t>8affc173-2d43-47e7-bb3e-07f0bfa82b88.tmp</t>
  </si>
  <si>
    <t>\\acsfs\profiles$\sarahbal\Downloads\8affc173-2d43-47e7-bb3e-07f0bfa82b88.tmp</t>
  </si>
  <si>
    <t>d4b65675-1a83-4bc4-8f72-3e1c7b2dce97.tmp</t>
  </si>
  <si>
    <t>\\acsfs\profiles$\alinepp\Downloads\d4b65675-1a83-4bc4-8f72-3e1c7b2dce97.tmp</t>
  </si>
  <si>
    <t>84715327-2fc6-4c89-b817-1546b7a85a30.tmp</t>
  </si>
  <si>
    <t>\\acsfs\profiles$\brunalas\Downloads\84715327-2fc6-4c89-b817-1546b7a85a30.tmp</t>
  </si>
  <si>
    <t>7DDE9B57.tmp</t>
  </si>
  <si>
    <t>\\acsfs\ACS\Gabriel da Silva\Contemporânea\7DDE9B57.tmp</t>
  </si>
  <si>
    <t>D0C2925A.tmp</t>
  </si>
  <si>
    <t>\\acsfs\ACS\Gabriel da Silva\Contemporânea\D0C2925A.tmp</t>
  </si>
  <si>
    <t>a9483505-5ea7-41e3-b949-cf4a4aa9c062.tmp</t>
  </si>
  <si>
    <t>\\acsfs\profiles$\quindaizaagds\Downloads\a9483505-5ea7-41e3-b949-cf4a4aa9c062.tmp</t>
  </si>
  <si>
    <t>596073ee-6430-42cb-8a3a-d11d88735583.tmp</t>
  </si>
  <si>
    <t>\\acsfs\profiles$\mariagsg\Downloads\596073ee-6430-42cb-8a3a-d11d88735583.tmp</t>
  </si>
  <si>
    <t>\\acsfs\profiles$\victorgl\Favorites\Links for Brasil\</t>
  </si>
  <si>
    <t>\\acsfs\profiles$\victorgl\Favorites\Links for Brasil\desktop.ini</t>
  </si>
  <si>
    <t>\\acsfs\profiles$\victorgl\Favorites\Links for Brasil\Microsoft Brasil.url</t>
  </si>
  <si>
    <t>\\acsfs\profiles$\victorgl\Favorites\Links for Brasil\Windows Brasil.url</t>
  </si>
  <si>
    <t>\\acsfs\profiles$\victorgl\Favorites\Links for Brasil\MSN Brasil.url</t>
  </si>
  <si>
    <t>624efc3f-6075-4e41-8349-02e2617a9cff.tmp</t>
  </si>
  <si>
    <t>\\acsfs\profiles$\victorgl\Downloads\624efc3f-6075-4e41-8349-02e2617a9cff.tmp</t>
  </si>
  <si>
    <t>99cbc948-bdf4-4377-9425-adf75969d29c.tmp</t>
  </si>
  <si>
    <t>\\acsfs\profiles$\victorgl\Downloads\99cbc948-bdf4-4377-9425-adf75969d29c.tmp</t>
  </si>
  <si>
    <t>lu157041ciosl.tmp</t>
  </si>
  <si>
    <t>\\acsfs\profiles$\jalilebds\Downloads\lu157041ciosl.tmp</t>
  </si>
  <si>
    <t>8739d237-81e5-4a85-98df-56a0742edf6e.tmp</t>
  </si>
  <si>
    <t>\\acsfs\profiles$\lorenabmc\Downloads\8739d237-81e5-4a85-98df-56a0742edf6e.tmp</t>
  </si>
  <si>
    <t>7595ae30-21f4-43ce-a0f3-d1a0700c653f.tmp</t>
  </si>
  <si>
    <t>\\acsfs\profiles$\erichds\Downloads\7595ae30-21f4-43ce-a0f3-d1a0700c653f.tmp</t>
  </si>
  <si>
    <t>83d13a14-f0ff-4a7e-8319-8d227b0e02a5.tmp</t>
  </si>
  <si>
    <t>\\acsfs\profiles$\rafaelahpn\Downloads\83d13a14-f0ff-4a7e-8319-8d227b0e02a5.tmp</t>
  </si>
  <si>
    <t>a299c2db-d5a4-4d88-9b0f-5973380d6600.tmp</t>
  </si>
  <si>
    <t>\\acsfs\profiles$\sarahbal\Downloads\a299c2db-d5a4-4d88-9b0f-5973380d6600.tmp</t>
  </si>
  <si>
    <t>3ed92607-86c8-4ad2-8abe-0c30632bdba0.tmp</t>
  </si>
  <si>
    <t>\\acsfs\profiles$\alinepp\Downloads\3ed92607-86c8-4ad2-8abe-0c30632bdba0.tmp</t>
  </si>
  <si>
    <t>27d47c09-b5bf-40f3-83aa-243af84612f4.tmp</t>
  </si>
  <si>
    <t>\\acsfs\profiles$\alinepp\Downloads\27d47c09-b5bf-40f3-83aa-243af84612f4.tmp</t>
  </si>
  <si>
    <t>f8a4972d-6eb4-4eac-87c0-807110eb4c8f.tmp</t>
  </si>
  <si>
    <t>\\acsfs\profiles$\marcellewdl\Downloads\f8a4972d-6eb4-4eac-87c0-807110eb4c8f.tmp</t>
  </si>
  <si>
    <t>\\acsfs\profiles$\rosileiam\My Documents\</t>
  </si>
  <si>
    <t>\\acsfs\profiles$\rosileiam\Favorites\desktop.ini</t>
  </si>
  <si>
    <t>\\acsfs\profiles$\rosileiam\My Documents\My Music\desktop.ini</t>
  </si>
  <si>
    <t>\\acsfs\profiles$\rosileiam\Searches\</t>
  </si>
  <si>
    <t>\\acsfs\profiles$\rosileiam\Searches\desktop.ini</t>
  </si>
  <si>
    <t>\\acsfs\profiles$\rosileiam\Downloads\desktop.ini</t>
  </si>
  <si>
    <t>\\acsfs\profiles$\rosileiam\Favorites\</t>
  </si>
  <si>
    <t>\\acsfs\profiles$\rosileiam\My Documents\desktop.ini</t>
  </si>
  <si>
    <t>\\acsfs\profiles$\rosileiam\Saved Games\desktop.ini</t>
  </si>
  <si>
    <t>winrt--{S-1-5-21-602162358-764733703-839522115-286585}-.searchconnector-ms</t>
  </si>
  <si>
    <t>\\acsfs\profiles$\rosileiam\Searches\winrt--{S-1-5-21-602162358-764733703-839522115-286585}-.searchconnector-ms</t>
  </si>
  <si>
    <t>d0af123c-c730-43e5-b8aa-6fdb8a5b99f4.tmp</t>
  </si>
  <si>
    <t>\\acsfs\profiles$\victorgl\Downloads\d0af123c-c730-43e5-b8aa-6fdb8a5b99f4.tmp</t>
  </si>
  <si>
    <t>5057cb05-801e-4ecb-854c-756b799f2a34.tmp</t>
  </si>
  <si>
    <t>\\acsfs\profiles$\erichds\Downloads\5057cb05-801e-4ecb-854c-756b799f2a34.tmp</t>
  </si>
  <si>
    <t>ERIC HENRIQUE DA SILVA_1_6776365220914861142_1_32.wav</t>
  </si>
  <si>
    <t>\\acsfs\Deptos\EDUCACAO EMPRESARIAL\KÉSIA\Ligações 1º Ciclo - Janeiro 2020\ERIC HENRIQUE DA SILVA_1_6776365220914861142_1_32.wav</t>
  </si>
  <si>
    <t>\\acsfs\profiles$\cinthiacsda\My Documents\dbxwc\</t>
  </si>
  <si>
    <t>\\acsfs\profiles$\cinthiacsda\My Documents\dbxwc\dbxwc.xwc</t>
  </si>
  <si>
    <t>outlook.office.com/owa/service.svc?action=CreateItem&amp;app=Mail&amp;n=326</t>
  </si>
  <si>
    <t>andrelpsa@algartech.com;antoniocoj@algartech.com;eliane.martins@bv.com.br;leonardoao@algartech.com;ricardodfm@algartech.com.br;</t>
  </si>
  <si>
    <t>andrelpsa@algartech.com,antoniocoj@algartech.com,eliane.martins@bv.com.br,leonardoao@algartech.com,ricardodfm@algartech.com.br</t>
  </si>
  <si>
    <t>outlook.office.com/owa/service.svc?action=UpdateItem&amp;app=Mail&amp;n=328</t>
  </si>
  <si>
    <t>outlook.office.com/owa/service.svc?action=UpdateItem&amp;app=Mail&amp;n=330</t>
  </si>
  <si>
    <t>lu10736rwc3g.tmp</t>
  </si>
  <si>
    <t>\\acsfs\profiles$\marcellewdl\My Documents\lu10736rwc3g.tmp</t>
  </si>
  <si>
    <t>\\acsfs\profiles$\marcellewdl\My Documents\lu10736rwc3g.tmp\</t>
  </si>
  <si>
    <t>\\acsfs\profiles$\marcellewdl\My Documents\lu10736rwc3g.tmp\META-INF\</t>
  </si>
  <si>
    <t>\\acsfs\profiles$\marcellewdl\My Documents\lu10736rwc3g.tmp\Thumbnails\</t>
  </si>
  <si>
    <t>ee355505-2b72-4cea-aa4d-764e65297a8f.tmp</t>
  </si>
  <si>
    <t>\\acsfs\profiles$\rosileiam\Downloads\ee355505-2b72-4cea-aa4d-764e65297a8f.tmp</t>
  </si>
  <si>
    <t>168921bf-e069-4976-90fc-093fd15b702b.tmp</t>
  </si>
  <si>
    <t>\\acsfs\profiles$\rosileiam\Downloads\168921bf-e069-4976-90fc-093fd15b702b.tmp</t>
  </si>
  <si>
    <t>a9cf5f6b-5f7d-4b5e-93f7-b701d0702556.tmp</t>
  </si>
  <si>
    <t>\\acsfs\profiles$\LUCASNS\Downloads\a9cf5f6b-5f7d-4b5e-93f7-b701d0702556.tmp</t>
  </si>
  <si>
    <t>BV Cartões- DICAS DE CHECKLIST.docx</t>
  </si>
  <si>
    <t>\\acsfs\DEPTOS\Operacao\Banco_Votorantim\Qualidade\Anderson\Jose\BV Cartões- DICAS DE CHECKLIST.docx</t>
  </si>
  <si>
    <t>lu157041cioso.tmp</t>
  </si>
  <si>
    <t>\\acsfs\profiles$\jalilebds\Downloads\lu157041cioso.tmp</t>
  </si>
  <si>
    <t>lu200321cmoly.tmp</t>
  </si>
  <si>
    <t>\\acsfs\profiles$\luanarda\lu200321cmoly.tmp</t>
  </si>
  <si>
    <t>\\acsfs\profiles$\luanarda\lu200321cmoly.tmp\</t>
  </si>
  <si>
    <t>\\acsfs\profiles$\luanarda\lu200321cmoly.tmp\META-INF\</t>
  </si>
  <si>
    <t>\\acsfs\profiles$\luanarda\lu200321cmoly.tmp\Thumbnails\</t>
  </si>
  <si>
    <t>NATALIA CRISTINA DOS SANTOS LIMA_1_6773960352761708851_1_32.wav</t>
  </si>
  <si>
    <t>\\acsfs\Deptos\EDUCACAO EMPRESARIAL\KÉSIA\Ligações 1º Ciclo - Janeiro 2020\NATALIA CRISTINA DOS SANTOS LIMA_1_6773960352761708851_1_32.wav</t>
  </si>
  <si>
    <t>94c2f739-7515-46a2-9066-507c826b6ece.tmp</t>
  </si>
  <si>
    <t>\\acsfs\profiles$\wenderbnm\Downloads\94c2f739-7515-46a2-9066-507c826b6ece.tmp</t>
  </si>
  <si>
    <t>6f770ba2-7bae-4896-b294-4a48893e504e.tmp</t>
  </si>
  <si>
    <t>\\acsfs\profiles$\rafaelahpn\Downloads\6f770ba2-7bae-4896-b294-4a48893e504e.tmp</t>
  </si>
  <si>
    <t>mail.google.com/sync/u/0/i/bv?hl=pt-BR&amp;c=48</t>
  </si>
  <si>
    <t>lu126988wnnszv.tmp</t>
  </si>
  <si>
    <t>\\acsfs\DEPTOS\Operacao\Banco_Votorantim\Supervisao\SUPERS BV CARTÕES\ANA VITORIA\APOIO\lu126988wnnszv.tmp</t>
  </si>
  <si>
    <t>outlook.office.com/owa/service.svc?action=UpdateItem&amp;app=Mail&amp;n=338</t>
  </si>
  <si>
    <t>andrelpsa@algartech.com;antoniocoj@algartech.com;eliane.martins@bv.com.br;gabrielsma@bv.algartech.com;leonardoao@algartech.com;ricardodfm@algartech.com.br;</t>
  </si>
  <si>
    <t>andrelpsa@algartech.com,antoniocoj@algartech.com,eliane.martins@bv.com.br,gabrielsma@bv.algartech.com,leonardoao@algartech.com,ricardodfm@algartech.com.br</t>
  </si>
  <si>
    <t>outlook.office.com/owa/service.svc?action=UpdateItem&amp;app=Mail&amp;n=343</t>
  </si>
  <si>
    <t>outlook.office.com/owa/service.svc?action=CreateItem&amp;app=Mail&amp;n=357</t>
  </si>
  <si>
    <t>andrelpsa@algartech.com;antoniocoj@algartech.com;eliane.martins@bv.com.br;gabrielsma@bv.algartech.com;karinefg@algartech.com;leonardoao@algartech.com;ricardodfm@algartech.com.br;</t>
  </si>
  <si>
    <t>andrelpsa@algartech.com,antoniocoj@algartech.com,eliane.martins@bv.com.br,gabrielsma@bv.algartech.com,karinefg@algartech.com,leonardoao@algartech.com,ricardodfm@algartech.com.br</t>
  </si>
  <si>
    <t>outlook.office.com/owa/service.svc?action=CreateItem&amp;app=Mail&amp;n=370</t>
  </si>
  <si>
    <t>outlook.office.com/owa/service.svc?action=CreateItem&amp;app=Mail&amp;n=386</t>
  </si>
  <si>
    <t>outlook.office.com/owa/service.svc?action=CreateItem&amp;app=Mail&amp;n=399</t>
  </si>
  <si>
    <t>2d4f0f71-b66f-4c5b-9716-d83bdcf4c5ed.tmp</t>
  </si>
  <si>
    <t>\\acsfs\profiles$\henriquehmdo\Downloads\2d4f0f71-b66f-4c5b-9716-d83bdcf4c5ed.tmp</t>
  </si>
  <si>
    <t>8658303b-ff66-4921-b560-148efc4b3411.tmp</t>
  </si>
  <si>
    <t>\\acsfs\profiles$\gabrielafs\Downloads\8658303b-ff66-4921-b560-148efc4b3411.tmp</t>
  </si>
  <si>
    <t>7bf81fd8-e7a3-4d30-a691-cfd299b77450.tmp</t>
  </si>
  <si>
    <t>\\acsfs\profiles$\gabrielafs\Downloads\7bf81fd8-e7a3-4d30-a691-cfd299b77450.tmp</t>
  </si>
  <si>
    <t>95ded305-a125-4748-8e4f-b0bbec9e8920.tmp</t>
  </si>
  <si>
    <t>\\acsfs\profiles$\LUCASNS\Downloads\95ded305-a125-4748-8e4f-b0bbec9e8920.tmp</t>
  </si>
  <si>
    <t>10.200.67.153</t>
  </si>
  <si>
    <t>\\acsfs\profiles$\vivianibfs\Contacts\</t>
  </si>
  <si>
    <t>VIVIAN ISCARLET BATISTA FELIX SILVA (23517).contact</t>
  </si>
  <si>
    <t>\\acsfs\profiles$\vivianibfs\Contacts\VIVIAN ISCARLET BATISTA FELIX SILVA (23517).contact</t>
  </si>
  <si>
    <t>\\acsfs\profiles$\vivianibfs\My Documents\My Videos\</t>
  </si>
  <si>
    <t>\\acsfs\profiles$\vivianibfs\My Documents\My Videos\desktop.ini</t>
  </si>
  <si>
    <t>\\acsfs\profiles$\vivianibfs\My Documents\My Pictures\</t>
  </si>
  <si>
    <t>\\acsfs\profiles$\vivianibfs\My Documents\My Pictures\desktop.ini</t>
  </si>
  <si>
    <t>\\acsfs\profiles$\vivianibfs\Contacts\desktop.ini</t>
  </si>
  <si>
    <t>\\acsfs\profiles$\vivianibfs\Favorites\</t>
  </si>
  <si>
    <t>\\acsfs\profiles$\vivianibfs\Favorites\desktop.ini</t>
  </si>
  <si>
    <t>\\acsfs\profiles$\vivianibfs\My Documents\My Music\</t>
  </si>
  <si>
    <t>\\acsfs\profiles$\vivianibfs\My Documents\My Music\desktop.ini</t>
  </si>
  <si>
    <t>\\acsfs\profiles$\vivianibfs\Searches\</t>
  </si>
  <si>
    <t>\\acsfs\profiles$\vivianibfs\Searches\desktop.ini</t>
  </si>
  <si>
    <t>\\acsfs\profiles$\vivianibfs\Downloads\desktop.ini</t>
  </si>
  <si>
    <t>\\acsfs\profiles$\vivianibfs\My Documents\</t>
  </si>
  <si>
    <t>\\acsfs\profiles$\vivianibfs\My Documents\desktop.ini</t>
  </si>
  <si>
    <t>\\acsfs\profiles$\vivianibfs\Saved Games\</t>
  </si>
  <si>
    <t>\\acsfs\profiles$\vivianibfs\Saved Games\desktop.ini</t>
  </si>
  <si>
    <t>\\acsfs\profiles$\vivianibfs\Favorites\Links for Brasil\</t>
  </si>
  <si>
    <t>\\acsfs\profiles$\vivianibfs\Favorites\Links for Brasil\desktop.ini</t>
  </si>
  <si>
    <t>\\acsfs\profiles$\vivianibfs\Favorites\Links for Brasil\Microsoft Brasil.url</t>
  </si>
  <si>
    <t>\\acsfs\profiles$\vivianibfs\Favorites\Links for Brasil\Windows Brasil.url</t>
  </si>
  <si>
    <t>\\acsfs\profiles$\vivianibfs\Favorites\Links for Brasil\MSN Brasil.url</t>
  </si>
  <si>
    <t>5d6717e9-9b83-4c56-bcae-e625a2f51fcd.tmp</t>
  </si>
  <si>
    <t>\\acsfs\profiles$\philipegsf\Downloads\5d6717e9-9b83-4c56-bcae-e625a2f51fcd.tmp</t>
  </si>
  <si>
    <t>49b7da56-2c6f-4729-bc7b-5862d134c752.tmp</t>
  </si>
  <si>
    <t>\\acsfs\profiles$\philipegsf\Downloads\49b7da56-2c6f-4729-bc7b-5862d134c752.tmp</t>
  </si>
  <si>
    <t>6b9806de-e36e-49c7-b7b8-eb4f9be45e16.tmp</t>
  </si>
  <si>
    <t>\\acsfs\profiles$\fabianobmf\Downloads\6b9806de-e36e-49c7-b7b8-eb4f9be45e16.tmp</t>
  </si>
  <si>
    <t>66d780d6-baa3-4002-bcd7-26fe9dc2d8d7.tmp</t>
  </si>
  <si>
    <t>\\acsfs\profiles$\fabianobmf\Downloads\66d780d6-baa3-4002-bcd7-26fe9dc2d8d7.tmp</t>
  </si>
  <si>
    <t>231cd220-9e37-4c01-b92f-2608fc3f4eee.tmp</t>
  </si>
  <si>
    <t>\\acsfs\profiles$\lorrainerdl\Downloads\231cd220-9e37-4c01-b92f-2608fc3f4eee.tmp</t>
  </si>
  <si>
    <t>\\acsfs\ACS\001 - Qualidade Lilian\PAULO\Pasta Tainara\</t>
  </si>
  <si>
    <t>Chat Talmaia.PNG</t>
  </si>
  <si>
    <t>\\acsfs\ACS\001 - Qualidade Lilian\PAULO\Pasta Tainara\Chat Talmaia.PNG</t>
  </si>
  <si>
    <t>964301ac-6126-4bbc-bc22-c41dacd869b1.tmp</t>
  </si>
  <si>
    <t>\\acsfs\profiles$\brendadsl\Downloads\964301ac-6126-4bbc-bc22-c41dacd869b1.tmp</t>
  </si>
  <si>
    <t>ED68E846.tmp</t>
  </si>
  <si>
    <t>\\acsfs\ACS\Gabriel da Silva\Contemporânea\Acessos\ED68E846.tmp</t>
  </si>
  <si>
    <t>f6ffa1ed-fdf2-4dc6-bab2-a10c73bb9ef7.tmp</t>
  </si>
  <si>
    <t>\\acsfs\profiles$\anafsb\Downloads\f6ffa1ed-fdf2-4dc6-bab2-a10c73bb9ef7.tmp</t>
  </si>
  <si>
    <t>163a7f1d-5e75-462b-86a0-d6a1372a1313.tmp</t>
  </si>
  <si>
    <t>\\acsfs\profiles$\anafsb\Downloads\163a7f1d-5e75-462b-86a0-d6a1372a1313.tmp</t>
  </si>
  <si>
    <t>6aa9a441-de71-4de4-8244-04c45fc6235f.tmp</t>
  </si>
  <si>
    <t>\\acsfs\profiles$\anafsb\Downloads\6aa9a441-de71-4de4-8244-04c45fc6235f.tmp</t>
  </si>
  <si>
    <t>2c683d8a-5e88-4cbc-b4d5-0d3404fafcec.tmp</t>
  </si>
  <si>
    <t>\\acsfs\profiles$\anafsb\Downloads\2c683d8a-5e88-4cbc-b4d5-0d3404fafcec.tmp</t>
  </si>
  <si>
    <t>4810e4d4-76d9-44db-919c-d7b8f34f719f.tmp</t>
  </si>
  <si>
    <t>\\acsfs\profiles$\regisadsa\Downloads\4810e4d4-76d9-44db-919c-d7b8f34f719f.tmp</t>
  </si>
  <si>
    <t>ff3a7320-48d7-4d43-859b-2e6a95f7ed9c.tmp</t>
  </si>
  <si>
    <t>\\acsfs\profiles$\vivianibfs\Downloads\ff3a7320-48d7-4d43-859b-2e6a95f7ed9c.tmp</t>
  </si>
  <si>
    <t>6849bd9a-151c-4b58-a4f1-fbb97510a73b.tmp</t>
  </si>
  <si>
    <t>\\acsfs\profiles$\vivianibfs\Downloads\6849bd9a-151c-4b58-a4f1-fbb97510a73b.tmp</t>
  </si>
  <si>
    <t>de12eefa-1789-4b3f-b321-700b586b3e28.tmp</t>
  </si>
  <si>
    <t>\\acsfs\profiles$\vivianibfs\Downloads\de12eefa-1789-4b3f-b321-700b586b3e28.tmp</t>
  </si>
  <si>
    <t>68966d59-4ae5-430c-a436-6edcfa16b090.tmp</t>
  </si>
  <si>
    <t>\\acsfs\profiles$\vivianibfs\Downloads\68966d59-4ae5-430c-a436-6edcfa16b090.tmp</t>
  </si>
  <si>
    <t>07f727a5-7c70-4544-8a19-9157d8c68f19.tmp</t>
  </si>
  <si>
    <t>\\acsfs\profiles$\sarahbal\Downloads\07f727a5-7c70-4544-8a19-9157d8c68f19.tmp</t>
  </si>
  <si>
    <t>36004909-dde5-41e1-b574-5ca1fd939efa.tmp</t>
  </si>
  <si>
    <t>\\acsfs\profiles$\THYAGOSP\Downloads\36004909-dde5-41e1-b574-5ca1fd939efa.tmp</t>
  </si>
  <si>
    <t>7469AF75.tmp</t>
  </si>
  <si>
    <t>\\acsfs\ACS\Gabriel da Silva\Contemporânea\7469AF75.tmp</t>
  </si>
  <si>
    <t>FD0C73D0.tmp</t>
  </si>
  <si>
    <t>\\acsfs\ACS\Gabriel da Silva\Contemporânea\Acessos\FD0C73D0.tmp</t>
  </si>
  <si>
    <t>81B1476D.tmp</t>
  </si>
  <si>
    <t>\\acsfs\ACS\Gabriel da Silva\Contemporânea\81B1476D.tmp</t>
  </si>
  <si>
    <t>2b78d084-2b6a-4042-8f6a-0d98e2efc04f.tmp</t>
  </si>
  <si>
    <t>\\acsfs\profiles$\rosileiam\Downloads\2b78d084-2b6a-4042-8f6a-0d98e2efc04f.tmp</t>
  </si>
  <si>
    <t>862784ae-b45b-481a-b4cb-a960c6818288.tmp</t>
  </si>
  <si>
    <t>\\acsfs\profiles$\nayarasds\Downloads\862784ae-b45b-481a-b4cb-a960c6818288.tmp</t>
  </si>
  <si>
    <t>6f02a29e-cc35-4c96-a8aa-3cf47901bd1e.tmp</t>
  </si>
  <si>
    <t>\\acsfs\profiles$\kellzylenneasr\Downloads\6f02a29e-cc35-4c96-a8aa-3cf47901bd1e.tmp</t>
  </si>
  <si>
    <t>\\acsfs\ACS\001 - Qualidade Lilian\PAULO\Pasta Tainara\Thumbs.db</t>
  </si>
  <si>
    <t>chat Talmaia 2.PNG</t>
  </si>
  <si>
    <t>\\acsfs\ACS\001 - Qualidade Lilian\PAULO\Pasta Tainara\chat Talmaia 2.PNG</t>
  </si>
  <si>
    <t>4affc79d-ee26-4b1d-9d4c-bf04ec024f28.tmp</t>
  </si>
  <si>
    <t>\\acsfs\profiles$\THYAGOSP\Downloads\4affc79d-ee26-4b1d-9d4c-bf04ec024f28.tmp</t>
  </si>
  <si>
    <t>615F9728.tmp</t>
  </si>
  <si>
    <t>\\acsfs\ACS\Gabriel da Silva\Contemporânea\Acessos\615F9728.tmp</t>
  </si>
  <si>
    <t>0e650ba3-7d43-4847-93c9-a8fc06361e65.tmp</t>
  </si>
  <si>
    <t>\\acsfs\profiles$\henriquehmdo\Downloads\0e650ba3-7d43-4847-93c9-a8fc06361e65.tmp</t>
  </si>
  <si>
    <t>e44f4e13-13eb-4ba3-864c-dbb2dcd91e5f.tmp</t>
  </si>
  <si>
    <t>\\acsfs\profiles$\henriquehmdo\Downloads\e44f4e13-13eb-4ba3-864c-dbb2dcd91e5f.tmp</t>
  </si>
  <si>
    <t>1e2095cf-f9bd-48a6-9f52-37e7da51ae2c.tmp</t>
  </si>
  <si>
    <t>\\acsfs\profiles$\anafsb\Downloads\1e2095cf-f9bd-48a6-9f52-37e7da51ae2c.tmp</t>
  </si>
  <si>
    <t>47143591-599b-4a27-959d-402a82489b1d.tmp</t>
  </si>
  <si>
    <t>\\acsfs\profiles$\jalilebds\Downloads\47143591-599b-4a27-959d-402a82489b1d.tmp</t>
  </si>
  <si>
    <t>.~lock.filas 1721 1725 e 1724 JA TRATADOS (1) (1).xlsx#</t>
  </si>
  <si>
    <t>\\acsfs\profiles$\jalilebds\Downloads\.~lock.filas 1721 1725 e 1724 JA TRATADOS (1) (1).xlsx#</t>
  </si>
  <si>
    <t>a52b3dab-ec68-41cd-b9df-4e8a64c9f594.tmp</t>
  </si>
  <si>
    <t>\\acsfs\profiles$\vivianibfs\Downloads\a52b3dab-ec68-41cd-b9df-4e8a64c9f594.tmp</t>
  </si>
  <si>
    <t>\\acsfs\deptos\Operacao\PCP\5 - Comum\PLANEJAMENTO BV\23 - EXTRAÇÕES\Queue Summary Report\</t>
  </si>
  <si>
    <t>Queue Summary Report 01.12- 19.12 - Cópia.xlsx</t>
  </si>
  <si>
    <t>\\acsfs\deptos\Operacao\PCP\5 - Comum\PLANEJAMENTO BV\23 - EXTRAÇÕES\Queue Summary Report\Queue Summary Report 01.12- 19.12 - Cópia.xlsx</t>
  </si>
  <si>
    <t>Queue Summary Report20.12 -31.12.xlsx</t>
  </si>
  <si>
    <t>\\acsfs\deptos\Operacao\PCP\5 - Comum\PLANEJAMENTO BV\23 - EXTRAÇÕES\Queue Summary Report\Queue Summary Report20.12 -31.12.xlsx</t>
  </si>
  <si>
    <t>95e6e7a6-d3b9-488b-996c-e25dc4315cbc.tmp</t>
  </si>
  <si>
    <t>\\acsfs\profiles$\sarahbal\Downloads\95e6e7a6-d3b9-488b-996c-e25dc4315cbc.tmp</t>
  </si>
  <si>
    <t>c324638e-e24e-4670-b02e-655aba8beb43.tmp</t>
  </si>
  <si>
    <t>\\acsfs\profiles$\sarahbal\Downloads\c324638e-e24e-4670-b02e-655aba8beb43.tmp</t>
  </si>
  <si>
    <t>F2444CFF.tmp</t>
  </si>
  <si>
    <t>\\acsfs\ACS\Gabriel da Silva\Contemporânea\F2444CFF.tmp</t>
  </si>
  <si>
    <t>lu157041ciosu.tmp</t>
  </si>
  <si>
    <t>\\acsfs\profiles$\jalilebds\Downloads\lu157041ciosu.tmp</t>
  </si>
  <si>
    <t>lu157041ciosx.tmp</t>
  </si>
  <si>
    <t>\\acsfs\profiles$\jalilebds\Downloads\lu157041ciosx.tmp</t>
  </si>
  <si>
    <t>Queue Summary Report20.12 -31.12 - Cópia.xlsx</t>
  </si>
  <si>
    <t>\\acsfs\deptos\Operacao\PCP\5 - Comum\PLANEJAMENTO BV\23 - EXTRAÇÕES\Queue Summary Report\Queue Summary Report20.12 -31.12 - Cópia.xlsx</t>
  </si>
  <si>
    <t>andrelpsa@algartech.com;gabrielsma@bv.algartech.com;jose.gomes@bv.com.br;rafael.cavalcante@bv.com.br;supervisaobancovotorantim@algartech.com;</t>
  </si>
  <si>
    <t>andrelpsa@algartech.com,gabrielsma@bv.algartech.com,jose.gomes@bv.com.br,rafael.cavalcante@bv.com.br,supervisaobancovotorantim@algartech.com</t>
  </si>
  <si>
    <t>c5a895be-efb6-4d21-a35c-aee2eccc1769.tmp</t>
  </si>
  <si>
    <t>\\acsfs\profiles$\KARENJSS\Downloads\c5a895be-efb6-4d21-a35c-aee2eccc1769.tmp</t>
  </si>
  <si>
    <t>9CB8922.tmp</t>
  </si>
  <si>
    <t>\\acsfs\ACS\Gabriel da Silva\Contemporânea\Acessos\9CB8922.tmp</t>
  </si>
  <si>
    <t>2DB99637.tmp</t>
  </si>
  <si>
    <t>\\acsfs\ACS\Gabriel da Silva\Contemporânea\Acessos\2DB99637.tmp</t>
  </si>
  <si>
    <t>~$xdocxComunc.xlsx</t>
  </si>
  <si>
    <t>\\acsfs\ACS\Gabriel da Silva\Contemporânea\Acessos\~$xdocxComunc.xlsx</t>
  </si>
  <si>
    <t>542877bf-58e6-443d-b3e1-d875d02fa90a.tmp</t>
  </si>
  <si>
    <t>\\acsfs\profiles$\rafaelacdoc\Downloads\542877bf-58e6-443d-b3e1-d875d02fa90a.tmp</t>
  </si>
  <si>
    <t>31ccc1d5-508e-458a-813f-f545c7009b31.tmp</t>
  </si>
  <si>
    <t>\\acsfs\profiles$\rafaelacdoc\Downloads\31ccc1d5-508e-458a-813f-f545c7009b31.tmp</t>
  </si>
  <si>
    <t>5b76ff9a-5b6c-455a-92d1-b48a1f368cb8.tmp</t>
  </si>
  <si>
    <t>\\acsfs\profiles$\anafsb\Downloads\5b76ff9a-5b6c-455a-92d1-b48a1f368cb8.tmp</t>
  </si>
  <si>
    <t>9a70fd34-db5c-4845-be93-73c4a3f6e882.tmp</t>
  </si>
  <si>
    <t>\\acsfs\profiles$\anafsb\Downloads\9a70fd34-db5c-4845-be93-73c4a3f6e882.tmp</t>
  </si>
  <si>
    <t>7e1a9e2a-2016-47eb-9bf1-49d7d5bafc49.tmp</t>
  </si>
  <si>
    <t>\\acsfs\profiles$\anafsb\Downloads\7e1a9e2a-2016-47eb-9bf1-49d7d5bafc49.tmp</t>
  </si>
  <si>
    <t>eab7e443-3204-4599-9d9c-20e2fcf340b0.tmp</t>
  </si>
  <si>
    <t>\\acsfs\profiles$\wedersonbadr\My Documents\My Music\eab7e443-3204-4599-9d9c-20e2fcf340b0.tmp</t>
  </si>
  <si>
    <t>d0316ea4-75b4-4767-8dce-816eeed5b26e.tmp</t>
  </si>
  <si>
    <t>\\acsfs\profiles$\wedersonbadr\My Documents\My Music\d0316ea4-75b4-4767-8dce-816eeed5b26e.tmp</t>
  </si>
  <si>
    <t>3f61cc9f-0c4c-4d4b-ac94-15158d507a9e.tmp</t>
  </si>
  <si>
    <t>\\acsfs\profiles$\wedersonbadr\My Documents\My Music\3f61cc9f-0c4c-4d4b-ac94-15158d507a9e.tmp</t>
  </si>
  <si>
    <t>8c605fc6-84bb-4afd-bd4b-d20c0cf20286.tmp</t>
  </si>
  <si>
    <t>\\acsfs\profiles$\philipegsf\Downloads\8c605fc6-84bb-4afd-bd4b-d20c0cf20286.tmp</t>
  </si>
  <si>
    <t>8a5b2ee7-3cb6-4292-aaf7-4a38471374d1.tmp</t>
  </si>
  <si>
    <t>\\acsfs\profiles$\fabianafv\Downloads\8a5b2ee7-3cb6-4292-aaf7-4a38471374d1.tmp</t>
  </si>
  <si>
    <t>c8cfeb7a-4c5d-4092-acfe-a37fc850562d.tmp</t>
  </si>
  <si>
    <t>\\acsfs\profiles$\fabianafv\Downloads\c8cfeb7a-4c5d-4092-acfe-a37fc850562d.tmp</t>
  </si>
  <si>
    <t>c77f627f-7a27-42b2-a3d8-ad11e1c29705.tmp</t>
  </si>
  <si>
    <t>\\acsfs\profiles$\francislayneads\Downloads\c77f627f-7a27-42b2-a3d8-ad11e1c29705.tmp</t>
  </si>
  <si>
    <t>5e000853-85d7-4faa-8d2b-c397ee9ea1ac.tmp</t>
  </si>
  <si>
    <t>\\acsfs\profiles$\LUISPLS\Downloads\5e000853-85d7-4faa-8d2b-c397ee9ea1ac.tmp</t>
  </si>
  <si>
    <t>ac57cc16-30b1-469d-bde4-212e494b943a.tmp</t>
  </si>
  <si>
    <t>\\acsfs\profiles$\cintiadjl\Downloads\ac57cc16-30b1-469d-bde4-212e494b943a.tmp</t>
  </si>
  <si>
    <t>6ae3d3ff-0a83-4afe-b6bd-f3d6dbf7e9e2.tmp</t>
  </si>
  <si>
    <t>\\acsfs\profiles$\cintiadjl\Downloads\6ae3d3ff-0a83-4afe-b6bd-f3d6dbf7e9e2.tmp</t>
  </si>
  <si>
    <t>4c700890-6917-466a-a188-d72c1259242a.tmp</t>
  </si>
  <si>
    <t>\\acsfs\profiles$\wenderbnm\Downloads\4c700890-6917-466a-a188-d72c1259242a.tmp</t>
  </si>
  <si>
    <t>C:\Users\robsonams\Downloads\</t>
  </si>
  <si>
    <t>62E356BA.tmp</t>
  </si>
  <si>
    <t>\\acsfs\ACS\Gabriel da Silva\Contemporânea\Acessos\62E356BA.tmp</t>
  </si>
  <si>
    <t>3328b715-6a0f-4303-af97-72f95f701830.tmp</t>
  </si>
  <si>
    <t>\\acsfs\profiles$\henriqueco\Downloads\3328b715-6a0f-4303-af97-72f95f701830.tmp</t>
  </si>
  <si>
    <t>535c24e1-69f3-456b-a034-e75390b40d89.tmp</t>
  </si>
  <si>
    <t>\\acsfs\profiles$\henriqueco\Downloads\535c24e1-69f3-456b-a034-e75390b40d89.tmp</t>
  </si>
  <si>
    <t>87ccc0ca-dc64-4dcb-8a1d-2949ec28fed9.tmp</t>
  </si>
  <si>
    <t>\\acsfs\profiles$\gabrielafs\Downloads\87ccc0ca-dc64-4dcb-8a1d-2949ec28fed9.tmp</t>
  </si>
  <si>
    <t>\\acsfs\DEPTOS\Operacao\Banco_Votorantim\Supervisao\SUPERS BV CARTÕES\ADILSON\JOAO VICTOR\JOAO VICTOR\Campanhas\Proposta Campanha BBB atualiza.pptx\</t>
  </si>
  <si>
    <t>\\acsfs\DEPTOS\Operacao\Banco_Votorantim\Supervisao\SUPERS BV CARTÕES\ADILSON\JOAO VICTOR\JOAO VICTOR\Campanhas\Proposta Campanha BBB atualiza.pptx</t>
  </si>
  <si>
    <t>image5.emf</t>
  </si>
  <si>
    <t>image6.emf</t>
  </si>
  <si>
    <t>image7.emf</t>
  </si>
  <si>
    <t>\\acsfs\DEPTOS\Operacao\Banco_Votorantim\Supervisao\SUPERS BV CARTÕES\ADILSON\JOAO VICTOR\JOAO VICTOR\Campanhas\</t>
  </si>
  <si>
    <t>Proposta Campanha BBB atualiza.pptx</t>
  </si>
  <si>
    <t>6dde77c8-a6b0-4e9c-9a27-fe0521cc6ac5.tmp</t>
  </si>
  <si>
    <t>\\acsfs\profiles$\inarajst\Downloads\6dde77c8-a6b0-4e9c-9a27-fe0521cc6ac5.tmp</t>
  </si>
  <si>
    <t>XLOG_gleycekos_08012020_114942.log</t>
  </si>
  <si>
    <t>\\acsfs\profiles$\gleycekos\My Documents\xworkcenter\logs\XLOG_gleycekos_08012020_114942.log</t>
  </si>
  <si>
    <t>5e4b8495-8474-4739-b4b0-ac1d8c608f80.tmp</t>
  </si>
  <si>
    <t>\\acsfs\profiles$\anafsb\Downloads\5e4b8495-8474-4739-b4b0-ac1d8c608f80.tmp</t>
  </si>
  <si>
    <t>34f3a104-bb0b-4888-b6b1-a57a3f1673a7.tmp</t>
  </si>
  <si>
    <t>\\acsfs\profiles$\wedersonbadr\My Documents\My Music\34f3a104-bb0b-4888-b6b1-a57a3f1673a7.tmp</t>
  </si>
  <si>
    <t>ac79447c-723b-4e12-af0c-687935ab539e.tmp</t>
  </si>
  <si>
    <t>\\acsfs\profiles$\wedersonbadr\My Documents\My Music\ac79447c-723b-4e12-af0c-687935ab539e.tmp</t>
  </si>
  <si>
    <t>lu157041ciot0.tmp</t>
  </si>
  <si>
    <t>\\acsfs\profiles$\jalilebds\Downloads\lu157041ciot0.tmp</t>
  </si>
  <si>
    <t>c2328847-9f85-4e5f-9997-e1ee0ec9d318.tmp</t>
  </si>
  <si>
    <t>\\acsfs\profiles$\vivianealda\Downloads\c2328847-9f85-4e5f-9997-e1ee0ec9d318.tmp</t>
  </si>
  <si>
    <t>bb217ec0-1fe7-43ea-89d0-2e052bfb26de.tmp</t>
  </si>
  <si>
    <t>\\acsfs\profiles$\cintiadjl\Downloads\bb217ec0-1fe7-43ea-89d0-2e052bfb26de.tmp</t>
  </si>
  <si>
    <t>Queue Summary Report 01.01.20 a 07.01.2020.xlsx</t>
  </si>
  <si>
    <t>\\acsfs\deptos\Operacao\PCP\5 - Comum\PLANEJAMENTO BV\23 - EXTRAÇÕES\Queue Summary Report\Queue Summary Report 01.01.20 a 07.01.2020.xlsx</t>
  </si>
  <si>
    <t>34903180-ac84-4601-83a7-702eee0f9d0a.tmp</t>
  </si>
  <si>
    <t>\\acsfs\profiles$\quindaizaagds\Downloads\34903180-ac84-4601-83a7-702eee0f9d0a.tmp</t>
  </si>
  <si>
    <t>d0dd8d14-f638-4ee3-b117-cdc4d0c18c5e.tmp</t>
  </si>
  <si>
    <t>\\acsfs\profiles$\quindaizaagds\Downloads\d0dd8d14-f638-4ee3-b117-cdc4d0c18c5e.tmp</t>
  </si>
  <si>
    <t>c6fe7dee-ddc4-4360-a8ed-c4d2a8586d06.tmp</t>
  </si>
  <si>
    <t>\\acsfs\profiles$\fabianafv\Downloads\c6fe7dee-ddc4-4360-a8ed-c4d2a8586d06.tmp</t>
  </si>
  <si>
    <t>2525ad62-c451-48f9-b790-3212185401bd.tmp</t>
  </si>
  <si>
    <t>\\acsfs\profiles$\sarahbal\Downloads\2525ad62-c451-48f9-b790-3212185401bd.tmp</t>
  </si>
  <si>
    <t>681080F9.tmp</t>
  </si>
  <si>
    <t>\\acsfs\ACS\Gabriel da Silva\Contemporânea\Acessos\681080F9.tmp</t>
  </si>
  <si>
    <t>7a074372-23ee-4c40-a228-5dc680b3ae40.tmp</t>
  </si>
  <si>
    <t>\\acsfs\profiles$\gabrielamdp\Downloads\7a074372-23ee-4c40-a228-5dc680b3ae40.tmp</t>
  </si>
  <si>
    <t>a0f96fca-e364-43ef-b424-c735d2e5dbef.tmp</t>
  </si>
  <si>
    <t>\\acsfs\profiles$\gabrielamdp\Downloads\a0f96fca-e364-43ef-b424-c735d2e5dbef.tmp</t>
  </si>
  <si>
    <t>45184c37-58d0-4d6a-8af0-3cbf227bddf9.tmp</t>
  </si>
  <si>
    <t>\\acsfs\profiles$\gabrielamdp\Downloads\45184c37-58d0-4d6a-8af0-3cbf227bddf9.tmp</t>
  </si>
  <si>
    <t>c689be7d-1398-43c4-87ea-e3528626beb4.tmp</t>
  </si>
  <si>
    <t>\\acsfs\profiles$\sarahbal\Downloads\c689be7d-1398-43c4-87ea-e3528626beb4.tmp</t>
  </si>
  <si>
    <t>~$NPS CONSIGNADO_Base.xlsx</t>
  </si>
  <si>
    <t>\\acsfs\ACS\Gabriel da Silva\Contemporânea\NPS\~$NPS CONSIGNADO_Base.xlsx</t>
  </si>
  <si>
    <t>Não confirmado 645594.crdownload</t>
  </si>
  <si>
    <t>\\acsfs\ACS\Gabriel da Silva\Contemporânea\NPS\NPS_Voz\Janeiro.20\Não confirmado 645594.crdownload</t>
  </si>
  <si>
    <t>~$Pesquisa_Satisfação_0701.xlsx</t>
  </si>
  <si>
    <t>\\acsfs\ACS\Gabriel da Silva\Contemporânea\NPS\NPS_Voz\Janeiro.20\~$Pesquisa_Satisfação_0701.xlsx</t>
  </si>
  <si>
    <t>fe5977e4-c794-4f24-be7a-9bfef41d9314.tmp</t>
  </si>
  <si>
    <t>\\acsfs\profiles$\inarajst\Downloads\fe5977e4-c794-4f24-be7a-9bfef41d9314.tmp</t>
  </si>
  <si>
    <t>7b1ff42c-7049-4fd2-8be8-fa6305347821.tmp</t>
  </si>
  <si>
    <t>\\acsfs\profiles$\inarajst\Downloads\7b1ff42c-7049-4fd2-8be8-fa6305347821.tmp</t>
  </si>
  <si>
    <t>71bbb879-66d0-4bf0-b820-9f3a64231b14.tmp</t>
  </si>
  <si>
    <t>\\acsfs\profiles$\rafaelacdoc\Downloads\71bbb879-66d0-4bf0-b820-9f3a64231b14.tmp</t>
  </si>
  <si>
    <t>Relatorio de Vendas - Auditoria BV Cartoes (Janeiro)...50 - Cópia.xlsx</t>
  </si>
  <si>
    <t>\\acsfs\DEPTOS\Operacao\Banco_Votorantim\Qualidade\Anderson\Jose\Atualizado\Relatorio de Vendas - Auditoria BV Cartoes (Janeiro)...50 - Cópia.xlsx</t>
  </si>
  <si>
    <t>XLOG_tiagosno_08012020_070756.log</t>
  </si>
  <si>
    <t>\\acsfs\profiles$\tiagosno\My Documents\xworkcenter\logs\XLOG_tiagosno_08012020_070756.log</t>
  </si>
  <si>
    <t>eaba83fd-3756-4af1-bf54-14ae52f29f20.tmp</t>
  </si>
  <si>
    <t>\\acsfs\profiles$\rafaelahpn\Downloads\eaba83fd-3756-4af1-bf54-14ae52f29f20.tmp</t>
  </si>
  <si>
    <t>007c476c-99fb-4b4f-b0aa-7b8225d36502.tmp</t>
  </si>
  <si>
    <t>\\acsfs\profiles$\KARENJSS\Downloads\007c476c-99fb-4b4f-b0aa-7b8225d36502.tmp</t>
  </si>
  <si>
    <t>XLOG_anacdos_08012020_065528.log</t>
  </si>
  <si>
    <t>\\acsfs\profiles$\anacdos\My Documents\xworkcenter\logs\XLOG_anacdos_08012020_065528.log</t>
  </si>
  <si>
    <t>Não confirmado 833987.crdownload</t>
  </si>
  <si>
    <t>\\acsfs\ACS\Gabriel da Silva\Contemporânea\NPS\NPS_Voz\Janeiro.20\Não confirmado 833987.crdownload</t>
  </si>
  <si>
    <t>Não confirmado 589815.crdownload</t>
  </si>
  <si>
    <t>\\acsfs\ACS\Gabriel da Silva\Contemporânea\Gen\Não confirmado 589815.crdownload</t>
  </si>
  <si>
    <t>1d557c11-7a6e-4570-922d-488f9ace206b.tmp</t>
  </si>
  <si>
    <t>\\acsfs\profiles$\gabrielsma\Downloads\1d557c11-7a6e-4570-922d-488f9ace206b.tmp</t>
  </si>
  <si>
    <t>Q29udHJvbGxlci5BQ09NLVNvdUJWXzE-.ica:Zone.Identifier</t>
  </si>
  <si>
    <t>\\acsfs\ACS\Gabriel da Silva\Contemporânea\VENDAS\Q29udHJvbGxlci5BQ09NLVNvdUJWXzE-.ica:Zone.Identifier</t>
  </si>
  <si>
    <t>b31c2b92-cd07-4687-be2b-f4f82eaddba1.tmp</t>
  </si>
  <si>
    <t>\\acsfs\profiles$\gabrielsma\Downloads\b31c2b92-cd07-4687-be2b-f4f82eaddba1.tmp</t>
  </si>
  <si>
    <t>Q29udHJvbGxlci5GaXJlZm94.ica.crdownload</t>
  </si>
  <si>
    <t>\\acsfs\ACS\Gabriel da Silva\Contemporânea\VENDAS\Q29udHJvbGxlci5GaXJlZm94.ica.crdownload</t>
  </si>
  <si>
    <t>Q29udHJvbGxlci5GaXJlZm94.ica:Zone.Identifier</t>
  </si>
  <si>
    <t>\\acsfs\ACS\Gabriel da Silva\Contemporânea\VENDAS\Q29udHJvbGxlci5GaXJlZm94.ica:Zone.Identifier</t>
  </si>
  <si>
    <t>a0b2053d-e04e-4806-9ba9-84f350349287.tmp</t>
  </si>
  <si>
    <t>\\acsfs\profiles$\quindaizaagds\Downloads\a0b2053d-e04e-4806-9ba9-84f350349287.tmp</t>
  </si>
  <si>
    <t>5843db82-bc7c-4eb9-a56f-24176c6245c2.tmp</t>
  </si>
  <si>
    <t>\\acsfs\profiles$\andreapdsg\Downloads\5843db82-bc7c-4eb9-a56f-24176c6245c2.tmp</t>
  </si>
  <si>
    <t>970aaae8-22f7-4fc3-aee7-d3638e9f5b28.tmp</t>
  </si>
  <si>
    <t>\\acsfs\profiles$\andreapdsg\Downloads\970aaae8-22f7-4fc3-aee7-d3638e9f5b28.tmp</t>
  </si>
  <si>
    <t>65432a81-e9d4-489e-8dd7-b3eba77ec9f0.tmp</t>
  </si>
  <si>
    <t>\\acsfs\profiles$\isabellegtds\Downloads\65432a81-e9d4-489e-8dd7-b3eba77ec9f0.tmp</t>
  </si>
  <si>
    <t>c670bf46-292e-4e4e-adb7-f42861d7368c.tmp</t>
  </si>
  <si>
    <t>\\acsfs\profiles$\laurandos\Downloads\c670bf46-292e-4e4e-adb7-f42861d7368c.tmp</t>
  </si>
  <si>
    <t>63b0ccd3-7b77-4ace-b8ed-ea17ef9debff.tmp</t>
  </si>
  <si>
    <t>\\acsfs\profiles$\laurandos\Downloads\63b0ccd3-7b77-4ace-b8ed-ea17ef9debff.tmp</t>
  </si>
  <si>
    <t>972a94b0-448f-450d-9782-7e70a8313cc5.tmp</t>
  </si>
  <si>
    <t>\\acsfs\profiles$\sarahbal\Downloads\972a94b0-448f-450d-9782-7e70a8313cc5.tmp</t>
  </si>
  <si>
    <t>915d8130-2a4b-4c0d-8edf-d8ffd46431d6.tmp</t>
  </si>
  <si>
    <t>\\acsfs\profiles$\sarahbal\Downloads\915d8130-2a4b-4c0d-8edf-d8ffd46431d6.tmp</t>
  </si>
  <si>
    <t>69a94dd4-5a1c-4532-a9e0-f631695a1058.tmp</t>
  </si>
  <si>
    <t>\\acsfs\profiles$\sarahbal\Downloads\69a94dd4-5a1c-4532-a9e0-f631695a1058.tmp</t>
  </si>
  <si>
    <t>40295f89-aa94-422d-ac9f-899b9fb2219b.tmp</t>
  </si>
  <si>
    <t>\\acsfs\profiles$\gabrielsma\Downloads\40295f89-aa94-422d-ac9f-899b9fb2219b.tmp</t>
  </si>
  <si>
    <t>B09EA9E3.tmp</t>
  </si>
  <si>
    <t>\\acsfs\ACS\Gabriel da Silva\Contemporânea\B09EA9E3.tmp</t>
  </si>
  <si>
    <t>XLOG_ellencds_08012020_071225.log</t>
  </si>
  <si>
    <t>\\acsfs\profiles$\ellencds\My Documents\xworkcenter\logs\XLOG_ellencds_08012020_071225.log</t>
  </si>
  <si>
    <t>FAIXAS E VALORES BBB.xlsx</t>
  </si>
  <si>
    <t>\\acsfs\DEPTOS\Operacao\Banco_Votorantim\Supervisao\SUPERS BV CARTÕES\ADILSON\JOAO VICTOR\JOAO VICTOR\Campanhas\FAIXAS E VALORES BBB.xlsx</t>
  </si>
  <si>
    <t>b92c0705-ab1f-45c5-bd6b-c3a3ca308604.tmp</t>
  </si>
  <si>
    <t>\\acsfs\profiles$\ERICALSR\Downloads\b92c0705-ab1f-45c5-bd6b-c3a3ca308604.tmp</t>
  </si>
  <si>
    <t>\\acsfs\ACS\Gabriel da Silva\Contemporânea\NPS\FD56E761.tmp\</t>
  </si>
  <si>
    <t>\\acsfs\ACS\Gabriel da Silva\Contemporânea\NPS\FD56E761.tmp\:Zone.Identifier:$DATA</t>
  </si>
  <si>
    <t>\\acsfs\ACS\Gabriel da Silva\Contemporânea\NPS\FD56E761.tmp</t>
  </si>
  <si>
    <t>FD56E761.tmp</t>
  </si>
  <si>
    <t>\\acsfs\ACS\Gabriel da Silva\Contemporânea\NPS\7575623D.tmp\</t>
  </si>
  <si>
    <t>\\acsfs\ACS\Gabriel da Silva\Contemporânea\NPS\7575623D.tmp</t>
  </si>
  <si>
    <t>7575623D.tmp</t>
  </si>
  <si>
    <t>~$NPS CONSIGNADO.xlsx</t>
  </si>
  <si>
    <t>\\acsfs\ACS\Gabriel da Silva\Contemporânea\NPS\~$NPS CONSIGNADO.xlsx</t>
  </si>
  <si>
    <t>\\acsfs\ACS\Gabriel da Silva\Contemporânea\NPS\38C2600B.tmp\</t>
  </si>
  <si>
    <t>\\acsfs\ACS\Gabriel da Silva\Contemporânea\NPS\38C2600B.tmp\:Zone.Identifier:$DATA</t>
  </si>
  <si>
    <t>\\acsfs\ACS\Gabriel da Silva\Contemporânea\NPS\38C2600B.tmp</t>
  </si>
  <si>
    <t>38C2600B.tmp</t>
  </si>
  <si>
    <t>~$NPS SAC_Base.xlsx</t>
  </si>
  <si>
    <t>\\acsfs\ACS\Gabriel da Silva\Contemporânea\NPS\~$NPS SAC_Base.xlsx</t>
  </si>
  <si>
    <t>\\acsfs\ACS\Gabriel da Silva\Contemporânea\NPS\19902087.tmp\</t>
  </si>
  <si>
    <t>\\acsfs\ACS\Gabriel da Silva\Contemporânea\NPS\19902087.tmp</t>
  </si>
  <si>
    <t>19902087.tmp</t>
  </si>
  <si>
    <t>~$NPS SAC.xlsx</t>
  </si>
  <si>
    <t>\\acsfs\ACS\Gabriel da Silva\Contemporânea\NPS\~$NPS SAC.xlsx</t>
  </si>
  <si>
    <t>00de4c1d-186a-4af6-89e3-ec9d49022a0e.tmp</t>
  </si>
  <si>
    <t>\\acsfs\profiles$\lorraynevam\Downloads\00de4c1d-186a-4af6-89e3-ec9d49022a0e.tmp</t>
  </si>
  <si>
    <t>34ae4b4d-d738-4910-9e58-960732ba71fd.tmp</t>
  </si>
  <si>
    <t>\\acsfs\profiles$\rafaelahpn\Downloads\34ae4b4d-d738-4910-9e58-960732ba71fd.tmp</t>
  </si>
  <si>
    <t>908378ee-1093-4f08-b280-274d31b32773.tmp</t>
  </si>
  <si>
    <t>\\acsfs\profiles$\leticiala\Downloads\908378ee-1093-4f08-b280-274d31b32773.tmp</t>
  </si>
  <si>
    <t>ca76d026-6759-4e53-88ee-2204cadcb9f4.tmp</t>
  </si>
  <si>
    <t>\\acsfs\profiles$\mariajra\Downloads\ca76d026-6759-4e53-88ee-2204cadcb9f4.tmp</t>
  </si>
  <si>
    <t>6b32e7bf-6cef-4888-a4ea-368900716cdd.tmp</t>
  </si>
  <si>
    <t>\\acsfs\profiles$\mariajra\Downloads\6b32e7bf-6cef-4888-a4ea-368900716cdd.tmp</t>
  </si>
  <si>
    <t>e0524a80-6d26-40da-b98b-100628479308.tmp</t>
  </si>
  <si>
    <t>\\acsfs\profiles$\mariajra\Downloads\e0524a80-6d26-40da-b98b-100628479308.tmp</t>
  </si>
  <si>
    <t>1feac857-fd4d-4319-9719-00d6bb3756e3.tmp</t>
  </si>
  <si>
    <t>\\acsfs\profiles$\rafaelacdoc\Downloads\1feac857-fd4d-4319-9719-00d6bb3756e3.tmp</t>
  </si>
  <si>
    <t>Relatorio 08-01-20.png</t>
  </si>
  <si>
    <t>\\acsfs\DEPTOS\Operacao\Banco_Votorantim\Qualidade\Anderson\Jose\Atualizado\Relatorio 08-01-20.png</t>
  </si>
  <si>
    <t>Relatorio de Vendas - Auditoria BV Cartoes (Janeiro)...50.xlsx</t>
  </si>
  <si>
    <t>\\acsfs\DEPTOS\Operacao\Banco_Votorantim\Qualidade\Anderson\Jose\Atualizado\Relatorio de Vendas - Auditoria BV Cartoes (Janeiro)...50.xlsx</t>
  </si>
  <si>
    <t>\\acsfs\DEPTOS\Operacao\Banco_Votorantim\Qualidade\Anderson\Jose\link.txt</t>
  </si>
  <si>
    <t>8b9698b0-8085-4e7b-ade0-1b8e21c7fde7.tmp</t>
  </si>
  <si>
    <t>\\acsfs\profiles$\wenderbnm\Downloads\8b9698b0-8085-4e7b-ade0-1b8e21c7fde7.tmp</t>
  </si>
  <si>
    <t>4104e75e-a916-4af9-9806-9c175348fde5.tmp</t>
  </si>
  <si>
    <t>\\acsfs\profiles$\lorrainerdl\Downloads\4104e75e-a916-4af9-9806-9c175348fde5.tmp</t>
  </si>
  <si>
    <t>838e6032-516b-4f63-886c-b1c8f358db74.tmp</t>
  </si>
  <si>
    <t>\\acsfs\profiles$\gabrielsma\Downloads\838e6032-516b-4f63-886c-b1c8f358db74.tmp</t>
  </si>
  <si>
    <t>Não confirmado 220824.crdownload</t>
  </si>
  <si>
    <t>\\acsfs\ACS\Gabriel da Silva\Contemporânea\NPS\NPS_Voz\Não confirmado 220824.crdownload</t>
  </si>
  <si>
    <t>NPS Trasnferência para CRBV.xlsx:Zone.Identifier</t>
  </si>
  <si>
    <t>\\acsfs\ACS\Gabriel da Silva\Contemporânea\NPS\NPS_Voz\NPS Trasnferência para CRBV.xlsx:Zone.Identifier</t>
  </si>
  <si>
    <t>\\acsfs\ACS\Gabriel da Silva\Contemporânea\NPS\16ED7225.tmp\</t>
  </si>
  <si>
    <t>\\acsfs\ACS\Gabriel da Silva\Contemporânea\NPS\16ED7225.tmp</t>
  </si>
  <si>
    <t>16ED7225.tmp</t>
  </si>
  <si>
    <t>~$NPS CRBV_Base.xlsb</t>
  </si>
  <si>
    <t>\\acsfs\ACS\Gabriel da Silva\Contemporânea\NPS\~$NPS CRBV_Base.xlsb</t>
  </si>
  <si>
    <t>8D87A440.tmp</t>
  </si>
  <si>
    <t>\\acsfs\ACS\Gabriel da Silva\Contemporânea\NPS\NPS_Voz\8D87A440.tmp</t>
  </si>
  <si>
    <t>6ecd4118-ad1d-4e7c-8438-ee3c0711a33e.tmp</t>
  </si>
  <si>
    <t>\\acsfs\profiles$\gabrielsma\Downloads\6ecd4118-ad1d-4e7c-8438-ee3c0711a33e.tmp</t>
  </si>
  <si>
    <t>\\acsfs\ACS\Gabriel da Silva\Contemporânea\NPS\NPS_Voz\Q29udHJvbGxlci5FeHBsb3Jlcl8x.ica.crdownload</t>
  </si>
  <si>
    <t>95da405c-e600-4a00-952c-f4cf69c55c87.tmp</t>
  </si>
  <si>
    <t>\\acsfs\profiles$\henriqueco\Downloads\95da405c-e600-4a00-952c-f4cf69c55c87.tmp</t>
  </si>
  <si>
    <t>2a4068fc-070d-4f10-bb7d-bee7721ecc19.tmp</t>
  </si>
  <si>
    <t>\\acsfs\profiles$\welidicdj\Downloads\2a4068fc-070d-4f10-bb7d-bee7721ecc19.tmp</t>
  </si>
  <si>
    <t>d353c708-a169-41a5-b7c6-fd004baee5ed.tmp</t>
  </si>
  <si>
    <t>\\acsfs\profiles$\welidicdj\Downloads\d353c708-a169-41a5-b7c6-fd004baee5ed.tmp</t>
  </si>
  <si>
    <t>fernandaab@algartech.com;lilianls@algartech.com;talmaiardo@algartech.com;</t>
  </si>
  <si>
    <t>fernandaab@algartech.com,lilianls@algartech.com,talmaiardo@algartech.com</t>
  </si>
  <si>
    <t>887e4894-a7ca-49c8-828e-e36c02eaf33e.tmp</t>
  </si>
  <si>
    <t>\\acsfs\profiles$\LUISPLS\Downloads\887e4894-a7ca-49c8-828e-e36c02eaf33e.tmp</t>
  </si>
  <si>
    <t>VICTOR GARCIA LEMOS (30191).contact</t>
  </si>
  <si>
    <t>\\acsfs\profiles$\victorgl\Contacts\VICTOR GARCIA LEMOS (30191).contact</t>
  </si>
  <si>
    <t>~$Comissão BV - CRBV CDC Vendas.xlsx</t>
  </si>
  <si>
    <t>\\acsfs\ACS\Gabriel da Silva\Contemporânea\Comissão e Incentivo\~$Comissão BV - CRBV CDC Vendas.xlsx</t>
  </si>
  <si>
    <t>9ff93d46-85c6-4932-b34c-3a13fc4f8439.tmp</t>
  </si>
  <si>
    <t>\\acsfs\profiles$\larissaad\Downloads\9ff93d46-85c6-4932-b34c-3a13fc4f8439.tmp</t>
  </si>
  <si>
    <t>b6390e9d-b68f-4bc3-9571-fc03ff39597c.tmp</t>
  </si>
  <si>
    <t>\\acsfs\profiles$\paulohaf\Downloads\b6390e9d-b68f-4bc3-9571-fc03ff39597c.tmp</t>
  </si>
  <si>
    <t>2ba102a3-d2f6-4ddb-8eef-6ff56363de3b.tmp</t>
  </si>
  <si>
    <t>\\acsfs\profiles$\paulohaf\Downloads\2ba102a3-d2f6-4ddb-8eef-6ff56363de3b.tmp</t>
  </si>
  <si>
    <t>489865fd-04a7-4f26-a236-e57a73ceca2e.tmp</t>
  </si>
  <si>
    <t>\\acsfs\profiles$\paulohaf\Downloads\489865fd-04a7-4f26-a236-e57a73ceca2e.tmp</t>
  </si>
  <si>
    <t>c66f5f4d-8952-4ef2-be69-bc5b4f627ace.tmp</t>
  </si>
  <si>
    <t>\\acsfs\profiles$\paulohaf\Downloads\c66f5f4d-8952-4ef2-be69-bc5b4f627ace.tmp</t>
  </si>
  <si>
    <t>70af34f1-8fe6-4de9-bda3-3ce8cf5f0a91.tmp</t>
  </si>
  <si>
    <t>\\acsfs\profiles$\paulohaf\Downloads\70af34f1-8fe6-4de9-bda3-3ce8cf5f0a91.tmp</t>
  </si>
  <si>
    <t>725f2549-409a-4e8b-b644-e1252d8a611c.tmp</t>
  </si>
  <si>
    <t>\\acsfs\profiles$\paulohaf\Downloads\725f2549-409a-4e8b-b644-e1252d8a611c.tmp</t>
  </si>
  <si>
    <t>667d94f9-3a5f-4b30-9990-f153b124f329.tmp</t>
  </si>
  <si>
    <t>\\acsfs\profiles$\paulohaf\Downloads\667d94f9-3a5f-4b30-9990-f153b124f329.tmp</t>
  </si>
  <si>
    <t>image8.emf</t>
  </si>
  <si>
    <t>\\acsfs\DEPTOS\Operacao\Banco_Votorantim\Supervisao\SUPERS BV CARTÕES\ADILSON\JOAO VICTOR\JOAO VICTOR\Campanhas\FAIXAS E VALORES BBB.xlsx\</t>
  </si>
  <si>
    <t>image3.emf</t>
  </si>
  <si>
    <t>image4.emf</t>
  </si>
  <si>
    <t>2f2f8959-1f1f-414c-a9c6-978db30ed311.tmp</t>
  </si>
  <si>
    <t>\\acsfs\profiles$\vivianibfs\Downloads\2f2f8959-1f1f-414c-a9c6-978db30ed311.tmp</t>
  </si>
  <si>
    <t>a56eb4bf-80bf-414c-bcae-b141ad91f988.tmp</t>
  </si>
  <si>
    <t>\\acsfs\profiles$\francislayneads\Downloads\a56eb4bf-80bf-414c-bcae-b141ad91f988.tmp</t>
  </si>
  <si>
    <t>4bc00b82-44fd-4a1b-b94f-c7b803648afd.tmp</t>
  </si>
  <si>
    <t>\\acsfs\profiles$\victorgl\Downloads\4bc00b82-44fd-4a1b-b94f-c7b803648afd.tmp</t>
  </si>
  <si>
    <t>399b4f8c-7ee4-4aa5-a525-8ea8fee2e154.tmp</t>
  </si>
  <si>
    <t>\\acsfs\profiles$\victorgl\Downloads\399b4f8c-7ee4-4aa5-a525-8ea8fee2e154.tmp</t>
  </si>
  <si>
    <t>0185abf0-b660-498d-bb37-b5776b113247.tmp</t>
  </si>
  <si>
    <t>\\acsfs\profiles$\larissaad\Downloads\0185abf0-b660-498d-bb37-b5776b113247.tmp</t>
  </si>
  <si>
    <t>60bd9527-d3d6-46d8-9b7e-49d81cfb08f5.tmp</t>
  </si>
  <si>
    <t>\\acsfs\profiles$\laurandos\Downloads\60bd9527-d3d6-46d8-9b7e-49d81cfb08f5.tmp</t>
  </si>
  <si>
    <t>lu126988wnnt0p.tmp</t>
  </si>
  <si>
    <t>\\acsfs\DEPTOS\Operacao\Banco_Votorantim\Supervisao\SUPERS BV CARTÕES\ANA VITORIA\APOIO\lu126988wnnt0p.tmp</t>
  </si>
  <si>
    <t>53e3e621-6a82-4b99-9e6c-b35899822e57.tmp</t>
  </si>
  <si>
    <t>\\acsfs\profiles$\edicarlosdl\Downloads\53e3e621-6a82-4b99-9e6c-b35899822e57.tmp</t>
  </si>
  <si>
    <t>fa393437-21b7-4bd9-868e-b935bd5815fb.tmp</t>
  </si>
  <si>
    <t>\\acsfs\profiles$\victorgl\Downloads\fa393437-21b7-4bd9-868e-b935bd5815fb.tmp</t>
  </si>
  <si>
    <t>Erro fatal THIAGO ABDAO FERREIRA SOUZA.PNG</t>
  </si>
  <si>
    <t>\\acsfs\ACS\001 - Qualidade Lilian\PAULO\Pasta Tainara\Erro fatal THIAGO ABDAO FERREIRA SOUZA.PNG</t>
  </si>
  <si>
    <t>e5759f82-6135-44f6-93b1-6e47e91452ed.tmp</t>
  </si>
  <si>
    <t>\\acsfs\profiles$\brendadsl\Downloads\e5759f82-6135-44f6-93b1-6e47e91452ed.tmp</t>
  </si>
  <si>
    <t>f1d0d4f2-f3f5-454d-8461-c70ff68a3dd7.tmp</t>
  </si>
  <si>
    <t>\\acsfs\profiles$\KARENJSS\Downloads\f1d0d4f2-f3f5-454d-8461-c70ff68a3dd7.tmp</t>
  </si>
  <si>
    <t>ce767fba-18dc-40d5-8df8-d8e2b1a7137a.tmp</t>
  </si>
  <si>
    <t>\\acsfs\profiles$\KARENJSS\Downloads\ce767fba-18dc-40d5-8df8-d8e2b1a7137a.tmp</t>
  </si>
  <si>
    <t>b05dd817-3377-479a-a658-5c9f7f312349.tmp</t>
  </si>
  <si>
    <t>\\acsfs\profiles$\andreapdsg\Downloads\b05dd817-3377-479a-a658-5c9f7f312349.tmp</t>
  </si>
  <si>
    <t>57c18602-4e45-44a5-91d9-f18421a8d5f3.tmp</t>
  </si>
  <si>
    <t>\\acsfs\profiles$\victorgl\Downloads\57c18602-4e45-44a5-91d9-f18421a8d5f3.tmp</t>
  </si>
  <si>
    <t>winrt--{S-1-5-21-602162358-764733703-839522115-358577}-.searchconnector-ms</t>
  </si>
  <si>
    <t>\\acsfs\profiles$\myllenardl\Searches\winrt--{S-1-5-21-602162358-764733703-839522115-358577}-.searchconnector-ms</t>
  </si>
  <si>
    <t>aa9ec4dd-1238-472a-b2be-fad1617fbd08.tmp</t>
  </si>
  <si>
    <t>\\acsfs\profiles$\andreapdsg\Downloads\aa9ec4dd-1238-472a-b2be-fad1617fbd08.tmp</t>
  </si>
  <si>
    <t>776b677b-cefc-4300-91bb-f3b0039f22eb.tmp</t>
  </si>
  <si>
    <t>\\acsfs\profiles$\andressamf\Downloads\776b677b-cefc-4300-91bb-f3b0039f22eb.tmp</t>
  </si>
  <si>
    <t>d5915083-146d-46b8-9fd1-3830017f998b.tmp</t>
  </si>
  <si>
    <t>\\acsfs\profiles$\erichds\Downloads\d5915083-146d-46b8-9fd1-3830017f998b.tmp</t>
  </si>
  <si>
    <t>c105aa26-978d-4789-870f-fe12be8e842e.tmp</t>
  </si>
  <si>
    <t>\\acsfs\profiles$\myllenardl\Downloads\c105aa26-978d-4789-870f-fe12be8e842e.tmp</t>
  </si>
  <si>
    <t>3d095232-60e8-48aa-929d-111881c0f63b.tmp</t>
  </si>
  <si>
    <t>\\acsfs\profiles$\myllenardl\Downloads\3d095232-60e8-48aa-929d-111881c0f63b.tmp</t>
  </si>
  <si>
    <t>~$NPS Trasnferência para CRBV.xlsx</t>
  </si>
  <si>
    <t>\\acsfs\ACS\Gabriel da Silva\Contemporânea\NPS\NPS_Voz\~$NPS Trasnferência para CRBV.xlsx</t>
  </si>
  <si>
    <t>\\acsfs\ACS\Gabriel da Silva\Contemporânea\NPS\BA830D15.tmp\</t>
  </si>
  <si>
    <t>\\acsfs\ACS\Gabriel da Silva\Contemporânea\NPS\BA830D15.tmp</t>
  </si>
  <si>
    <t>BA830D15.tmp</t>
  </si>
  <si>
    <t>75bd34a2-7442-42fd-a2a3-94f14faae901.tmp</t>
  </si>
  <si>
    <t>\\acsfs\profiles$\andreapdsg\Downloads\75bd34a2-7442-42fd-a2a3-94f14faae901.tmp</t>
  </si>
  <si>
    <t>XLOG_vanessacgs_08012020_141603.log</t>
  </si>
  <si>
    <t>\\acsfs\profiles$\vanessacgs\My Documents\xworkcenter\logs\XLOG_vanessacgs_08012020_141603.log</t>
  </si>
  <si>
    <t>4a3fdd74-4399-4229-80f5-9b581b3b573c.tmp</t>
  </si>
  <si>
    <t>\\acsfs\profiles$\leonardobb\Downloads\4a3fdd74-4399-4229-80f5-9b581b3b573c.tmp</t>
  </si>
  <si>
    <t>8f906a97-c593-4422-a8d6-34e5295a09a3.tmp</t>
  </si>
  <si>
    <t>\\acsfs\profiles$\andressamf\Downloads\8f906a97-c593-4422-a8d6-34e5295a09a3.tmp</t>
  </si>
  <si>
    <t>f3ad65e2-889f-432d-8e1e-6d2e0b4b761a.tmp</t>
  </si>
  <si>
    <t>\\acsfs\profiles$\victorgl\Downloads\f3ad65e2-889f-432d-8e1e-6d2e0b4b761a.tmp</t>
  </si>
  <si>
    <t>outlook.office.com/owa/service.svc?action=CreateItem&amp;app=Mail&amp;n=265</t>
  </si>
  <si>
    <t>andrelpsa@algartech.com;flaviacno@algartech.com;gustavodsil@algartech.com;luizffn@algartech.com;marianacgs@algartech.com;martala@algartech.com;mirianppb@algartech.com;qualidadealgarbv@algartech.com;raicdf@algartech.com;robsonams@algartech.com;talmaiardo@algartech.com;</t>
  </si>
  <si>
    <t>andrelpsa@algartech.com,flaviacno@algartech.com,gustavodsil@algartech.com,luizffn@algartech.com,marianacgs@algartech.com,martala@algartech.com,mirianppb@algartech.com,qualidadealgarbv@algartech.com,raicdf@algartech.com,robsonams@algartech.com,talmaiardo@algartech.com</t>
  </si>
  <si>
    <t>outlook.office.com/owa/service.svc?action=UpdateItem&amp;app=Mail&amp;n=310</t>
  </si>
  <si>
    <t>andrelpsa@algartech.com;flaviacno@algartech.com;gustavodsil@algartech.com;luizffn@algartech.com;marianacgs@algartech.com;maristelavodq@bv.algartech.com;martala@algartech.com;mirianppb@algartech.com;qualidadealgarbv@algartech.com;raicdf@algartech.com;robsonams@algartech.com;talmaiardo@algartech.com;</t>
  </si>
  <si>
    <t>andrelpsa@algartech.com,flaviacno@algartech.com,gustavodsil@algartech.com,luizffn@algartech.com,marianacgs@algartech.com,maristelavodq@bv.algartech.com,martala@algartech.com,mirianppb@algartech.com,qualidadealgarbv@algartech.com,raicdf@algartech.com,robsonams@algartech.com,talmaiardo@algartech.com</t>
  </si>
  <si>
    <t>outlook.office.com/owa/service.svc?action=CreateItem&amp;app=Mail&amp;n=339</t>
  </si>
  <si>
    <t>outlook.office.com/owa/service.svc?action=CreateItem&amp;app=Mail&amp;n=368</t>
  </si>
  <si>
    <t>outlook.office.com/owa/service.svc?action=UpdateItem&amp;app=Mail&amp;n=388</t>
  </si>
  <si>
    <t>outlook.office.com/owa/service.svc?action=UpdateItem&amp;app=Mail&amp;n=398</t>
  </si>
  <si>
    <t>outlook.office.com/owa/service.svc?action=UpdateItem&amp;app=Mail&amp;n=420</t>
  </si>
  <si>
    <t>outlook.office.com/owa/service.svc?action=UpdateItem&amp;app=Mail&amp;n=440</t>
  </si>
  <si>
    <t>\\acsfs\ACS\Gabriel da Silva\Contemporânea\NPS\DA1831F0.tmp\</t>
  </si>
  <si>
    <t>\\acsfs\ACS\Gabriel da Silva\Contemporânea\NPS\DA1831F0.tmp</t>
  </si>
  <si>
    <t>DA1831F0.tmp</t>
  </si>
  <si>
    <t>~$NPS CRBV.xlsx</t>
  </si>
  <si>
    <t>\\acsfs\ACS\Gabriel da Silva\Contemporânea\NPS\~$NPS CRBV.xlsx</t>
  </si>
  <si>
    <t>9692dfb1-c2f4-4d00-b069-b08178b7de03.tmp</t>
  </si>
  <si>
    <t>\\acsfs\profiles$\henriquehmdo\Downloads\9692dfb1-c2f4-4d00-b069-b08178b7de03.tmp</t>
  </si>
  <si>
    <t>67ec0fc7-dd7e-485d-82af-9820e40a86f2.tmp</t>
  </si>
  <si>
    <t>\\acsfs\profiles$\henriquehmdo\Downloads\67ec0fc7-dd7e-485d-82af-9820e40a86f2.tmp</t>
  </si>
  <si>
    <t>lu126988wnnt0s.tmp</t>
  </si>
  <si>
    <t>\\acsfs\DEPTOS\Operacao\Banco_Votorantim\Supervisao\SUPERS BV CARTÕES\ANA VITORIA\APOIO\lu126988wnnt0s.tmp</t>
  </si>
  <si>
    <t>lu126988wnnt0y.tmp</t>
  </si>
  <si>
    <t>\\acsfs\DEPTOS\Operacao\Banco_Votorantim\Supervisao\SUPERS BV CARTÕES\ANA VITORIA\APOIO\lu126988wnnt0y.tmp</t>
  </si>
  <si>
    <t>\\acsfs\DEPTOS\Operacao\Banco_Votorantim\Supervisao\SUPERS BV CARTÕES\ANA VITORIA\APOIO\lu126988wnnt0y.tmp\</t>
  </si>
  <si>
    <t>\\acsfs\DEPTOS\Operacao\Banco_Votorantim\Supervisao\SUPERS BV CARTÕES\ANA VITORIA\APOIO\lu126988wnnt0y.tmp\META-INF\</t>
  </si>
  <si>
    <t>\\acsfs\DEPTOS\Operacao\Banco_Votorantim\Supervisao\SUPERS BV CARTÕES\ANA VITORIA\APOIO\lu126988wnnt0y.tmp\Thumbnails\</t>
  </si>
  <si>
    <t>outlook.office.com/owa/service.svc?action=UpdateItem&amp;app=Mail&amp;n=449</t>
  </si>
  <si>
    <t>\\acsfs\ACS\Gabriel da Silva\Contemporânea\NPS\NPS CRBV.xlsx\</t>
  </si>
  <si>
    <t>NPS CRBV.xlsx</t>
  </si>
  <si>
    <t>879d8631-1a54-4e72-8087-69bbbba9ada1.tmp</t>
  </si>
  <si>
    <t>\\acsfs\profiles$\leonardobb\Downloads\879d8631-1a54-4e72-8087-69bbbba9ada1.tmp</t>
  </si>
  <si>
    <t>269760b6-c12f-433b-8d20-378b2a0eab2b.tmp</t>
  </si>
  <si>
    <t>\\acsfs\profiles$\laurandos\Downloads\269760b6-c12f-433b-8d20-378b2a0eab2b.tmp</t>
  </si>
  <si>
    <t>c54aed66-030d-4255-8f80-f319ca984b88.tmp</t>
  </si>
  <si>
    <t>\\acsfs\profiles$\fabianafv\Downloads\c54aed66-030d-4255-8f80-f319ca984b88.tmp</t>
  </si>
  <si>
    <t>8fd608d0-45f2-4428-9636-7be6ac7514cd.tmp</t>
  </si>
  <si>
    <t>\\acsfs\profiles$\victoriaksr\Downloads\8fd608d0-45f2-4428-9636-7be6ac7514cd.tmp</t>
  </si>
  <si>
    <t>7959ca1a-b601-4e1e-8950-e4ce8d6029e5.tmp</t>
  </si>
  <si>
    <t>\\acsfs\profiles$\leticiala\Downloads\7959ca1a-b601-4e1e-8950-e4ce8d6029e5.tmp</t>
  </si>
  <si>
    <t>\\acsfs\ACS\Gabriel da Silva\Contemporânea\NPS\2487B721.tmp\</t>
  </si>
  <si>
    <t>\\acsfs\ACS\Gabriel da Silva\Contemporânea\NPS\2487B721.tmp</t>
  </si>
  <si>
    <t>2487B721.tmp</t>
  </si>
  <si>
    <t>80860dd9-57b1-4556-914e-1a721b5206a0.tmp</t>
  </si>
  <si>
    <t>\\acsfs\profiles$\larissaad\Downloads\80860dd9-57b1-4556-914e-1a721b5206a0.tmp</t>
  </si>
  <si>
    <t>517db3f3-38af-4971-b197-d2cfcff8ca14.tmp</t>
  </si>
  <si>
    <t>\\acsfs\profiles$\paulohaf\Downloads\517db3f3-38af-4971-b197-d2cfcff8ca14.tmp</t>
  </si>
  <si>
    <t>2bce0bf7-cb7a-466b-91cc-d30a7a2ad485.tmp</t>
  </si>
  <si>
    <t>\\acsfs\profiles$\paulohaf\Downloads\2bce0bf7-cb7a-466b-91cc-d30a7a2ad485.tmp</t>
  </si>
  <si>
    <t>325dbaa1-2f6a-48c2-a041-abc68ad8be21.tmp</t>
  </si>
  <si>
    <t>\\acsfs\profiles$\victoriaksr\Downloads\325dbaa1-2f6a-48c2-a041-abc68ad8be21.tmp</t>
  </si>
  <si>
    <t>f521b9b9-fe95-4264-8389-3a22554bf6ef.tmp</t>
  </si>
  <si>
    <t>\\acsfs\profiles$\brendadsl\Downloads\f521b9b9-fe95-4264-8389-3a22554bf6ef.tmp</t>
  </si>
  <si>
    <t>76a4a83f-0543-4608-8a80-5b92765a1335.tmp</t>
  </si>
  <si>
    <t>\\acsfs\profiles$\leticiala\Downloads\76a4a83f-0543-4608-8a80-5b92765a1335.tmp</t>
  </si>
  <si>
    <t>\\acsfs\ACS\Gabriel da Silva\Contemporânea\NPS\1861AB0F.tmp\</t>
  </si>
  <si>
    <t>\\acsfs\ACS\Gabriel da Silva\Contemporânea\NPS\1861AB0F.tmp</t>
  </si>
  <si>
    <t>1861AB0F.tmp</t>
  </si>
  <si>
    <t>0cb199bb-881c-46bd-b10d-ab66af18398d.tmp</t>
  </si>
  <si>
    <t>\\acsfs\profiles$\adelvinsonle\Downloads\0cb199bb-881c-46bd-b10d-ab66af18398d.tmp</t>
  </si>
  <si>
    <t>c59689ad-4dac-48b6-bc11-fc134cf04f0f.tmp</t>
  </si>
  <si>
    <t>\\acsfs\profiles$\adelvinsonle\Downloads\c59689ad-4dac-48b6-bc11-fc134cf04f0f.tmp</t>
  </si>
  <si>
    <t>LUCAS GUBERT PEREIRA - CPF 53931394972_1_6777366218877777323_1_32.wav</t>
  </si>
  <si>
    <t>\\acsfs\Deptos\EDUCACAO EMPRESARIAL\KÉSIA\LUCAS GUBERT PEREIRA - CPF 53931394972_1_6777366218877777323_1_32.wav</t>
  </si>
  <si>
    <t>eduardo.santana@bv.com.br;fernandaab@algartech.com;thiagordu@algartech.com;</t>
  </si>
  <si>
    <t>eduardo.santana@bv.com.br,fernandaab@algartech.com,thiagordu@algartech.com</t>
  </si>
  <si>
    <t>eduardo.santana@bv.com.br;fernandaab@algartech.com;lilianls@algartech.com;talmaiardo@algartech.com;thiagordu@algartech.com;</t>
  </si>
  <si>
    <t>eduardo.santana@bv.com.br,fernandaab@algartech.com,lilianls@algartech.com,talmaiardo@algartech.com,thiagordu@algartech.com</t>
  </si>
  <si>
    <t>b1120035-a720-4177-909f-c2a5b8aa2061.tmp</t>
  </si>
  <si>
    <t>\\acsfs\profiles$\gabrielsma\Downloads\b1120035-a720-4177-909f-c2a5b8aa2061.tmp</t>
  </si>
  <si>
    <t>8fac501f-53ef-40c2-aec5-833adcc7684c.tmp</t>
  </si>
  <si>
    <t>\\acsfs\profiles$\gabrielamdp\Downloads\8fac501f-53ef-40c2-aec5-833adcc7684c.tmp</t>
  </si>
  <si>
    <t>ed8fb7c3-2554-43d7-adf3-e93b88076b21.tmp</t>
  </si>
  <si>
    <t>\\acsfs\profiles$\paulohaf\Downloads\ed8fb7c3-2554-43d7-adf3-e93b88076b21.tmp</t>
  </si>
  <si>
    <t>QlikView.csv.crdownload</t>
  </si>
  <si>
    <t>\\acsfs\ACS\Gabriel da Silva\Contemporânea\Comissão e Incentivo\QlikView.csv.crdownload</t>
  </si>
  <si>
    <t>\\acsfs\DEPTOS\Operacao\Banco_Votorantim\Comum\00 - COMUM - BV CARTÕES\EQUIPE ADILSON\Reneg\76871C2B.tmp\</t>
  </si>
  <si>
    <t>\\acsfs\DEPTOS\Operacao\Banco_Votorantim\Comum\00 - COMUM - BV CARTÕES\EQUIPE ADILSON\Reneg\76871C2B.tmp\:Zone.Identifier:$DATA</t>
  </si>
  <si>
    <t>Reneg - Vcto 20-12-19.xlsx</t>
  </si>
  <si>
    <t>\\acsfs\DEPTOS\Operacao\Banco_Votorantim\Comum\00 - COMUM - BV CARTÕES\EQUIPE ADILSON\Reneg\Reneg - Vcto 20-12-19.xlsx</t>
  </si>
  <si>
    <t>fernandaab@algartech.com;lilianls@algartech.com;</t>
  </si>
  <si>
    <t>fernandaab@algartech.com,lilianls@algartech.com</t>
  </si>
  <si>
    <t>~$Estudos comissão outubro.xlsx</t>
  </si>
  <si>
    <t>\\acsfs\ACS\Gabriel da Silva\Contemporânea\Comissão e Incentivo\~$Estudos comissão outubro.xlsx</t>
  </si>
  <si>
    <t>b2f39f26-d4cb-47b5-81a5-17ac5d0bee79.tmp</t>
  </si>
  <si>
    <t>\\acsfs\profiles$\henriquehmdo\Downloads\b2f39f26-d4cb-47b5-81a5-17ac5d0bee79.tmp</t>
  </si>
  <si>
    <t>76d6dc1f-bfef-43e2-8299-01804b7961e3.tmp</t>
  </si>
  <si>
    <t>\\acsfs\profiles$\adelvinsonle\Downloads\76d6dc1f-bfef-43e2-8299-01804b7961e3.tmp</t>
  </si>
  <si>
    <t>8166bdba-cf06-482d-9641-34af935b855d.tmp</t>
  </si>
  <si>
    <t>\\acsfs\profiles$\leonardobb\Downloads\8166bdba-cf06-482d-9641-34af935b855d.tmp</t>
  </si>
  <si>
    <t>"mozilla/5.0 (windows nt 6.1) applewebkit/537.36 (khtml;1;13;13700167;13700185;13700235;13700451;13700607;13700883;13700946;1370095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5701393;[[13701214;false];gampqtp7yn6iriu24ksnqvk-esmg4wwpxf";like gecko) chrome/79.0.3945.88 safari/537.36";null;pt-br;</t>
  </si>
  <si>
    <t>"mozilla/5.0 (windows nt 6.1) applewebkit/537.36 (khtml,1,13,13700167,13700185,13700235,13700451,13700607,13700883,13700946,1370095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5701393,[[13701214,false],gampqtp7yn6iriu24ksnqvk-esmg4wwpxf",like gecko) chrome/79.0.3945.88 safari/537.36",null,pt-br</t>
  </si>
  <si>
    <t>"[[];0];0]08;0]6;0]kind;0]n\lib\_x000E_gen-p;0]�_x000F_y���ӈ3k��;1;1249879475;1578483183727;1578487095663;1578487998656;1578489804891;1578496035312;1578508611485;17;1738007010;1]";20;21;26;4;57;62f782-ef2f-4018-bf8a-e9a53647a531\";7r�p�� ��_x0017_�_x0012_&amp;;["157;[1];[3700735];[];[]];[]]"];[]]];[null;ancestorhasaugmentedpermissions;andrelpsa@algartech.com;anonymous;containsunsubscribedchildren;displayname;domain;emailaddress;false;file(kind;fileid;filesize;hasthumbnail;hasvisitorpermissions;id;id);items(deleted;ken;ken=ac4w5vix_z5c3vm9ln1dolghdosvr2cejg:1578482277703&amp;buildlabel=drive.web-frontend_20191211.00_p17907;kind;lastmodifyinguser(kind;lastviewedbymedate;maristelavodq@bv.algartech.com;merror\\n at new mt (https://www.gstatic.com/og/_/js/k=og.qtm.en_us.xqsfvjkae_m.o/rt=j/m=qgl;modifiedbymedate;modifieddate;null;ontainsunsubscribedchildren;owners(kind;per;permissionid;picture;q_d;q_pc;q_sf;qabr;qadd;qaid;qalo;qapid/exm=qaaw;qawd;qbd;qbg;qdid;qebr;qein;qhaw;qhbr;qhch;qhga;qhid;qhin;qhlo;qhmn;qhpc;qhpr;qhsf;qhtb;qhtt/d=1/ed=1/rs=a</t>
  </si>
  <si>
    <t>"[[],0],0]08,0]6,0]kind,0]n\lib\_x000E_gen-p,0]�_x000F_y���ӈ3k��,1,1249879475,1578483183727,1578487095663,1578487998656,1578489804891,1578496035312,1578508611485,17,1738007010,1]",20,21,26,4,57,62f782-ef2f-4018-bf8a-e9a53647a531\",7r�p�� ��_x0017_�_x0012_&amp;,["157,[1],[3700735],[],[]],[]]"],[]]],[null,ancestorhasaugmentedpermissions,andrelpsa@algartech.com,anonymous,containsunsubscribedchildren,displayname,domain,emailaddress,false,file(kind,fileid,filesize,hasthumbnail,hasvisitorpermissions,id,id),items(deleted,ken,ken=ac4w5vix_z5c3vm9ln1dolghdosvr2cejg:1578482277703&amp;buildlabel=drive.web-frontend_20191211.00_p17907,kind,lastmodifyinguser(kind,lastviewedbymedate,maristelavodq@bv.algartech.com,merror\\n at new mt (https://www.gstatic.com/og/_/js/k=og.qtm.en_us.xqsfvjkae_m.o/rt=j/m=qgl,modifiedbymedate,modifieddate,null,ontainsunsubscribedchildren,owners(kind,per,permissionid,picture,q_d,q_pc,q_sf,qabr,qadd,qaid,qalo,qapid/exm=qaaw,qawd,qbd,qbg,qdid,qebr,qein,qhaw,qhbr,qhch,qhga,qhid,qhin,qhlo,qhmn,qhpc,qhpr,qhsf,qhtb,qhtt/d=1/ed=1/rs=a</t>
  </si>
  <si>
    <t>"[49;"mozilla/5.0 (windows nt 6.1) applewebkit/537.36 (khtml;09/01/2020;0]l;0]ue;0]�k;1;1249879475;13;13700;13700185;13700235;13700451;13700883;13701078;13701139;13701235;13701239;13701262;13701276;13701422;13701486;13701506;13701510;13701534;13701573;13701609;13701614;13701653;13701657;13701693;13701709;13701825;13701906;13701909;13701921;13701945;13701949;13701953;13701957;13701969;13702064;13702068;13702091;1578483218686000]]]eids;1578495132232;1578496637371;1578496637371000;1578499581488;1578510116476;18;22;27;5701393;62;[[13701214;[];[]];[]]];\"!ojmlor;ancestorhasaugmentedpermissions;containsunsubscribedchildren;displayname;domain;emailaddress;false;false];file(kind;fileid;filesize;gampqtp7yn6iriu24ksnqvk-esmg4wwpxf";hasthumbnail;hasvisitorpermissions;id;id);items(deleted;ken;ken=ac4w5vix_z5c3vm9ln1dolghdosvr2cejg:1578482277703&amp;buildlabel=drive.web-frontend_20191211.00_p1;ken=ac4w5vix_z5c3vm9ln1dolghdosvr2cejg:1578482277703&amp;buildlabel=drive.web-frontend_20191211.00_p10{_x0001_;kind;lastmodifyinguser(kind;lastv</t>
  </si>
  <si>
    <t>"[49,"mozilla/5.0 (windows nt 6.1) applewebkit/537.36 (khtml,09/01/2020,0]l,0]ue,0]�k ,1,1249879475,13,13700,13700185,13700235,13700451,13700883,13701078,13701139,13701235,13701239,13701262,13701276,13701422,13701486,13701506,13701510,13701534,13701573,13701609,13701614,13701653,13701657,13701693,13701709,13701825,13701906,13701909,13701921,13701945,13701949,13701953,13701957,13701969,13702064,13702068,13702091,1578483218686000]]]eids,1578495132232,1578496637371,1578496637371000,1578499581488,1578510116476,18,22,27,5701393,62,[[13701214,[],[]],[]]],\"!ojmlor,ancestorhasaugmentedpermissions,containsunsubscribedchildren,displayname,domain,emailaddress,false,false],file(kind,fileid,filesize,gampqtp7yn6iriu24ksnqvk-esmg4wwpxf",hasthumbnail,hasvisitorpermissions,id,id),items(deleted,ken,ken=ac4w5vix_z5c3vm9ln1dolghdosvr2cejg:1578482277703&amp;buildlabel=drive.web-frontend_20191211.00_p1,ken=ac4w5vix_z5c3vm9ln1dolghdosvr2cejg:1578482277703&amp;buildlabel=drive.web-frontend_20191211.00_p10{_x0001_,kind,lastmodifyinguser(kind,last</t>
  </si>
  <si>
    <t>1126b02a-e40f-4447-8612-bbab99f87cae.tmp</t>
  </si>
  <si>
    <t>\\acsfs\profiles$\anafaes\Downloads\1126b02a-e40f-4447-8612-bbab99f87cae.tmp</t>
  </si>
  <si>
    <t>677b3e91-ef5d-46fe-be19-79385a402c10.tmp</t>
  </si>
  <si>
    <t>\\acsfs\profiles$\anafaes\Downloads\677b3e91-ef5d-46fe-be19-79385a402c10.tmp</t>
  </si>
  <si>
    <t>fed4ea86-6eb6-4e2f-8471-42045de20124.tmp</t>
  </si>
  <si>
    <t>\\acsfs\profiles$\anafaes\Downloads\fed4ea86-6eb6-4e2f-8471-42045de20124.tmp</t>
  </si>
  <si>
    <t>a341415c-8bed-4116-981d-542e67347dbe.tmp</t>
  </si>
  <si>
    <t>\\acsfs\profiles$\gabrielsma\Downloads\a341415c-8bed-4116-981d-542e67347dbe.tmp</t>
  </si>
  <si>
    <t>071b754e-3573-4274-8c92-778bc877b474.tmp</t>
  </si>
  <si>
    <t>\\acsfs\profiles$\gabrielsma\Downloads\071b754e-3573-4274-8c92-778bc877b474.tmp</t>
  </si>
  <si>
    <t>lu68564bj9h2s.tmp</t>
  </si>
  <si>
    <t>\\acsfs\profiles$\lorraynevam\Downloads\lu68564bj9h2s.tmp</t>
  </si>
  <si>
    <t>\\acsfs\profiles$\lorraynevam\Downloads\lu68564bj9h2s.tmp\</t>
  </si>
  <si>
    <t>\\acsfs\profiles$\lorraynevam\Downloads\lu68564bj9h2s.tmp\META-INF\</t>
  </si>
  <si>
    <t>\\acsfs\profiles$\lorraynevam\Downloads\lu68564bj9h2s.tmp\Thumbnails\</t>
  </si>
  <si>
    <t>0b4f5e58-00c9-44b5-ae3c-9f6c7f54605b.tmp</t>
  </si>
  <si>
    <t>\\acsfs\profiles$\lorraynevam\Downloads\0b4f5e58-00c9-44b5-ae3c-9f6c7f54605b.tmp</t>
  </si>
  <si>
    <t>f9b39ca7-ea3b-4f94-a357-c226dd902478.tmp</t>
  </si>
  <si>
    <t>\\acsfs\profiles$\lorraynevam\Downloads\f9b39ca7-ea3b-4f94-a357-c226dd902478.tmp</t>
  </si>
  <si>
    <t>29141db4-cdfb-4bf9-a3b3-66081af0ab9a.tmp</t>
  </si>
  <si>
    <t>\\acsfs\profiles$\henriquehmdo\Downloads\29141db4-cdfb-4bf9-a3b3-66081af0ab9a.tmp</t>
  </si>
  <si>
    <t>d1089c1b-2481-421a-9191-861b9a462a7c.tmp</t>
  </si>
  <si>
    <t>\\acsfs\profiles$\philipegsf\Downloads\d1089c1b-2481-421a-9191-861b9a462a7c.tmp</t>
  </si>
  <si>
    <t>\\acsfs\profiles$\andressamf\My Documents\</t>
  </si>
  <si>
    <t>Feedback para filas 1721 e 1724.txt</t>
  </si>
  <si>
    <t>\\acsfs\profiles$\andressamf\My Documents\Feedback para filas 1721 e 1724.txt</t>
  </si>
  <si>
    <t>mail.google.com/_/upload?authuser=0&amp;dcp=asu-n&amp;upload_id=AEnB2UqtnBXlhg8E1ZrCUY1XJp_2cWOuz9aGDqJZxkqDxHCv9HuVsPYxk9nbMqKjrsUEQE6DBLucZg9bZn0fHhPsAMPSAd9zSw&amp;upload_protocol=resumable</t>
  </si>
  <si>
    <t>image20191220162836.pdf</t>
  </si>
  <si>
    <t>0]:;1249879475;1578489202837;1578511320489;1738007010;24;3xh===== conten;66;[];[]]];ancest;ancestorhasaugmentedpermissions;containsunsubscribedchildren;displayname;domain;emailaddress;explicitlytrashed;false;file(kind;fileid;filesize;hasthumbnail;hasthumbnail�;hasvisitorpermissions;id;id);items(deleted;items(kind;ken;ken=ac4w5vix_z5c3vm9ln1dolghdosvr2cejg:1578482277703&amp;buildlabel=drive.web-frontend_20191211.00_p19999997907;kind;lastmodifyinguser(kind;lastviewedbymedate;mimetype;modifiedbymedate;modifieddate;null;ontainsunsubscribedchildren;owners(kind;per;permissionid;pictu;picture;pmzizuzwu=;rpermissions;shared;sharedwithmedate;sox6hol5kanqwbau83b0q5tkjn-hbfch3-4j8cwcvib1u3yw_dbg2iyqsj0vym_b7dfqnwqgkbws1m2cqbfimye2oacaz-vdoe0myeoq9px5wwx6exb7icqyohpqang4pirsidha80hu-xwnd3jeagwtrute_mttiv2j3j8itcgmyhiqrlntav2d-7hfahvdcamin68a7ojhe3bzhjo2uagtzakizlulyt3loucbijvqqvmzyva\";thumbnailversion;title;true]";ucqtrilxgzh2vmrvsg2jq1cbl4qg2jm47nvobhbfm_yn1fbbaidporrazpamsvj7sqad53jxy8lxn1gsuwlcokff-zk60jt6_mj0zjrpvewalsw</t>
  </si>
  <si>
    <t>0]:,1249879475,1578489202837,1578511320489,1738007010,24,3xh===== conten,66,[],[]]],ancest,ancestorhasaugmentedpermissions,containsunsubscribedchildren,displayname,domain,emailaddress,explicitlytrashed,false,file(kind,fileid,filesize,hasthumbnail,hasthumbnail�,hasvisitorpermissions,id,id),items(deleted,items(kind,ken,ken=ac4w5vix_z5c3vm9ln1dolghdosvr2cejg:1578482277703&amp;buildlabel=drive.web-frontend_20191211.00_p19999997907,kind,lastmodifyinguser(kind,lastviewedbymedate,mimetype,modifiedbymedate,modifieddate,null,ontainsunsubscribedchildren,owners(kind,per,permissionid,pictu,picture,pmzizuzwu=,rpermissions,shared,sharedwithmedate,sox6hol5kanqwbau83b0q5tkjn-hbfch3-4j8cwcvib1u3yw_dbg2iyqsj0vym_b7dfqnwqgkbws1m2cqbfimye2oacaz-vdoe0myeoq9px5wwx6exb7icqyohpqang4pirsidha80hu-xwnd3jeagwtrute_mttiv2j3j8itcgmyhiqrlntav2d-7hfahvdcamin68a7ojhe3bzhjo2uagtzakizlulyt3loucbijvqqvmzyva\",thumbnailversion,title,true]",ucqtrilxgzh2vmrvsg2jq1cbl4qg2jm47nvobhbfm_yn1fbbaidporrazpamsvj7sqad53jxy8lxn1gsuwlcokff-zk60jt6_mj0zjrpvewalsw</t>
  </si>
  <si>
    <t>32e36509-c5e4-4be9-b691-5108a2b3d6f0.tmp</t>
  </si>
  <si>
    <t>\\acsfs\profiles$\fabianobmf\Downloads\32e36509-c5e4-4be9-b691-5108a2b3d6f0.tmp</t>
  </si>
  <si>
    <t>0db3ec7e-3313-4a9a-841e-0e5437d6b2c5.tmp</t>
  </si>
  <si>
    <t>\\acsfs\profiles$\anafaes\Downloads\0db3ec7e-3313-4a9a-841e-0e5437d6b2c5.tmp</t>
  </si>
  <si>
    <t>e1a32a6f-e6cd-408d-91cc-8e1451650b74.tmp</t>
  </si>
  <si>
    <t>\\acsfs\profiles$\anafaes\Downloads\e1a32a6f-e6cd-408d-91cc-8e1451650b74.tmp</t>
  </si>
  <si>
    <t>a80b02ec-bd66-4d6a-80dc-b682df04b0f5.tmp</t>
  </si>
  <si>
    <t>\\acsfs\profiles$\philipegsf\Downloads\a80b02ec-bd66-4d6a-80dc-b682df04b0f5.tmp</t>
  </si>
  <si>
    <t>mail.google.com/_/upload?authuser=0&amp;dcp=asu-n&amp;upload_id=AEnB2UrtSnAoLNYesBPnyfqrSAtnEoEtvOw0JlP_bCcdtHygBlYsWrQyIQR3pnvodulhe0qcJm_gKnTwezUdLR6okRMaNg7dAQ&amp;upload_protocol=resumable</t>
  </si>
  <si>
    <t>Agent State Details 07.01.2020.xlsx</t>
  </si>
  <si>
    <t>\\acsfs\deptos\Operacao\PCP\5 - Comum\PLANEJAMENTO BV\23 - EXTRAÇÕES\Agent State Details\2020\JANEIRO\Agent State Details 07.01.2020.xlsx</t>
  </si>
  <si>
    <t>\\acsfs\DEPTOS\Operacao\Banco_Votorantim\Comum\00 - COMUM - BV CARTÕES\EQUIPE ADILSON\Reneg\C851D5BE.tmp\</t>
  </si>
  <si>
    <t>\\acsfs\DEPTOS\Operacao\Banco_Votorantim\Comum\00 - COMUM - BV CARTÕES\EQUIPE ADILSON\Reneg\C851D5BE.tmp\:Zone.Identifier:$DATA</t>
  </si>
  <si>
    <t>\\acsfs\DEPTOS\Operacao\Banco_Votorantim\Comum\00 - COMUM - BV CARTÕES\EQUIPE ADILSON\Reneg\B67A964D.tmp\</t>
  </si>
  <si>
    <t>\\acsfs\DEPTOS\Operacao\Banco_Votorantim\Comum\00 - COMUM - BV CARTÕES\EQUIPE ADILSON\Reneg\B67A964D.tmp\:Zone.Identifier:$DATA</t>
  </si>
  <si>
    <t>\\acsfs\DEPTOS\Operacao\Banco_Votorantim\Comum\00 - COMUM - BV CARTÕES\EQUIPE ADILSON\Reneg\957F3F88.tmp\</t>
  </si>
  <si>
    <t>\\acsfs\DEPTOS\Operacao\Banco_Votorantim\Comum\00 - COMUM - BV CARTÕES\EQUIPE ADILSON\Reneg\957F3F88.tmp\:Zone.Identifier:$DATA</t>
  </si>
  <si>
    <t>\\acsfs\DEPTOS\Operacao\Banco_Votorantim\Comum\00 - COMUM - BV CARTÕES\EQUIPE ADILSON\Reneg\28A50CDF.tmp\</t>
  </si>
  <si>
    <t>\\acsfs\DEPTOS\Operacao\Banco_Votorantim\Comum\00 - COMUM - BV CARTÕES\EQUIPE ADILSON\Reneg\28A50CDF.tmp\:Zone.Identifier:$DATA</t>
  </si>
  <si>
    <t>\\acsfs\DEPTOS\Operacao\Banco_Votorantim\Comum\00 - COMUM - BV CARTÕES\EQUIPE ADILSON\Reneg\4E79F682.tmp\</t>
  </si>
  <si>
    <t>\\acsfs\DEPTOS\Operacao\Banco_Votorantim\Comum\00 - COMUM - BV CARTÕES\EQUIPE ADILSON\Reneg\4E79F682.tmp\:Zone.Identifier:$DATA</t>
  </si>
  <si>
    <t>E12B647.tmp</t>
  </si>
  <si>
    <t>\\acsfs\ACS\Gabriel da Silva\Contemporânea\Comissão e Incentivo\E12B647.tmp</t>
  </si>
  <si>
    <t>b0006b1c-30b7-4201-9a9f-f21805ade6f9.tmp</t>
  </si>
  <si>
    <t>\\acsfs\profiles$\henriquehmdo\Downloads\b0006b1c-30b7-4201-9a9f-f21805ade6f9.tmp</t>
  </si>
  <si>
    <t>\\acsfs\DEPTOS\Operacao\Banco_Votorantim\Comum\00 - COMUM - BV CARTÕES\EQUIPE ADILSON\Reneg\B1015061.tmp\</t>
  </si>
  <si>
    <t>\\acsfs\DEPTOS\Operacao\Banco_Votorantim\Comum\00 - COMUM - BV CARTÕES\EQUIPE ADILSON\Reneg\B1015061.tmp\:Zone.Identifier:$DATA</t>
  </si>
  <si>
    <t>8693A00A.tmp</t>
  </si>
  <si>
    <t>\\acsfs\ACS\Gabriel da Silva\Contemporânea\Comissão e Incentivo\8693A00A.tmp</t>
  </si>
  <si>
    <t>04d85d8e-9500-4585-8455-93f91a5fa7d5.tmp</t>
  </si>
  <si>
    <t>\\acsfs\profiles$\vivianibfs\Downloads\04d85d8e-9500-4585-8455-93f91a5fa7d5.tmp</t>
  </si>
  <si>
    <t>https://cscatende.algarnet.com.br/framework/formxml/ajax/gridformxml.php</t>
  </si>
  <si>
    <t>A8584C89.tmp</t>
  </si>
  <si>
    <t>\\acsfs\ACS\Gabriel da Silva\Contemporânea\Comissão e Incentivo\A8584C89.tmp</t>
  </si>
  <si>
    <t>FFC4A874.tmp</t>
  </si>
  <si>
    <t>\\acsfs\ACS\Gabriel da Silva\Contemporânea\Comissão e Incentivo\FFC4A874.tmp</t>
  </si>
  <si>
    <t>390139e0-ff85-4dfc-9195-16cb5521061d.tmp</t>
  </si>
  <si>
    <t>\\acsfs\profiles$\gabrielsma\Downloads\390139e0-ff85-4dfc-9195-16cb5521061d.tmp</t>
  </si>
  <si>
    <t>Não confirmado 260378.crdownload</t>
  </si>
  <si>
    <t>\\acsfs\ACS\Gabriel da Silva\Contemporânea\Comissão e Incentivo\Não confirmado 260378.crdownload</t>
  </si>
  <si>
    <t>D-1 POR OPERADOR - BV - DEZ (VERSÃO LEVE).xlsb:Zone.Identifier</t>
  </si>
  <si>
    <t>\\acsfs\ACS\Gabriel da Silva\Contemporânea\Comissão e Incentivo\D-1 POR OPERADOR - BV - DEZ (VERSÃO LEVE).xlsb:Zone.Identifier</t>
  </si>
  <si>
    <t>bd7917e0-99f4-4fcd-ba42-5dad92a33588.tmp</t>
  </si>
  <si>
    <t>\\acsfs\profiles$\rosileiam\Downloads\bd7917e0-99f4-4fcd-ba42-5dad92a33588.tmp</t>
  </si>
  <si>
    <t>b7eb5bf0-b19c-4879-8844-21f2de57afbe.tmp</t>
  </si>
  <si>
    <t>\\acsfs\profiles$\erichds\Downloads\b7eb5bf0-b19c-4879-8844-21f2de57afbe.tmp</t>
  </si>
  <si>
    <t>436b8a9a-8433-4123-81b0-3f89b1597a5c.tmp</t>
  </si>
  <si>
    <t>\\acsfs\profiles$\LUISPLS\Downloads\436b8a9a-8433-4123-81b0-3f89b1597a5c.tmp</t>
  </si>
  <si>
    <t>8a7ce5d7-165a-440a-9cf5-7c287fe00a83.tmp</t>
  </si>
  <si>
    <t>\\acsfs\profiles$\myllenardl\Downloads\8a7ce5d7-165a-440a-9cf5-7c287fe00a83.tmp</t>
  </si>
  <si>
    <t>73ba1fc7-15c8-4cb1-af97-a95af9449bf5.tmp</t>
  </si>
  <si>
    <t>\\acsfs\profiles$\gabrielsma\Downloads\73ba1fc7-15c8-4cb1-af97-a95af9449bf5.tmp</t>
  </si>
  <si>
    <t>Não confirmado 323010.crdownload</t>
  </si>
  <si>
    <t>\\acsfs\ACS\Gabriel da Silva\Contemporânea\Gen\Não confirmado 323010.crdownload</t>
  </si>
  <si>
    <t>3658f357-09a3-4301-b0d5-43dfef4fcf0b.tmp</t>
  </si>
  <si>
    <t>\\acsfs\profiles$\rafaelacdoc\Downloads\3658f357-09a3-4301-b0d5-43dfef4fcf0b.tmp</t>
  </si>
  <si>
    <t>\\acsfs\profiles$\leonardobb\</t>
  </si>
  <si>
    <t>anotacoes.txt</t>
  </si>
  <si>
    <t>\\acsfs\profiles$\leonardobb\anotacoes.txt</t>
  </si>
  <si>
    <t>4cebb309-d881-4e0b-b23f-1e2b40153ba1.tmp</t>
  </si>
  <si>
    <t>\\acsfs\profiles$\laurandos\Downloads\4cebb309-d881-4e0b-b23f-1e2b40153ba1.tmp</t>
  </si>
  <si>
    <t>5fdcda79-94ad-41f4-9154-a8b3d0ff6569.tmp</t>
  </si>
  <si>
    <t>\\acsfs\profiles$\laurandos\Downloads\5fdcda79-94ad-41f4-9154-a8b3d0ff6569.tmp</t>
  </si>
  <si>
    <t>ae69b7d6-c6ae-4f47-b08a-105ac3964017.tmp</t>
  </si>
  <si>
    <t>\\acsfs\profiles$\gabrielsma\Downloads\ae69b7d6-c6ae-4f47-b08a-105ac3964017.tmp</t>
  </si>
  <si>
    <t>Não confirmado 662844.crdownload</t>
  </si>
  <si>
    <t>\\acsfs\ACS\Gabriel da Silva\Contemporânea\Gen\Não confirmado 662844.crdownload</t>
  </si>
  <si>
    <t>8B278701.tmp</t>
  </si>
  <si>
    <t>\\acsfs\ACS\Gabriel da Silva\Contemporânea\Gen\8B278701.tmp</t>
  </si>
  <si>
    <t>~$baseTmoXgen_Dez.19.xlsx</t>
  </si>
  <si>
    <t>\\acsfs\ACS\Gabriel da Silva\Contemporânea\Gen\~$baseTmoXgen_Dez.19.xlsx</t>
  </si>
  <si>
    <t>~$BaseDezembro.xlsx</t>
  </si>
  <si>
    <t>\\acsfs\ACS\Gabriel da Silva\Contemporânea\Comissão e Incentivo\~$BaseDezembro.xlsx</t>
  </si>
  <si>
    <t>eb8a39ac-50c1-4ae5-845c-332231d16a76.tmp</t>
  </si>
  <si>
    <t>\\acsfs\profiles$\rosileiam\Downloads\eb8a39ac-50c1-4ae5-845c-332231d16a76.tmp</t>
  </si>
  <si>
    <t>d48e4c26-c37b-4439-a4e3-e931c52e87e2.tmp</t>
  </si>
  <si>
    <t>\\acsfs\profiles$\nathaliaos\Downloads\d48e4c26-c37b-4439-a4e3-e931c52e87e2.tmp</t>
  </si>
  <si>
    <t>mail.google.com/sync/u/0/i/s?hl=pt-BR&amp;c=702</t>
  </si>
  <si>
    <t>771f8718-3534-4170-93db-4717a083b850.tmp</t>
  </si>
  <si>
    <t>\\acsfs\profiles$\victorgl\Downloads\771f8718-3534-4170-93db-4717a083b850.tmp</t>
  </si>
  <si>
    <t>~$Agent_Utilization_Report.xlsx</t>
  </si>
  <si>
    <t>\\acsfs\ACS\Gabriel da Silva\Contemporânea\Gen\~$Agent_Utilization_Report.xlsx</t>
  </si>
  <si>
    <t>C282C6F3.tmp</t>
  </si>
  <si>
    <t>\\acsfs\ACS\Gabriel da Silva\Contemporânea\C282C6F3.tmp</t>
  </si>
  <si>
    <t>41800C26.tmp</t>
  </si>
  <si>
    <t>\\acsfs\ACS\Gabriel da Silva\Contemporânea\41800C26.tmp</t>
  </si>
  <si>
    <t>~$Agent_Utilization_Report_1219.xlsx</t>
  </si>
  <si>
    <t>\\acsfs\ACS\Gabriel da Silva\Contemporânea\Gen\~$Agent_Utilization_Report_1219.xlsx</t>
  </si>
  <si>
    <t>ea3404ab-d641-40ea-af84-21f156aaeeae.tmp</t>
  </si>
  <si>
    <t>\\acsfs\profiles$\Adrieledgc\Downloads\ea3404ab-d641-40ea-af84-21f156aaeeae.tmp</t>
  </si>
  <si>
    <t>5e924dd5-b4c8-4c56-a1ed-b4536e9d5565.tmp</t>
  </si>
  <si>
    <t>\\acsfs\profiles$\nathaliaos\Downloads\5e924dd5-b4c8-4c56-a1ed-b4536e9d5565.tmp</t>
  </si>
  <si>
    <t>AGENT LOGIN LOGOUT DETAILS REPORT 07.01.2020.xlsx</t>
  </si>
  <si>
    <t>\\acsfs\deptos\Operacao\PCP\5 - Comum\PLANEJAMENTO BV\23 - EXTRAÇÕES\Agente Login Logout details report\2020\JANEIRO\AGENT LOGIN LOGOUT DETAILS REPORT 07.01.2020.xlsx</t>
  </si>
  <si>
    <t>3f7d20dc-2170-41c9-aa8a-b2137bedd428.tmp</t>
  </si>
  <si>
    <t>\\acsfs\profiles$\brunalas\Downloads\3f7d20dc-2170-41c9-aa8a-b2137bedd428.tmp</t>
  </si>
  <si>
    <t>025a2491-8532-4593-b613-8bb3f203dd8b.tmp</t>
  </si>
  <si>
    <t>\\acsfs\profiles$\myllenardl\Downloads\025a2491-8532-4593-b613-8bb3f203dd8b.tmp</t>
  </si>
  <si>
    <t>A82850D5.tmp</t>
  </si>
  <si>
    <t>\\acsfs\ACS\Gabriel da Silva\Contemporânea\A82850D5.tmp</t>
  </si>
  <si>
    <t>31AE20B0.tmp</t>
  </si>
  <si>
    <t>\\acsfs\ACS\Gabriel da Silva\Contemporânea\31AE20B0.tmp</t>
  </si>
  <si>
    <t>7121A927.tmp</t>
  </si>
  <si>
    <t>\\acsfs\ACS\Gabriel da Silva\Contemporânea\7121A927.tmp</t>
  </si>
  <si>
    <t>c4451dc8-a321-4cb0-aa4f-93e8bbf7d6a4.tmp</t>
  </si>
  <si>
    <t>\\acsfs\profiles$\Adrieledgc\Downloads\c4451dc8-a321-4cb0-aa4f-93e8bbf7d6a4.tmp</t>
  </si>
  <si>
    <t>3390838a-110b-4dcc-b5bb-8508cc433343.tmp</t>
  </si>
  <si>
    <t>\\acsfs\profiles$\adelvinsonle\Downloads\3390838a-110b-4dcc-b5bb-8508cc433343.tmp</t>
  </si>
  <si>
    <t>8b3a6271-c8f4-4bf8-ad31-927dc89ff3b2.tmp</t>
  </si>
  <si>
    <t>\\acsfs\profiles$\leonardocb\Downloads\8b3a6271-c8f4-4bf8-ad31-927dc89ff3b2.tmp</t>
  </si>
  <si>
    <t>3a60223f-3aa1-4998-9057-15d7e8ba3d45.tmp</t>
  </si>
  <si>
    <t>\\acsfs\profiles$\leonardocb\Downloads\3a60223f-3aa1-4998-9057-15d7e8ba3d45.tmp</t>
  </si>
  <si>
    <t>c:\users\flaviacno\appdata\local\temp\</t>
  </si>
  <si>
    <t>.session64</t>
  </si>
  <si>
    <t>Não confirmado 949856.crdownload</t>
  </si>
  <si>
    <t>\\acsfs\DEPTOS\Operacao\Banco_Votorantim\Supervisao\CAMILLA LIMA RODRIGUES\Não confirmado 949856.crdownload</t>
  </si>
  <si>
    <t>87ea2a63-8078-445e-8b6e-5b3133645ca8.tmp</t>
  </si>
  <si>
    <t>\\acsfs\profiles$\rosileiam\Downloads\87ea2a63-8078-445e-8b6e-5b3133645ca8.tmp</t>
  </si>
  <si>
    <t>676b88b2-591a-4e30-8735-6f29eac47a0a.tmp</t>
  </si>
  <si>
    <t>\\acsfs\profiles$\Adrieledgc\Downloads\676b88b2-591a-4e30-8735-6f29eac47a0a.tmp</t>
  </si>
  <si>
    <t>\\acsfs\DEPTOS\Operacao\Banco_Votorantim\Comum\00 - COMUM - BV CARTÕES\EQUIPE ADILSON\Reneg\F373BF38.tmp\</t>
  </si>
  <si>
    <t>\\acsfs\DEPTOS\Operacao\Banco_Votorantim\Comum\00 - COMUM - BV CARTÕES\EQUIPE ADILSON\Reneg\F373BF38.tmp\:Zone.Identifier:$DATA</t>
  </si>
  <si>
    <t>Reneg - Vcto 20-12-19 1.xlsx</t>
  </si>
  <si>
    <t>\\acsfs\DEPTOS\Operacao\Banco_Votorantim\Comum\00 - COMUM - BV CARTÕES\EQUIPE ADILSON\Reneg\Reneg - Vcto 20-12-19 1.xlsx</t>
  </si>
  <si>
    <t>04-01 RELATORIO DE LOGIN AVON.xlsm</t>
  </si>
  <si>
    <t>\\acsfs\deptos\Operacao\PCP\5 - Comum\CONTROL DESK\2 - DAC2\Control Desk AVON\Relatorios\Status de login\2020\04-01 RELATORIO DE LOGIN AVON.xlsm</t>
  </si>
  <si>
    <t>Não confirmado 160402.crdownload</t>
  </si>
  <si>
    <t>\\acsfs\DEPTOS\Operacao\Banco_Votorantim\Supervisao\CAMILLA LIMA RODRIGUES\Não confirmado 160402.crdownload</t>
  </si>
  <si>
    <t>Não confirmado 308547.crdownload</t>
  </si>
  <si>
    <t>\\acsfs\DEPTOS\Operacao\Banco_Votorantim\Supervisao\CAMILLA LIMA RODRIGUES\Não confirmado 308547.crdownload</t>
  </si>
  <si>
    <t>d4195714-df96-48c7-8466-ea8ddf1af409.tmp</t>
  </si>
  <si>
    <t>\\acsfs\profiles$\rosileiam\Downloads\d4195714-df96-48c7-8466-ea8ddf1af409.tmp</t>
  </si>
  <si>
    <t>569d9d95-bc66-40be-bce8-d093c23946a1.tmp</t>
  </si>
  <si>
    <t>\\acsfs\profiles$\andreapdsg\Downloads\569d9d95-bc66-40be-bce8-d093c23946a1.tmp</t>
  </si>
  <si>
    <t>21843dda-b75d-471d-b1d8-71975534ff8d.tmp</t>
  </si>
  <si>
    <t>\\acsfs\profiles$\andreapdsg\Downloads\21843dda-b75d-471d-b1d8-71975534ff8d.tmp</t>
  </si>
  <si>
    <t>ac3c87c9-ee3a-4157-969d-8439d895c493.tmp</t>
  </si>
  <si>
    <t>\\acsfs\profiles$\kamilamrc\Downloads\ac3c87c9-ee3a-4157-969d-8439d895c493.tmp</t>
  </si>
  <si>
    <t>mail.google.com/sync/u/0/i/s?hl=pt-BR&amp;c=775</t>
  </si>
  <si>
    <t>mail.google.com/sync/u/0/i/s?hl=pt-BR&amp;c=777</t>
  </si>
  <si>
    <t>84f84cdf-c3b9-4fac-a85a-c54e1568349c.tmp</t>
  </si>
  <si>
    <t>\\acsfs\profiles$\fabianafv\Downloads\84f84cdf-c3b9-4fac-a85a-c54e1568349c.tmp</t>
  </si>
  <si>
    <t>7ab40613-6f99-4ce8-9dce-e64746517d11.tmp</t>
  </si>
  <si>
    <t>\\acsfs\profiles$\LUISPLS\Downloads\7ab40613-6f99-4ce8-9dce-e64746517d11.tmp</t>
  </si>
  <si>
    <t>08-01 RELATORIO DE LOGIN AVON.xlsm</t>
  </si>
  <si>
    <t>\\acsfs\deptos\Operacao\PCP\5 - Comum\CONTROL DESK\2 - DAC2\Control Desk AVON\Relatorios\Status de login\2020\08-01 RELATORIO DE LOGIN AVON.xlsm</t>
  </si>
  <si>
    <t>8CBCCD63.tmp</t>
  </si>
  <si>
    <t>\\acsfs\ACS\Gabriel da Silva\Contemporânea\8CBCCD63.tmp</t>
  </si>
  <si>
    <t>657614cb-6bc4-4470-ae4e-f5ff58f982be.tmp</t>
  </si>
  <si>
    <t>\\acsfs\profiles$\leonardobb\Downloads\657614cb-6bc4-4470-ae4e-f5ff58f982be.tmp</t>
  </si>
  <si>
    <t>~$D-1 POR OPERADOR - BV - DEZ (VERSÃO LEVE).xlsb</t>
  </si>
  <si>
    <t>\\acsfs\ACS\Gabriel da Silva\Contemporânea\Comissão e Incentivo\~$D-1 POR OPERADOR - BV - DEZ (VERSÃO LEVE).xlsb</t>
  </si>
  <si>
    <t>9F762B56.tmp</t>
  </si>
  <si>
    <t>\\acsfs\ACS\Gabriel da Silva\Contemporânea\9F762B56.tmp</t>
  </si>
  <si>
    <t>outlook.office.com/owa/service.svc?action=CreateItem&amp;app=Mail&amp;n=128</t>
  </si>
  <si>
    <t>eliane.martins@bv.com.br;gabrielsma@bv.algartech.com;</t>
  </si>
  <si>
    <t>eliane.martins@bv.com.br,gabrielsma@bv.algartech.com</t>
  </si>
  <si>
    <t>outlook.office.com/owa/service.svc?action=UpdateItem&amp;app=Mail&amp;n=154</t>
  </si>
  <si>
    <t>60f2f326-7929-46f6-9c1d-772e4adf0479.tmp</t>
  </si>
  <si>
    <t>\\acsfs\profiles$\leonardobb\Downloads\60f2f326-7929-46f6-9c1d-772e4adf0479.tmp</t>
  </si>
  <si>
    <t>cc61e5b5-8771-4281-9315-4e6881a3d62f.tmp</t>
  </si>
  <si>
    <t>\\acsfs\profiles$\leonardobb\Downloads\cc61e5b5-8771-4281-9315-4e6881a3d62f.tmp</t>
  </si>
  <si>
    <t>64a22992-b739-4a48-8b6b-2f6ed4fe858c.tmp</t>
  </si>
  <si>
    <t>\\acsfs\profiles$\leonardobb\Downloads\64a22992-b739-4a48-8b6b-2f6ed4fe858c.tmp</t>
  </si>
  <si>
    <t>e8796ef5-f4e4-4d7f-a840-de4cbc6e7271.tmp</t>
  </si>
  <si>
    <t>\\acsfs\profiles$\leonardobb\Downloads\e8796ef5-f4e4-4d7f-a840-de4cbc6e7271.tmp</t>
  </si>
  <si>
    <t>3d609118-7ea3-45d9-a1eb-857464d05955.tmp</t>
  </si>
  <si>
    <t>\\acsfs\profiles$\leonardobb\Downloads\3d609118-7ea3-45d9-a1eb-857464d05955.tmp</t>
  </si>
  <si>
    <t>37d49990-a49d-48e2-8842-ebcc6d57f78b.tmp</t>
  </si>
  <si>
    <t>\\acsfs\profiles$\leonardobb\Downloads\37d49990-a49d-48e2-8842-ebcc6d57f78b.tmp</t>
  </si>
  <si>
    <t>3dbcc40f-bdff-4601-a463-08653a5fe96a.tmp</t>
  </si>
  <si>
    <t>\\acsfs\profiles$\taylaedoa\Downloads\3dbcc40f-bdff-4601-a463-08653a5fe96a.tmp</t>
  </si>
  <si>
    <t>8578b5a9-1474-4d15-84b9-cce8fb7a2787.tmp</t>
  </si>
  <si>
    <t>\\acsfs\profiles$\taylaedoa\Downloads\8578b5a9-1474-4d15-84b9-cce8fb7a2787.tmp</t>
  </si>
  <si>
    <t>1caac6e0-7680-4da3-ad79-6511f5cd43db.tmp</t>
  </si>
  <si>
    <t>\\acsfs\profiles$\laurandos\Downloads\1caac6e0-7680-4da3-ad79-6511f5cd43db.tmp</t>
  </si>
  <si>
    <t>mail.google.com/sync/u/0/i/s?hl=pt-BR&amp;c=805</t>
  </si>
  <si>
    <t>34C6231B.tmp</t>
  </si>
  <si>
    <t>\\acsfs\ACS\Gabriel da Silva\Contemporânea\34C6231B.tmp</t>
  </si>
  <si>
    <t>\\acsfs\DEPTOS\Operacao\Banco_Votorantim\Comum\00 - COMUM - BV CARTÕES\EQUIPE ADILSON\Reneg\95B5D936.tmp\</t>
  </si>
  <si>
    <t>\\acsfs\DEPTOS\Operacao\Banco_Votorantim\Comum\00 - COMUM - BV CARTÕES\EQUIPE ADILSON\Reneg\95B5D936.tmp\:Zone.Identifier:$DATA</t>
  </si>
  <si>
    <t>\\acsfs\DEPTOS\Operacao\Banco_Votorantim\Comum\00 - COMUM - BV CARTÕES\EQUIPE ADILSON\Reneg\2F0B4B25.tmp\</t>
  </si>
  <si>
    <t>\\acsfs\DEPTOS\Operacao\Banco_Votorantim\Comum\00 - COMUM - BV CARTÕES\EQUIPE ADILSON\Reneg\2F0B4B25.tmp\:Zone.Identifier:$DATA</t>
  </si>
  <si>
    <t>\\acsfs\DEPTOS\Operacao\Banco_Votorantim\Comum\00 - COMUM - BV CARTÕES\EQUIPE ADILSON\Reneg\A260F140.tmp\</t>
  </si>
  <si>
    <t>\\acsfs\DEPTOS\Operacao\Banco_Votorantim\Comum\00 - COMUM - BV CARTÕES\EQUIPE ADILSON\Reneg\A260F140.tmp\:Zone.Identifier:$DATA</t>
  </si>
  <si>
    <t>mail.google.com/sync/u/0/i/s?hl=pt-BR&amp;c=814</t>
  </si>
  <si>
    <t>mail.google.com/sync/u/0/i/s?hl=pt-BR&amp;c=828</t>
  </si>
  <si>
    <t>mail.google.com/sync/u/0/i/s?hl=pt-BR&amp;c=832</t>
  </si>
  <si>
    <t>B444CDAC.tmp</t>
  </si>
  <si>
    <t>\\acsfs\ACS\Gabriel da Silva\Contemporânea\B444CDAC.tmp</t>
  </si>
  <si>
    <t>~$TMO.xlsm</t>
  </si>
  <si>
    <t>\\acsfs\ACS\Gabriel da Silva\Contemporânea\~$TMO.xlsm</t>
  </si>
  <si>
    <t>ED722FD3.tmp</t>
  </si>
  <si>
    <t>\\acsfs\ACS\Gabriel da Silva\Contemporânea\Comissão e Incentivo\ED722FD3.tmp</t>
  </si>
  <si>
    <t>A0D0D686.tmp</t>
  </si>
  <si>
    <t>\\acsfs\ACS\Gabriel da Silva\Contemporânea\A0D0D686.tmp</t>
  </si>
  <si>
    <t>bb31ed1c-fde6-4761-9318-0c5bdf6d923e.tmp</t>
  </si>
  <si>
    <t>\\acsfs\profiles$\rafaelacdoc\Downloads\bb31ed1c-fde6-4761-9318-0c5bdf6d923e.tmp</t>
  </si>
  <si>
    <t>976b47c8-f3a2-405b-ba1a-050a42e46324.tmp</t>
  </si>
  <si>
    <t>\\acsfs\profiles$\philipegsf\Downloads\976b47c8-f3a2-405b-ba1a-050a42e46324.tmp</t>
  </si>
  <si>
    <t>3fc5a155-048b-4e5a-8dfe-d30fe4315dcb.tmp</t>
  </si>
  <si>
    <t>\\acsfs\profiles$\marcosvnds\Downloads\3fc5a155-048b-4e5a-8dfe-d30fe4315dcb.tmp</t>
  </si>
  <si>
    <t>8b1589e3-0588-45da-9ff4-325972a3d856.tmp</t>
  </si>
  <si>
    <t>\\acsfs\profiles$\marcosvnds\Downloads\8b1589e3-0588-45da-9ff4-325972a3d856.tmp</t>
  </si>
  <si>
    <t>00bdfb1d-2f3e-4e8b-a28d-e22f26902392.tmp</t>
  </si>
  <si>
    <t>\\acsfs\profiles$\marcosvnds\Downloads\00bdfb1d-2f3e-4e8b-a28d-e22f26902392.tmp</t>
  </si>
  <si>
    <t>0f434872-e1d9-4075-aa53-0edf52a3a158.tmp</t>
  </si>
  <si>
    <t>\\acsfs\profiles$\marcosvnds\Downloads\0f434872-e1d9-4075-aa53-0edf52a3a158.tmp</t>
  </si>
  <si>
    <t>3adef049-f652-4a29-b9fb-ee2ddd5b6da8.tmp</t>
  </si>
  <si>
    <t>\\acsfs\profiles$\gabrielamdp\Downloads\3adef049-f652-4a29-b9fb-ee2ddd5b6da8.tmp</t>
  </si>
  <si>
    <t>e7f8cea9-d0b3-4d17-a536-2da6c9501e16.tmp</t>
  </si>
  <si>
    <t>\\acsfs\profiles$\alinepp\Downloads\e7f8cea9-d0b3-4d17-a536-2da6c9501e16.tmp</t>
  </si>
  <si>
    <t>926be2fb-4f2a-4125-94db-032cc20c8d1b.tmp</t>
  </si>
  <si>
    <t>\\acsfs\profiles$\andrezacapf\Downloads\926be2fb-4f2a-4125-94db-032cc20c8d1b.tmp</t>
  </si>
  <si>
    <t>2a69ecc2-f801-4efc-ad03-7df4e3bcfe6a.tmp</t>
  </si>
  <si>
    <t>\\acsfs\profiles$\andrezacapf\Downloads\2a69ecc2-f801-4efc-ad03-7df4e3bcfe6a.tmp</t>
  </si>
  <si>
    <t>bc49d6e5-17d3-494a-b2ad-82bed567984b.tmp</t>
  </si>
  <si>
    <t>\\acsfs\profiles$\andrezacapf\Downloads\bc49d6e5-17d3-494a-b2ad-82bed567984b.tmp</t>
  </si>
  <si>
    <t>atestado veronica 06 12 19.jpg</t>
  </si>
  <si>
    <t>mail.google.com/sync/u/0/i/fd?hl=pt-BR&amp;c=592</t>
  </si>
  <si>
    <t>a15d30ab-7ba1-4196-8800-20b21e7f6e9a.tmp</t>
  </si>
  <si>
    <t>\\acsfs\profiles$\matheusmax\Downloads\a15d30ab-7ba1-4196-8800-20b21e7f6e9a.tmp</t>
  </si>
  <si>
    <t>52fa7da8-f613-498c-9509-c743744707d7.tmp</t>
  </si>
  <si>
    <t>\\acsfs\profiles$\gabrielamdp\Downloads\52fa7da8-f613-498c-9509-c743744707d7.tmp</t>
  </si>
  <si>
    <t>f0293663-74a4-4b3a-8219-2992504bc068.tmp</t>
  </si>
  <si>
    <t>\\acsfs\profiles$\gabrielamdp\Downloads\f0293663-74a4-4b3a-8219-2992504bc068.tmp</t>
  </si>
  <si>
    <t>\\acsfs\DEPTOS\Operacao\Banco_Votorantim\Comum\00 - COMUM - BV CARTÕES\EQUIPE ADILSON\Reneg\3233C298.tmp\</t>
  </si>
  <si>
    <t>\\acsfs\DEPTOS\Operacao\Banco_Votorantim\Comum\00 - COMUM - BV CARTÕES\EQUIPE ADILSON\Reneg\3233C298.tmp\:Zone.Identifier:$DATA</t>
  </si>
  <si>
    <t>024186af-e64f-403f-b6f7-c5279b26b4d1.tmp</t>
  </si>
  <si>
    <t>\\acsfs\profiles$\myllenardl\Downloads\024186af-e64f-403f-b6f7-c5279b26b4d1.tmp</t>
  </si>
  <si>
    <t>f56dfb5e-266a-4cb3-a332-caa22da2f986.tmp</t>
  </si>
  <si>
    <t>\\acsfs\profiles$\philipegsf\Downloads\f56dfb5e-266a-4cb3-a332-caa22da2f986.tmp</t>
  </si>
  <si>
    <t>\\udpavonfs01\AVON\00 - ACOMPANHAMENTO AVON\05 - OCUPAÇÃO BKO\2020\1 - JANEIRO\RELATÓRIO\07.01.2020\</t>
  </si>
  <si>
    <t>mail.google.com/sync/u/0/i/s?hl=pt-BR&amp;c=847</t>
  </si>
  <si>
    <t>a4a2cd2c-c0b3-4aaf-bb2c-c8bcd0a3787e.tmp</t>
  </si>
  <si>
    <t>\\acsfs\profiles$\alinepp\Downloads\a4a2cd2c-c0b3-4aaf-bb2c-c8bcd0a3787e.tmp</t>
  </si>
  <si>
    <t>c7da136e-89c9-480e-a302-982619366de2.tmp</t>
  </si>
  <si>
    <t>\\acsfs\profiles$\brunalas\Downloads\c7da136e-89c9-480e-a302-982619366de2.tmp</t>
  </si>
  <si>
    <t>bdfb454b-f316-49fa-8229-0bb5a68b4c40.tmp</t>
  </si>
  <si>
    <t>\\acsfs\profiles$\myllenardl\Downloads\bdfb454b-f316-49fa-8229-0bb5a68b4c40.tmp</t>
  </si>
  <si>
    <t>2d7b99a6-4dc9-44b9-8d16-3da4967d49ac.tmp</t>
  </si>
  <si>
    <t>\\acsfs\profiles$\andreapdsg\Downloads\2d7b99a6-4dc9-44b9-8d16-3da4967d49ac.tmp</t>
  </si>
  <si>
    <t>277a3e8d-8691-48ef-b9b8-5ea7d88da451.tmp</t>
  </si>
  <si>
    <t>\\acsfs\profiles$\alinepp\Downloads\277a3e8d-8691-48ef-b9b8-5ea7d88da451.tmp</t>
  </si>
  <si>
    <t>548211f4-936e-4aed-9ce5-592eda0a7263.tmp</t>
  </si>
  <si>
    <t>\\acsfs\profiles$\alinepp\Downloads\548211f4-936e-4aed-9ce5-592eda0a7263.tmp</t>
  </si>
  <si>
    <t>1dec64d7-78f4-401a-97e4-117f43bc5659.tmp</t>
  </si>
  <si>
    <t>\\acsfs\profiles$\rafaelacdoc\Downloads\1dec64d7-78f4-401a-97e4-117f43bc5659.tmp</t>
  </si>
  <si>
    <t>20b7a21f-188a-48fc-a98e-b62181895edd.tmp</t>
  </si>
  <si>
    <t>\\acsfs\profiles$\alinepp\Downloads\20b7a21f-188a-48fc-a98e-b62181895edd.tmp</t>
  </si>
  <si>
    <t>c8721208-72be-4953-b0da-b34c12a26599.tmp</t>
  </si>
  <si>
    <t>\\acsfs\profiles$\alinepp\Downloads\c8721208-72be-4953-b0da-b34c12a26599.tmp</t>
  </si>
  <si>
    <t>c3afe057-84fc-4e03-ab4c-1dc58b07e318.tmp</t>
  </si>
  <si>
    <t>\\acsfs\profiles$\victorgl\Downloads\c3afe057-84fc-4e03-ab4c-1dc58b07e318.tmp</t>
  </si>
  <si>
    <t>10.200.66.172</t>
  </si>
  <si>
    <t>f2cb9674-8614-43e8-9293-855bfbb2df2f.tmp</t>
  </si>
  <si>
    <t>\\acsfs\profiles$\regisadsa\Downloads\f2cb9674-8614-43e8-9293-855bfbb2df2f.tmp</t>
  </si>
  <si>
    <t>image2020-01-08-180612.pdf</t>
  </si>
  <si>
    <t>5c2b95c4-f9d4-4a69-9108-fe0564329975.tmp</t>
  </si>
  <si>
    <t>\\acsfs\profiles$\Adrieledgc\Downloads\5c2b95c4-f9d4-4a69-9108-fe0564329975.tmp</t>
  </si>
  <si>
    <t>1d19de56-8174-4df1-ba57-535a12fa0d6b.tmp</t>
  </si>
  <si>
    <t>\\acsfs\profiles$\Adrieledgc\Downloads\1d19de56-8174-4df1-ba57-535a12fa0d6b.tmp</t>
  </si>
  <si>
    <t>5d6e3310-fa30-44cb-8b22-f80b6014bda5.tmp</t>
  </si>
  <si>
    <t>\\acsfs\profiles$\LUISPLS\Downloads\5d6e3310-fa30-44cb-8b22-f80b6014bda5.tmp</t>
  </si>
  <si>
    <t>af12d4b7-9683-4b72-8184-770495d925f6.tmp</t>
  </si>
  <si>
    <t>\\acsfs\profiles$\fabianafv\Downloads\af12d4b7-9683-4b72-8184-770495d925f6.tmp</t>
  </si>
  <si>
    <t>23fc79da-dc74-43d4-8d5b-9cbf0aa21926.tmp</t>
  </si>
  <si>
    <t>\\acsfs\profiles$\erichds\Downloads\23fc79da-dc74-43d4-8d5b-9cbf0aa21926.tmp</t>
  </si>
  <si>
    <t>3c0196ce-c372-4468-8deb-1d164e03060c.tmp</t>
  </si>
  <si>
    <t>\\acsfs\profiles$\regisedsj\Downloads\3c0196ce-c372-4468-8deb-1d164e03060c.tmp</t>
  </si>
  <si>
    <t>e0b9c781-685e-4d61-b31f-c4ecb2c69fe2.tmp</t>
  </si>
  <si>
    <t>\\acsfs\profiles$\victorgl\Downloads\e0b9c781-685e-4d61-b31f-c4ecb2c69fe2.tmp</t>
  </si>
  <si>
    <t>3c14eef0-4835-4554-bfd3-f06d8d9267de.tmp</t>
  </si>
  <si>
    <t>\\acsfs\profiles$\brendadsl\Downloads\3c14eef0-4835-4554-bfd3-f06d8d9267de.tmp</t>
  </si>
  <si>
    <t>b8d88a8f-5a95-49ae-8abc-7837b11c8334.tmp</t>
  </si>
  <si>
    <t>\\acsfs\profiles$\edicarlosdl\Downloads\b8d88a8f-5a95-49ae-8abc-7837b11c8334.tmp</t>
  </si>
  <si>
    <t>3ce265e4-8e09-4e33-b330-0e4f9bed1c3e.tmp</t>
  </si>
  <si>
    <t>\\acsfs\profiles$\alinepp\Downloads\3ce265e4-8e09-4e33-b330-0e4f9bed1c3e.tmp</t>
  </si>
  <si>
    <t>ae31a2a7-db45-4daa-8291-f2c598000edc.tmp</t>
  </si>
  <si>
    <t>\\acsfs\profiles$\alinepp\Downloads\ae31a2a7-db45-4daa-8291-f2c598000edc.tmp</t>
  </si>
  <si>
    <t>1d398295-eb9b-4ec1-b815-7a299efdc91c.tmp</t>
  </si>
  <si>
    <t>\\acsfs\profiles$\alinepp\Downloads\1d398295-eb9b-4ec1-b815-7a299efdc91c.tmp</t>
  </si>
  <si>
    <t>0358fbb7-e711-45c3-90a7-57190045d349.tmp</t>
  </si>
  <si>
    <t>\\acsfs\profiles$\victorgl\Downloads\0358fbb7-e711-45c3-90a7-57190045d349.tmp</t>
  </si>
  <si>
    <t>09b6fe96-59e2-4cc7-95a2-70c6fba2015b.tmp</t>
  </si>
  <si>
    <t>\\acsfs\profiles$\rosileiam\Downloads\09b6fe96-59e2-4cc7-95a2-70c6fba2015b.tmp</t>
  </si>
  <si>
    <t>dfa1c7e4-dbe2-4c62-b9a2-bc10d52e4b4a.tmp</t>
  </si>
  <si>
    <t>\\acsfs\profiles$\rafaelacdoc\Downloads\dfa1c7e4-dbe2-4c62-b9a2-bc10d52e4b4a.tmp</t>
  </si>
  <si>
    <t>7990d65e-24ce-453f-ac16-f6ea3098c5f2.tmp</t>
  </si>
  <si>
    <t>\\acsfs\profiles$\laurandos\Downloads\7990d65e-24ce-453f-ac16-f6ea3098c5f2.tmp</t>
  </si>
  <si>
    <t>40add2b5-9543-4935-b27e-869ef45f84e2.tmp</t>
  </si>
  <si>
    <t>\\acsfs\profiles$\alinepp\Downloads\40add2b5-9543-4935-b27e-869ef45f84e2.tmp</t>
  </si>
  <si>
    <t>57cf702d-9f19-4743-811e-924ed2fca770.tmp</t>
  </si>
  <si>
    <t>\\acsfs\profiles$\alinepp\Downloads\57cf702d-9f19-4743-811e-924ed2fca770.tmp</t>
  </si>
  <si>
    <t>c2f5aec7-8ca4-4d76-8a44-e88ab75f6a9a.tmp</t>
  </si>
  <si>
    <t>\\acsfs\profiles$\andrezacapf\Downloads\c2f5aec7-8ca4-4d76-8a44-e88ab75f6a9a.tmp</t>
  </si>
  <si>
    <t>24fdc858-c77f-4b49-9247-b77dc2809dd8.tmp</t>
  </si>
  <si>
    <t>\\acsfs\profiles$\andressamf\Downloads\24fdc858-c77f-4b49-9247-b77dc2809dd8.tmp</t>
  </si>
  <si>
    <t>7e535649-f444-487f-955d-b5a6d16b5c90.tmp</t>
  </si>
  <si>
    <t>\\acsfs\profiles$\leonardocb\Downloads\7e535649-f444-487f-955d-b5a6d16b5c90.tmp</t>
  </si>
  <si>
    <t>e111bb39-7fa3-47fa-a981-b0372b8816da.tmp</t>
  </si>
  <si>
    <t>\\acsfs\profiles$\alinepp\Downloads\e111bb39-7fa3-47fa-a981-b0372b8816da.tmp</t>
  </si>
  <si>
    <t>eed44f9f-945e-41bf-9cae-0fc4a57b9390.tmp</t>
  </si>
  <si>
    <t>\\acsfs\profiles$\rosileiam\Downloads\eed44f9f-945e-41bf-9cae-0fc4a57b9390.tmp</t>
  </si>
  <si>
    <t>a1a37f73-f33a-48aa-b22c-66a3b3bc2b52.tmp</t>
  </si>
  <si>
    <t>\\acsfs\profiles$\rosileiam\Downloads\a1a37f73-f33a-48aa-b22c-66a3b3bc2b52.tmp</t>
  </si>
  <si>
    <t>c9115fd0-5f16-4239-9a02-cc5f693234d9.tmp</t>
  </si>
  <si>
    <t>\\acsfs\profiles$\andressamf\Downloads\c9115fd0-5f16-4239-9a02-cc5f693234d9.tmp</t>
  </si>
  <si>
    <t>70b8009f-417d-438e-b397-23a1facdb08d.tmp</t>
  </si>
  <si>
    <t>\\acsfs\profiles$\brendadsl\Downloads\70b8009f-417d-438e-b397-23a1facdb08d.tmp</t>
  </si>
  <si>
    <t>9b05fec7-9a40-4890-b980-36430005ffad.tmp</t>
  </si>
  <si>
    <t>\\acsfs\profiles$\fabianobmf\Downloads\9b05fec7-9a40-4890-b980-36430005ffad.tmp</t>
  </si>
  <si>
    <t>908ceec1-741e-488b-8c8f-26554dab4fe2.tmp</t>
  </si>
  <si>
    <t>\\acsfs\profiles$\gabrielamdp\Downloads\908ceec1-741e-488b-8c8f-26554dab4fe2.tmp</t>
  </si>
  <si>
    <t>8590d12d-9891-43ef-a86d-ea12ecfbfacc.tmp</t>
  </si>
  <si>
    <t>\\acsfs\profiles$\gabrielamdp\Downloads\8590d12d-9891-43ef-a86d-ea12ecfbfacc.tmp</t>
  </si>
  <si>
    <t>36602d7a-d867-4a4a-91ac-77e3560d0688.tmp</t>
  </si>
  <si>
    <t>\\acsfs\profiles$\gabrielamdp\Downloads\36602d7a-d867-4a4a-91ac-77e3560d0688.tmp</t>
  </si>
  <si>
    <t>a4c59a83-e460-47c2-af04-9b3b687668ac.tmp</t>
  </si>
  <si>
    <t>\\acsfs\profiles$\brendadsl\Downloads\a4c59a83-e460-47c2-af04-9b3b687668ac.tmp</t>
  </si>
  <si>
    <t>XLOG_anakcs_08012020_124723.log</t>
  </si>
  <si>
    <t>\\acsfs\profiles$\anakcs\My Documents\xworkcenter\logs\XLOG_anakcs_08012020_124723.log</t>
  </si>
  <si>
    <t>10.200.67.192</t>
  </si>
  <si>
    <t>D0-94-66-B5-5C-97</t>
  </si>
  <si>
    <t>VOTORANT-PB021</t>
  </si>
  <si>
    <t>XLOG_marcosvnds_08012020_140125.log</t>
  </si>
  <si>
    <t>\\acsfs\profiles$\marcosvnds\My Documents\xworkcenter\logs\XLOG_marcosvnds_08012020_140125.log</t>
  </si>
  <si>
    <t>718fde29-759b-4a57-bf30-d02863b3d987.tmp</t>
  </si>
  <si>
    <t>\\acsfs\profiles$\alinepp\Downloads\718fde29-759b-4a57-bf30-d02863b3d987.tmp</t>
  </si>
  <si>
    <t>f2693668-f833-454a-83ce-9e9935e269fc.tmp</t>
  </si>
  <si>
    <t>\\acsfs\profiles$\gabrielamdp\Downloads\f2693668-f833-454a-83ce-9e9935e269fc.tmp</t>
  </si>
  <si>
    <t>6dfcfef1-c8e9-4ad7-916e-89f0de2ee8c5.tmp</t>
  </si>
  <si>
    <t>\\acsfs\profiles$\alinepp\Downloads\6dfcfef1-c8e9-4ad7-916e-89f0de2ee8c5.tmp</t>
  </si>
  <si>
    <t>72d3ddb4-d691-4e1e-b0de-b5554962831f.tmp</t>
  </si>
  <si>
    <t>\\acsfs\profiles$\nathaliaos\Downloads\72d3ddb4-d691-4e1e-b0de-b5554962831f.tmp</t>
  </si>
  <si>
    <t>e7555a86-fbcb-401e-b585-380aa9ab5c05.tmp</t>
  </si>
  <si>
    <t>\\acsfs\profiles$\nathaliaos\Downloads\e7555a86-fbcb-401e-b585-380aa9ab5c05.tmp</t>
  </si>
  <si>
    <t>ACO - Flávia Novembro.ppt</t>
  </si>
  <si>
    <t>\\acsfs\Deptos\Operacao\Banco_Votorantim\Supervisao\Flávia Constantina Nogueira\ACO - Flávia Novembro.ppt</t>
  </si>
  <si>
    <t>db497d89-1912-4ef2-b319-ae1635334a03.tmp</t>
  </si>
  <si>
    <t>\\acsfs\profiles$\ROBERTM\Downloads\db497d89-1912-4ef2-b319-ae1635334a03.tmp</t>
  </si>
  <si>
    <t>f9822ed4-f5ad-4db2-941e-c1b0b890c3e3.tmp</t>
  </si>
  <si>
    <t>\\acsfs\profiles$\edicarlosdl\Downloads\f9822ed4-f5ad-4db2-941e-c1b0b890c3e3.tmp</t>
  </si>
  <si>
    <t>ACO - Flávia Dezembro.ppt</t>
  </si>
  <si>
    <t>\\acsfs\Deptos\Operacao\Banco_Votorantim\Supervisao\Flávia Constantina Nogueira\ACO - Flávia Dezembro.ppt</t>
  </si>
  <si>
    <t>\\acsfs\Deptos\Operacao\Banco_Votorantim\Supervisao\Flávia Constantina Nogueira\ACO - Flávia Dezembro.ppt\s2\</t>
  </si>
  <si>
    <t>PowerPoint.MetroBlob.pptx</t>
  </si>
  <si>
    <t>PowerPoint.MetroBlob1.pptx</t>
  </si>
  <si>
    <t>PowerPoint.MetroBlob2.pptx</t>
  </si>
  <si>
    <t>PowerPoint.MetroBlob3.pptx</t>
  </si>
  <si>
    <t>Planilha do Microsoft Excel 97-20031.xls</t>
  </si>
  <si>
    <t>Planilha do Microsoft Excel 97-20032.xls</t>
  </si>
  <si>
    <t>Planilha do Microsoft Excel 97-20033.xls</t>
  </si>
  <si>
    <t>Planilha do Microsoft Excel 97-20034.xls</t>
  </si>
  <si>
    <t>Planilha do Microsoft Excel 97-20035.xls</t>
  </si>
  <si>
    <t>mail.google.com/_/upload?authuser=0&amp;dcp=asu-n&amp;upload_id=AEnB2Uoo2-QHm6CJ9qPBQbABqMImoPT7hT3RKgU7h7eHdKL6gJo2v7n9A8ccby-WP9ftfsFKNnyvx-BYrJ5m_diQpyivaH8n1O4IqhXR2eWgBnKXhivFNyA&amp;upload_protocol=resumable</t>
  </si>
  <si>
    <t>\\acsfs\Deptos\Operacao\Banco_Votorantim\Supervisao\Flávia Constantina Nogueira\Thumbs.db</t>
  </si>
  <si>
    <t>29010096-8512-4727-a08c-fb157298cf07.tmp</t>
  </si>
  <si>
    <t>\\acsfs\profiles$\gabrielamdp\Downloads\29010096-8512-4727-a08c-fb157298cf07.tmp</t>
  </si>
  <si>
    <t>76266cee-04b8-4531-8870-34af72d4cc24.tmp</t>
  </si>
  <si>
    <t>\\acsfs\profiles$\ROBERTM\Downloads\76266cee-04b8-4531-8870-34af72d4cc24.tmp</t>
  </si>
  <si>
    <t>3517fb47-ff87-44f1-8d7c-2e2aa79c7d20.tmp</t>
  </si>
  <si>
    <t>\\acsfs\profiles$\nathaliaos\Downloads\3517fb47-ff87-44f1-8d7c-2e2aa79c7d20.tmp</t>
  </si>
  <si>
    <t>08a4389b-d8cd-443e-be6c-9af70548c4cb.tmp</t>
  </si>
  <si>
    <t>\\acsfs\profiles$\nathaliaos\Downloads\08a4389b-d8cd-443e-be6c-9af70548c4cb.tmp</t>
  </si>
  <si>
    <t>https://udpmailboxap01.acs.com.br:8443/h/search?si=0&amp;so=0&amp;sc=67288&amp;sfi=2&amp;st=conversation&amp;action=compose</t>
  </si>
  <si>
    <t>ERRO OPERACIONAL PARCIAL FLAVIA.xlsb</t>
  </si>
  <si>
    <t>https://udpmailboxap01.acs.com.br:8443/h/search?si=0&amp;so=0&amp;sc=67290&amp;sfi=2&amp;st=conversation&amp;action=compose</t>
  </si>
  <si>
    <t>qualidadealgarbv@algartech.com;</t>
  </si>
  <si>
    <t>https://qualidadealgarbv@algartech.com</t>
  </si>
  <si>
    <t>XLOG_andrezacapf_08012020_135030.log</t>
  </si>
  <si>
    <t>\\acsfs\profiles$\andrezacapf\My Documents\xworkcenter\logs\XLOG_andrezacapf_08012020_135030.log</t>
  </si>
  <si>
    <t>ca4ac5db-43f4-447a-bb37-a3c20c564424.tmp</t>
  </si>
  <si>
    <t>\\acsfs\profiles$\rogeriofd\Downloads\ca4ac5db-43f4-447a-bb37-a3c20c564424.tmp</t>
  </si>
  <si>
    <t>02eb17fe-ecd0-4055-b2f6-61c0bab21b0f.tmp</t>
  </si>
  <si>
    <t>\\acsfs\profiles$\rogeriofd\Downloads\02eb17fe-ecd0-4055-b2f6-61c0bab21b0f.tmp</t>
  </si>
  <si>
    <t>deb073d9-bb4a-47e5-949c-3466068b2ce1.tmp</t>
  </si>
  <si>
    <t>\\acsfs\profiles$\marlyannegdls\Downloads\deb073d9-bb4a-47e5-949c-3466068b2ce1.tmp</t>
  </si>
  <si>
    <t>1567118f-8eaf-4ee3-9e8f-0c55972a3f4e.tmp</t>
  </si>
  <si>
    <t>\\acsfs\profiles$\marlyannegdls\Downloads\1567118f-8eaf-4ee3-9e8f-0c55972a3f4e.tmp</t>
  </si>
  <si>
    <t>c9d47356-36ad-473e-a8e7-497c3e519d5e.tmp</t>
  </si>
  <si>
    <t>\\acsfs\profiles$\ROBERTM\Downloads\c9d47356-36ad-473e-a8e7-497c3e519d5e.tmp</t>
  </si>
  <si>
    <t>9fdf902e-0cac-41bc-bfd4-d1db340cd6e0.tmp</t>
  </si>
  <si>
    <t>\\acsfs\profiles$\rogeriofd\Downloads\9fdf902e-0cac-41bc-bfd4-d1db340cd6e0.tmp</t>
  </si>
  <si>
    <t>418eab9f-11e5-4da4-b2eb-0ff3e5f0cec8.tmp</t>
  </si>
  <si>
    <t>\\acsfs\profiles$\rogeriofd\Downloads\418eab9f-11e5-4da4-b2eb-0ff3e5f0cec8.tmp</t>
  </si>
  <si>
    <t>af5d5d52-ea9d-480e-87bc-1c52ce3b1653.tmp</t>
  </si>
  <si>
    <t>\\acsfs\profiles$\andressamf\Downloads\af5d5d52-ea9d-480e-87bc-1c52ce3b1653.tmp</t>
  </si>
  <si>
    <t>10.200.67.111</t>
  </si>
  <si>
    <t>D0-94-66-B5-4D-46</t>
  </si>
  <si>
    <t>VOTORANT-PB016</t>
  </si>
  <si>
    <t>ad0fd044-5124-46f7-9d9a-8728abd48310.tmp</t>
  </si>
  <si>
    <t>\\acsfs\profiles$\ROBERTM\Downloads\ad0fd044-5124-46f7-9d9a-8728abd48310.tmp</t>
  </si>
  <si>
    <t>cf4a1767-2628-4645-9f41-21bd6e61ff00.tmp</t>
  </si>
  <si>
    <t>\\acsfs\profiles$\ROBERTM\Downloads\cf4a1767-2628-4645-9f41-21bd6e61ff00.tmp</t>
  </si>
  <si>
    <t>999673e3-09bd-46e4-bc97-4032cbd81350.tmp</t>
  </si>
  <si>
    <t>\\acsfs\profiles$\ROZENCAM\Downloads\999673e3-09bd-46e4-bc97-4032cbd81350.tmp</t>
  </si>
  <si>
    <t>e6c91e30-98a9-4f55-83f0-ef0aca4236ea.tmp</t>
  </si>
  <si>
    <t>\\acsfs\profiles$\ROZENCAM\Downloads\e6c91e30-98a9-4f55-83f0-ef0aca4236ea.tmp</t>
  </si>
  <si>
    <t>29a877fa-b5f4-41f4-a711-1f2aef35a11b.tmp</t>
  </si>
  <si>
    <t>\\acsfs\profiles$\ROZENCAM\Downloads\29a877fa-b5f4-41f4-a711-1f2aef35a11b.tmp</t>
  </si>
  <si>
    <t>ed5779d9-14d4-456b-b71b-082f3f98488e.tmp</t>
  </si>
  <si>
    <t>\\acsfs\profiles$\marlyannegdls\Downloads\ed5779d9-14d4-456b-b71b-082f3f98488e.tmp</t>
  </si>
  <si>
    <t>f2701ef4-6d87-40d4-8811-ced1f9aca54e.tmp</t>
  </si>
  <si>
    <t>\\acsfs\profiles$\lucasqdss\Downloads\f2701ef4-6d87-40d4-8811-ced1f9aca54e.tmp</t>
  </si>
  <si>
    <t>8e263ea7-28c8-4888-90c5-8ca4ffc186d8.tmp</t>
  </si>
  <si>
    <t>\\acsfs\profiles$\lucasqdss\Downloads\8e263ea7-28c8-4888-90c5-8ca4ffc186d8.tmp</t>
  </si>
  <si>
    <t>ac93095b-913c-4416-99a4-ba7eb0858fba.tmp</t>
  </si>
  <si>
    <t>\\acsfs\profiles$\ROZENCAM\Downloads\ac93095b-913c-4416-99a4-ba7eb0858fba.tmp</t>
  </si>
  <si>
    <t>008c5343-370f-4f9d-bb3c-78ddf43a7d05.tmp</t>
  </si>
  <si>
    <t>\\acsfs\profiles$\ROZENCAM\Downloads\008c5343-370f-4f9d-bb3c-78ddf43a7d05.tmp</t>
  </si>
  <si>
    <t>29cd4e7b-56e6-46da-a1d8-0696b2496907.tmp</t>
  </si>
  <si>
    <t>\\acsfs\profiles$\ROBERTM\Downloads\29cd4e7b-56e6-46da-a1d8-0696b2496907.tmp</t>
  </si>
  <si>
    <t>bd051751-94d9-42db-8d3d-64fc74857a1f.tmp</t>
  </si>
  <si>
    <t>\\acsfs\profiles$\ROZENCAM\Downloads\bd051751-94d9-42db-8d3d-64fc74857a1f.tmp</t>
  </si>
  <si>
    <t>lu257322fq44c.tmp</t>
  </si>
  <si>
    <t>\\acsfs\profiles$\ALYNYA\My Documents\lu257322fq44c.tmp</t>
  </si>
  <si>
    <t>\\acsfs\profiles$\ALYNYA\My Documents\lu257322fq44c.tmp\</t>
  </si>
  <si>
    <t>\\acsfs\profiles$\ALYNYA\My Documents\lu257322fq44c.tmp\META-INF\</t>
  </si>
  <si>
    <t>\\acsfs\profiles$\ALYNYA\My Documents\lu257322fq44c.tmp\Thumbnails\</t>
  </si>
  <si>
    <t>d84f40e1-c491-4016-afb7-ec6b41418d48.tmp</t>
  </si>
  <si>
    <t>\\acsfs\profiles$\BRUNAAR\Downloads\d84f40e1-c491-4016-afb7-ec6b41418d48.tmp</t>
  </si>
  <si>
    <t>d2219650-3cc3-4517-a2ff-872f083fc73b.tmp</t>
  </si>
  <si>
    <t>\\acsfs\profiles$\ALYNYA\Downloads\d2219650-3cc3-4517-a2ff-872f083fc73b.tmp</t>
  </si>
  <si>
    <t>f20c6453-ff69-4022-8ffc-34ce6afb6cc4.tmp</t>
  </si>
  <si>
    <t>\\acsfs\profiles$\ALYNYA\Downloads\f20c6453-ff69-4022-8ffc-34ce6afb6cc4.tmp</t>
  </si>
  <si>
    <t>60d59fde-cb82-4662-b766-57bb8071cb66.tmp</t>
  </si>
  <si>
    <t>\\acsfs\profiles$\BRUNAAR\Downloads\60d59fde-cb82-4662-b766-57bb8071cb66.tmp</t>
  </si>
  <si>
    <t>19696df7-1379-4bbc-8e82-9e268986faaf.tmp</t>
  </si>
  <si>
    <t>\\acsfs\profiles$\ALYNYA\Downloads\19696df7-1379-4bbc-8e82-9e268986faaf.tmp</t>
  </si>
  <si>
    <t>1b8a373e-3985-4100-b571-553ade5db892.tmp</t>
  </si>
  <si>
    <t>\\acsfs\profiles$\danielac\Downloads\1b8a373e-3985-4100-b571-553ade5db892.tmp</t>
  </si>
  <si>
    <t>8ab044ed-20b8-41f9-9dea-7caac42ee5fd.tmp</t>
  </si>
  <si>
    <t>\\acsfs\profiles$\danielac\Downloads\8ab044ed-20b8-41f9-9dea-7caac42ee5fd.tmp</t>
  </si>
  <si>
    <t>3f55bdbf-9a73-4f01-b38a-71cc7a0e76e4.tmp</t>
  </si>
  <si>
    <t>\\acsfs\profiles$\danielac\Downloads\3f55bdbf-9a73-4f01-b38a-71cc7a0e76e4.tmp</t>
  </si>
  <si>
    <t>440629e4-5c35-48ca-ac5f-a14b71dd8c88.tmp</t>
  </si>
  <si>
    <t>\\acsfs\profiles$\danielac\Downloads\440629e4-5c35-48ca-ac5f-a14b71dd8c88.tmp</t>
  </si>
  <si>
    <t>lu11376j7rq2.tmp</t>
  </si>
  <si>
    <t>\\acsfs\profiles$\BRUNAAR\Numero\lu11376j7rq2.tmp</t>
  </si>
  <si>
    <t>lu11376j7rq6.tmp</t>
  </si>
  <si>
    <t>\\acsfs\profiles$\BRUNAAR\Numero\lu11376j7rq6.tmp</t>
  </si>
  <si>
    <t>bb2ca52d-4b3c-4a86-87f1-159fec3141ac.tmp</t>
  </si>
  <si>
    <t>\\acsfs\profiles$\ALYNYA\Downloads\bb2ca52d-4b3c-4a86-87f1-159fec3141ac.tmp</t>
  </si>
  <si>
    <t>lu11376j7rqb.tmp</t>
  </si>
  <si>
    <t>\\acsfs\profiles$\BRUNAAR\Numero\lu11376j7rqb.tmp</t>
  </si>
  <si>
    <t>lu11376j7rqf.tmp</t>
  </si>
  <si>
    <t>\\acsfs\profiles$\BRUNAAR\Numero\lu11376j7rqf.tmp</t>
  </si>
  <si>
    <t>ed6cb81b-37e9-47f9-a8c4-f882d376fd83.tmp</t>
  </si>
  <si>
    <t>\\acsfs\profiles$\vivianealda\Downloads\ed6cb81b-37e9-47f9-a8c4-f882d376fd83.tmp</t>
  </si>
  <si>
    <t>8f93b933-5454-44c3-a175-dac986cf0e17.tmp</t>
  </si>
  <si>
    <t>\\acsfs\profiles$\monicargds\Downloads\8f93b933-5454-44c3-a175-dac986cf0e17.tmp</t>
  </si>
  <si>
    <t>1b03d475-4088-4bdf-b8a1-af1c5bc9cdef.tmp</t>
  </si>
  <si>
    <t>\\acsfs\profiles$\monicargds\Downloads\1b03d475-4088-4bdf-b8a1-af1c5bc9cdef.tmp</t>
  </si>
  <si>
    <t>23e6cfe6-d136-4664-97c7-250592b4e0ee.tmp</t>
  </si>
  <si>
    <t>\\acsfs\profiles$\monicargds\Downloads\23e6cfe6-d136-4664-97c7-250592b4e0ee.tmp</t>
  </si>
  <si>
    <t>lu11376j7rqj.tmp</t>
  </si>
  <si>
    <t>\\acsfs\profiles$\BRUNAAR\Numero\lu11376j7rqj.tmp</t>
  </si>
  <si>
    <t>lu11376j7rqn.tmp</t>
  </si>
  <si>
    <t>\\acsfs\profiles$\BRUNAAR\Numero\lu11376j7rqn.tmp</t>
  </si>
  <si>
    <t>6ec3012c-7765-4939-b800-da67a7d16556.tmp</t>
  </si>
  <si>
    <t>\\acsfs\profiles$\vivianealda\Downloads\6ec3012c-7765-4939-b800-da67a7d16556.tmp</t>
  </si>
  <si>
    <t>2d830bee-8da5-40cd-bf96-b1c1ed608615.tmp</t>
  </si>
  <si>
    <t>\\acsfs\profiles$\vivianealda\Downloads\2d830bee-8da5-40cd-bf96-b1c1ed608615.tmp</t>
  </si>
  <si>
    <t>c9392b04-8c30-4c2b-987f-6ae122e198a0.tmp</t>
  </si>
  <si>
    <t>\\acsfs\profiles$\vivianealda\Downloads\c9392b04-8c30-4c2b-987f-6ae122e198a0.tmp</t>
  </si>
  <si>
    <t>06a92a76-b342-48a8-af64-292b270f0e3b.tmp</t>
  </si>
  <si>
    <t>\\acsfs\profiles$\monicargds\Downloads\06a92a76-b342-48a8-af64-292b270f0e3b.tmp</t>
  </si>
  <si>
    <t>b1b75c3a-2789-4922-a08c-f2b7f1f930b5.tmp</t>
  </si>
  <si>
    <t>\\acsfs\profiles$\monicargds\Downloads\b1b75c3a-2789-4922-a08c-f2b7f1f930b5.tmp</t>
  </si>
  <si>
    <t>100014317057561;</t>
  </si>
  <si>
    <t>https://100014317057561</t>
  </si>
  <si>
    <t>4d34451a-9b54-4d9a-89f4-3a8ddf9c35c7.tmp</t>
  </si>
  <si>
    <t>\\acsfs\profiles$\leticiala\Downloads\4d34451a-9b54-4d9a-89f4-3a8ddf9c35c7.tmp</t>
  </si>
  <si>
    <t>63c923bc-1ee3-4576-941d-3e9b1ae8ef66.tmp</t>
  </si>
  <si>
    <t>\\acsfs\profiles$\lucasgpe\Downloads\63c923bc-1ee3-4576-941d-3e9b1ae8ef66.tmp</t>
  </si>
  <si>
    <t>d0a7cd4a-2e98-4521-9972-810ddef63937.tmp</t>
  </si>
  <si>
    <t>\\acsfs\profiles$\lucasgpe\Downloads\d0a7cd4a-2e98-4521-9972-810ddef63937.tmp</t>
  </si>
  <si>
    <t>92eb0346-faa8-49dc-b9d5-194887bf3233.tmp</t>
  </si>
  <si>
    <t>\\acsfs\profiles$\lucasgpe\Downloads\92eb0346-faa8-49dc-b9d5-194887bf3233.tmp</t>
  </si>
  <si>
    <t>.~lock.Campanha Janeiro.pptx#</t>
  </si>
  <si>
    <t>\\acsfs\DEPTOS\Operacao\Banco_Votorantim\Supervisao\SUPERS BV CARTÕES\LAYOUT TV´S\.~lock.Campanha Janeiro.pptx#</t>
  </si>
  <si>
    <t>59a3e6ae-e2a1-4d24-8b5d-5903469a9069.tmp</t>
  </si>
  <si>
    <t>\\acsfs\profiles$\cintiadcf\Downloads\59a3e6ae-e2a1-4d24-8b5d-5903469a9069.tmp</t>
  </si>
  <si>
    <t>e5e4127b-3084-4afb-8ad3-5d8339ad3313.tmp</t>
  </si>
  <si>
    <t>\\acsfs\profiles$\cintiadcf\Downloads\e5e4127b-3084-4afb-8ad3-5d8339ad3313.tmp</t>
  </si>
  <si>
    <t>ba696dcb-a795-4faf-98aa-9141286a4923.tmp</t>
  </si>
  <si>
    <t>\\acsfs\profiles$\leticiala\Downloads\ba696dcb-a795-4faf-98aa-9141286a4923.tmp</t>
  </si>
  <si>
    <t>a9643f8b-bed0-4a33-aeaa-8951ee5249d6.tmp</t>
  </si>
  <si>
    <t>\\acsfs\profiles$\leticiala\Downloads\a9643f8b-bed0-4a33-aeaa-8951ee5249d6.tmp</t>
  </si>
  <si>
    <t>\\acsfs\profiles$\leticiaat\My Documents\My Pictures\untitled.png</t>
  </si>
  <si>
    <t>lu11376j7rqr.tmp</t>
  </si>
  <si>
    <t>\\acsfs\profiles$\BRUNAAR\Numero\lu11376j7rqr.tmp</t>
  </si>
  <si>
    <t>XLOG_gleycekos_09012020_070856.log</t>
  </si>
  <si>
    <t>\\acsfs\profiles$\gleycekos\My Documents\xworkcenter\logs\XLOG_gleycekos_09012020_070856.log</t>
  </si>
  <si>
    <t>f97935c6-520a-4dfd-a211-eaeb6330a81f.tmp</t>
  </si>
  <si>
    <t>\\acsfs\profiles$\ROZENCAM\Downloads\f97935c6-520a-4dfd-a211-eaeb6330a81f.tmp</t>
  </si>
  <si>
    <t>\\acsfs\DEPTOS\Operacao\Banco_Votorantim\Supervisao\SUPERS BV CARTÕES\BANCO DE DADOS - OPERAÇÃO.xlsx</t>
  </si>
  <si>
    <t>mail.google.com/_/upload?authuser=0&amp;dcp=asu-n&amp;upload_id=AEnB2UrSDY4cOV9OraElzHIOVNEG5QCj-vhzcwY6wo0SyOKGq6sYuJJ2vWvAE1RIqlGU-uuq6QtRLEfHL6drGtZDNVUKDz8ICPfmXshb_ySTijgiRWAQN2k&amp;upload_protocol=resumable</t>
  </si>
  <si>
    <t>XLOG_gleycekos_09012020_071650.log</t>
  </si>
  <si>
    <t>\\acsfs\profiles$\gleycekos\My Documents\xworkcenter\logs\XLOG_gleycekos_09012020_071650.log</t>
  </si>
  <si>
    <t>Alynya</t>
  </si>
  <si>
    <t>27225869-d83b-453e-819a-cb117c037f08.tmp</t>
  </si>
  <si>
    <t>\\acsfs\profiles$\ALYNYA\Downloads\27225869-d83b-453e-819a-cb117c037f08.tmp</t>
  </si>
  <si>
    <t>lu17832104x64.tmp</t>
  </si>
  <si>
    <t>\\acsfs\profiles$\jonathanwap\lu17832104x64.tmp</t>
  </si>
  <si>
    <t>\\acsfs\profiles$\jonathanwap\lu17832104x64.tmp\</t>
  </si>
  <si>
    <t>\\acsfs\profiles$\jonathanwap\lu17832104x64.tmp\META-INF\</t>
  </si>
  <si>
    <t>\\acsfs\profiles$\jonathanwap\lu17832104x64.tmp\Thumbnails\</t>
  </si>
  <si>
    <t>mail.google.com/sync/u/0/i/s?hl=pt-BR&amp;c=1222</t>
  </si>
  <si>
    <t>lu11376j7rqv.tmp</t>
  </si>
  <si>
    <t>\\acsfs\profiles$\BRUNAAR\Numero\lu11376j7rqv.tmp</t>
  </si>
  <si>
    <t>lu11376j7rqz.tmp</t>
  </si>
  <si>
    <t>\\acsfs\profiles$\BRUNAAR\Numero\lu11376j7rqz.tmp</t>
  </si>
  <si>
    <t>41d33643-a16f-41c5-98a7-2e8225fa3391.tmp</t>
  </si>
  <si>
    <t>\\acsfs\profiles$\leticiala\Downloads\41d33643-a16f-41c5-98a7-2e8225fa3391.tmp</t>
  </si>
  <si>
    <t>cb1924b5-cb3e-470b-96b3-02eb6fe2fb23.tmp</t>
  </si>
  <si>
    <t>\\acsfs\profiles$\websondsa\Downloads\cb1924b5-cb3e-470b-96b3-02eb6fe2fb23.tmp</t>
  </si>
  <si>
    <t>a0b122d0-3bc3-405f-bfdd-51105ac29e46.tmp</t>
  </si>
  <si>
    <t>\\acsfs\profiles$\websondsa\Downloads\a0b122d0-3bc3-405f-bfdd-51105ac29e46.tmp</t>
  </si>
  <si>
    <t>c35f36a4-e526-463f-a0a0-63b57cb74527.tmp</t>
  </si>
  <si>
    <t>\\acsfs\profiles$\websondsa\Downloads\c35f36a4-e526-463f-a0a0-63b57cb74527.tmp</t>
  </si>
  <si>
    <t>88df685d-9c2f-4309-9e71-f70ca88292ee.tmp</t>
  </si>
  <si>
    <t>\\acsfs\profiles$\websondsa\Downloads\88df685d-9c2f-4309-9e71-f70ca88292ee.tmp</t>
  </si>
  <si>
    <t>67c49597-d81e-4022-b369-0ac94de0e18d.tmp</t>
  </si>
  <si>
    <t>\\acsfs\profiles$\websondsa\Downloads\67c49597-d81e-4022-b369-0ac94de0e18d.tmp</t>
  </si>
  <si>
    <t>c1cb625e-7b1d-4558-9dc1-eea453efa229.tmp</t>
  </si>
  <si>
    <t>\\acsfs\profiles$\ALYNYA\Downloads\c1cb625e-7b1d-4558-9dc1-eea453efa229.tmp</t>
  </si>
  <si>
    <t>mail.google.com/sync/u/0/i/s?hl=pt-BR&amp;c=1287</t>
  </si>
  <si>
    <t>mail.google.com/sync/u/0/i/s?hl=pt-BR&amp;c=1298</t>
  </si>
  <si>
    <t>mail.google.com/sync/u/0/i/s?hl=pt-BR&amp;c=1300</t>
  </si>
  <si>
    <t>bvcartes-supervisores@algarnet.onmicrosoft.com;raquelfsil@algartech.com;</t>
  </si>
  <si>
    <t>bvcartes-supervisores@algarnet.onmicrosoft.com,raquelfsil@algartech.com</t>
  </si>
  <si>
    <t>2e35c0ce-4782-4b46-826c-823e3e33b936.tmp</t>
  </si>
  <si>
    <t>\\acsfs\profiles$\sarahbal\Downloads\2e35c0ce-4782-4b46-826c-823e3e33b936.tmp</t>
  </si>
  <si>
    <t>26ce087f-78fa-4f09-9a5a-3f3ee5ce75be.tmp</t>
  </si>
  <si>
    <t>\\acsfs\profiles$\sarahbal\Downloads\26ce087f-78fa-4f09-9a5a-3f3ee5ce75be.tmp</t>
  </si>
  <si>
    <t>d528c5ca-f113-495d-af32-cabce9c39d95.tmp</t>
  </si>
  <si>
    <t>\\acsfs\profiles$\sarahbal\Downloads\d528c5ca-f113-495d-af32-cabce9c39d95.tmp</t>
  </si>
  <si>
    <t>b0c1f4d5-285f-40bf-96dd-cc1e780762f3.tmp</t>
  </si>
  <si>
    <t>\\acsfs\profiles$\sarahbal\Downloads\b0c1f4d5-285f-40bf-96dd-cc1e780762f3.tmp</t>
  </si>
  <si>
    <t>391d8569-595a-4213-b53a-89e355d5bb1a.tmp</t>
  </si>
  <si>
    <t>\\acsfs\profiles$\monicargds\Downloads\391d8569-595a-4213-b53a-89e355d5bb1a.tmp</t>
  </si>
  <si>
    <t>e4262a83-287f-4b4a-9f9d-1661fb60ec64.tmp</t>
  </si>
  <si>
    <t>\\acsfs\profiles$\mariajra\Downloads\e4262a83-287f-4b4a-9f9d-1661fb60ec64.tmp</t>
  </si>
  <si>
    <t>3be8ad18-24cc-41df-b988-51a5a8325dc0.tmp</t>
  </si>
  <si>
    <t>\\acsfs\profiles$\mariajra\Downloads\3be8ad18-24cc-41df-b988-51a5a8325dc0.tmp</t>
  </si>
  <si>
    <t>IMG_1064.jpg</t>
  </si>
  <si>
    <t>4a9196ee-349d-4612-9937-ab12f8a3383a.tmp</t>
  </si>
  <si>
    <t>\\acsfs\profiles$\inarajst\Downloads\4a9196ee-349d-4612-9937-ab12f8a3383a.tmp</t>
  </si>
  <si>
    <t>b3baa4a4-2a52-4133-9f73-576ad3fe6b7a.tmp</t>
  </si>
  <si>
    <t>\\acsfs\profiles$\inarajst\Downloads\b3baa4a4-2a52-4133-9f73-576ad3fe6b7a.tmp</t>
  </si>
  <si>
    <t>747b4a89-78b6-4e2f-95ae-84bbfefc0a23.tmp</t>
  </si>
  <si>
    <t>\\acsfs\profiles$\claudiajca\Downloads\747b4a89-78b6-4e2f-95ae-84bbfefc0a23.tmp</t>
  </si>
  <si>
    <t>e129b159-1701-4922-ad90-551d5f70dffa.tmp</t>
  </si>
  <si>
    <t>\\acsfs\profiles$\claudiajca\Downloads\e129b159-1701-4922-ad90-551d5f70dffa.tmp</t>
  </si>
  <si>
    <t>lu8344z3xz5.tmp</t>
  </si>
  <si>
    <t>\\acsfs\profiles$\CLAUDIAJCA\lu8344z3xz5.tmp</t>
  </si>
  <si>
    <t>\\acsfs\profiles$\CLAUDIAJCA\lu8344z3xz5.tmp\</t>
  </si>
  <si>
    <t>\\acsfs\profiles$\CLAUDIAJCA\lu8344z3xz5.tmp\META-INF\</t>
  </si>
  <si>
    <t>\\acsfs\profiles$\CLAUDIAJCA\lu8344z3xz5.tmp\Thumbnails\</t>
  </si>
  <si>
    <t>90625435-bb3d-4a8d-9766-57e39fbfbc8b.tmp</t>
  </si>
  <si>
    <t>\\acsfs\profiles$\sarahbal\Downloads\90625435-bb3d-4a8d-9766-57e39fbfbc8b.tmp</t>
  </si>
  <si>
    <t>50a3f04f-1ace-4c68-be74-1dd799b102d5.tmp</t>
  </si>
  <si>
    <t>\\acsfs\profiles$\sarahbal\Downloads\50a3f04f-1ace-4c68-be74-1dd799b102d5.tmp</t>
  </si>
  <si>
    <t>4b0942af-c815-4a19-bb59-d75e080ecac4.tmp</t>
  </si>
  <si>
    <t>\\acsfs\profiles$\vivianalds\Downloads\4b0942af-c815-4a19-bb59-d75e080ecac4.tmp</t>
  </si>
  <si>
    <t>cf922ddc-9e57-4b42-8564-9714e71f0128.tmp</t>
  </si>
  <si>
    <t>\\acsfs\profiles$\vivianalds\Downloads\cf922ddc-9e57-4b42-8564-9714e71f0128.tmp</t>
  </si>
  <si>
    <t>436b4bcc-33df-4450-8b0e-ba6096403388.tmp</t>
  </si>
  <si>
    <t>\\acsfs\profiles$\mariajra\Downloads\436b4bcc-33df-4450-8b0e-ba6096403388.tmp</t>
  </si>
  <si>
    <t>Retratações Venda Janeiro.xlsx</t>
  </si>
  <si>
    <t>\\acsfs\DEPTOS\Operacao\Banco_Votorantim\Supervisao\SUPERS BV CARTÕES\ADILSON\Vendas\Retratações\Retratações Venda Janeiro.xlsx</t>
  </si>
  <si>
    <t>Retratações Vendas Janeiro.pdf</t>
  </si>
  <si>
    <t>\\acsfs\DEPTOS\Operacao\Banco_Votorantim\Comum\00 - COMUM - BV CARTÕES\EQUIPE ADILSON\Retratação Vendas\Retratações Vendas Janeiro.pdf</t>
  </si>
  <si>
    <t>7f5becb7-1fa1-44f5-ba3e-577374b1bed1.tmp</t>
  </si>
  <si>
    <t>\\acsfs\profiles$\inarajst\Downloads\7f5becb7-1fa1-44f5-ba3e-577374b1bed1.tmp</t>
  </si>
  <si>
    <t>e0dc536c-0d2b-4fc9-97f8-323812e1071d.tmp</t>
  </si>
  <si>
    <t>\\acsfs\profiles$\inarajst\Downloads\e0dc536c-0d2b-4fc9-97f8-323812e1071d.tmp</t>
  </si>
  <si>
    <t>4db7e73c-db83-4659-96a6-bacc7813a09c.tmp</t>
  </si>
  <si>
    <t>\\acsfs\profiles$\inarajst\Downloads\4db7e73c-db83-4659-96a6-bacc7813a09c.tmp</t>
  </si>
  <si>
    <t>b27d3e9f-00bb-49af-a1ce-66c14c8cc5ea.tmp</t>
  </si>
  <si>
    <t>\\acsfs\profiles$\inarajst\Downloads\b27d3e9f-00bb-49af-a1ce-66c14c8cc5ea.tmp</t>
  </si>
  <si>
    <t>55445ca3-4700-4267-b7ea-0f4269a04cfc.tmp</t>
  </si>
  <si>
    <t>\\acsfs\profiles$\inarajst\Downloads\55445ca3-4700-4267-b7ea-0f4269a04cfc.tmp</t>
  </si>
  <si>
    <t>150cb842-9655-4d35-be03-101541947986.tmp</t>
  </si>
  <si>
    <t>\\acsfs\profiles$\inarajst\Downloads\150cb842-9655-4d35-be03-101541947986.tmp</t>
  </si>
  <si>
    <t>32ac5e60-41bc-438c-a62a-eb3c1f1565e1.tmp</t>
  </si>
  <si>
    <t>\\acsfs\profiles$\lucasqdss\Downloads\32ac5e60-41bc-438c-a62a-eb3c1f1565e1.tmp</t>
  </si>
  <si>
    <t>5f924ec8-acdd-4da0-aad0-a351b4e11a13.tmp</t>
  </si>
  <si>
    <t>\\acsfs\profiles$\sarahbal\Downloads\5f924ec8-acdd-4da0-aad0-a351b4e11a13.tmp</t>
  </si>
  <si>
    <t>b5f95544-6cfb-453c-813d-0dc73de3ba21.tmp</t>
  </si>
  <si>
    <t>\\acsfs\profiles$\gleycekos\Downloads\b5f95544-6cfb-453c-813d-0dc73de3ba21.tmp</t>
  </si>
  <si>
    <t>lu145166npu5.tmp</t>
  </si>
  <si>
    <t>\\acsfs\profiles$\VIVIANALDS\My Documents\lu145166npu5.tmp</t>
  </si>
  <si>
    <t>\\acsfs\profiles$\VIVIANALDS\My Documents\lu145166npu5.tmp\</t>
  </si>
  <si>
    <t>\\acsfs\profiles$\VIVIANALDS\My Documents\lu145166npu5.tmp\META-INF\</t>
  </si>
  <si>
    <t>\\acsfs\profiles$\VIVIANALDS\My Documents\lu145166npu5.tmp\Thumbnails\</t>
  </si>
  <si>
    <t>d8335e49-9fb2-4b64-9b8e-35439db8985f.tmp</t>
  </si>
  <si>
    <t>\\acsfs\profiles$\leticiala\Downloads\d8335e49-9fb2-4b64-9b8e-35439db8985f.tmp</t>
  </si>
  <si>
    <t>86d2d22b-ef09-4efc-9961-9888ca65c3e5.tmp</t>
  </si>
  <si>
    <t>\\acsfs\profiles$\leticiala\Downloads\86d2d22b-ef09-4efc-9961-9888ca65c3e5.tmp</t>
  </si>
  <si>
    <t>031eaa9d-6d30-4f43-b594-e3b5282c91e9.tmp</t>
  </si>
  <si>
    <t>\\acsfs\profiles$\mariajra\Downloads\031eaa9d-6d30-4f43-b594-e3b5282c91e9.tmp</t>
  </si>
  <si>
    <t>6067ac58-207c-482a-901e-d90eba3cb692.tmp</t>
  </si>
  <si>
    <t>\\acsfs\profiles$\mariajra\Downloads\6067ac58-207c-482a-901e-d90eba3cb692.tmp</t>
  </si>
  <si>
    <t>f50bc20b-cce5-46a2-9ad4-caf5b80f1b62.tmp</t>
  </si>
  <si>
    <t>\\acsfs\profiles$\lucasqdss\Downloads\f50bc20b-cce5-46a2-9ad4-caf5b80f1b62.tmp</t>
  </si>
  <si>
    <t>https://udpmailboxap01.acs.com.br:8443/h/search?si=0&amp;so=0&amp;sc=67308&amp;sfi=6&amp;st=conversation&amp;action=compose</t>
  </si>
  <si>
    <t>79dbeea7-3dc3-4f7a-b960-db354b94b2d0.tmp</t>
  </si>
  <si>
    <t>\\acsfs\profiles$\nayarasds\Downloads\79dbeea7-3dc3-4f7a-b960-db354b94b2d0.tmp</t>
  </si>
  <si>
    <t>73fe4bda-99dc-4d27-a399-09610f93558b.tmp</t>
  </si>
  <si>
    <t>\\acsfs\profiles$\nayarasds\Downloads\73fe4bda-99dc-4d27-a399-09610f93558b.tmp</t>
  </si>
  <si>
    <t>28b8cd10-e6a5-4661-aba3-1ae72e033463.tmp</t>
  </si>
  <si>
    <t>\\acsfs\profiles$\nayarasds\Downloads\28b8cd10-e6a5-4661-aba3-1ae72e033463.tmp</t>
  </si>
  <si>
    <t>a5fcd038-e120-4955-9f72-a83e1b3f83be.tmp</t>
  </si>
  <si>
    <t>\\acsfs\profiles$\nayarasds\Downloads\a5fcd038-e120-4955-9f72-a83e1b3f83be.tmp</t>
  </si>
  <si>
    <t>92655431-a7f1-4219-849b-37e4244446c4.tmp</t>
  </si>
  <si>
    <t>\\acsfs\profiles$\nayarasds\Downloads\92655431-a7f1-4219-849b-37e4244446c4.tmp</t>
  </si>
  <si>
    <t>ad3c531e-70cc-430d-bb72-de5cd582398f.tmp</t>
  </si>
  <si>
    <t>\\acsfs\profiles$\joycemmdl\Downloads\ad3c531e-70cc-430d-bb72-de5cd582398f.tmp</t>
  </si>
  <si>
    <t>63888fee-aa24-4f40-ae52-2849c772c9f0.tmp</t>
  </si>
  <si>
    <t>\\acsfs\profiles$\joycemmdl\Downloads\63888fee-aa24-4f40-ae52-2849c772c9f0.tmp</t>
  </si>
  <si>
    <t>a8f3e878-62fe-466f-a931-4e89cab75342.tmp</t>
  </si>
  <si>
    <t>\\acsfs\profiles$\nayarasds\Downloads\a8f3e878-62fe-466f-a931-4e89cab75342.tmp</t>
  </si>
  <si>
    <t>338592a1-4723-4bbe-965c-36445de1c8af.tmp</t>
  </si>
  <si>
    <t>\\acsfs\profiles$\antoniosva\Downloads\338592a1-4723-4bbe-965c-36445de1c8af.tmp</t>
  </si>
  <si>
    <t>8561baa7-d9ef-4474-a3ad-cb6acd9f6026.tmp</t>
  </si>
  <si>
    <t>\\acsfs\profiles$\antoniosva\Downloads\8561baa7-d9ef-4474-a3ad-cb6acd9f6026.tmp</t>
  </si>
  <si>
    <t>7ee2dd6c-b773-4efd-9dde-1500124695c6.tmp</t>
  </si>
  <si>
    <t>\\acsfs\profiles$\antoniosva\Downloads\7ee2dd6c-b773-4efd-9dde-1500124695c6.tmp</t>
  </si>
  <si>
    <t>4ca19567-caba-48fb-b7df-4062cf740e51.tmp</t>
  </si>
  <si>
    <t>\\acsfs\profiles$\paulovadc\Downloads\4ca19567-caba-48fb-b7df-4062cf740e51.tmp</t>
  </si>
  <si>
    <t>b17302b5-418f-47c6-8215-c57f07d99ce8.tmp</t>
  </si>
  <si>
    <t>\\acsfs\profiles$\paulovadc\Downloads\b17302b5-418f-47c6-8215-c57f07d99ce8.tmp</t>
  </si>
  <si>
    <t>89fee93b-6870-43c1-86b2-74830d4a05e1.tmp</t>
  </si>
  <si>
    <t>\\acsfs\profiles$\ERICALSR\Downloads\89fee93b-6870-43c1-86b2-74830d4a05e1.tmp</t>
  </si>
  <si>
    <t>b5560ce7-bbbc-4311-a328-d554365dce34.tmp</t>
  </si>
  <si>
    <t>\\acsfs\profiles$\ERICALSR\Downloads\b5560ce7-bbbc-4311-a328-d554365dce34.tmp</t>
  </si>
  <si>
    <t>107e56cd-8c39-40a4-b214-c2b892a1d26c.tmp</t>
  </si>
  <si>
    <t>\\acsfs\profiles$\ERICALSR\Downloads\107e56cd-8c39-40a4-b214-c2b892a1d26c.tmp</t>
  </si>
  <si>
    <t>ulog_AcroARM2_Reader_22bb18ef-a0cc-4985-b2f1-d8449a05e1d0_d7c0e0e9-4f74-4670-862f-be0a11d19cd2_0.log</t>
  </si>
  <si>
    <t>C:\Users\Jordanarb\AppData\Roaming\Adobe\LogTransport2\Logs\ulog_AcroARM2_Reader_22bb18ef-a0cc-4985-b2f1-d8449a05e1d0_d7c0e0e9-4f74-4670-862f-be0a11d19cd2_0.log\</t>
  </si>
  <si>
    <t>95b6ccfc-df03-4d22-8abd-181479cd6bca.tmp</t>
  </si>
  <si>
    <t>\\acsfs\profiles$\rafaelahpn\Downloads\95b6ccfc-df03-4d22-8abd-181479cd6bca.tmp</t>
  </si>
  <si>
    <t>52faf31a-58bf-425e-811b-51754ba3f9ac.tmp</t>
  </si>
  <si>
    <t>\\acsfs\profiles$\antoniosva\Downloads\52faf31a-58bf-425e-811b-51754ba3f9ac.tmp</t>
  </si>
  <si>
    <t>b1121d34-a6a6-4459-86f7-e1afbe677e44.tmp</t>
  </si>
  <si>
    <t>\\acsfs\profiles$\antoniosva\Downloads\b1121d34-a6a6-4459-86f7-e1afbe677e44.tmp</t>
  </si>
  <si>
    <t>42d20cff-ae71-4023-8a73-5f53a5240920.tmp</t>
  </si>
  <si>
    <t>\\acsfs\profiles$\antoniosva\Downloads\42d20cff-ae71-4023-8a73-5f53a5240920.tmp</t>
  </si>
  <si>
    <t>ee0661e8-2fa2-4332-ae2c-a978e92f3d46.tmp</t>
  </si>
  <si>
    <t>\\acsfs\profiles$\luanarda\Downloads\ee0661e8-2fa2-4332-ae2c-a978e92f3d46.tmp</t>
  </si>
  <si>
    <t>61af4078-cd0b-4613-9329-27d1be292248.tmp</t>
  </si>
  <si>
    <t>\\acsfs\profiles$\vivianalds\Downloads\61af4078-cd0b-4613-9329-27d1be292248.tmp</t>
  </si>
  <si>
    <t>e4642dad-68fd-4a04-9d73-215703a082bd.tmp</t>
  </si>
  <si>
    <t>\\acsfs\profiles$\felipetds\Downloads\e4642dad-68fd-4a04-9d73-215703a082bd.tmp</t>
  </si>
  <si>
    <t>2d6dd282-bc77-4529-bd45-06e953de104e.tmp</t>
  </si>
  <si>
    <t>\\acsfs\profiles$\felipetds\Downloads\2d6dd282-bc77-4529-bd45-06e953de104e.tmp</t>
  </si>
  <si>
    <t>d8faa014-e156-459b-aaed-a7c1db9a4c44.tmp</t>
  </si>
  <si>
    <t>\\acsfs\profiles$\ANAPDSB\Downloads\d8faa014-e156-459b-aaed-a7c1db9a4c44.tmp</t>
  </si>
  <si>
    <t>a57b3d2d-ee3a-4ff7-a2b5-db89d6d0bb35.tmp</t>
  </si>
  <si>
    <t>\\acsfs\profiles$\gabrielaff\Downloads\a57b3d2d-ee3a-4ff7-a2b5-db89d6d0bb35.tmp</t>
  </si>
  <si>
    <t>e91cb4b0-7994-45fa-92c7-cdec53abd753.tmp</t>
  </si>
  <si>
    <t>\\acsfs\profiles$\gabrielaff\Downloads\e91cb4b0-7994-45fa-92c7-cdec53abd753.tmp</t>
  </si>
  <si>
    <t>82a1ca62-65ac-4bf7-912f-b546163726ac.tmp</t>
  </si>
  <si>
    <t>\\acsfs\profiles$\marcellewdl\Downloads\82a1ca62-65ac-4bf7-912f-b546163726ac.tmp</t>
  </si>
  <si>
    <t>99fa6bf8-77c7-4bc1-9a5e-6da5648560e5.tmp</t>
  </si>
  <si>
    <t>\\acsfs\profiles$\marcellewdl\Downloads\99fa6bf8-77c7-4bc1-9a5e-6da5648560e5.tmp</t>
  </si>
  <si>
    <t>mail.google.com/sync/u/0/i/s?hl=pt-BR&amp;c=1485</t>
  </si>
  <si>
    <t>mail.google.com/sync/u/0/i/s?hl=pt-BR&amp;c=1489</t>
  </si>
  <si>
    <t>mail.google.com/sync/u/0/i/s?hl=pt-BR&amp;c=1497</t>
  </si>
  <si>
    <t>mail.google.com/sync/u/0/i/s?hl=pt-BR&amp;c=1499</t>
  </si>
  <si>
    <t>mail.google.com/sync/u/0/i/s?hl=pt-BR&amp;c=1501</t>
  </si>
  <si>
    <t>340b4384-78bd-41ee-acd2-bf0260827aed.tmp</t>
  </si>
  <si>
    <t>\\acsfs\profiles$\luanarda\Downloads\340b4384-78bd-41ee-acd2-bf0260827aed.tmp</t>
  </si>
  <si>
    <t>69722bd2-518a-40b0-b7d8-e55b90a99cd6.tmp</t>
  </si>
  <si>
    <t>\\acsfs\profiles$\luanaagl\Downloads\69722bd2-518a-40b0-b7d8-e55b90a99cd6.tmp</t>
  </si>
  <si>
    <t>6498d3eb-311b-4a99-8d6c-855a75abaa4c.tmp</t>
  </si>
  <si>
    <t>\\acsfs\profiles$\luanaagl\Downloads\6498d3eb-311b-4a99-8d6c-855a75abaa4c.tmp</t>
  </si>
  <si>
    <t>9cce4163-0691-4a2f-87ee-32e2a9f6149c.tmp</t>
  </si>
  <si>
    <t>\\acsfs\profiles$\ANAPDSB\Downloads\9cce4163-0691-4a2f-87ee-32e2a9f6149c.tmp</t>
  </si>
  <si>
    <t>a17aae4f-7635-4060-8c3b-35f5a80ce3c1.tmp</t>
  </si>
  <si>
    <t>\\acsfs\profiles$\THYAGOSP\Downloads\a17aae4f-7635-4060-8c3b-35f5a80ce3c1.tmp</t>
  </si>
  <si>
    <t>7f976d5d-3834-4c33-8f08-df6977248559.tmp</t>
  </si>
  <si>
    <t>\\acsfs\profiles$\THYAGOSP\Downloads\7f976d5d-3834-4c33-8f08-df6977248559.tmp</t>
  </si>
  <si>
    <t>c87641f7-da82-493c-b503-2944ebbd566f.tmp</t>
  </si>
  <si>
    <t>\\acsfs\profiles$\geovannasm\Downloads\c87641f7-da82-493c-b503-2944ebbd566f.tmp</t>
  </si>
  <si>
    <t>240b0c51-ca77-4e72-89a3-14b4cbb62ee3.tmp</t>
  </si>
  <si>
    <t>\\acsfs\profiles$\geovannasm\Downloads\240b0c51-ca77-4e72-89a3-14b4cbb62ee3.tmp</t>
  </si>
  <si>
    <t>mail.google.com/sync/u/0/i/s?hl=pt-BR&amp;c=1504</t>
  </si>
  <si>
    <t>mail.google.com/sync/u/0/i/s?hl=pt-BR&amp;c=1506</t>
  </si>
  <si>
    <t>mail.google.com/sync/u/0/i/s?hl=pt-BR&amp;c=1509</t>
  </si>
  <si>
    <t>mail.google.com/sync/u/0/i/s?hl=pt-BR&amp;c=1511</t>
  </si>
  <si>
    <t>mail.google.com/sync/u/0/i/s?hl=pt-BR&amp;c=1514</t>
  </si>
  <si>
    <t>mail.google.com/sync/u/0/i/s?hl=pt-BR&amp;c=1516</t>
  </si>
  <si>
    <t>mail.google.com/sync/u/0/i/s?hl=pt-BR&amp;c=1518</t>
  </si>
  <si>
    <t>IMG_1090.jpg</t>
  </si>
  <si>
    <t>IMG_1089.jpg</t>
  </si>
  <si>
    <t>79c82a8c-6166-4374-981f-ab21c10158b0.tmp</t>
  </si>
  <si>
    <t>\\acsfs\profiles$\LUCASNS\Downloads\79c82a8c-6166-4374-981f-ab21c10158b0.tmp</t>
  </si>
  <si>
    <t>52d20bbf-7159-4198-b8b3-c3cf7b911b03.tmp</t>
  </si>
  <si>
    <t>\\acsfs\profiles$\LUCASNS\Downloads\52d20bbf-7159-4198-b8b3-c3cf7b911b03.tmp</t>
  </si>
  <si>
    <t>e7445a9b-8e41-4d31-856f-1d57f8b60357.tmp</t>
  </si>
  <si>
    <t>\\acsfs\profiles$\LUCASNS\Downloads\e7445a9b-8e41-4d31-856f-1d57f8b60357.tmp</t>
  </si>
  <si>
    <t>8e8a17d6-99f0-4e46-9814-9153dd5224b6.tmp</t>
  </si>
  <si>
    <t>\\acsfs\profiles$\LUCASNS\Downloads\8e8a17d6-99f0-4e46-9814-9153dd5224b6.tmp</t>
  </si>
  <si>
    <t>d2eaf163-fea9-4faf-a118-952408e35b48.tmp</t>
  </si>
  <si>
    <t>\\acsfs\profiles$\luanaagl\Downloads\d2eaf163-fea9-4faf-a118-952408e35b48.tmp</t>
  </si>
  <si>
    <t>e5fa8615-06a5-4499-aa2b-c430a69e1b6b.tmp</t>
  </si>
  <si>
    <t>\\acsfs\profiles$\luanaagl\Downloads\e5fa8615-06a5-4499-aa2b-c430a69e1b6b.tmp</t>
  </si>
  <si>
    <t>4b6b4d49-8fd3-44e4-a50d-6f9b8c410a71.tmp</t>
  </si>
  <si>
    <t>\\acsfs\profiles$\luanaagl\Downloads\4b6b4d49-8fd3-44e4-a50d-6f9b8c410a71.tmp</t>
  </si>
  <si>
    <t>\\acsfs\Deptos\EDUCACAO EMPRESARIAL\Kássia\</t>
  </si>
  <si>
    <t>ab922607-6bd6-45e8-872e-bc9e2333eb13.tmp</t>
  </si>
  <si>
    <t>\\acsfs\profiles$\gabrielaff\Downloads\ab922607-6bd6-45e8-872e-bc9e2333eb13.tmp</t>
  </si>
  <si>
    <t>mail.google.com/_/upload?authuser=0&amp;dcp=asu-n&amp;upload_id=AEnB2UpY_gfOGeWgHIqW2tDkd1p_huZfScs_5VdzFCdtilrkPcMSpnLYgWR5_9F9yhzMAzA4RqpyZW3mR1T2GZOnUHXkEtOGk3R42XHunDMyWfduYRGLeLQ&amp;upload_protocol=resumable</t>
  </si>
  <si>
    <t>3acfe0b8-4e32-4e02-983b-98b958397a5c.tmp</t>
  </si>
  <si>
    <t>\\acsfs\profiles$\vivianalds\Downloads\3acfe0b8-4e32-4e02-983b-98b958397a5c.tmp</t>
  </si>
  <si>
    <t>4f920fed-81f1-405a-80ef-e830a5e4f896.tmp</t>
  </si>
  <si>
    <t>\\acsfs\profiles$\cintiadcf\Downloads\4f920fed-81f1-405a-80ef-e830a5e4f896.tmp</t>
  </si>
  <si>
    <t>.~lock.Relatorio_09_01_2020.xls#</t>
  </si>
  <si>
    <t>\\acsfs\profiles$\cintiadcf\Downloads\.~lock.Relatorio_09_01_2020.xls#</t>
  </si>
  <si>
    <t>edb669fb-a6fd-420c-aaaa-fb01dbf81515.tmp</t>
  </si>
  <si>
    <t>\\acsfs\profiles$\danielac\Downloads\edb669fb-a6fd-420c-aaaa-fb01dbf81515.tmp</t>
  </si>
  <si>
    <t>fae15949-fc5d-4173-8d37-2c5443174d39.tmp</t>
  </si>
  <si>
    <t>\\acsfs\profiles$\nathaliarmr\Downloads\fae15949-fc5d-4173-8d37-2c5443174d39.tmp</t>
  </si>
  <si>
    <t>6039cdbe-4d94-43a8-a0a4-380e6765fb7b.tmp</t>
  </si>
  <si>
    <t>\\acsfs\profiles$\nathaliarmr\Downloads\6039cdbe-4d94-43a8-a0a4-380e6765fb7b.tmp</t>
  </si>
  <si>
    <t>8c07873b-726c-4ad9-82f0-8b4987281744.tmp</t>
  </si>
  <si>
    <t>\\acsfs\profiles$\luanaagl\Downloads\8c07873b-726c-4ad9-82f0-8b4987281744.tmp</t>
  </si>
  <si>
    <t>9670e922-bf74-46f9-b37a-a43d249f04b5.tmp</t>
  </si>
  <si>
    <t>\\acsfs\profiles$\lorrainerdl\Downloads\9670e922-bf74-46f9-b37a-a43d249f04b5.tmp</t>
  </si>
  <si>
    <t>aa5eea85-ba7c-4ada-b182-bd0de6def37b.tmp</t>
  </si>
  <si>
    <t>\\acsfs\profiles$\lorrainerdl\Downloads\aa5eea85-ba7c-4ada-b182-bd0de6def37b.tmp</t>
  </si>
  <si>
    <t>c0e25ba5-8ee0-45b5-a625-fe3e63360ef0.tmp</t>
  </si>
  <si>
    <t>\\acsfs\profiles$\victoriaksr\Downloads\c0e25ba5-8ee0-45b5-a625-fe3e63360ef0.tmp</t>
  </si>
  <si>
    <t>f2183383-c655-4086-83cf-b970cfa58368.tmp</t>
  </si>
  <si>
    <t>\\acsfs\profiles$\victoriaksr\Downloads\f2183383-c655-4086-83cf-b970cfa58368.tmp</t>
  </si>
  <si>
    <t>.~lock.1721 1724 ate 08012020.xlsx#</t>
  </si>
  <si>
    <t>\\acsfs\profiles$\victoriaksr\Downloads\.~lock.1721 1724 ate 08012020.xlsx#</t>
  </si>
  <si>
    <t>97221bad-4193-4153-828e-458f27405607.tmp</t>
  </si>
  <si>
    <t>\\acsfs\profiles$\quindaizaagds\Downloads\97221bad-4193-4153-828e-458f27405607.tmp</t>
  </si>
  <si>
    <t>df827a85-7455-4385-bc08-bb915b6cbfe5.tmp</t>
  </si>
  <si>
    <t>\\acsfs\profiles$\quindaizaagds\Downloads\df827a85-7455-4385-bc08-bb915b6cbfe5.tmp</t>
  </si>
  <si>
    <t>237f2064-19c3-4f43-9202-7d33ce9096b5.tmp</t>
  </si>
  <si>
    <t>\\acsfs\profiles$\quindaizaagds\Downloads\237f2064-19c3-4f43-9202-7d33ce9096b5.tmp</t>
  </si>
  <si>
    <t>cfba1b31-49b4-47f4-87cd-bb96c93a9e96.tmp</t>
  </si>
  <si>
    <t>\\acsfs\profiles$\quindaizaagds\Downloads\cfba1b31-49b4-47f4-87cd-bb96c93a9e96.tmp</t>
  </si>
  <si>
    <t>b04577f6-8cf6-4533-a4b6-e5e4ac827bb8.tmp</t>
  </si>
  <si>
    <t>\\acsfs\profiles$\geovannasm\Downloads\b04577f6-8cf6-4533-a4b6-e5e4ac827bb8.tmp</t>
  </si>
  <si>
    <t>2e670b8e-799e-4886-a503-8a1854514645.tmp</t>
  </si>
  <si>
    <t>\\acsfs\profiles$\geovannasm\Downloads\2e670b8e-799e-4886-a503-8a1854514645.tmp</t>
  </si>
  <si>
    <t>a4683ed9-77fe-4cb4-bbe4-faa3b5275901.tmp</t>
  </si>
  <si>
    <t>\\acsfs\profiles$\KARENDSR\Downloads\a4683ed9-77fe-4cb4-bbe4-faa3b5275901.tmp</t>
  </si>
  <si>
    <t>8c1f01e2-a8ae-4909-88d0-ffbb35876842.tmp</t>
  </si>
  <si>
    <t>\\acsfs\profiles$\KARENDSR\Downloads\8c1f01e2-a8ae-4909-88d0-ffbb35876842.tmp</t>
  </si>
  <si>
    <t>7d389ab9-04e2-4b19-8371-d8712ad1e2d2.tmp</t>
  </si>
  <si>
    <t>\\acsfs\profiles$\KARENDSR\Downloads\7d389ab9-04e2-4b19-8371-d8712ad1e2d2.tmp</t>
  </si>
  <si>
    <t>d13b866c-d3a3-4e90-a34f-5373ec2a9899.tmp</t>
  </si>
  <si>
    <t>\\acsfs\profiles$\KARENDSR\Downloads\d13b866c-d3a3-4e90-a34f-5373ec2a9899.tmp</t>
  </si>
  <si>
    <t>39dc7514-4195-4c74-abf8-c1ad0677d018.tmp</t>
  </si>
  <si>
    <t>\\acsfs\profiles$\lucasqdss\Downloads\39dc7514-4195-4c74-abf8-c1ad0677d018.tmp</t>
  </si>
  <si>
    <t>b9afd296-d737-4585-a130-0856d70d4975.tmp</t>
  </si>
  <si>
    <t>\\acsfs\profiles$\antoniosva\Downloads\b9afd296-d737-4585-a130-0856d70d4975.tmp</t>
  </si>
  <si>
    <t>a33fdf7a-018f-4d2e-8898-40c072e058ec.tmp</t>
  </si>
  <si>
    <t>\\acsfs\profiles$\lorrainerdl\Downloads\a33fdf7a-018f-4d2e-8898-40c072e058ec.tmp</t>
  </si>
  <si>
    <t>aaa06a80-b147-4312-8883-0134eebb2abd.tmp</t>
  </si>
  <si>
    <t>\\acsfs\profiles$\victoriaksr\Downloads\aaa06a80-b147-4312-8883-0134eebb2abd.tmp</t>
  </si>
  <si>
    <t>a8ad53db-25ee-4255-a614-982bcc078acb.tmp</t>
  </si>
  <si>
    <t>\\acsfs\profiles$\ERICALSR\Downloads\a8ad53db-25ee-4255-a614-982bcc078acb.tmp</t>
  </si>
  <si>
    <t>230aa493-1a43-4aa2-a7f4-fedcdc9816d0.tmp</t>
  </si>
  <si>
    <t>\\acsfs\profiles$\pamelamcmdsg\Downloads\230aa493-1a43-4aa2-a7f4-fedcdc9816d0.tmp</t>
  </si>
  <si>
    <t>Não confirmado 289744.crdownload</t>
  </si>
  <si>
    <t>\\acsfs\profiles$\pamelamcmdsg\Downloads\Não confirmado 289744.crdownload</t>
  </si>
  <si>
    <t>90dc0b52-ef5f-44ac-a50e-79968d68ea90.tmp</t>
  </si>
  <si>
    <t>\\acsfs\profiles$\lorraynevam\Downloads\90dc0b52-ef5f-44ac-a50e-79968d68ea90.tmp</t>
  </si>
  <si>
    <t>bdf7d726-2c98-46dd-8a94-0f559e74fba8.tmp</t>
  </si>
  <si>
    <t>\\acsfs\profiles$\ayalabfi\Downloads\bdf7d726-2c98-46dd-8a94-0f559e74fba8.tmp</t>
  </si>
  <si>
    <t>08cb63e4-87ce-4d39-9800-4d2ae24b95f7.tmp</t>
  </si>
  <si>
    <t>\\acsfs\profiles$\ayalabfi\Downloads\08cb63e4-87ce-4d39-9800-4d2ae24b95f7.tmp</t>
  </si>
  <si>
    <t>2573ec8f-79ed-4240-ba46-220525d826ee.tmp</t>
  </si>
  <si>
    <t>\\acsfs\profiles$\ayalabfi\Downloads\2573ec8f-79ed-4240-ba46-220525d826ee.tmp</t>
  </si>
  <si>
    <t>a12765a5-3498-4b1d-a20a-4d77a0796f49.tmp</t>
  </si>
  <si>
    <t>\\acsfs\profiles$\ayalabfi\Downloads\a12765a5-3498-4b1d-a20a-4d77a0796f49.tmp</t>
  </si>
  <si>
    <t>098a0c51-e217-4367-a48a-f5914df3b057.tmp</t>
  </si>
  <si>
    <t>\\acsfs\profiles$\nataliacsl\Downloads\098a0c51-e217-4367-a48a-f5914df3b057.tmp</t>
  </si>
  <si>
    <t>7c2a6375-b1ca-4312-8fee-4391d8f06acc.tmp</t>
  </si>
  <si>
    <t>\\acsfs\profiles$\joycemmdl\Downloads\7c2a6375-b1ca-4312-8fee-4391d8f06acc.tmp</t>
  </si>
  <si>
    <t>lu16188ru6r8.tmp</t>
  </si>
  <si>
    <t>\\acsfs\profiles$\victoriaksr\My Documents\lu16188ru6r8.tmp</t>
  </si>
  <si>
    <t>3e227e53-c18d-4134-99b5-f21c6d114fdd.tmp</t>
  </si>
  <si>
    <t>\\acsfs\profiles$\marcellewdl\Downloads\3e227e53-c18d-4134-99b5-f21c6d114fdd.tmp</t>
  </si>
  <si>
    <t>3de46803-b806-46b9-8b38-1d4721013697.tmp</t>
  </si>
  <si>
    <t>\\acsfs\profiles$\larissaad\Downloads\3de46803-b806-46b9-8b38-1d4721013697.tmp</t>
  </si>
  <si>
    <t>d16a8d81-8e4f-477a-b79e-0a195b750a49.tmp</t>
  </si>
  <si>
    <t>\\acsfs\profiles$\larissaad\Downloads\d16a8d81-8e4f-477a-b79e-0a195b750a49.tmp</t>
  </si>
  <si>
    <t>29333191-b067-42bc-9109-b60b2b112893.tmp</t>
  </si>
  <si>
    <t>\\acsfs\profiles$\larissaad\Downloads\29333191-b067-42bc-9109-b60b2b112893.tmp</t>
  </si>
  <si>
    <t>dd49e427-698a-4c65-9f1a-02b564ee9bb0.tmp</t>
  </si>
  <si>
    <t>\\acsfs\profiles$\larissaad\Downloads\dd49e427-698a-4c65-9f1a-02b564ee9bb0.tmp</t>
  </si>
  <si>
    <t>5c23e62d-21b0-4a9c-b07b-276606351c9b.tmp</t>
  </si>
  <si>
    <t>\\acsfs\profiles$\lorraynevam\Downloads\5c23e62d-21b0-4a9c-b07b-276606351c9b.tmp</t>
  </si>
  <si>
    <t>e4f5f0de-4a81-4757-a866-26cb79a4fd88.tmp</t>
  </si>
  <si>
    <t>\\acsfs\profiles$\geovannasm\Downloads\e4f5f0de-4a81-4757-a866-26cb79a4fd88.tmp</t>
  </si>
  <si>
    <t>c015827a-8558-4b01-b2f2-b7d7037b28ec.tmp</t>
  </si>
  <si>
    <t>\\acsfs\profiles$\geovannasm\Downloads\c015827a-8558-4b01-b2f2-b7d7037b28ec.tmp</t>
  </si>
  <si>
    <t>7acb226e-6cab-4708-b71b-9dd83fa3a7e1.tmp</t>
  </si>
  <si>
    <t>\\acsfs\profiles$\geovannasm\Downloads\7acb226e-6cab-4708-b71b-9dd83fa3a7e1.tmp</t>
  </si>
  <si>
    <t>e77e3901-9cb5-4889-87ff-e4c308e1f3ed.tmp</t>
  </si>
  <si>
    <t>\\acsfs\profiles$\geovannasm\Downloads\e77e3901-9cb5-4889-87ff-e4c308e1f3ed.tmp</t>
  </si>
  <si>
    <t>0b780076-84f6-4b92-8acb-5c07d19395b8.tmp</t>
  </si>
  <si>
    <t>\\acsfs\profiles$\geovannasm\Downloads\0b780076-84f6-4b92-8acb-5c07d19395b8.tmp</t>
  </si>
  <si>
    <t>2d506eaa-0ffa-4c05-8cd1-9034a47813e5.tmp</t>
  </si>
  <si>
    <t>\\acsfs\profiles$\geovannasm\Downloads\2d506eaa-0ffa-4c05-8cd1-9034a47813e5.tmp</t>
  </si>
  <si>
    <t>64361859-4347-498a-968d-8f4bfc1969cd.tmp</t>
  </si>
  <si>
    <t>\\acsfs\profiles$\marcosvnds\Downloads\64361859-4347-498a-968d-8f4bfc1969cd.tmp</t>
  </si>
  <si>
    <t>3f3b9e08-fbbc-494a-a785-9651629ca013.tmp</t>
  </si>
  <si>
    <t>\\acsfs\profiles$\marcosvnds\Downloads\3f3b9e08-fbbc-494a-a785-9651629ca013.tmp</t>
  </si>
  <si>
    <t>da209fc0-d572-4f40-83ae-1f9044799661.tmp</t>
  </si>
  <si>
    <t>\\acsfs\profiles$\nataliacsl\Downloads\da209fc0-d572-4f40-83ae-1f9044799661.tmp</t>
  </si>
  <si>
    <t>ddf67639-259b-4e7a-bc0b-d2577a6748ca.tmp</t>
  </si>
  <si>
    <t>\\acsfs\profiles$\nataliacsl\Downloads\ddf67639-259b-4e7a-bc0b-d2577a6748ca.tmp</t>
  </si>
  <si>
    <t>f528c671-c438-4009-8e69-b93586854fd8.tmp</t>
  </si>
  <si>
    <t>\\acsfs\profiles$\nataliacsl\Downloads\f528c671-c438-4009-8e69-b93586854fd8.tmp</t>
  </si>
  <si>
    <t>a47c17cc-5446-40d6-9b89-02d37856c95b.tmp</t>
  </si>
  <si>
    <t>\\acsfs\profiles$\leticiala\Downloads\a47c17cc-5446-40d6-9b89-02d37856c95b.tmp</t>
  </si>
  <si>
    <t>9aa9f530-4eb5-42be-9f9d-d2da9ad8d4bb.tmp</t>
  </si>
  <si>
    <t>\\acsfs\profiles$\BRUNAAR\Downloads\9aa9f530-4eb5-42be-9f9d-d2da9ad8d4bb.tmp</t>
  </si>
  <si>
    <t>dd67dd27-fd39-4d25-8586-445c727e7c17.tmp</t>
  </si>
  <si>
    <t>\\acsfs\profiles$\marcosvnds\Downloads\dd67dd27-fd39-4d25-8586-445c727e7c17.tmp</t>
  </si>
  <si>
    <t>813cfdb5-7302-47dd-a9b6-e1ed9ac8b5f6.tmp</t>
  </si>
  <si>
    <t>\\acsfs\profiles$\marcosvnds\Downloads\813cfdb5-7302-47dd-a9b6-e1ed9ac8b5f6.tmp</t>
  </si>
  <si>
    <t>6bb2ea78-0fc2-46bb-8dc8-ee06d9c424c7.tmp</t>
  </si>
  <si>
    <t>\\acsfs\profiles$\marcosvnds\Downloads\6bb2ea78-0fc2-46bb-8dc8-ee06d9c424c7.tmp</t>
  </si>
  <si>
    <t>7c8846c4-596a-41a6-8f70-fdbced8722f3.tmp</t>
  </si>
  <si>
    <t>\\acsfs\profiles$\marcosvnds\Downloads\7c8846c4-596a-41a6-8f70-fdbced8722f3.tmp</t>
  </si>
  <si>
    <t>cb46bdd4-34b8-4e6b-ac4d-40fd4619eb84.tmp</t>
  </si>
  <si>
    <t>\\acsfs\profiles$\marcosvnds\Downloads\cb46bdd4-34b8-4e6b-ac4d-40fd4619eb84.tmp</t>
  </si>
  <si>
    <t>54291a81-e931-4eba-a40f-e4ecfb0fe468.tmp</t>
  </si>
  <si>
    <t>\\acsfs\profiles$\marcosvnds\Downloads\54291a81-e931-4eba-a40f-e4ecfb0fe468.tmp</t>
  </si>
  <si>
    <t>844fb7a3-bdff-4f38-96d3-a27e2ce97363.tmp</t>
  </si>
  <si>
    <t>\\acsfs\profiles$\anafsb\Downloads\844fb7a3-bdff-4f38-96d3-a27e2ce97363.tmp</t>
  </si>
  <si>
    <t>c4e213cd-3b9f-415f-881f-8cda81999880.tmp</t>
  </si>
  <si>
    <t>\\acsfs\profiles$\anafsb\Downloads\c4e213cd-3b9f-415f-881f-8cda81999880.tmp</t>
  </si>
  <si>
    <t>68bfa429-f71e-43f5-aedf-08580d8cf574.tmp</t>
  </si>
  <si>
    <t>\\acsfs\profiles$\anafsb\Downloads\68bfa429-f71e-43f5-aedf-08580d8cf574.tmp</t>
  </si>
  <si>
    <t>b2aa4d57-713b-4b1c-8604-e79102353cf0.tmp</t>
  </si>
  <si>
    <t>\\acsfs\profiles$\anafsb\Downloads\b2aa4d57-713b-4b1c-8604-e79102353cf0.tmp</t>
  </si>
  <si>
    <t>lu11376j7rr5.tmp</t>
  </si>
  <si>
    <t>\\acsfs\profiles$\BRUNAAR\Numero\lu11376j7rr5.tmp</t>
  </si>
  <si>
    <t>69152298-e533-4ff9-98f1-8e0387cb29a3.tmp</t>
  </si>
  <si>
    <t>\\acsfs\profiles$\antoniosva\Downloads\69152298-e533-4ff9-98f1-8e0387cb29a3.tmp</t>
  </si>
  <si>
    <t>c2d5e5a3-2a6d-4f9e-860c-c8d839fe69de.tmp</t>
  </si>
  <si>
    <t>\\acsfs\profiles$\ayalabfi\Downloads\c2d5e5a3-2a6d-4f9e-860c-c8d839fe69de.tmp</t>
  </si>
  <si>
    <t>aa2e7724-8e0e-4594-bac8-b0f967738d16.tmp</t>
  </si>
  <si>
    <t>\\acsfs\profiles$\anafsb\Downloads\aa2e7724-8e0e-4594-bac8-b0f967738d16.tmp</t>
  </si>
  <si>
    <t>dd4bea63-0b40-4962-8a99-0394d2065f7b.tmp</t>
  </si>
  <si>
    <t>\\acsfs\profiles$\anafsb\Downloads\dd4bea63-0b40-4962-8a99-0394d2065f7b.tmp</t>
  </si>
  <si>
    <t>4d07d0ae-d4e4-4fc7-a622-7addb956c14a.tmp</t>
  </si>
  <si>
    <t>\\acsfs\profiles$\joycemmdl\Downloads\4d07d0ae-d4e4-4fc7-a622-7addb956c14a.tmp</t>
  </si>
  <si>
    <t>6e4f1e1f-34e9-44d5-bae1-320b2c00f570.tmp</t>
  </si>
  <si>
    <t>\\acsfs\profiles$\LUCASBS\Downloads\6e4f1e1f-34e9-44d5-bae1-320b2c00f570.tmp</t>
  </si>
  <si>
    <t>d9ecaea7-6954-456e-ac2d-6710b341670a.tmp</t>
  </si>
  <si>
    <t>\\acsfs\profiles$\LUCASBS\Downloads\d9ecaea7-6954-456e-ac2d-6710b341670a.tmp</t>
  </si>
  <si>
    <t>andrelpsa@algartech.com;bvcartes-supervisores@algarnet.onmicrosoft.com;joaogvc@algartech.com;leonardoao@algartech.com;marianadjc@algartech.com;maristelavodq@bv.algartech.com;mirianppb@algartech.com;paulacn@algartech.com;rafaelggs@algartech.com;taysdss@algartech.com;viniciussg@algartech.com;</t>
  </si>
  <si>
    <t>andrelpsa@algartech.com,bvcartes-supervisores@algarnet.onmicrosoft.com,joaogvc@algartech.com,leonardoao@algartech.com,marianadjc@algartech.com,maristelavodq@bv.algartech.com,mirianppb@algartech.com,paulacn@algartech.com,rafaelggs@algartech.com,taysdss@algartech.com,viniciussg@algartech.com</t>
  </si>
  <si>
    <t>5778cc27-9fd0-4c17-a405-7130ba4421fc.tmp</t>
  </si>
  <si>
    <t>\\acsfs\profiles$\geovannasm\Downloads\5778cc27-9fd0-4c17-a405-7130ba4421fc.tmp</t>
  </si>
  <si>
    <t>mail.google.com/sync/u/0/i/s?hl=pt-BR&amp;c=1596</t>
  </si>
  <si>
    <t>7e28203d-0fbc-4de0-8cec-da0dacddca07.tmp</t>
  </si>
  <si>
    <t>\\acsfs\profiles$\inarajst\Downloads\7e28203d-0fbc-4de0-8cec-da0dacddca07.tmp</t>
  </si>
  <si>
    <t>68166493-6ebe-424a-be3b-d804981d7fe4.tmp</t>
  </si>
  <si>
    <t>\\acsfs\profiles$\gabrielhca\Downloads\68166493-6ebe-424a-be3b-d804981d7fe4.tmp</t>
  </si>
  <si>
    <t>f7d40a17-1bd4-4302-a1ca-b5abd852c03d.tmp</t>
  </si>
  <si>
    <t>\\acsfs\profiles$\lorrainerdl\Downloads\f7d40a17-1bd4-4302-a1ca-b5abd852c03d.tmp</t>
  </si>
  <si>
    <t>mail.google.com/sync/u/0/i/s?hl=pt-BR&amp;c=351</t>
  </si>
  <si>
    <t>mail.google.com/_/upload?authuser=0&amp;dcp=asu-n&amp;upload_id=AEnB2Uo63ILpdO31Ol6Cd3eJ7S0yYOq0rQb3QxhxXUruT6FUgl4E8jYkBADR3g9vV6D6-fE-TMQ8ji8v15xqTMoEwhTYb16lPaenJLpVKEEfsSMIR21dyh4&amp;upload_protocol=resumable</t>
  </si>
  <si>
    <t>e04add9e-1bb8-43ec-84b8-6db14715b2f9.tmp</t>
  </si>
  <si>
    <t>\\acsfs\profiles$\lucasgpe\Downloads\e04add9e-1bb8-43ec-84b8-6db14715b2f9.tmp</t>
  </si>
  <si>
    <t>6bf3c1c0-92ea-421f-816a-3e0606b094c3.tmp</t>
  </si>
  <si>
    <t>\\acsfs\profiles$\geovannasm\Downloads\6bf3c1c0-92ea-421f-816a-3e0606b094c3.tmp</t>
  </si>
  <si>
    <t>https://portalth.algarnet.com.br/webponto/just_user/pesqfunc_corpo.asp?hidtelachamadora=solicitarelat&amp;data=01/12/2019</t>
  </si>
  <si>
    <t>thiagolrc</t>
  </si>
  <si>
    <t>http://qlikview.algartecnologia.com.br/qvajaxzfc/accesspoint.aspx?mark=&amp;platform=browser.chrome&amp;dpi=96</t>
  </si>
  <si>
    <t>625a1132-87d6-4d84-a8fb-27ac7e8acf8c.tmp</t>
  </si>
  <si>
    <t>\\acsfs\profiles$\gabrielhca\Downloads\625a1132-87d6-4d84-a8fb-27ac7e8acf8c.tmp</t>
  </si>
  <si>
    <t>e8864958-b746-421e-b6f5-4d352c31a1f7.tmp</t>
  </si>
  <si>
    <t>\\acsfs\profiles$\gabrielhca\Downloads\e8864958-b746-421e-b6f5-4d352c31a1f7.tmp</t>
  </si>
  <si>
    <t>a24ab9e2-16b3-42b2-b713-a3ea353e4c4c.tmp</t>
  </si>
  <si>
    <t>\\acsfs\profiles$\gabrielhca\Downloads\a24ab9e2-16b3-42b2-b713-a3ea353e4c4c.tmp</t>
  </si>
  <si>
    <t>7fc2239a-636c-457a-b182-805b879ec3f6.tmp</t>
  </si>
  <si>
    <t>\\acsfs\profiles$\vivianalds\Downloads\7fc2239a-636c-457a-b182-805b879ec3f6.tmp</t>
  </si>
  <si>
    <t>59611162-da01-45bf-8401-02ef862b268f.tmp</t>
  </si>
  <si>
    <t>\\acsfs\profiles$\isabellegtds\Downloads\59611162-da01-45bf-8401-02ef862b268f.tmp</t>
  </si>
  <si>
    <t>78a6ca9d-b0ec-4c74-8d5c-ecbdc44fb910.tmp</t>
  </si>
  <si>
    <t>\\acsfs\profiles$\isabellegtds\Downloads\78a6ca9d-b0ec-4c74-8d5c-ecbdc44fb910.tmp</t>
  </si>
  <si>
    <t>55d529ba-12ce-4813-9bdd-7c2c69b74e1c.tmp</t>
  </si>
  <si>
    <t>\\acsfs\profiles$\danielmlds\Downloads\55d529ba-12ce-4813-9bdd-7c2c69b74e1c.tmp</t>
  </si>
  <si>
    <t>https://outlook.office365.com/owa/qualidadealgarbv@algartech.com/service.svc?action=createitem&amp;app=mail&amp;n=81</t>
  </si>
  <si>
    <t>5d1d235a-a520-4ad8-8951-9acea8e018bb.tmp</t>
  </si>
  <si>
    <t>\\acsfs\profiles$\geovannasm\Downloads\5d1d235a-a520-4ad8-8951-9acea8e018bb.tmp</t>
  </si>
  <si>
    <t>lu11376j7rr9.tmp</t>
  </si>
  <si>
    <t>\\acsfs\profiles$\BRUNAAR\Numero\lu11376j7rr9.tmp</t>
  </si>
  <si>
    <t>9f179213-c03d-4362-be5c-a78d1bc8c2bd.tmp</t>
  </si>
  <si>
    <t>\\acsfs\profiles$\anafsb\Downloads\9f179213-c03d-4362-be5c-a78d1bc8c2bd.tmp</t>
  </si>
  <si>
    <t>379e08e4-3713-431c-8505-5159e14a1911.tmp</t>
  </si>
  <si>
    <t>\\acsfs\profiles$\Flaviojmm\Downloads\379e08e4-3713-431c-8505-5159e14a1911.tmp</t>
  </si>
  <si>
    <t>96841a35-02c6-4d7d-9b8e-ce594962a640.tmp</t>
  </si>
  <si>
    <t>\\acsfs\profiles$\Flaviojmm\Downloads\96841a35-02c6-4d7d-9b8e-ce594962a640.tmp</t>
  </si>
  <si>
    <t>0849b14e-ee85-48e5-a197-19a0ea4c7334.tmp</t>
  </si>
  <si>
    <t>\\acsfs\profiles$\vivianalds\Downloads\0849b14e-ee85-48e5-a197-19a0ea4c7334.tmp</t>
  </si>
  <si>
    <t>872cc5bb-94a3-4011-911c-3a182f0408e4.tmp</t>
  </si>
  <si>
    <t>\\acsfs\profiles$\vivianalds\Downloads\872cc5bb-94a3-4011-911c-3a182f0408e4.tmp</t>
  </si>
  <si>
    <t>ef279068-b6b2-49d6-ad83-f7baa538cf54.tmp</t>
  </si>
  <si>
    <t>\\acsfs\profiles$\lorrainerdl\Downloads\ef279068-b6b2-49d6-ad83-f7baa538cf54.tmp</t>
  </si>
  <si>
    <t>7b5265f0-4f7a-4168-8b6c-80ffb3de4922.tmp</t>
  </si>
  <si>
    <t>\\acsfs\profiles$\danielmlds\Downloads\7b5265f0-4f7a-4168-8b6c-80ffb3de4922.tmp</t>
  </si>
  <si>
    <t>https://outlook.office365.com/owa/qualidadealgarbv@algartech.com/service.svc?action=updateitem&amp;app=mail&amp;n=84</t>
  </si>
  <si>
    <t>1b9e820f-c09a-4355-bf0b-6f0a42d90cf7.tmp</t>
  </si>
  <si>
    <t>\\acsfs\profiles$\PEDROHAB\Downloads\1b9e820f-c09a-4355-bf0b-6f0a42d90cf7.tmp</t>
  </si>
  <si>
    <t>cab8ca3c-5adb-4af8-a9fe-1a64c2ee8814.tmp</t>
  </si>
  <si>
    <t>\\acsfs\profiles$\PEDROHAB\Downloads\cab8ca3c-5adb-4af8-a9fe-1a64c2ee8814.tmp</t>
  </si>
  <si>
    <t>bf937c16-2674-4ebb-b60b-dd45258dd419.tmp</t>
  </si>
  <si>
    <t>\\acsfs\profiles$\PEDROHAB\Downloads\bf937c16-2674-4ebb-b60b-dd45258dd419.tmp</t>
  </si>
  <si>
    <t>maristelavodq</t>
  </si>
  <si>
    <t>\\acsfs\profiles$\maristelavodq\Contacts\</t>
  </si>
  <si>
    <t>MARISTELA VITORIA OLIVEIRA DE QUEIROZ (11739).contact</t>
  </si>
  <si>
    <t>\\acsfs\profiles$\maristelavodq\Contacts\MARISTELA VITORIA OLIVEIRA DE QUEIROZ (11739).contact</t>
  </si>
  <si>
    <t>\\acsfs\profiles$\maristelavodq\My Documents\My Videos\</t>
  </si>
  <si>
    <t>\\acsfs\profiles$\maristelavodq\My Documents\My Videos\desktop.ini</t>
  </si>
  <si>
    <t>\\acsfs\profiles$\maristelavodq\My Documents\My Pictures\</t>
  </si>
  <si>
    <t>\\acsfs\profiles$\maristelavodq\My Documents\My Pictures\desktop.ini</t>
  </si>
  <si>
    <t>\\acsfs\profiles$\maristelavodq\Contacts\desktop.ini</t>
  </si>
  <si>
    <t>\\acsfs\profiles$\maristelavodq\Favorites\</t>
  </si>
  <si>
    <t>\\acsfs\profiles$\maristelavodq\Favorites\desktop.ini</t>
  </si>
  <si>
    <t>\\acsfs\profiles$\maristelavodq\My Documents\My Music\</t>
  </si>
  <si>
    <t>\\acsfs\profiles$\maristelavodq\My Documents\My Music\desktop.ini</t>
  </si>
  <si>
    <t>\\acsfs\profiles$\maristelavodq\Searches\</t>
  </si>
  <si>
    <t>\\acsfs\profiles$\maristelavodq\Searches\desktop.ini</t>
  </si>
  <si>
    <t>\\acsfs\profiles$\maristelavodq\Downloads\</t>
  </si>
  <si>
    <t>\\acsfs\profiles$\maristelavodq\Downloads\desktop.ini</t>
  </si>
  <si>
    <t>\\acsfs\profiles$\maristelavodq\My Documents\</t>
  </si>
  <si>
    <t>\\acsfs\profiles$\maristelavodq\My Documents\desktop.ini</t>
  </si>
  <si>
    <t>\\acsfs\profiles$\maristelavodq\Saved Games\</t>
  </si>
  <si>
    <t>\\acsfs\profiles$\maristelavodq\Saved Games\desktop.ini</t>
  </si>
  <si>
    <t>\\acsfs\profiles$\maristelavodq\Favorites\Links for Brasil\</t>
  </si>
  <si>
    <t>\\acsfs\profiles$\maristelavodq\Favorites\Links for Brasil\desktop.ini</t>
  </si>
  <si>
    <t>\\acsfs\profiles$\maristelavodq\Favorites\Links for Brasil\Microsoft Brasil.url</t>
  </si>
  <si>
    <t>\\acsfs\profiles$\maristelavodq\Favorites\Links for Brasil\Windows Brasil.url</t>
  </si>
  <si>
    <t>\\acsfs\profiles$\maristelavodq\Favorites\Links for Brasil\MSN Brasil.url</t>
  </si>
  <si>
    <t>lu138892y2ps2e.tmp</t>
  </si>
  <si>
    <t>\\acsfs\DEPTOS\Operacao\Banco_Votorantim\Supervisao\SUPERS BV CARTÕES\ANA VITORIA\APOIO\lu138892y2ps2e.tmp</t>
  </si>
  <si>
    <t>d0d0517e-1b1d-4a37-b576-95d863e99f12.tmp</t>
  </si>
  <si>
    <t>\\acsfs\profiles$\leticiala\Downloads\d0d0517e-1b1d-4a37-b576-95d863e99f12.tmp</t>
  </si>
  <si>
    <t>Erro fatal DENNER LUIS DOS REIS.PNG</t>
  </si>
  <si>
    <t>\\acsfs\ACS\001 - Qualidade Lilian\PAULO\Pasta Tainara\Erro fatal DENNER LUIS DOS REIS.PNG</t>
  </si>
  <si>
    <t>27126c1b-6935-4cce-b544-6a773f17f7a6.tmp</t>
  </si>
  <si>
    <t>\\acsfs\profiles$\THYAGOSP\Downloads\27126c1b-6935-4cce-b544-6a773f17f7a6.tmp</t>
  </si>
  <si>
    <t>a0c93da0-2906-42ff-9679-4c6f5b596302.tmp</t>
  </si>
  <si>
    <t>\\acsfs\profiles$\larissaad\Downloads\a0c93da0-2906-42ff-9679-4c6f5b596302.tmp</t>
  </si>
  <si>
    <t>http:///batch?%24ct=multipart%2Fmixed%3B%20boundary%3D%22%3D%3D%3D%3D%3D9zcn9p1r55gz%3D%3D%3D%3D%3D%22&amp;key=AIzaSyAy9VVXHSpS2IJpptzYtGbLP3-3_l0aBk4</t>
  </si>
  <si>
    <t>https://udpmailboxap01/service/soap/sendmsgrequest</t>
  </si>
  <si>
    <t>d7b090c0-3c2a-484a-aec9-a5c884f3a02a.tmp</t>
  </si>
  <si>
    <t>\\acsfs\profiles$\lorrainerdl\Downloads\d7b090c0-3c2a-484a-aec9-a5c884f3a02a.tmp</t>
  </si>
  <si>
    <t>6c3f8a48-b6be-47a7-9373-f6eb4fbf52cf.tmp</t>
  </si>
  <si>
    <t>\\acsfs\profiles$\LUCASBS\Downloads\6c3f8a48-b6be-47a7-9373-f6eb4fbf52cf.tmp</t>
  </si>
  <si>
    <t>\\acsfs\profiles$\maristelavodq\My Documents\$RECYCLE.BIN\</t>
  </si>
  <si>
    <t>$I7CTEPQ.txt</t>
  </si>
  <si>
    <t>\\acsfs\profiles$\maristelavodq\My Documents\$RECYCLE.BIN\$I7CTEPQ.txt</t>
  </si>
  <si>
    <t>bv.txt</t>
  </si>
  <si>
    <t>\\acsfs\profiles$\maristelavodq\My Documents\bv.txt</t>
  </si>
  <si>
    <t>SEGURO.txt</t>
  </si>
  <si>
    <t>\\acsfs\profiles$\maristelavodq\My Documents\SEGURO.txt</t>
  </si>
  <si>
    <t>$IZQ2EHL.txt</t>
  </si>
  <si>
    <t>\\acsfs\profiles$\maristelavodq\My Documents\$RECYCLE.BIN\$IZQ2EHL.txt</t>
  </si>
  <si>
    <t>032174fa-5ac5-43ab-b867-31c78042cb26.tmp</t>
  </si>
  <si>
    <t>\\acsfs\profiles$\geovannasm\Downloads\032174fa-5ac5-43ab-b867-31c78042cb26.tmp</t>
  </si>
  <si>
    <t>\\acsfs\deptos\Operacao\PCP\5 - Comum\PLANEJAMENTO BV\22 - BANCO DE DADOS BV\FINANCEIRA\</t>
  </si>
  <si>
    <t>Dados Gerais BV - ALGAR.xlsx</t>
  </si>
  <si>
    <t>\\acsfs\deptos\Operacao\PCP\5 - Comum\PLANEJAMENTO BV\22 - BANCO DE DADOS BV\FINANCEIRA\Dados Gerais BV - ALGAR.xlsx</t>
  </si>
  <si>
    <t>a6b762d5-f52b-4f2c-9209-72584e74b345.tmp</t>
  </si>
  <si>
    <t>\\acsfs\profiles$\ERICALSR\Downloads\a6b762d5-f52b-4f2c-9209-72584e74b345.tmp</t>
  </si>
  <si>
    <t>Valor Prêmio por Operador Janeiro - até 08.01.pdf</t>
  </si>
  <si>
    <t>\\acsfs\DEPTOS\Operacao\Banco_Votorantim\Comum\00 - COMUM - BV CARTÕES\EQUIPE ADILSON\Vendas\Valor Prêmio por Operador Janeiro - até 08.01.pdf</t>
  </si>
  <si>
    <t>5f682320-e24a-49ce-a03c-445349000ce5.tmp</t>
  </si>
  <si>
    <t>\\acsfs\profiles$\maxmillianosv\Downloads\5f682320-e24a-49ce-a03c-445349000ce5.tmp</t>
  </si>
  <si>
    <t>026bb334-cbfe-4960-9cf6-7e8bf9a7fc82.tmp</t>
  </si>
  <si>
    <t>\\acsfs\profiles$\vivianealda\Downloads\026bb334-cbfe-4960-9cf6-7e8bf9a7fc82.tmp</t>
  </si>
  <si>
    <t>35b1ff95-b0e1-4e8b-bac7-6757c376d3d2.tmp</t>
  </si>
  <si>
    <t>\\acsfs\profiles$\kellzylenneasr\Downloads\35b1ff95-b0e1-4e8b-bac7-6757c376d3d2.tmp</t>
  </si>
  <si>
    <t>a232b756-df73-4bf8-b31a-e460715082aa.tmp</t>
  </si>
  <si>
    <t>\\acsfs\profiles$\kellzylenneasr\Downloads\a232b756-df73-4bf8-b31a-e460715082aa.tmp</t>
  </si>
  <si>
    <t>57728759-5763-4277-8c89-224d6c22703e.tmp</t>
  </si>
  <si>
    <t>\\acsfs\profiles$\luanaagl\Downloads\57728759-5763-4277-8c89-224d6c22703e.tmp</t>
  </si>
  <si>
    <t>bc378e87-b50f-4f69-b77e-a23d4174964a.tmp</t>
  </si>
  <si>
    <t>\\acsfs\profiles$\danielac\Downloads\bc378e87-b50f-4f69-b77e-a23d4174964a.tmp</t>
  </si>
  <si>
    <t>ce3cb0d8-6a49-47f7-941f-2cb21a2b9e75.tmp</t>
  </si>
  <si>
    <t>\\acsfs\profiles$\lucasgpe\Downloads\ce3cb0d8-6a49-47f7-941f-2cb21a2b9e75.tmp</t>
  </si>
  <si>
    <t>b889d2de-1a01-49a7-b7a5-3d5f7cc78a04.tmp</t>
  </si>
  <si>
    <t>\\acsfs\profiles$\adelvinsonle\Downloads\b889d2de-1a01-49a7-b7a5-3d5f7cc78a04.tmp</t>
  </si>
  <si>
    <t>cc3aa9cf-8f9b-4f24-8832-a6c778e27e7a.tmp</t>
  </si>
  <si>
    <t>\\acsfs\profiles$\adelvinsonle\Downloads\cc3aa9cf-8f9b-4f24-8832-a6c778e27e7a.tmp</t>
  </si>
  <si>
    <t>41a4484b-34c0-4d6c-8a3f-6dc144cb075e.tmp</t>
  </si>
  <si>
    <t>\\acsfs\profiles$\maxmillianosv\Downloads\41a4484b-34c0-4d6c-8a3f-6dc144cb075e.tmp</t>
  </si>
  <si>
    <t>7d8d85e0-ce95-46c1-896f-92ff57273e66.tmp</t>
  </si>
  <si>
    <t>\\acsfs\profiles$\jhonatadss\Downloads\7d8d85e0-ce95-46c1-896f-92ff57273e66.tmp</t>
  </si>
  <si>
    <t>29d29e29-da63-40f1-98c6-f10f4b0fa29f.tmp</t>
  </si>
  <si>
    <t>\\acsfs\profiles$\lorrainerdl\Downloads\29d29e29-da63-40f1-98c6-f10f4b0fa29f.tmp</t>
  </si>
  <si>
    <t>bc07d2ff-9f9d-40d6-bc0e-1146a929e4da.tmp</t>
  </si>
  <si>
    <t>\\acsfs\profiles$\matheushds\Downloads\bc07d2ff-9f9d-40d6-bc0e-1146a929e4da.tmp</t>
  </si>
  <si>
    <t>e37985c5-1423-4f69-88d5-62691c6f2fbe.tmp</t>
  </si>
  <si>
    <t>\\acsfs\profiles$\matheushds\Downloads\e37985c5-1423-4f69-88d5-62691c6f2fbe.tmp</t>
  </si>
  <si>
    <t>399849a1-2ddc-4e4d-98e0-9bbc4f462782.tmp</t>
  </si>
  <si>
    <t>\\acsfs\profiles$\matheushds\Downloads\399849a1-2ddc-4e4d-98e0-9bbc4f462782.tmp</t>
  </si>
  <si>
    <t>bcf5ce10-17d9-4dc4-8b1b-0ff90832166d.tmp</t>
  </si>
  <si>
    <t>\\acsfs\profiles$\matheushds\Downloads\bcf5ce10-17d9-4dc4-8b1b-0ff90832166d.tmp</t>
  </si>
  <si>
    <t>010ef8b6-f03a-4da5-ba32-9a5da674a889.tmp</t>
  </si>
  <si>
    <t>\\acsfs\profiles$\matheushds\Downloads\010ef8b6-f03a-4da5-ba32-9a5da674a889.tmp</t>
  </si>
  <si>
    <t>6d68713c-e653-488c-bcc6-7f3e98810565.tmp</t>
  </si>
  <si>
    <t>\\acsfs\profiles$\rafaelahpn\Downloads\6d68713c-e653-488c-bcc6-7f3e98810565.tmp</t>
  </si>
  <si>
    <t>494d2b7c-6e06-4efe-b94e-ecf74c8ed96a.tmp</t>
  </si>
  <si>
    <t>\\acsfs\profiles$\rafaelahpn\Downloads\494d2b7c-6e06-4efe-b94e-ecf74c8ed96a.tmp</t>
  </si>
  <si>
    <t>1edd2fe1-d86e-4652-a453-cc1af4aa3d5f.tmp</t>
  </si>
  <si>
    <t>\\acsfs\profiles$\rafaelahpn\Downloads\1edd2fe1-d86e-4652-a453-cc1af4aa3d5f.tmp</t>
  </si>
  <si>
    <t>ff3124e6-ae75-4140-ab76-46977ad7b6a8.tmp</t>
  </si>
  <si>
    <t>\\acsfs\profiles$\adelvinsonle\Downloads\ff3124e6-ae75-4140-ab76-46977ad7b6a8.tmp</t>
  </si>
  <si>
    <t>c2518932-fde1-4a33-9d97-d6a8efcaf1f2.tmp</t>
  </si>
  <si>
    <t>\\acsfs\profiles$\monicargds\Downloads\c2518932-fde1-4a33-9d97-d6a8efcaf1f2.tmp</t>
  </si>
  <si>
    <t>969af10d-49bc-43c4-8d5d-06b77986d647.tmp</t>
  </si>
  <si>
    <t>\\acsfs\profiles$\inarajst\Downloads\969af10d-49bc-43c4-8d5d-06b77986d647.tmp</t>
  </si>
  <si>
    <t>lu11376j7rrd.tmp</t>
  </si>
  <si>
    <t>\\acsfs\profiles$\BRUNAAR\Numero\lu11376j7rrd.tmp</t>
  </si>
  <si>
    <t>c03fae8e-a067-462a-a6a1-70d9fcff3ac6.tmp</t>
  </si>
  <si>
    <t>\\acsfs\profiles$\maxmillianosv\Downloads\c03fae8e-a067-462a-a6a1-70d9fcff3ac6.tmp</t>
  </si>
  <si>
    <t>f35069bc-79c1-47c2-9994-3f85cb514bc5.tmp</t>
  </si>
  <si>
    <t>\\acsfs\profiles$\maxmillianosv\Downloads\f35069bc-79c1-47c2-9994-3f85cb514bc5.tmp</t>
  </si>
  <si>
    <t>7e1c7b1f-c8e5-45a3-b94c-5abee8d238e4.tmp</t>
  </si>
  <si>
    <t>\\acsfs\profiles$\maxmillianosv\Downloads\7e1c7b1f-c8e5-45a3-b94c-5abee8d238e4.tmp</t>
  </si>
  <si>
    <t>067f2a4c-f135-4320-a207-2d2d2505502e.tmp</t>
  </si>
  <si>
    <t>\\acsfs\profiles$\maxmillianosv\Downloads\067f2a4c-f135-4320-a207-2d2d2505502e.tmp</t>
  </si>
  <si>
    <t>5fd40476-ec83-4f47-9cad-42c840f3465e.tmp</t>
  </si>
  <si>
    <t>\\acsfs\profiles$\LUCASNS\Downloads\5fd40476-ec83-4f47-9cad-42c840f3465e.tmp</t>
  </si>
  <si>
    <t>fe29a434-87e0-4421-8df6-e1ecf5735955.tmp</t>
  </si>
  <si>
    <t>\\acsfs\profiles$\jhonatadss\Downloads\fe29a434-87e0-4421-8df6-e1ecf5735955.tmp</t>
  </si>
  <si>
    <t>d776ac46-cd5d-4d89-8f78-339daf5757f9.tmp</t>
  </si>
  <si>
    <t>\\acsfs\profiles$\isabellegtds\Downloads\d776ac46-cd5d-4d89-8f78-339daf5757f9.tmp</t>
  </si>
  <si>
    <t>7d2679d1-4989-4ffc-9777-755f8b557f58.tmp</t>
  </si>
  <si>
    <t>\\acsfs\profiles$\LAISLG\Downloads\7d2679d1-4989-4ffc-9777-755f8b557f58.tmp</t>
  </si>
  <si>
    <t>3cd76070-8504-4a68-948e-4790d5e9221e.tmp</t>
  </si>
  <si>
    <t>\\acsfs\profiles$\LAISLG\Downloads\3cd76070-8504-4a68-948e-4790d5e9221e.tmp</t>
  </si>
  <si>
    <t>Criar Payware_2709 - Cópia.xlsx</t>
  </si>
  <si>
    <t>\\acsfs\ACS\Gabriel da Silva\Contemporânea\Acessos\Criar Payware_2709 - Cópia.xlsx</t>
  </si>
  <si>
    <t>IMAC.xlsx</t>
  </si>
  <si>
    <t>\\acsfs\ACS\Gabriel da Silva\Contemporânea\Acessos\IMAC.xlsx</t>
  </si>
  <si>
    <t>Excluir Payware2_2709 - Cópia.xlsx</t>
  </si>
  <si>
    <t>\\acsfs\ACS\Gabriel da Silva\Contemporânea\Acessos\Excluir Payware2_2709 - Cópia.xlsx</t>
  </si>
  <si>
    <t>IMAC_Excluir.xlsx</t>
  </si>
  <si>
    <t>\\acsfs\ACS\Gabriel da Silva\Contemporânea\Acessos\IMAC_Excluir.xlsx</t>
  </si>
  <si>
    <t>2c1e5b4b-3fa5-4d79-8c51-eb5d7ec8199c.tmp</t>
  </si>
  <si>
    <t>\\acsfs\profiles$\rafaelahpn\Downloads\2c1e5b4b-3fa5-4d79-8c51-eb5d7ec8199c.tmp</t>
  </si>
  <si>
    <t>724cf915-4182-46d0-bb63-7ef0deb24ef4.tmp</t>
  </si>
  <si>
    <t>\\acsfs\profiles$\mariajra\Downloads\724cf915-4182-46d0-bb63-7ef0deb24ef4.tmp</t>
  </si>
  <si>
    <t>cab2542a-6c6e-474b-863d-5c9701307d14.tmp</t>
  </si>
  <si>
    <t>\\acsfs\profiles$\inarajst\Downloads\cab2542a-6c6e-474b-863d-5c9701307d14.tmp</t>
  </si>
  <si>
    <t>05ce4a1e-82e6-4cef-abe7-095cf4b096ea.tmp</t>
  </si>
  <si>
    <t>\\acsfs\profiles$\vivianalds\Downloads\05ce4a1e-82e6-4cef-abe7-095cf4b096ea.tmp</t>
  </si>
  <si>
    <t>3bd73ba8-ade9-48c5-bdf8-a800f9ab05ec.tmp</t>
  </si>
  <si>
    <t>\\acsfs\profiles$\luanaagl\Downloads\3bd73ba8-ade9-48c5-bdf8-a800f9ab05ec.tmp</t>
  </si>
  <si>
    <t>\\acsfs\ACS\001 - Qualidade Lilian\PAULO\Pasta Tainara\Novo Documento de Texto.txt</t>
  </si>
  <si>
    <t>b9eb27a8-9a21-4a5b-b454-fc7928882879.tmp</t>
  </si>
  <si>
    <t>\\acsfs\profiles$\henriquehmdo\Downloads\b9eb27a8-9a21-4a5b-b454-fc7928882879.tmp</t>
  </si>
  <si>
    <t>bd59d73a-d66d-4b21-861e-276903a76208.tmp</t>
  </si>
  <si>
    <t>\\acsfs\profiles$\henriquehmdo\Downloads\bd59d73a-d66d-4b21-861e-276903a76208.tmp</t>
  </si>
  <si>
    <t>d7ac0e90-9a54-4297-907d-c3c6c8715bd5.tmp</t>
  </si>
  <si>
    <t>\\acsfs\profiles$\adelvinsonle\Downloads\d7ac0e90-9a54-4297-907d-c3c6c8715bd5.tmp</t>
  </si>
  <si>
    <t>86c7f184-710c-49de-827d-646d9d8ef1f1.tmp</t>
  </si>
  <si>
    <t>\\acsfs\profiles$\lucasqdss\Downloads\86c7f184-710c-49de-827d-646d9d8ef1f1.tmp</t>
  </si>
  <si>
    <t>camillarl@algartech.com;educadoresbvfinanceira@algartech.com;eliane.martins@bv.com.br;jose.gomes@bv.com.br;qualidadealgarbv@algartech.com;talmaiardo@algartech.com;tayss@algartech.com;yuriifd@algartech.com;</t>
  </si>
  <si>
    <t>camillarl@algartech.com,educadoresbvfinanceira@algartech.com,eliane.martins@bv.com.br,jose.gomes@bv.com.br,qualidadealgarbv@algartech.com,talmaiardo@algartech.com,tayss@algartech.com,yuriifd@algartech.com</t>
  </si>
  <si>
    <t>c85dfa85-e4fe-427e-ba72-dc1b7c2935f8.tmp</t>
  </si>
  <si>
    <t>\\acsfs\profiles$\georgendsq\Downloads\c85dfa85-e4fe-427e-ba72-dc1b7c2935f8.tmp</t>
  </si>
  <si>
    <t>c0a1ce06-a5d4-44a1-a6f9-fdd14182791c.tmp</t>
  </si>
  <si>
    <t>\\acsfs\profiles$\georgendsq\Downloads\c0a1ce06-a5d4-44a1-a6f9-fdd14182791c.tmp</t>
  </si>
  <si>
    <t>f0e80d20-6bc3-419e-8587-4178fef2ec82.tmp</t>
  </si>
  <si>
    <t>\\acsfs\profiles$\georgendsq\Downloads\f0e80d20-6bc3-419e-8587-4178fef2ec82.tmp</t>
  </si>
  <si>
    <t>325765c0-ea68-4338-b4b3-1ab1c18342ca.tmp</t>
  </si>
  <si>
    <t>\\acsfs\profiles$\georgendsq\Downloads\325765c0-ea68-4338-b4b3-1ab1c18342ca.tmp</t>
  </si>
  <si>
    <t>36de1a83-5b78-4138-aa88-027ffa59bc14.tmp</t>
  </si>
  <si>
    <t>\\acsfs\profiles$\georgendsq\Downloads\36de1a83-5b78-4138-aa88-027ffa59bc14.tmp</t>
  </si>
  <si>
    <t>62c5c0c8-1cf3-447f-a342-e280b3811800.tmp</t>
  </si>
  <si>
    <t>\\acsfs\profiles$\georgendsq\Downloads\62c5c0c8-1cf3-447f-a342-e280b3811800.tmp</t>
  </si>
  <si>
    <t>C:\Users\josiascdsj\Desktop\</t>
  </si>
  <si>
    <t>Monitoramento Online Agentes.acsup</t>
  </si>
  <si>
    <t>\\acsfs\DEPTOS\Operacao\PCP\5 - Comum\JUKA\Monitoramento Online Agentes.acsup</t>
  </si>
  <si>
    <t>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de5bfaba-378f-42d8-995b-f492927a77db.tmp</t>
  </si>
  <si>
    <t>\\acsfs\profiles$\lorraynevam\Downloads\de5bfaba-378f-42d8-995b-f492927a77db.tmp</t>
  </si>
  <si>
    <t>1c10d4a3-7458-4b48-b687-53fca894359f.tmp</t>
  </si>
  <si>
    <t>\\acsfs\profiles$\ALYNYA\Downloads\1c10d4a3-7458-4b48-b687-53fca894359f.tmp</t>
  </si>
  <si>
    <t>https://udpwfmniceap02/web/guest/home?p_auth=gdrev80t&amp;p_p_id=58&amp;p_p_lifecycle=1&amp;p_p_state=maximized&amp;p_p_mode=view&amp;savelastpath=0&amp;_58_struts_action=/login/forgot_password</t>
  </si>
  <si>
    <t>5d2ff800-230b-4111-951f-f997501d3f43.tmp</t>
  </si>
  <si>
    <t>\\acsfs\profiles$\nathaliarmr\Downloads\5d2ff800-230b-4111-951f-f997501d3f43.tmp</t>
  </si>
  <si>
    <t>9af02b30-1795-4052-982e-63a488c6b5c5.tmp</t>
  </si>
  <si>
    <t>\\acsfs\profiles$\francislayneads\Downloads\9af02b30-1795-4052-982e-63a488c6b5c5.tmp</t>
  </si>
  <si>
    <t>6f0dfe96-74fc-4b43-81c1-4476c1a9eeb6.tmp</t>
  </si>
  <si>
    <t>\\acsfs\profiles$\francislayneads\Downloads\6f0dfe96-74fc-4b43-81c1-4476c1a9eeb6.tmp</t>
  </si>
  <si>
    <t>834e4580-abe3-4142-9738-74b58db8f29d.tmp</t>
  </si>
  <si>
    <t>\\acsfs\profiles$\ROZENCAM\Downloads\834e4580-abe3-4142-9738-74b58db8f29d.tmp</t>
  </si>
  <si>
    <t>7783a8b8-75fc-434a-84da-663c2ffd0324.tmp</t>
  </si>
  <si>
    <t>\\acsfs\profiles$\ROZENCAM\Downloads\7783a8b8-75fc-434a-84da-663c2ffd0324.tmp</t>
  </si>
  <si>
    <t>4ef9abf5-5427-4e56-b1d8-e896aef3ec28.tmp</t>
  </si>
  <si>
    <t>\\acsfs\profiles$\ROZENCAM\Downloads\4ef9abf5-5427-4e56-b1d8-e896aef3ec28.tmp</t>
  </si>
  <si>
    <t>2770fc00-ec16-45a2-b1a0-cd74c7592e3b.tmp</t>
  </si>
  <si>
    <t>\\acsfs\profiles$\ROZENCAM\Downloads\2770fc00-ec16-45a2-b1a0-cd74c7592e3b.tmp</t>
  </si>
  <si>
    <t>joaogvc@algartech.com;leonardoao@algartech.com;marianadjc@algartech.com;paulacn@algartech.com;rafaelggs@algartech.com;robsonams@algartech.com;taysdss@algartech.com;viniciussg@algartech.com;</t>
  </si>
  <si>
    <t>joaogvc@algartech.com,leonardoao@algartech.com,marianadjc@algartech.com,paulacn@algartech.com,rafaelggs@algartech.com,robsonams@algartech.com,taysdss@algartech.com,viniciussg@algartech.com</t>
  </si>
  <si>
    <t>37ec801c-5e91-42b3-b7c5-dac028e8c1b0.tmp</t>
  </si>
  <si>
    <t>\\acsfs\profiles$\gabrielafs\Downloads\37ec801c-5e91-42b3-b7c5-dac028e8c1b0.tmp</t>
  </si>
  <si>
    <t>6f6d8273-e8a7-4d2b-8d54-93bfad8e37e9.tmp</t>
  </si>
  <si>
    <t>\\acsfs\profiles$\gabrielafs\Downloads\6f6d8273-e8a7-4d2b-8d54-93bfad8e37e9.tmp</t>
  </si>
  <si>
    <t>4355d105-00ca-44ea-b449-b428c2b67680.tmp</t>
  </si>
  <si>
    <t>\\acsfs\profiles$\gabrielafs\Downloads\4355d105-00ca-44ea-b449-b428c2b67680.tmp</t>
  </si>
  <si>
    <t>4e0c7e01-be07-4e0c-a0d4-95131a5d241b.tmp</t>
  </si>
  <si>
    <t>\\acsfs\profiles$\gabrielafs\Downloads\4e0c7e01-be07-4e0c-a0d4-95131a5d241b.tmp</t>
  </si>
  <si>
    <t>4b4715c0-ab6c-4aa4-b1f6-e1f9cc83a547.tmp</t>
  </si>
  <si>
    <t>\\acsfs\profiles$\gabrielafs\Downloads\4b4715c0-ab6c-4aa4-b1f6-e1f9cc83a547.tmp</t>
  </si>
  <si>
    <t>8aaaaaa2-b622-4263-87fb-b679683418ac.tmp</t>
  </si>
  <si>
    <t>\\acsfs\profiles$\mariagsg\Downloads\8aaaaaa2-b622-4263-87fb-b679683418ac.tmp</t>
  </si>
  <si>
    <t>592fadbf-2d5a-4198-8238-f1d103b22724.tmp</t>
  </si>
  <si>
    <t>\\acsfs\profiles$\mariagsg\Downloads\592fadbf-2d5a-4198-8238-f1d103b22724.tmp</t>
  </si>
  <si>
    <t>0bcd2271-8717-4ec2-8700-6a7d807330c5.tmp</t>
  </si>
  <si>
    <t>\\acsfs\profiles$\wedersonbadr\My Documents\My Music\0bcd2271-8717-4ec2-8700-6a7d807330c5.tmp</t>
  </si>
  <si>
    <t>\\acsfs\deptos\Operacao\Banco_Votorantim\Supervisao\</t>
  </si>
  <si>
    <t>\\acsfs\deptos\Operacao\Banco_Votorantim\Supervisao\ROBSON ÁLVARES MEDEIROS\ROBSON\Thumbs.db</t>
  </si>
  <si>
    <t>mail.google.com/_/upload?authuser=0&amp;dcp=asu-n&amp;upload_id=AEnB2UoARPNv0GM24f5f8spTwaR0rNURLnGBdbmSIFZX0D3z-q2WOvftittweeX7I2zMF2CMGoxyc0CNvmrR6ad63-cO5HLEjxU0HvtHQBB-4ziGCbtkuuQ&amp;upload_protocol=resumable</t>
  </si>
  <si>
    <t>RELATORIO DE LOGIN - FINANCEIRA - 08-01.xlsm</t>
  </si>
  <si>
    <t>https://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009f6a86-4820-4863-9336-943a6f385995.tmp</t>
  </si>
  <si>
    <t>\\acsfs\profiles$\marcosvnds\Downloads\009f6a86-4820-4863-9336-943a6f385995.tmp</t>
  </si>
  <si>
    <t>20426817-3cea-4750-895c-8a6c4a588dac.tmp</t>
  </si>
  <si>
    <t>\\acsfs\profiles$\paulovadc\Downloads\20426817-3cea-4750-895c-8a6c4a588dac.tmp</t>
  </si>
  <si>
    <t>7536dd8e-0983-49c5-83de-b12f2037339b.tmp</t>
  </si>
  <si>
    <t>\\acsfs\profiles$\ERICALSR\Downloads\7536dd8e-0983-49c5-83de-b12f2037339b.tmp</t>
  </si>
  <si>
    <t>74b47129-ea45-42c2-b20e-56d2053c467e.tmp</t>
  </si>
  <si>
    <t>\\acsfs\profiles$\lorenabmc\Downloads\74b47129-ea45-42c2-b20e-56d2053c467e.tmp</t>
  </si>
  <si>
    <t>d98b8bf8-dc40-4a65-94e4-15756760b4f6.tmp</t>
  </si>
  <si>
    <t>\\acsfs\profiles$\lorenabmc\Downloads\d98b8bf8-dc40-4a65-94e4-15756760b4f6.tmp</t>
  </si>
  <si>
    <t>5665a6ea-f4fb-4917-bbd5-2ac72ee5eed9.tmp</t>
  </si>
  <si>
    <t>\\acsfs\profiles$\lorenabmc\Downloads\5665a6ea-f4fb-4917-bbd5-2ac72ee5eed9.tmp</t>
  </si>
  <si>
    <t>image2020-01-09-095804.pdf</t>
  </si>
  <si>
    <t>6e0f71a8-7186-4259-a9d8-c764efa91c1f.tmp</t>
  </si>
  <si>
    <t>\\acsfs\profiles$\jhonatadss\Downloads\6e0f71a8-7186-4259-a9d8-c764efa91c1f.tmp</t>
  </si>
  <si>
    <t>andrelpsa@algartech.com;joaogvc@algartech.com;leonardoao@algartech.com;maristelavodq@bv.algartech.com;paulacn@algartech.com;qualidadealgarbv@algartech.com;rafaelggs@algartech.com;robsonams@algartech.com;supervisaobancovotorantim@algartech.com;viniciussg@algartech.com;</t>
  </si>
  <si>
    <t>andrelpsa@algartech.com,joaogvc@algartech.com,leonardoao@algartech.com,maristelavodq@bv.algartech.com,paulacn@algartech.com,qualidadealgarbv@algartech.com,rafaelggs@algartech.com,robsonams@algartech.com,supervisaobancovotorantim@algartech.com,viniciussg@algartech.com</t>
  </si>
  <si>
    <t>e592c4d2-9746-463b-ba77-62752e900ddb.tmp</t>
  </si>
  <si>
    <t>\\acsfs\profiles$\ERICALSR\Downloads\e592c4d2-9746-463b-ba77-62752e900ddb.tmp</t>
  </si>
  <si>
    <t>Criar Payware_0901_1.xlsx</t>
  </si>
  <si>
    <t>\\acsfs\ACS\Gabriel da Silva\Contemporânea\Acessos\Criar Payware_0901_1.xlsx</t>
  </si>
  <si>
    <t>Criar Payware_0901_2.xlsx</t>
  </si>
  <si>
    <t>\\acsfs\ACS\Gabriel da Silva\Contemporânea\Acessos\Criar Payware_0901_2.xlsx</t>
  </si>
  <si>
    <t>Calculadora Prêmio.xlsx</t>
  </si>
  <si>
    <t>\\acsfs\DEPTOS\Operacao\Banco_Votorantim\Supervisao\SUPERS BV CARTÕES\ADILSON\Vendas\Calculadora Prêmio.xlsx</t>
  </si>
  <si>
    <t>c89c3a3c-3693-4da3-9c62-dbe1044eeeeb.tmp</t>
  </si>
  <si>
    <t>\\acsfs\profiles$\ayalabfi\Downloads\c89c3a3c-3693-4da3-9c62-dbe1044eeeeb.tmp</t>
  </si>
  <si>
    <t>a18390fc-3314-410e-8d17-afed1751579d.tmp</t>
  </si>
  <si>
    <t>\\acsfs\profiles$\anafsb\Downloads\a18390fc-3314-410e-8d17-afed1751579d.tmp</t>
  </si>
  <si>
    <t>XLOG_gleycekos_09012020_072102.log</t>
  </si>
  <si>
    <t>\\acsfs\profiles$\gleycekos\My Documents\xworkcenter\logs\XLOG_gleycekos_09012020_072102.log</t>
  </si>
  <si>
    <t>"mozilla/5.0 (windows nt 6.1) applewebkit/537.36 (khtml;0;1;13;137;13700014;13700109;13700167;13700185;13700235;13700451;13700563;13700607;13700883;137009;13700946;13700951;13700982;13701078;13701139;13701207;13701235;13701239;13701262;13701276;13701298;13701418;13701422;13701430;13701450;13701458;13701486;13701506;13701510;13701534;13701537]];13701537]]];13701573;13701577;13701589;13701609;13701614;13701625;13701653;13701657;13701693;13701709;13701749;13701825;13701833;13701901;13701906;13701909;13701921;13701945;13701949;13701953;13701957;13701969;13702064;13702068;13702091;4;4700];5701393;6.1;78;["mozilla/5.0 (windows nt 6.1) applewebkit/537.36 (khtml;["pt-br"]]]&amp;token=ac4w5viwfobx7lsc8kuiuq3v27t7cwhewq:1578490012148&amp;buildlabel=drive.web-frontend_20191211.00_p1247);bo��҇0_x0010_� gampqtp7yn6iriu24ksnqvk-esmg4wwpxf";[1;[[13701214;[[null;[];[false;[null;drive.web-frontend_20191211.00_p1;false;false];false]];gampqtp7yn6iriu24ksnqvk-esmg4wwpxf";like gecko) chrome/79.0.3945.88 safari/537.36";null;pt-br;true;true];</t>
  </si>
  <si>
    <t>"mozilla/5.0 (windows nt 6.1) applewebkit/537.36 (khtml,0,1,13,137,13700014,13700109,13700167,13700185,13700235,13700451,13700563,13700607,13700883,137009,13700946,13700951,13700982,13701078,13701139,13701207,13701235,13701239,13701262,13701276,13701298,13701418,13701422,13701430,13701450,13701458,13701486,13701506,13701510,13701534,13701537]],13701537]]],13701573,13701577,13701589,13701609,13701614,13701625,13701653,13701657,13701693,13701709,13701749,13701825,13701833,13701901,13701906,13701909,13701921,13701945,13701949,13701953,13701957,13701969,13702064,13702068,13702091,4,4700],5701393,6.1,78,["mozilla/5.0 (windows nt 6.1) applewebkit/537.36 (khtml,["pt-br"]]]&amp;token=ac4w5viwfobx7lsc8kuiuq3v27t7cwhewq:1578490012148&amp;buildlabel=drive.web-frontend_20191211.00_p1247);bo��҇0_x0010_� gampqtp7yn6iriu24ksnqvk-esmg4wwpxf",[1,[[13701214,[[null,[],[false,[null,drive.web-frontend_20191211.00_p1,false,false],false]],gampqtp7yn6iriu24ksnqvk-esmg4wwpxf",like gecko) chrome/79.0.3945.88 safari/537.36",null,pt-br,true,true]</t>
  </si>
  <si>
    <t>0838df86-7fe4-4235-b81a-1871ec626d05.tmp</t>
  </si>
  <si>
    <t>\\acsfs\profiles$\JOAOVAL\Downloads\0838df86-7fe4-4235-b81a-1871ec626d05.tmp</t>
  </si>
  <si>
    <t>80d4b857-bdd1-49e4-9272-301eded6f23d.tmp</t>
  </si>
  <si>
    <t>\\acsfs\profiles$\JOAOVAL\Downloads\80d4b857-bdd1-49e4-9272-301eded6f23d.tmp</t>
  </si>
  <si>
    <t>34d2d7d9-aa1c-4691-a6bb-ce0a72065fd8.tmp</t>
  </si>
  <si>
    <t>\\acsfs\profiles$\JOAOVAL\Downloads\34d2d7d9-aa1c-4691-a6bb-ce0a72065fd8.tmp</t>
  </si>
  <si>
    <t>Certificado ELOGIO Rafaela Helena.ppt</t>
  </si>
  <si>
    <t>ddd3e06e-6433-4506-8a8c-13b8f0eb819a.tmp</t>
  </si>
  <si>
    <t>\\acsfs\profiles$\paulovadc\Downloads\ddd3e06e-6433-4506-8a8c-13b8f0eb819a.tmp</t>
  </si>
  <si>
    <t>\\udpavonfs01\AVON\00 - ACOMPANHAMENTO AVON\04 - BACKOFFICE CORNERSTONE\2020\01.2020\RELATORIO\06.01.2020\</t>
  </si>
  <si>
    <t>\\udpavonfs01\AVON\00 - ACOMPANHAMENTO AVON\04 - BACKOFFICE CORNERSTONE\2020\01.2020\RELATORIO\06.01.2020\Acompanhamento Backoffice Cornerstone JAN.20 (2).xlsx</t>
  </si>
  <si>
    <t>Criar Payware_0901_3.xlsx</t>
  </si>
  <si>
    <t>\\acsfs\ACS\Gabriel da Silva\Contemporânea\Acessos\Criar Payware_0901_3.xlsx</t>
  </si>
  <si>
    <t>Criar Payware_0901_4.xlsx</t>
  </si>
  <si>
    <t>\\acsfs\ACS\Gabriel da Silva\Contemporânea\Acessos\Criar Payware_0901_4.xlsx</t>
  </si>
  <si>
    <t>Criar Payware_0901_5.xlsx</t>
  </si>
  <si>
    <t>\\acsfs\ACS\Gabriel da Silva\Contemporânea\Acessos\Criar Payware_0901_5.xlsx</t>
  </si>
  <si>
    <t>https://udpwfmniceap02/pt_br/web/guest/home?p_auth=pbj6wwaa&amp;p_p_id=58&amp;p_p_lifecycle=1&amp;p_p_state=maximized&amp;p_p_mode=view&amp;savelastpath=0&amp;_58_struts_action=/login/forgot_password</t>
  </si>
  <si>
    <t>d39f3831-278e-43a5-977a-5b39537e89f3.tmp</t>
  </si>
  <si>
    <t>\\acsfs\profiles$\nayarasds\Downloads\d39f3831-278e-43a5-977a-5b39537e89f3.tmp</t>
  </si>
  <si>
    <t>605a76af-1a6a-4328-be25-7b18278d6a90.tmp</t>
  </si>
  <si>
    <t>\\acsfs\profiles$\inarajst\Downloads\605a76af-1a6a-4328-be25-7b18278d6a90.tmp</t>
  </si>
  <si>
    <t>XLOG_gleycekos_09012020_101757.log</t>
  </si>
  <si>
    <t>\\acsfs\profiles$\gleycekos\My Documents\xworkcenter\logs\XLOG_gleycekos_09012020_101757.log</t>
  </si>
  <si>
    <t>60eef3e8-40bc-4365-9e92-2b57ab30e19d.tmp</t>
  </si>
  <si>
    <t>\\acsfs\profiles$\JOAOVAL\Downloads\60eef3e8-40bc-4365-9e92-2b57ab30e19d.tmp</t>
  </si>
  <si>
    <t>d2f5439b-762d-494f-a8ab-47b6adca8944.tmp</t>
  </si>
  <si>
    <t>\\acsfs\profiles$\francislayneads\Downloads\d2f5439b-762d-494f-a8ab-47b6adca8944.tmp</t>
  </si>
  <si>
    <t>Quantidade de login.xlsx</t>
  </si>
  <si>
    <t>\\acsfs\DEPTOS\Operacao\PCP\5 - Comum\JUKA\Quantidade de login.xlsx</t>
  </si>
  <si>
    <t>\\udpavonfs01\AVON\00 - ACOMPANHAMENTO AVON\04 - BACKOFFICE CORNERSTONE\2020\01.2020\RELATORIO\09.01.2020\Acompanhamento Backoffice Cornerstone JAN.20.xlsx</t>
  </si>
  <si>
    <t>Criar Payware_0901_6.xlsx</t>
  </si>
  <si>
    <t>\\acsfs\ACS\Gabriel da Silva\Contemporânea\Acessos\Criar Payware_0901_6.xlsx</t>
  </si>
  <si>
    <t>/o=exchangelabs/ou=exchange administrative group (fydibohf23spdlt)/cn=recipients/cn=5af2cae509964078b2026f7f550380b0-andre luis;/o=exchangelabs/ou=exchange administrative group (fydibohf23spdlt)/cn=recipients/cn=9d5ac7c7f5bb4c7098bcc852bda547ba-luiz fernan;/o=exchangelabs/ou=exchange administrative group (fydibohf23spdlt)/cn=recipients/cn=a6521b25e7444c5fb955c2c06c96003c-laylladdps_;/o=exchangelabs/ou=exchange administrative group (fydibohf23spdlt)/cn=recipients/cn=b739f6c32af9463ab9cd653d7f330c20-haruna morg;/o=exchangelabs/ou=exchange administrative group (fydibohf23spdlt)/cn=recipients/cn=e47f7192d7b143e286620292e5ce82f2-mirian pris;eliane.martins@bv.com.br;janaina.pereira@bv.com.br;</t>
  </si>
  <si>
    <t>RES: RES: Criação de acessos</t>
  </si>
  <si>
    <t>/o=exchangelabs/ou=exchange administrative group (fydibohf23spdlt)/cn=recipients/cn=5af2cae509964078b2026f7f550380b0-andre luis,/o=exchangelabs/ou=exchange administrative group (fydibohf23spdlt)/cn=recipients/cn=9d5ac7c7f5bb4c7098bcc852bda547ba-luiz fernan,/o=exchangelabs/ou=exchange administrative group (fydibohf23spdlt)/cn=recipients/cn=a6521b25e7444c5fb955c2c06c96003c-laylladdps_,/o=exchangelabs/ou=exchange administrative group (fydibohf23spdlt)/cn=recipients/cn=b739f6c32af9463ab9cd653d7f330c20-haruna morg,/o=exchangelabs/ou=exchange administrative group (fydibohf23spdlt)/cn=recipients/cn=e47f7192d7b143e286620292e5ce82f2-mirian pris,eliane.martins@bv.com.br,janaina.pereira@bv.com.br</t>
  </si>
  <si>
    <t>6a86c149-d403-4e94-9587-376bcba5315a.tmp</t>
  </si>
  <si>
    <t>\\acsfs\profiles$\larissaad\Downloads\6a86c149-d403-4e94-9587-376bcba5315a.tmp</t>
  </si>
  <si>
    <t>5a7b3e61-3af7-4851-b024-607d573ad80e.tmp</t>
  </si>
  <si>
    <t>\\acsfs\profiles$\henriquehmdo\Downloads\5a7b3e61-3af7-4851-b024-607d573ad80e.tmp</t>
  </si>
  <si>
    <t>4ec8291c-ed3d-4891-98e9-42f1577aae60.tmp</t>
  </si>
  <si>
    <t>\\acsfs\profiles$\geovannasm\Downloads\4ec8291c-ed3d-4891-98e9-42f1577aae60.tmp</t>
  </si>
  <si>
    <t>1855be39-6476-43f5-ae19-028b2c17f9a5.tmp</t>
  </si>
  <si>
    <t>\\acsfs\profiles$\geovannasm\Downloads\1855be39-6476-43f5-ae19-028b2c17f9a5.tmp</t>
  </si>
  <si>
    <t>fc45341a-7a6a-476f-b138-a95736ca6d40.tmp</t>
  </si>
  <si>
    <t>\\acsfs\profiles$\geovannasm\Downloads\fc45341a-7a6a-476f-b138-a95736ca6d40.tmp</t>
  </si>
  <si>
    <t>lu17832104x69.tmp</t>
  </si>
  <si>
    <t>\\acsfs\profiles$\jonathanwap\lu17832104x69.tmp</t>
  </si>
  <si>
    <t>\\acsfs\profiles$\jonathanwap\lu17832104x69.tmp\</t>
  </si>
  <si>
    <t>\\acsfs\profiles$\jonathanwap\lu17832104x69.tmp\META-INF\</t>
  </si>
  <si>
    <t>\\acsfs\profiles$\jonathanwap\lu17832104x69.tmp\Thumbnails\</t>
  </si>
  <si>
    <t>cc6419ad-b1dc-4db9-90da-4119bf1f684a.tmp</t>
  </si>
  <si>
    <t>\\acsfs\profiles$\leonardobb\Downloads\cc6419ad-b1dc-4db9-90da-4119bf1f684a.tmp</t>
  </si>
  <si>
    <t>93cca625-9450-469a-869d-3135d3ab3d6f.tmp</t>
  </si>
  <si>
    <t>\\acsfs\profiles$\leonardobb\Downloads\93cca625-9450-469a-869d-3135d3ab3d6f.tmp</t>
  </si>
  <si>
    <t>69b61572-4b6a-403d-a730-787bc4a5eb8f.tmp</t>
  </si>
  <si>
    <t>\\acsfs\profiles$\leonardobb\Downloads\69b61572-4b6a-403d-a730-787bc4a5eb8f.tmp</t>
  </si>
  <si>
    <t>6a3cb8c2-0206-4535-85ee-12f8667babbe.tmp</t>
  </si>
  <si>
    <t>\\acsfs\profiles$\leonardobb\Downloads\6a3cb8c2-0206-4535-85ee-12f8667babbe.tmp</t>
  </si>
  <si>
    <t>df7ecbce-214c-453f-8cf4-86bee41bba46.tmp</t>
  </si>
  <si>
    <t>\\acsfs\profiles$\ALYNYA\Downloads\df7ecbce-214c-453f-8cf4-86bee41bba46.tmp</t>
  </si>
  <si>
    <t>6a594d05-633a-4773-9df5-1e65e9340145.tmp</t>
  </si>
  <si>
    <t>\\acsfs\profiles$\ayalabfi\Downloads\6a594d05-633a-4773-9df5-1e65e9340145.tmp</t>
  </si>
  <si>
    <t>10.200.67.128</t>
  </si>
  <si>
    <t>lu16188ru6sj.tmp</t>
  </si>
  <si>
    <t>\\acsfs\profiles$\victoriaksr\My Documents\lu16188ru6sj.tmp</t>
  </si>
  <si>
    <t>8057458c-1adb-4f72-b0df-7f5f4062ff93.tmp</t>
  </si>
  <si>
    <t>\\acsfs\profiles$\leonardobb\Downloads\8057458c-1adb-4f72-b0df-7f5f4062ff93.tmp</t>
  </si>
  <si>
    <t>95c30574-ba47-4fb1-b9df-7d197b06621c.tmp</t>
  </si>
  <si>
    <t>\\acsfs\profiles$\gabrielsma\Downloads\95c30574-ba47-4fb1-b9df-7d197b06621c.tmp</t>
  </si>
  <si>
    <t>Não confirmado 873011.crdownload</t>
  </si>
  <si>
    <t>\\acsfs\ACS\Gabriel da Silva\Contemporânea\Acessos\Evidências\Não confirmado 873011.crdownload</t>
  </si>
  <si>
    <t>andrezaPereira_PsegErro.139999949373:Zone.Identifier</t>
  </si>
  <si>
    <t>\\acsfs\ACS\Gabriel da Silva\Contemporânea\Acessos\Evidências\andrezaPereira_PsegErro.139999949373:Zone.Identifier</t>
  </si>
  <si>
    <t>097de150-b1f1-4847-9551-9e37fd71d99a.tmp</t>
  </si>
  <si>
    <t>\\acsfs\profiles$\gabrielsma\Downloads\097de150-b1f1-4847-9551-9e37fd71d99a.tmp</t>
  </si>
  <si>
    <t>andrezaPereira_PsegErro.png</t>
  </si>
  <si>
    <t>\\acsfs\ACS\Gabriel da Silva\Contemporânea\Acessos\Evidências\andrezaPereira_PsegErro.png</t>
  </si>
  <si>
    <t>Criação de acessos</t>
  </si>
  <si>
    <t>a28ca6df-9786-4fb0-8da9-02b7dc425768.tmp</t>
  </si>
  <si>
    <t>\\acsfs\profiles$\larissaad\Downloads\a28ca6df-9786-4fb0-8da9-02b7dc425768.tmp</t>
  </si>
  <si>
    <t>ec107283-c20b-447a-8c7c-c814a067f047.tmp</t>
  </si>
  <si>
    <t>\\acsfs\profiles$\larissaad\Downloads\ec107283-c20b-447a-8c7c-c814a067f047.tmp</t>
  </si>
  <si>
    <t>d9053dff-c173-4b4d-8ca5-0d5a3856f899.tmp</t>
  </si>
  <si>
    <t>\\acsfs\profiles$\adelvinsonle\Downloads\d9053dff-c173-4b4d-8ca5-0d5a3856f899.tmp</t>
  </si>
  <si>
    <t>75724a01-2893-446f-9185-13c95452b527.tmp</t>
  </si>
  <si>
    <t>\\acsfs\profiles$\gabrielafs\Downloads\75724a01-2893-446f-9185-13c95452b527.tmp</t>
  </si>
  <si>
    <t>917567fc-009e-4ed8-a982-edd0c2380e23.tmp</t>
  </si>
  <si>
    <t>\\acsfs\profiles$\monicargds\Downloads\917567fc-009e-4ed8-a982-edd0c2380e23.tmp</t>
  </si>
  <si>
    <t>lu11376j7rrh.tmp</t>
  </si>
  <si>
    <t>\\acsfs\profiles$\BRUNAAR\Numero\lu11376j7rrh.tmp</t>
  </si>
  <si>
    <t>cc9e282a-1e7b-49bb-be05-13ec7828a4f0.tmp</t>
  </si>
  <si>
    <t>\\acsfs\profiles$\luanaagl\Downloads\cc9e282a-1e7b-49bb-be05-13ec7828a4f0.tmp</t>
  </si>
  <si>
    <t>0f7d7289-af19-4bf3-870b-a4b1703e05f7.tmp</t>
  </si>
  <si>
    <t>\\acsfs\profiles$\gabrielsma\Downloads\0f7d7289-af19-4bf3-870b-a4b1703e05f7.tmp</t>
  </si>
  <si>
    <t>\\acsfs\ACS\Gabriel da Silva\Contemporânea\Acessos\Evidências\Q29udHJvbGxlci5FeHBsb3Jlcl8x.ica.crdownload</t>
  </si>
  <si>
    <t>fb6992a2-3146-45e7-a33b-b842c5c62214.tmp</t>
  </si>
  <si>
    <t>\\acsfs\profiles$\lorraynevam\Downloads\fb6992a2-3146-45e7-a33b-b842c5c62214.tmp</t>
  </si>
  <si>
    <t>368418c3-bb53-4e88-bef7-b8aa1b64f923.tmp</t>
  </si>
  <si>
    <t>\\acsfs\profiles$\monicargds\Downloads\368418c3-bb53-4e88-bef7-b8aa1b64f923.tmp</t>
  </si>
  <si>
    <t>\\udpavonfs01\AVON\00 - ACOMPANHAMENTO AVON\04 - BACKOFFICE CORNERSTONE\2020\01.2020\RELATORIO\09.01.2020\</t>
  </si>
  <si>
    <t>629c43aa-5979-4932-ad76-12ca6d87306e.tmp</t>
  </si>
  <si>
    <t>\\acsfs\profiles$\monicargds\Downloads\629c43aa-5979-4932-ad76-12ca6d87306e.tmp</t>
  </si>
  <si>
    <t>http://outlook.live.com/owa/0/service.svc?action=getattachmentdownloadtoken&amp;ua=0&amp;ep=1&amp;app=mail&amp;n=2079</t>
  </si>
  <si>
    <t>http:///batch?%24ct=multipart%2Fmixed%3B%20boundary%3D%22%3D%3D%3D%3D%3Dndfsqzpr95sp%3D%3D%3D%3D%3D%22&amp;key=AIzaSyAy9VVXHSpS2IJpptzYtGbLP3-3_l0aBk4</t>
  </si>
  <si>
    <t>http:///batch?%24ct=multipart%2Fmixed%3B%20boundary%3D%22%3D%3D%3D%3D%3Drwaofmc6ykgz%3D%3D%3D%3D%3D%22&amp;key=AIzaSyAy9VVXHSpS2IJpptzYtGbLP3-3_l0aBk4</t>
  </si>
  <si>
    <t>0d13e0a4-e892-4e78-9828-d13997dae1e5.tmp</t>
  </si>
  <si>
    <t>\\acsfs\profiles$\LUCASNS\Downloads\0d13e0a4-e892-4e78-9828-d13997dae1e5.tmp</t>
  </si>
  <si>
    <t>e9de614f-eda5-40b9-8656-694a056327c0.tmp</t>
  </si>
  <si>
    <t>\\acsfs\profiles$\lorenabmc\Downloads\e9de614f-eda5-40b9-8656-694a056327c0.tmp</t>
  </si>
  <si>
    <t>893c681f-91db-42a1-b1c7-0cc2d0d2b77f.tmp</t>
  </si>
  <si>
    <t>\\acsfs\profiles$\lorrainerdl\Downloads\893c681f-91db-42a1-b1c7-0cc2d0d2b77f.tmp</t>
  </si>
  <si>
    <t>eab47319-a830-4f2c-9fd3-2b634373182e.tmp</t>
  </si>
  <si>
    <t>\\acsfs\profiles$\geovannasm\Downloads\eab47319-a830-4f2c-9fd3-2b634373182e.tmp</t>
  </si>
  <si>
    <t>c9b365ee-e8b9-4705-97a0-00f888c75f04.tmp</t>
  </si>
  <si>
    <t>\\acsfs\profiles$\geovannasm\Downloads\c9b365ee-e8b9-4705-97a0-00f888c75f04.tmp</t>
  </si>
  <si>
    <t>9f9ae645-0915-4510-b7dd-0d24dcdab42f.tmp</t>
  </si>
  <si>
    <t>\\acsfs\profiles$\mariajra\Downloads\9f9ae645-0915-4510-b7dd-0d24dcdab42f.tmp</t>
  </si>
  <si>
    <t>lu11376j7rrl.tmp</t>
  </si>
  <si>
    <t>\\acsfs\profiles$\BRUNAAR\Numero\lu11376j7rrl.tmp</t>
  </si>
  <si>
    <t>d79091b3-6714-4fee-97b8-eb6d0aff0e2f.tmp</t>
  </si>
  <si>
    <t>\\acsfs\profiles$\JOAOVAL\Downloads\d79091b3-6714-4fee-97b8-eb6d0aff0e2f.tmp</t>
  </si>
  <si>
    <t>722ceafe-3d00-4429-8eba-ed358be8a5b3.tmp</t>
  </si>
  <si>
    <t>\\acsfs\profiles$\JOAOVAL\Downloads\722ceafe-3d00-4429-8eba-ed358be8a5b3.tmp</t>
  </si>
  <si>
    <t>lu2520mvix.tmp</t>
  </si>
  <si>
    <t>\\acsfs\profiles$\ALEXANDREMM\lu2520mvix.tmp</t>
  </si>
  <si>
    <t>\\acsfs\profiles$\ALEXANDREMM\lu2520mvix.tmp\</t>
  </si>
  <si>
    <t>\\acsfs\profiles$\ALEXANDREMM\lu2520mvix.tmp\META-INF\</t>
  </si>
  <si>
    <t>\\acsfs\profiles$\ALEXANDREMM\lu2520mvix.tmp\Thumbnails\</t>
  </si>
  <si>
    <t>100014122394468;catianalv@algartech.com;cpc-controldeskavon@algartech.com;joseasn@algartech.com;lucianarsantos@algartech.com;marianadjc@algartech.com;senildapdo@algartecnologia.com.br;viniciussg@algartech.com;</t>
  </si>
  <si>
    <t>100014122394468,catianalv@algartech.com,cpc-controldeskavon@algartech.com,joseasn@algartech.com,lucianarsantos@algartech.com,marianadjc@algartech.com,senildapdo@algartecnologia.com.br,viniciussg@algartech.com</t>
  </si>
  <si>
    <t>/o=exchangelabs/ou=exchange administrative group (fydibohf23spdlt)/cn=recipients/cn=9d5ac7c7f5bb4c7098bcc852bda547ba-luiz fernan;/o=exchangelabs/ou=exchange administrative group (fydibohf23spdlt)/cn=recipients/cn=e47f7192d7b143e286620292e5ce82f2-mirian pris;</t>
  </si>
  <si>
    <t>Banco de Dados - 09/01</t>
  </si>
  <si>
    <t>/o=exchangelabs/ou=exchange administrative group (fydibohf23spdlt)/cn=recipients/cn=9d5ac7c7f5bb4c7098bcc852bda547ba-luiz fernan,/o=exchangelabs/ou=exchange administrative group (fydibohf23spdlt)/cn=recipients/cn=e47f7192d7b143e286620292e5ce82f2-mirian pris</t>
  </si>
  <si>
    <t>a1483b15-58c7-40b1-a2b4-2433114ec9a6.tmp</t>
  </si>
  <si>
    <t>\\acsfs\profiles$\mariajra\Downloads\a1483b15-58c7-40b1-a2b4-2433114ec9a6.tmp</t>
  </si>
  <si>
    <t>10861ae0-d14a-4325-a06e-353397bff3bd.tmp</t>
  </si>
  <si>
    <t>\\acsfs\profiles$\Flaviojmm\Downloads\10861ae0-d14a-4325-a06e-353397bff3bd.tmp</t>
  </si>
  <si>
    <t>https://udpmailboxap01.acs.com.br:8443/h/search;jsessionid=12w3mglue1fx74qoo5ec96imw?si=0&amp;so=0&amp;sc=67683&amp;st=conversation&amp;action=compose</t>
  </si>
  <si>
    <t>mail.google.com/_/upload?authuser=0&amp;dcp=asu-n&amp;upload_id=AEnB2UoOeWfKoL9HxCMOBkw7H2SoelHD1C0qId7LDBCfggyKCR2oxq-wy9OaS1PKFsA40MyIGhq1Rhaa_Xsmj4xJcXuTd0zHFg&amp;upload_protocol=resumable</t>
  </si>
  <si>
    <t>Quantidade de Login - Financeira.xlsx</t>
  </si>
  <si>
    <t>andrelpsa@algartech.com;joaogvc@algartech.com;leonardoao@algartech.com;marianadjc@algartech.com;paulacn@algartech.com;rafaelggs@algartech.com;taysdss@algartech.com;thiagordu@algartech.com;viniciussg@algartech.com;</t>
  </si>
  <si>
    <t>andrelpsa@algartech.com,joaogvc@algartech.com,leonardoao@algartech.com,marianadjc@algartech.com,paulacn@algartech.com,rafaelggs@algartech.com,taysdss@algartech.com,thiagordu@algartech.com,viniciussg@algartech.com</t>
  </si>
  <si>
    <t>andrelpsa@algartech.com;leonardoao@algartech.com;marianadjc@algartech.com;sofiamses@algartech.com;viniciussg@algartech.com;</t>
  </si>
  <si>
    <t>andrelpsa@algartech.com,leonardoao@algartech.com,marianadjc@algartech.com,sofiamses@algartech.com,viniciussg@algartech.com</t>
  </si>
  <si>
    <t>andrelpsa@algartech.com;leonardoao@algartech.com;marianadjc@algartech.com;ricardodfm@algartech.com;sofiamses@algartech.com;viniciussg@algartech.com;</t>
  </si>
  <si>
    <t>andrelpsa@algartech.com,leonardoao@algartech.com,marianadjc@algartech.com,ricardodfm@algartech.com,sofiamses@algartech.com,viniciussg@algartech.com</t>
  </si>
  <si>
    <t>andrelpsa@algartech.com;leonardoao@algartech.com;marianadjc@algartech.com;ricardodfm@algartech.com;ricardodfm@algartech.com.br;sofiamses@algartech.com;viniciussg@algartech.com;</t>
  </si>
  <si>
    <t>andrelpsa@algartech.com,leonardoao@algartech.com,marianadjc@algartech.com,ricardodfm@algartech.com,ricardodfm@algartech.com.br,sofiamses@algartech.com,viniciussg@algartech.com</t>
  </si>
  <si>
    <t>andrelpsa@algartech.com;leonardoao@algartech.com;marianadjc@algartech.com;ricardodfm@algartech.com.br;sofiamses@algartech.com;viniciussg@algartech.com;</t>
  </si>
  <si>
    <t>andrelpsa@algartech.com,leonardoao@algartech.com,marianadjc@algartech.com,ricardodfm@algartech.com.br,sofiamses@algartech.com,viniciussg@algartech.com</t>
  </si>
  <si>
    <t>8fa7c222-496b-4049-ad72-353ae0dd4bb5.tmp</t>
  </si>
  <si>
    <t>\\acsfs\profiles$\THYAGOSP\Downloads\8fa7c222-496b-4049-ad72-353ae0dd4bb5.tmp</t>
  </si>
  <si>
    <t>4f584361-e14d-4a74-a355-8a6304e4b48b.tmp</t>
  </si>
  <si>
    <t>\\acsfs\profiles$\lucasgpe\Downloads\4f584361-e14d-4a74-a355-8a6304e4b48b.tmp</t>
  </si>
  <si>
    <t>1e9412c4-8261-4055-b4fc-03707f5509ee.tmp</t>
  </si>
  <si>
    <t>\\acsfs\profiles$\inarajst\Downloads\1e9412c4-8261-4055-b4fc-03707f5509ee.tmp</t>
  </si>
  <si>
    <t>f9ddb96c-b2e8-489f-aa39-121d287c723a.tmp</t>
  </si>
  <si>
    <t>\\acsfs\profiles$\antoniosva\Downloads\f9ddb96c-b2e8-489f-aa39-121d287c723a.tmp</t>
  </si>
  <si>
    <t>f5157f1b-5026-448d-8523-b3ae48c16924.tmp</t>
  </si>
  <si>
    <t>\\acsfs\profiles$\isabellegtds\Downloads\f5157f1b-5026-448d-8523-b3ae48c16924.tmp</t>
  </si>
  <si>
    <t>andrelpsa@algartech.com;joaogvc@algartech.com;leonardoao@algartech.com;marianadjc@algartech.com;planejamentodeoperacoesetrafego@bv.com.br;ricardodfm@algartech.com;ricardodfm@algartech.com.br;sofiamses@algartech.com;taysdss@algartech.com;viniciussg@algartech.com;</t>
  </si>
  <si>
    <t>andrelpsa@algartech.com,joaogvc@algartech.com,leonardoao@algartech.com,marianadjc@algartech.com,planejamentodeoperacoesetrafego@bv.com.br,ricardodfm@algartech.com,ricardodfm@algartech.com.br,sofiamses@algartech.com,taysdss@algartech.com,viniciussg@algartech.com</t>
  </si>
  <si>
    <t>5A4C11E1.tmp</t>
  </si>
  <si>
    <t>\\acsfs\ACS\Gabriel da Silva\Contemporânea\Gen\5A4C11E1.tmp</t>
  </si>
  <si>
    <t>~$TAREFAS_ALGAR_NOVEMBRO_16_A_30.XLSX</t>
  </si>
  <si>
    <t>\\acsfs\ACS\Gabriel da Silva\Contemporânea\Gen\~$TAREFAS_ALGAR_NOVEMBRO_16_A_30.XLSX</t>
  </si>
  <si>
    <t>EC2BF4BD.tmp</t>
  </si>
  <si>
    <t>\\acsfs\ACS\Gabriel da Silva\Contemporânea\Gen\EC2BF4BD.tmp</t>
  </si>
  <si>
    <t>~$TAREFAS_ALGAR_NOVEMBRO_01_A_15.XLSX</t>
  </si>
  <si>
    <t>\\acsfs\ACS\Gabriel da Silva\Contemporânea\Gen\~$TAREFAS_ALGAR_NOVEMBRO_01_A_15.XLSX</t>
  </si>
  <si>
    <t>7d44647a-b048-4536-ad03-d820c76a560b.tmp</t>
  </si>
  <si>
    <t>\\acsfs\profiles$\gabrielsma\Downloads\7d44647a-b048-4536-ad03-d820c76a560b.tmp</t>
  </si>
  <si>
    <t>04624366-8d28-4a81-b85c-b9b22d09e3b0.tmp</t>
  </si>
  <si>
    <t>\\acsfs\profiles$\larissaad\Downloads\04624366-8d28-4a81-b85c-b9b22d09e3b0.tmp</t>
  </si>
  <si>
    <t>4c0a50f4-a70c-4f57-8a1b-80d4f5a6e515.tmp</t>
  </si>
  <si>
    <t>\\acsfs\profiles$\quindaizaagds\Downloads\4c0a50f4-a70c-4f57-8a1b-80d4f5a6e515.tmp</t>
  </si>
  <si>
    <t>b2aa653c-5004-4111-a63d-6fb35298618a.tmp</t>
  </si>
  <si>
    <t>\\acsfs\profiles$\inarajst\Downloads\b2aa653c-5004-4111-a63d-6fb35298618a.tmp</t>
  </si>
  <si>
    <t>9b6c54ea-1baa-4fab-bac7-4cc0017506c9.tmp</t>
  </si>
  <si>
    <t>\\acsfs\profiles$\inarajst\Downloads\9b6c54ea-1baa-4fab-bac7-4cc0017506c9.tmp</t>
  </si>
  <si>
    <t>lu11376j7rrp.tmp</t>
  </si>
  <si>
    <t>\\acsfs\profiles$\BRUNAAR\Numero\lu11376j7rrp.tmp</t>
  </si>
  <si>
    <t>6d39af87-ec8f-4372-a25e-0d6361836fda.tmp</t>
  </si>
  <si>
    <t>\\acsfs\profiles$\anafsb\Downloads\6d39af87-ec8f-4372-a25e-0d6361836fda.tmp</t>
  </si>
  <si>
    <t>46a17e87-3293-4911-907e-3ae3b0b568e6.tmp</t>
  </si>
  <si>
    <t>\\acsfs\profiles$\rafaelahpn\Downloads\46a17e87-3293-4911-907e-3ae3b0b568e6.tmp</t>
  </si>
  <si>
    <t>10.200.67.174</t>
  </si>
  <si>
    <t>D0-67-E5-FF-1B-BC</t>
  </si>
  <si>
    <t>VOTORANT-ACB007</t>
  </si>
  <si>
    <t>marianaol</t>
  </si>
  <si>
    <t>20a682a4-2a00-4249-bcf9-55c798558299.tmp</t>
  </si>
  <si>
    <t>\\acsfs\profiles$\quindaizaagds\Downloads\20a682a4-2a00-4249-bcf9-55c798558299.tmp</t>
  </si>
  <si>
    <t>8b387cce-d550-49cc-b14b-61ca35e012f5.tmp</t>
  </si>
  <si>
    <t>\\acsfs\profiles$\quindaizaagds\Downloads\8b387cce-d550-49cc-b14b-61ca35e012f5.tmp</t>
  </si>
  <si>
    <t>Planilha do Microsoft Excel.xlsx</t>
  </si>
  <si>
    <t>9c637900-8a60-473c-b9f2-316131b7c794.tmp</t>
  </si>
  <si>
    <t>\\acsfs\profiles$\lucasgpe\Downloads\9c637900-8a60-473c-b9f2-316131b7c794.tmp</t>
  </si>
  <si>
    <t>afc752eb-6137-4ef2-968e-11405936c6d0.tmp</t>
  </si>
  <si>
    <t>\\acsfs\profiles$\lucasgpe\Downloads\afc752eb-6137-4ef2-968e-11405936c6d0.tmp</t>
  </si>
  <si>
    <t>atestado VAnessa 04 07 2020.jpg</t>
  </si>
  <si>
    <t>dc070cd1-af24-447c-be6b-477222de2336;</t>
  </si>
  <si>
    <t>dc070cd1-af24-447c-be6b-477222de2336; .aspxformsauth=80d15181e784accdd5fdcd7ab23ec85105e1f751e6042854e950e491f0f33ba183e38ebd1d72b9e54c45e731c9f7f4d9ad5158696f57924f9bd7ff239a455df5606989b9c2e900141f41016813e2daa43f953a720517791d731233ec07a8f9008dc21e1e1cd</t>
  </si>
  <si>
    <t>4e08ad56-e04c-4971-b770-1841de819fb7.tmp</t>
  </si>
  <si>
    <t>\\acsfs\profiles$\nathaliarmr\Downloads\4e08ad56-e04c-4971-b770-1841de819fb7.tmp</t>
  </si>
  <si>
    <t>9bf6cb53-4c06-4c50-b3c9-6bab894aad89.tmp</t>
  </si>
  <si>
    <t>\\acsfs\profiles$\paulovadc\Downloads\9bf6cb53-4c06-4c50-b3c9-6bab894aad89.tmp</t>
  </si>
  <si>
    <t>d547d22f-a209-4022-913a-58de28fd1d5c.tmp</t>
  </si>
  <si>
    <t>\\acsfs\profiles$\lorraynevam\Downloads\d547d22f-a209-4022-913a-58de28fd1d5c.tmp</t>
  </si>
  <si>
    <t>5def8eaa-b7e8-49f4-a95c-6d65e63a0289.tmp</t>
  </si>
  <si>
    <t>\\acsfs\profiles$\lorraynevam\Downloads\5def8eaa-b7e8-49f4-a95c-6d65e63a0289.tmp</t>
  </si>
  <si>
    <t>b4e75eb0-69d4-478d-b4db-e37ebceb534f.tmp</t>
  </si>
  <si>
    <t>\\acsfs\profiles$\nayarasds\Downloads\b4e75eb0-69d4-478d-b4db-e37ebceb534f.tmp</t>
  </si>
  <si>
    <t>andrelpsa@algartech.com;leonardoao@algartech.com;marianadjc@algartech.com;ricardodfm@algartech.com.br;sofiamses@algartech.com;supervisaobancovotorantim@algartech.com;viniciussg@algartech.com;</t>
  </si>
  <si>
    <t>andrelpsa@algartech.com,leonardoao@algartech.com,marianadjc@algartech.com,ricardodfm@algartech.com.br,sofiamses@algartech.com,supervisaobancovotorantim@algartech.com,viniciussg@algartech.com</t>
  </si>
  <si>
    <t>mail.google.com/sync/u/0/i/s?hl=pt-BR&amp;c=571</t>
  </si>
  <si>
    <t>c16487d3-d6a1-4a39-a263-543af0c8f1b0.tmp</t>
  </si>
  <si>
    <t>\\acsfs\profiles$\LUCASBS\Downloads\c16487d3-d6a1-4a39-a263-543af0c8f1b0.tmp</t>
  </si>
  <si>
    <t>6ebcec6a-d644-46da-bf1a-1b0cf94b5105.tmp</t>
  </si>
  <si>
    <t>\\acsfs\profiles$\leonardobb\Downloads\6ebcec6a-d644-46da-bf1a-1b0cf94b5105.tmp</t>
  </si>
  <si>
    <t>949987FC.tmp</t>
  </si>
  <si>
    <t>\\acsfs\ACS\Gabriel da Silva\Contemporânea\Gen\949987FC.tmp</t>
  </si>
  <si>
    <t>56228336-5663-4690-a14f-9b62ed8c586d.tmp</t>
  </si>
  <si>
    <t>\\acsfs\profiles$\rafaelahpn\Downloads\56228336-5663-4690-a14f-9b62ed8c586d.tmp</t>
  </si>
  <si>
    <t>7a5df344-b3d2-4783-9b04-a6d027b5213d.tmp</t>
  </si>
  <si>
    <t>\\acsfs\profiles$\lorraynevam\Downloads\7a5df344-b3d2-4783-9b04-a6d027b5213d.tmp</t>
  </si>
  <si>
    <t>bb039b54-2dee-4235-bc2e-9283d479bf3f.tmp</t>
  </si>
  <si>
    <t>\\acsfs\profiles$\PEDROHAB\Downloads\bb039b54-2dee-4235-bc2e-9283d479bf3f.tmp</t>
  </si>
  <si>
    <t>a5b2d315-6c74-4a9f-bc18-5578f35a5fa0.tmp</t>
  </si>
  <si>
    <t>\\acsfs\profiles$\Flaviojmm\Downloads\a5b2d315-6c74-4a9f-bc18-5578f35a5fa0.tmp</t>
  </si>
  <si>
    <t>f333da50-3d06-420e-8824-d1f6cb32c24b.tmp</t>
  </si>
  <si>
    <t>\\acsfs\profiles$\lorenabmc\Downloads\f333da50-3d06-420e-8824-d1f6cb32c24b.tmp</t>
  </si>
  <si>
    <t>9ED9C063.tmp</t>
  </si>
  <si>
    <t>\\acsfs\ACS\Gabriel da Silva\Contemporânea\Gen\9ED9C063.tmp</t>
  </si>
  <si>
    <t>atestado ana karine.jpg</t>
  </si>
  <si>
    <t>mail.google.com/sync/u/0/i/fd?hl=pt-BR&amp;c=59</t>
  </si>
  <si>
    <t>fbf71e4a-ba02-4648-b6e9-d26eed672807.tmp</t>
  </si>
  <si>
    <t>\\acsfs\profiles$\ayalabfi\Downloads\fbf71e4a-ba02-4648-b6e9-d26eed672807.tmp</t>
  </si>
  <si>
    <t>e99eba1c-c766-40d7-8d6a-ede8ebdce369.tmp</t>
  </si>
  <si>
    <t>\\acsfs\profiles$\leonardobb\Downloads\e99eba1c-c766-40d7-8d6a-ede8ebdce369.tmp</t>
  </si>
  <si>
    <t>Erro fatal INARA JULIA SOUSA TEODORO.PNG</t>
  </si>
  <si>
    <t>\\acsfs\ACS\001 - Qualidade Lilian\PAULO\Pasta Tainara\Erro fatal INARA JULIA SOUSA TEODORO.PNG</t>
  </si>
  <si>
    <t>c7953608-6e22-48a1-b231-fd708e5bee64.tmp</t>
  </si>
  <si>
    <t>\\acsfs\profiles$\larissaad\Downloads\c7953608-6e22-48a1-b231-fd708e5bee64.tmp</t>
  </si>
  <si>
    <t>03bf18c4-4971-4b2f-9602-8077ee0bae4d.tmp</t>
  </si>
  <si>
    <t>\\acsfs\profiles$\larissaad\Downloads\03bf18c4-4971-4b2f-9602-8077ee0bae4d.tmp</t>
  </si>
  <si>
    <t>d08d8817-fa12-44ab-a6ad-3763c87d00e8.tmp</t>
  </si>
  <si>
    <t>\\acsfs\profiles$\larissaad\Downloads\d08d8817-fa12-44ab-a6ad-3763c87d00e8.tmp</t>
  </si>
  <si>
    <t>5838984a-1aff-431e-83b4-38655ecc1a03.tmp</t>
  </si>
  <si>
    <t>\\acsfs\profiles$\larissaad\Downloads\5838984a-1aff-431e-83b4-38655ecc1a03.tmp</t>
  </si>
  <si>
    <t>96CD9A56.tmp</t>
  </si>
  <si>
    <t>\\acsfs\ACS\Gabriel da Silva\Contemporânea\Erros Operacionais\96CD9A56.tmp</t>
  </si>
  <si>
    <t>\\acsfs\profiles$\gabrielsma\My Documents\\</t>
  </si>
  <si>
    <t>VBA5F8.tmp</t>
  </si>
  <si>
    <t>\\acsfs\profiles$\gabrielsma\My Documents\VBA5F8.tmp</t>
  </si>
  <si>
    <t>VBB66F.tmp</t>
  </si>
  <si>
    <t>\\acsfs\profiles$\gabrielsma\My Documents\VBB66F.tmp</t>
  </si>
  <si>
    <t>4CFB8E6E.tmp</t>
  </si>
  <si>
    <t>\\acsfs\ACS\Gabriel da Silva\Contemporânea\Erros Operacionais\4CFB8E6E.tmp</t>
  </si>
  <si>
    <t>8E99BB9A.tmp</t>
  </si>
  <si>
    <t>\\acsfs\ACS\Gabriel da Silva\Contemporânea\Erros Operacionais\8E99BB9A.tmp</t>
  </si>
  <si>
    <t>9d44d3ee-5678-4d67-91dd-a6aa406702a0.tmp</t>
  </si>
  <si>
    <t>\\acsfs\profiles$\mariagsg\Downloads\9d44d3ee-5678-4d67-91dd-a6aa406702a0.tmp</t>
  </si>
  <si>
    <t>63f9bcf1-8aaa-4a5e-937f-70e191279a8f.tmp</t>
  </si>
  <si>
    <t>\\acsfs\profiles$\JOAOVAL\Downloads\63f9bcf1-8aaa-4a5e-937f-70e191279a8f.tmp</t>
  </si>
  <si>
    <t>f5e1f45a-64d9-4a5a-9fae-a2573c646b78.tmp</t>
  </si>
  <si>
    <t>\\acsfs\profiles$\LUCASBS\Downloads\f5e1f45a-64d9-4a5a-9fae-a2573c646b78.tmp</t>
  </si>
  <si>
    <t>818c403f-4841-438c-b455-1ecc5e3ba417.tmp</t>
  </si>
  <si>
    <t>\\acsfs\profiles$\KARENDSR\Downloads\818c403f-4841-438c-b455-1ecc5e3ba417.tmp</t>
  </si>
  <si>
    <t>9cc7ddc4-1872-466a-a29f-c64ea5098aa0.tmp</t>
  </si>
  <si>
    <t>\\acsfs\profiles$\BRUNAAR\Downloads\9cc7ddc4-1872-466a-a29f-c64ea5098aa0.tmp</t>
  </si>
  <si>
    <t>210c0bfa-6d53-4327-8ce2-6cfd29b058ef.tmp</t>
  </si>
  <si>
    <t>\\acsfs\profiles$\nathaliarmr\Downloads\210c0bfa-6d53-4327-8ce2-6cfd29b058ef.tmp</t>
  </si>
  <si>
    <t>8b59a87e-5a60-4cd8-86ee-f357a9adc898.tmp</t>
  </si>
  <si>
    <t>\\acsfs\profiles$\lorrainerdl\Downloads\8b59a87e-5a60-4cd8-86ee-f357a9adc898.tmp</t>
  </si>
  <si>
    <t>ca17a6f6-1249-4572-9322-38eb327fbe9b.tmp</t>
  </si>
  <si>
    <t>\\acsfs\profiles$\larissaad\Downloads\ca17a6f6-1249-4572-9322-38eb327fbe9b.tmp</t>
  </si>
  <si>
    <t>44fcfbe7-3e6a-4ed9-95c3-ae68ffed749a.tmp</t>
  </si>
  <si>
    <t>\\acsfs\profiles$\ALYNYA\Downloads\44fcfbe7-3e6a-4ed9-95c3-ae68ffed749a.tmp</t>
  </si>
  <si>
    <t>f939762b-172e-48be-ab47-7967677bbfb2.tmp</t>
  </si>
  <si>
    <t>\\acsfs\profiles$\inarajst\Downloads\f939762b-172e-48be-ab47-7967677bbfb2.tmp</t>
  </si>
  <si>
    <t>c77e171d-509f-43f9-8c4c-92e3fd1207f7.tmp</t>
  </si>
  <si>
    <t>\\acsfs\profiles$\lorrainerdl\Downloads\c77e171d-509f-43f9-8c4c-92e3fd1207f7.tmp</t>
  </si>
  <si>
    <t>f5efc0bc-3e1f-44bd-b05d-f197d2132e5c.tmp</t>
  </si>
  <si>
    <t>\\acsfs\profiles$\lorraynevam\Downloads\f5efc0bc-3e1f-44bd-b05d-f197d2132e5c.tmp</t>
  </si>
  <si>
    <t>3800aaaa-db6f-4841-9f3d-72b9a6593e6a.tmp</t>
  </si>
  <si>
    <t>\\acsfs\profiles$\geovannasm\Downloads\3800aaaa-db6f-4841-9f3d-72b9a6593e6a.tmp</t>
  </si>
  <si>
    <t>c5f62fa7-f8c0-4d07-bc8c-93dcc9921c83.tmp</t>
  </si>
  <si>
    <t>\\acsfs\profiles$\joycemmdl\Downloads\c5f62fa7-f8c0-4d07-bc8c-93dcc9921c83.tmp</t>
  </si>
  <si>
    <t>8ab1ee37-4268-4e52-ae40-b5271b71a852.tmp</t>
  </si>
  <si>
    <t>\\acsfs\profiles$\danielac\Downloads\8ab1ee37-4268-4e52-ae40-b5271b71a852.tmp</t>
  </si>
  <si>
    <t>lu145166npu9.tmp</t>
  </si>
  <si>
    <t>\\acsfs\profiles$\VIVIANALDS\My Documents\lu145166npu9.tmp</t>
  </si>
  <si>
    <t>\\acsfs\profiles$\VIVIANALDS\My Documents\lu145166npu9.tmp\</t>
  </si>
  <si>
    <t>\\acsfs\profiles$\VIVIANALDS\My Documents\lu145166npu9.tmp\META-INF\</t>
  </si>
  <si>
    <t>\\acsfs\profiles$\VIVIANALDS\My Documents\lu145166npu9.tmp\Thumbnails\</t>
  </si>
  <si>
    <t>3cb1d9c0-55e6-4a8b-8ae2-18d29b8a1e38.tmp</t>
  </si>
  <si>
    <t>\\acsfs\profiles$\henriquehmdo\Downloads\3cb1d9c0-55e6-4a8b-8ae2-18d29b8a1e38.tmp</t>
  </si>
  <si>
    <t>10db51c8-549a-429d-a116-7b3e65b54e3f.tmp</t>
  </si>
  <si>
    <t>\\acsfs\profiles$\lorrainerdl\Downloads\10db51c8-549a-429d-a116-7b3e65b54e3f.tmp</t>
  </si>
  <si>
    <t>9d0bbd45-3164-4145-aff5-109e544e4fb0.tmp</t>
  </si>
  <si>
    <t>\\acsfs\profiles$\leticiala\Downloads\9d0bbd45-3164-4145-aff5-109e544e4fb0.tmp</t>
  </si>
  <si>
    <t>9c39788e-667d-4a18-9260-cc3b3d908122.tmp</t>
  </si>
  <si>
    <t>\\acsfs\profiles$\leticiala\Downloads\9c39788e-667d-4a18-9260-cc3b3d908122.tmp</t>
  </si>
  <si>
    <t>DD09F759.tmp</t>
  </si>
  <si>
    <t>\\acsfs\ACS\Gabriel da Silva\Contemporânea\Erros Operacionais\DD09F759.tmp</t>
  </si>
  <si>
    <t>7b657644-094e-42bb-9f97-bb69151f9f45.tmp</t>
  </si>
  <si>
    <t>\\acsfs\profiles$\danielac\Downloads\7b657644-094e-42bb-9f97-bb69151f9f45.tmp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</t>
  </si>
  <si>
    <t>horários.xlsx</t>
  </si>
  <si>
    <t>\\acsfs\profiles$\gleycekos\My Documents\xworkcenter\lex\</t>
  </si>
  <si>
    <t>\\acsfs\profiles$\gleycekos\My Documents\xworkcenter\lex\temp.tlx</t>
  </si>
  <si>
    <t>http:///batch?%24ct=multipart%2Fmixed%3B%20boundary%3D%22%3D%3D%3D%3D%3Du076vro43fle%3D%3D%3D%3D%3D%22&amp;key=AIzaSyAy9VVXHSpS2IJpptzYtGbLP3-3_l0aBk4</t>
  </si>
  <si>
    <t>http:///batch?%24ct=multipart%2Fmixed%3B%20boundary%3D%22%3D%3D%3D%3D%3Dhab6u7nnhvkh%3D%3D%3D%3D%3D%22&amp;key=AIzaSyAy9VVXHSpS2IJpptzYtGbLP3-3_l0aBk4</t>
  </si>
  <si>
    <t>ancestorhasaugmentedpermissions;containsunsubscribedchildren;dis;displayname;domain;emailaddres;emailaddress;filesize;hasthumbnail;hasvisitorpermissions;id);items(kind;ken;lastmodifyinguser(kind;lastviewedbymedate;modifiedbymedate;modifieddate;ontainsunsubscribedchildren;owners(kind;permission;permissionid;picture;rpermissions;thumbnailversion;workspaceids;</t>
  </si>
  <si>
    <t>http://ancestorhasaugmentedpermissions,containsunsubscribedchildren,dis,displayname,domain,emailaddres,emailaddress,filesize,hasthumbnail,hasvisitorpermissions,id),items(kind,ken,lastmodifyinguser(kind,lastviewedbymedate,modifiedbymedate,modifieddate,ontainsunsubscribedchildren,owners(kind,permission,permissionid,picture,rpermissions,thumbnailversion,workspaceids</t>
  </si>
  <si>
    <t>http:///batch?%24ct=multipart%2Fmixed%3B%20boundary%3D%22%3D%3D%3D%3D%3Dswuojbhmpm65%3D%3D%3D%3D%3D%22&amp;key=AIzaSyAy9VVXHSpS2IJpptzYtGbLP3-3_l0aBk4</t>
  </si>
  <si>
    <t>ancestorhasaugmentedperm;ancestorhasaugmentedpermissions;containsunsubscribedchildren;dis;displayname;domain;emailaddres;emailaddress;filesize;hasthumbnail;hasvisitorpermissions;id);items(kind;ken;lastmodifyinguser(kind;lastviewedbymedate;modifiedbymedate;modifieddate;ontainsunsubscribedchildren;owners(kind;permission;permissionid;picture;rpermissions;thumbnailversion;workspaceids;</t>
  </si>
  <si>
    <t>http://ancestorhasaugmentedperm,ancestorhasaugmentedpermissions,containsunsubscribedchildren,dis,displayname,domain,emailaddres,emailaddress,filesize,hasthumbnail,hasvisitorpermissions,id),items(kind,ken,lastmodifyinguser(kind,lastviewedbymedate,modifiedbymedate,modifieddate,ontainsunsubscribedchildren,owners(kind,permission,permissionid,picture,rpermissions,thumbnailversion,workspaceids</t>
  </si>
  <si>
    <t>http:///batch?%24ct=multipart%2Fmixed%3B%20boundary%3D%22%3D%3D%3D%3D%3Dwoon3m9u9ew2%3D%3D%3D%3D%3D%22&amp;key=AIzaSyAy9VVXHSpS2IJpptzYtGbLP3-3_l0aBk4</t>
  </si>
  <si>
    <t>ancestorhasaugmentedperm;ancestorhasaugmentedpermissions;containsunsubscribedchildren;dis;displayname;domain;emailaddres;emailaddress;filesize;hasthumbnail;hasvisitorpermissions;id);items(kind;ken;lastmodifyinguser(kind;lastviewedbymedate;modifiedbymedate;modifieddate;ontainsunsubscribedchildren;owners(kind;permission;permissionid;picture;picture�;rpermissions;thumbnailversion;workspaceids;</t>
  </si>
  <si>
    <t>http://ancestorhasaugmentedperm,ancestorhasaugmentedpermissions,containsunsubscribedchildren,dis,displayname,domain,emailaddres,emailaddress,filesize,hasthumbnail,hasvisitorpermissions,id),items(kind,ken,lastmodifyinguser(kind,lastviewedbymedate,modifiedbymedate,modifieddate,ontainsunsubscribedchildren,owners(kind,permission,permissionid,picture,picture�,rpermissions,thumbnailversion,workspaceids</t>
  </si>
  <si>
    <t>http:///v1/items?key=AIzaSyAy9VVXHSpS2IJpptzYtGbLP3-3_l0aBk4</t>
  </si>
  <si>
    <t>"languagecode":"pt-br";"requesttype":"live_request";"scenariotype":"quick_access"}}access"}}36;"timezone":"-03:00";p";}}access;</t>
  </si>
  <si>
    <t>http://"languagecode":"pt-br","requesttype":"live_request","scenariotype":"quick_access"}}access"}}36,"timezone":"-03:00",p",}}access</t>
  </si>
  <si>
    <t>http:///batch?%24ct=multipart%2Fmixed%3B%20boundary%3D%22%3D%3D%3D%3D%3Dm8eyybccj78x%3D%3D%3D%3D%3D%22&amp;key=AIzaSyAy9VVXHSpS2IJpptzYtGbLP3-3_l0aBk4</t>
  </si>
  <si>
    <t>ancestorhasaugmentedperm;ancestorhasaugmentedpermissions;containsunsubscribedchildren;dis;displayname;domain;emailaddres;emailaddress;filesize;hasthumbnail;hasvisitorpermissions;id);items(kind;j78x===== cont;ken;lastmodifyi;lastmodifyinguser(kind;lastviewedbymedate;modifiedbymedate;modifieddate;ontainsunsubscribedchildren;owners(kind;permission;permissionid;picture;picture�;rpermissions;thumbnailversion;workspaceids;</t>
  </si>
  <si>
    <t>http://ancestorhasaugmentedperm,ancestorhasaugmentedpermissions,containsunsubscribedchildren,dis,displayname,domain,emailaddres,emailaddress,filesize,hasthumbnail,hasvisitorpermissions,id),items(kind,j78x===== cont,ken,lastmodifyi,lastmodifyinguser(kind,lastviewedbymedate,modifiedbymedate,modifieddate,ontainsunsubscribedchildren,owners(kind,permission,permissionid,picture,picture�,rpermissions,thumbnailversion,workspaceids</t>
  </si>
  <si>
    <t>http:///batch?%24ct=multipart%2Fmixed%3B%20boundary%3D%22%3D%3D%3D%3D%3Djahd2vkxjv%3D%3D%3D%3D%3D%22&amp;key=AIzaSyAy9VVXHSpS2IJpptzYtGbLP3-3_l0aBk4</t>
  </si>
  <si>
    <t>http:///batch?%24ct=multipart%2Fmixed%3B%20boundary%3D%22%3D%3D%3D%3D%3Daca24rzhxqne%3D%3D%3D%3D%3D%22&amp;key=AIzaSyAy9VVXHSpS2IJpptzYtGbLP3-3_l0aBk4</t>
  </si>
  <si>
    <t>00dcad8d96b3d8d42c7d5dda12_u x-goog-authuser: 0 --=====aca24rzhxqne=====-- 4a��@�zo;ancestorhasaugmentedperm;ancestorhasaugmentedpermissions;containsunsubscribedchildren;dis;displayname;domain;emailaddres;emailaddress;essedteamdr;file(kind;fileid;filesize;hasthumbnail;hasvisitorpermissions;id;id);items(deleted;items(kind;j78x===== cont;ken;kind;lastmodifyi;lastmodifyinguser(kind;lastviewedbymedate;modifiedbymedate;modifieddate;ontainsunsubscribedchildren;owners(kind;perm;permission;permissionid;picture;picture�;rpermissions;shared;sharedwithmedate;thumbnailversion;title;userpermission(role);workspaceids;</t>
  </si>
  <si>
    <t>http://00dcad8d96b3d8d42c7d5dda12_u x-goog-authuser: 0 --=====aca24rzhxqne=====-- 4a��@�zo,ancestorhasaugmentedperm,ancestorhasaugmentedpermissions,containsunsubscribedchildren,dis,displayname,domain,emailaddres,emailaddress,essedteamdr,file(kind,fileid,filesize,hasthumbnail,hasvisitorpermissions,id,id),items(deleted,items(kind,j78x===== cont,ken,kind,lastmodifyi,lastmodifyinguser(kind,lastviewedbymedate,modifiedbymedate,modifieddate,ontainsunsubscribedchildren,owners(kind,perm,permission,permissionid,picture,picture�,rpermissions,shared,sharedwithmedate,thumbnailversion,title,userpermission(role),workspaceids</t>
  </si>
  <si>
    <t>http:///batch?%24ct=multipart%2Fmixed%3B%20boundary%3D%22%3D%3D%3D%3D%3Dmq8jnxw2vtn1%3D%3D%3D%3D%3D%22&amp;key=AIzaSyAy9VVXHSpS2IJpptzYtGbLP3-3_l0aBk4</t>
  </si>
  <si>
    <t>00dcad8d96b3d8d42c7d5dda12_u x-goog-authuser: 0 --=====aca24rzhxqne=====-- 4a��@�zo;ancestorhasaugmentedperm;ancestorhasaugmentedpermissions;containsunsubscribedchildren;dis;displayname;domain;emailaddres;emailaddress;essedteamdr;exp;file(kind;fileid;filesize;hasthumbnail;hasvisitorpermissions;id;id);items(deleted;items(kind;j78x===== cont;ken;kind;lastmodifyi;lastmodifyinguser(kind;lastviewedbymedate;modifiedbymedate;modifieddate;ontainsunsubscribedchildren;owners(kind;perm;permi;permission;permissionid;picture;picture�;rpermissions;shared;sharedwithmedate;thumbnailversion;title;userpermission(role);workspaceids;</t>
  </si>
  <si>
    <t>http://00dcad8d96b3d8d42c7d5dda12_u x-goog-authuser: 0 --=====aca24rzhxqne=====-- 4a��@�zo,ancestorhasaugmentedperm,ancestorhasaugmentedpermissions,containsunsubscribedchildren,dis,displayname,domain,emailaddres,emailaddress,essedteamdr,exp,file(kind,fileid,filesize,hasthumbnail,hasvisitorpermissions,id,id),items(deleted,items(kind,j78x===== cont,ken,kind,lastmodifyi,lastmodifyinguser(kind,lastviewedbymedate,modifiedbymedate,modifieddate,ontainsunsubscribedchildren,owners(kind,perm,permi,permission,permissionid,picture,picture�,rpermissions,shared,sharedwithmedate,thumbnailversion,title,userpermission(role),workspaceids</t>
  </si>
  <si>
    <t>http:///apis/metrics?v=1&amp;key=AIzaSyC4gyROYSkqjyykTdfouAxjwLBLYAk-XJE&amp;helpcenter=drive</t>
  </si>
  <si>
    <t>81293384.tmp</t>
  </si>
  <si>
    <t>\\acsfs\ACS\Gabriel da Silva\Contemporânea\Erros Operacionais\81293384.tmp</t>
  </si>
  <si>
    <t>dc452630-e487-4cc3-ac3e-349131a5c311.tmp</t>
  </si>
  <si>
    <t>\\acsfs\profiles$\gabrielsma\Downloads\dc452630-e487-4cc3-ac3e-349131a5c311.tmp</t>
  </si>
  <si>
    <t>323d03c2-2e68-47d6-a6de-335969779269.tmp</t>
  </si>
  <si>
    <t>\\acsfs\profiles$\gabrielsma\Downloads\323d03c2-2e68-47d6-a6de-335969779269.tmp</t>
  </si>
  <si>
    <t>\\acsfs\ACS\Gabriel da Silva\Contemporânea\Acessos\Evidências\Q29udHJvbGxlci5JbnRyYW5ldC1DaHJvbWU-.ica.crdownload</t>
  </si>
  <si>
    <t>lu311288l1b3l.tmp</t>
  </si>
  <si>
    <t>\\acsfs\profiles$\regisedsj\My Documents\lu311288l1b3l.tmp</t>
  </si>
  <si>
    <t>\\acsfs\profiles$\regisedsj\My Documents\lu311288l1b3l.tmp\</t>
  </si>
  <si>
    <t>\\acsfs\profiles$\regisedsj\My Documents\lu311288l1b3l.tmp\META-INF\</t>
  </si>
  <si>
    <t>\\acsfs\profiles$\regisedsj\My Documents\lu311288l1b3l.tmp\Thumbnails\</t>
  </si>
  <si>
    <t>7cff3779-4dda-4f7f-b4ba-e831618b3d20.tmp</t>
  </si>
  <si>
    <t>\\acsfs\profiles$\BRUNAAR\Downloads\7cff3779-4dda-4f7f-b4ba-e831618b3d20.tmp</t>
  </si>
  <si>
    <t>a87623c8-e5b1-4175-a903-9b0be2352bae.tmp</t>
  </si>
  <si>
    <t>\\acsfs\profiles$\luanarda\Downloads\a87623c8-e5b1-4175-a903-9b0be2352bae.tmp</t>
  </si>
  <si>
    <t>8da2b03d-8873-4fe7-8498-5f5e3ef65cbc.tmp</t>
  </si>
  <si>
    <t>\\acsfs\profiles$\sarahbal\Downloads\8da2b03d-8873-4fe7-8498-5f5e3ef65cbc.tmp</t>
  </si>
  <si>
    <t>3220bdcf-d683-43f3-b96f-7f6cf345420f.tmp</t>
  </si>
  <si>
    <t>\\acsfs\profiles$\sarahbal\Downloads\3220bdcf-d683-43f3-b96f-7f6cf345420f.tmp</t>
  </si>
  <si>
    <t>6bca036c-bc53-460f-acd3-5d8dbea91dd8.tmp</t>
  </si>
  <si>
    <t>\\acsfs\profiles$\LUISPLS\Downloads\6bca036c-bc53-460f-acd3-5d8dbea91dd8.tmp</t>
  </si>
  <si>
    <t>744bfffc-ad04-4b59-8684-cd507e69b03b.tmp</t>
  </si>
  <si>
    <t>\\acsfs\profiles$\LAISLG\Downloads\744bfffc-ad04-4b59-8684-cd507e69b03b.tmp</t>
  </si>
  <si>
    <t>7af18afc-bb08-42a9-a7ae-ba76eb504cd7.tmp</t>
  </si>
  <si>
    <t>\\acsfs\profiles$\LAISLG\Downloads\7af18afc-bb08-42a9-a7ae-ba76eb504cd7.tmp</t>
  </si>
  <si>
    <t>lu2520mvj4.tmp</t>
  </si>
  <si>
    <t>\\acsfs\profiles$\ALEXANDREMM\lu2520mvj4.tmp</t>
  </si>
  <si>
    <t>\\acsfs\profiles$\ALEXANDREMM\lu2520mvj4.tmp\</t>
  </si>
  <si>
    <t>\\acsfs\profiles$\ALEXANDREMM\lu2520mvj4.tmp\META-INF\</t>
  </si>
  <si>
    <t>\\acsfs\profiles$\ALEXANDREMM\lu2520mvj4.tmp\Thumbnails\</t>
  </si>
  <si>
    <t>joaogvc@algartech.com;leonardoao@algartech.com;marianadjc@algartech.com;paulacn@algartech.com;planejamentodeoperacoesetrafego@bv.com.br;rafaelggs@algartech.com;robsonams@algartech.com;taysdss@algartech.com;viniciussg@algartech.com;</t>
  </si>
  <si>
    <t>joaogvc@algartech.com,leonardoao@algartech.com,marianadjc@algartech.com,paulacn@algartech.com,planejamentodeoperacoesetrafego@bv.com.br,rafaelggs@algartech.com,robsonams@algartech.com,taysdss@algartech.com,viniciussg@algartech.com</t>
  </si>
  <si>
    <t>joaogvc@algartech.com;leonardoao@algartech.com;marianadjc@algartech.com;paulacn@algartech.com;planejamentodeoperacoesetrafego@bv.com.br;rafaelggs@algartech.com;ricardodfm@algartech.com.br;robsonams@algartech.com;taysdss@algartech.com;viniciussg@algartech.com;</t>
  </si>
  <si>
    <t>joaogvc@algartech.com,leonardoao@algartech.com,marianadjc@algartech.com,paulacn@algartech.com,planejamentodeoperacoesetrafego@bv.com.br,rafaelggs@algartech.com,ricardodfm@algartech.com.br,robsonams@algartech.com,taysdss@algartech.com,viniciussg@algartech.com</t>
  </si>
  <si>
    <t>mail.google.com/sync/u/0/i/s?hl=pt-BR&amp;c=801</t>
  </si>
  <si>
    <t>abc95797-a079-42a3-806b-983a90de9581.tmp</t>
  </si>
  <si>
    <t>\\acsfs\profiles$\ALYNYA\Downloads\abc95797-a079-42a3-806b-983a90de9581.tmp</t>
  </si>
  <si>
    <t>3ddb9251-5057-4178-8832-af70836d6d2f.tmp</t>
  </si>
  <si>
    <t>\\acsfs\profiles$\regisedsj\Downloads\3ddb9251-5057-4178-8832-af70836d6d2f.tmp</t>
  </si>
  <si>
    <t>690dea3b-436f-480f-a45c-e80a3ad3964e.tmp</t>
  </si>
  <si>
    <t>\\acsfs\profiles$\regisedsj\Downloads\690dea3b-436f-480f-a45c-e80a3ad3964e.tmp</t>
  </si>
  <si>
    <t>a5a9bbe9-0620-4146-949a-8340bf2d621a.tmp</t>
  </si>
  <si>
    <t>\\acsfs\profiles$\nayarasds\Downloads\a5a9bbe9-0620-4146-949a-8340bf2d621a.tmp</t>
  </si>
  <si>
    <t>66be2dfa-09ef-4096-b476-8dbe76774cf6.tmp</t>
  </si>
  <si>
    <t>\\acsfs\profiles$\luanarda\Downloads\66be2dfa-09ef-4096-b476-8dbe76774cf6.tmp</t>
  </si>
  <si>
    <t>01e6f145-a8e0-4450-ba14-688fd6888318.tmp</t>
  </si>
  <si>
    <t>\\acsfs\profiles$\LUISPLS\Downloads\01e6f145-a8e0-4450-ba14-688fd6888318.tmp</t>
  </si>
  <si>
    <t>RELATORIO DE LOGIN - BV CARTÕES 07-01 - Cópia.xlsm</t>
  </si>
  <si>
    <t>\\acsfs\DEPTOS\Operacao\PCP\5 - Comum\PLANEJAMENTO BV\14 - ACOMPANHAMENTO\1 - REPORT ACOMPANHAMENTO\2020\1 - JANEIRO\CARTÕES\Login Logout Cartões\RELATORIO DE LOGIN - BV CARTÕES 07-01 - Cópia.xlsm</t>
  </si>
  <si>
    <t>XLOG_leydianeamd_07012020_090645.log</t>
  </si>
  <si>
    <t>\\acsfs\profiles$\leydianeamd\My Documents\xworkcenter\logs\XLOG_leydianeamd_07012020_090645.log</t>
  </si>
  <si>
    <t>100014122394468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viniciussg@algartech.com;</t>
  </si>
  <si>
    <t>100014122394468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,viniciussg@algartech.com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,viniciussg@algartech.com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100014122394468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viniciussg@algartech.com;</t>
  </si>
  <si>
    <t>10001412239446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,viniciussg@algartech.com</t>
  </si>
  <si>
    <t>a6f61f3f-5e44-4961-9730-7e1612f0a795.tmp</t>
  </si>
  <si>
    <t>\\acsfs\profiles$\lucasgpe\Downloads\a6f61f3f-5e44-4961-9730-7e1612f0a795.tmp</t>
  </si>
  <si>
    <t>c5838f11-4c6c-4876-a1bd-c3a2f9c4be7f.tmp</t>
  </si>
  <si>
    <t>\\acsfs\profiles$\geovannasm\Downloads\c5838f11-4c6c-4876-a1bd-c3a2f9c4be7f.tmp</t>
  </si>
  <si>
    <t>c389d137-5d0d-4aef-924b-e0ddebf9ce2d.tmp</t>
  </si>
  <si>
    <t>\\acsfs\profiles$\geovannasm\Downloads\c389d137-5d0d-4aef-924b-e0ddebf9ce2d.tmp</t>
  </si>
  <si>
    <t>ac1a333d-f5fe-4801-b636-cb612a07c321.tmp</t>
  </si>
  <si>
    <t>\\acsfs\profiles$\geovannasm\Downloads\ac1a333d-f5fe-4801-b636-cb612a07c321.tmp</t>
  </si>
  <si>
    <t>42c667ac-f51f-47af-bc23-329b182a7ce7.tmp</t>
  </si>
  <si>
    <t>\\acsfs\profiles$\claudiajca\Downloads\42c667ac-f51f-47af-bc23-329b182a7ce7.tmp</t>
  </si>
  <si>
    <t>353feac1-6056-49ab-b946-5da02d986c82.tmp</t>
  </si>
  <si>
    <t>\\acsfs\profiles$\sarahbal\Downloads\353feac1-6056-49ab-b946-5da02d986c82.tmp</t>
  </si>
  <si>
    <t>43f8387c-a6b2-444f-93e7-368eca36d7cf.tmp</t>
  </si>
  <si>
    <t>\\acsfs\profiles$\danielac\Downloads\43f8387c-a6b2-444f-93e7-368eca36d7cf.tmp</t>
  </si>
  <si>
    <t>e9c74daa-c5cf-438a-908f-d36ffd0f0501.tmp</t>
  </si>
  <si>
    <t>\\acsfs\profiles$\kellzylenneasr\Downloads\e9c74daa-c5cf-438a-908f-d36ffd0f0501.tmp</t>
  </si>
  <si>
    <t>96055b65-27ea-4a60-8efa-d7eaf6bdd6a2.tmp</t>
  </si>
  <si>
    <t>\\acsfs\profiles$\Flaviojmm\Downloads\96055b65-27ea-4a60-8efa-d7eaf6bdd6a2.tmp</t>
  </si>
  <si>
    <t>\\acsfs\profiles$\thaianaads\Downloads\</t>
  </si>
  <si>
    <t>a1eb89ff-bc07-469b-93f6-beebd55b6c9f.tmp</t>
  </si>
  <si>
    <t>\\acsfs\profiles$\thaianaads\Downloads\a1eb89ff-bc07-469b-93f6-beebd55b6c9f.tmp</t>
  </si>
  <si>
    <t>203174d1-b043-44ed-9255-44b1e60253e2.tmp</t>
  </si>
  <si>
    <t>\\acsfs\profiles$\lucasgpe\Downloads\203174d1-b043-44ed-9255-44b1e60253e2.tmp</t>
  </si>
  <si>
    <t>833b86ea-6200-42bb-8671-7626e9065750.tmp</t>
  </si>
  <si>
    <t>\\acsfs\profiles$\Flaviojmm\Downloads\833b86ea-6200-42bb-8671-7626e9065750.tmp</t>
  </si>
  <si>
    <t>5ab214c0-3dcf-407a-a0bc-3799296efe9b.tmp</t>
  </si>
  <si>
    <t>\\acsfs\profiles$\Flaviojmm\Downloads\5ab214c0-3dcf-407a-a0bc-3799296efe9b.tmp</t>
  </si>
  <si>
    <t>85c71308-58b3-4785-ae01-37f03362e290.tmp</t>
  </si>
  <si>
    <t>\\acsfs\profiles$\Flaviojmm\Downloads\85c71308-58b3-4785-ae01-37f03362e290.tmp</t>
  </si>
  <si>
    <t>e679c659-5147-4e9b-8857-857b85dc0ab5.tmp</t>
  </si>
  <si>
    <t>\\acsfs\profiles$\luanaagl\Downloads\e679c659-5147-4e9b-8857-857b85dc0ab5.tmp</t>
  </si>
  <si>
    <t>32a1f920-5a20-4eb1-a680-9d211b5bd3d2.tmp</t>
  </si>
  <si>
    <t>\\acsfs\profiles$\luanaagl\Downloads\32a1f920-5a20-4eb1-a680-9d211b5bd3d2.tmp</t>
  </si>
  <si>
    <t>599c303f-36c2-462a-971f-67c64cdf75f8.tmp</t>
  </si>
  <si>
    <t>\\acsfs\profiles$\LUCASBS\Downloads\599c303f-36c2-462a-971f-67c64cdf75f8.tmp</t>
  </si>
  <si>
    <t>100014122394468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viniciussg@algartech.com;</t>
  </si>
  <si>
    <t>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,viniciussg@algartech.com</t>
  </si>
  <si>
    <t>lu11376j7rrt.tmp</t>
  </si>
  <si>
    <t>\\acsfs\profiles$\BRUNAAR\Numero\lu11376j7rrt.tmp</t>
  </si>
  <si>
    <t>c4d8b747-a51b-43cf-89a3-0ee48e5e8d97.tmp</t>
  </si>
  <si>
    <t>\\acsfs\profiles$\ERICALSR\Downloads\c4d8b747-a51b-43cf-89a3-0ee48e5e8d97.tmp</t>
  </si>
  <si>
    <t>c801a451-f5e7-4325-8823-ecfc9621736d.tmp</t>
  </si>
  <si>
    <t>\\acsfs\profiles$\mariagsg\Downloads\c801a451-f5e7-4325-8823-ecfc9621736d.tmp</t>
  </si>
  <si>
    <t>c757eeca-d8cc-4444-98b5-2100a0d58983.tmp</t>
  </si>
  <si>
    <t>\\acsfs\profiles$\inarajst\Downloads\c757eeca-d8cc-4444-98b5-2100a0d58983.tmp</t>
  </si>
  <si>
    <t>78-2B-CB-C1-06-F7</t>
  </si>
  <si>
    <t>VOTORANT-RB007</t>
  </si>
  <si>
    <t>lu145166npud.tmp</t>
  </si>
  <si>
    <t>\\acsfs\profiles$\VIVIANALDS\My Documents\lu145166npud.tmp</t>
  </si>
  <si>
    <t>\\acsfs\profiles$\VIVIANALDS\My Documents\lu145166npud.tmp\</t>
  </si>
  <si>
    <t>\\acsfs\profiles$\VIVIANALDS\My Documents\lu145166npud.tmp\META-INF\</t>
  </si>
  <si>
    <t>\\acsfs\profiles$\VIVIANALDS\My Documents\lu145166npud.tmp\Thumbnails\</t>
  </si>
  <si>
    <t>lu145166npuh.tmp</t>
  </si>
  <si>
    <t>\\acsfs\profiles$\VIVIANALDS\My Documents\lu145166npuh.tmp</t>
  </si>
  <si>
    <t>\\acsfs\profiles$\VIVIANALDS\My Documents\lu145166npuh.tmp\</t>
  </si>
  <si>
    <t>\\acsfs\profiles$\VIVIANALDS\My Documents\lu145166npuh.tmp\META-INF\</t>
  </si>
  <si>
    <t>\\acsfs\profiles$\VIVIANALDS\My Documents\lu145166npuh.tmp\Thumbnails\</t>
  </si>
  <si>
    <t>lu138892y2ps3c.tmp</t>
  </si>
  <si>
    <t>\\acsfs\DEPTOS\Operacao\Banco_Votorantim\Supervisao\SUPERS BV CARTÕES\ANA VITORIA\APOIO\lu138892y2ps3c.tmp</t>
  </si>
  <si>
    <t>joserdsne</t>
  </si>
  <si>
    <t>\\acsfs\profiles$\joserdsne\Contacts\</t>
  </si>
  <si>
    <t>JOSE ROSA DE SOUZA NETO (11).contact</t>
  </si>
  <si>
    <t>\\acsfs\profiles$\joserdsne\Contacts\JOSE ROSA DE SOUZA NETO (11).contact</t>
  </si>
  <si>
    <t>\\acsfs\profiles$\joserdsne\My Documents\My Videos\</t>
  </si>
  <si>
    <t>\\acsfs\profiles$\joserdsne\My Documents\My Videos\desktop.ini</t>
  </si>
  <si>
    <t>\\acsfs\profiles$\joserdsne\My Documents\My Pictures\</t>
  </si>
  <si>
    <t>\\acsfs\profiles$\joserdsne\My Documents\My Pictures\desktop.ini</t>
  </si>
  <si>
    <t>\\acsfs\profiles$\joserdsne\Contacts\desktop.ini</t>
  </si>
  <si>
    <t>\\acsfs\profiles$\joserdsne\Favorites\</t>
  </si>
  <si>
    <t>\\acsfs\profiles$\joserdsne\Favorites\desktop.ini</t>
  </si>
  <si>
    <t>\\acsfs\profiles$\joserdsne\My Documents\My Music\</t>
  </si>
  <si>
    <t>\\acsfs\profiles$\joserdsne\My Documents\My Music\desktop.ini</t>
  </si>
  <si>
    <t>\\acsfs\profiles$\joserdsne\Searches\</t>
  </si>
  <si>
    <t>\\acsfs\profiles$\joserdsne\Searches\desktop.ini</t>
  </si>
  <si>
    <t>\\acsfs\profiles$\joserdsne\Downloads\</t>
  </si>
  <si>
    <t>\\acsfs\profiles$\joserdsne\Downloads\desktop.ini</t>
  </si>
  <si>
    <t>\\acsfs\profiles$\joserdsne\My Documents\</t>
  </si>
  <si>
    <t>\\acsfs\profiles$\joserdsne\My Documents\desktop.ini</t>
  </si>
  <si>
    <t>\\acsfs\profiles$\joserdsne\Saved Games\</t>
  </si>
  <si>
    <t>\\acsfs\profiles$\joserdsne\Saved Games\desktop.ini</t>
  </si>
  <si>
    <t>\\acsfs\profiles$\JOSERDSNE\Favorites\Links for Brasil\</t>
  </si>
  <si>
    <t>\\acsfs\profiles$\JOSERDSNE\Favorites\Links for Brasil\desktop.ini</t>
  </si>
  <si>
    <t>\\acsfs\profiles$\JOSERDSNE\Favorites\Links for Brasil\Microsoft Brasil.url</t>
  </si>
  <si>
    <t>\\acsfs\profiles$\JOSERDSNE\Favorites\Links for Brasil\Windows Brasil.url</t>
  </si>
  <si>
    <t>\\acsfs\profiles$\JOSERDSNE\Favorites\Links for Brasil\MSN Brasil.url</t>
  </si>
  <si>
    <t>lu1516a6zv.tmp</t>
  </si>
  <si>
    <t>\\acsfs\profiles$\ALYNYA\My Documents\lu1516a6zv.tmp</t>
  </si>
  <si>
    <t>\\acsfs\profiles$\ALYNYA\My Documents\lu1516a6zv.tmp\</t>
  </si>
  <si>
    <t>\\acsfs\profiles$\ALYNYA\My Documents\lu1516a6zv.tmp\META-INF\</t>
  </si>
  <si>
    <t>\\acsfs\profiles$\ALYNYA\My Documents\lu1516a6zv.tmp\Thumbnails\</t>
  </si>
  <si>
    <t>304062cd-f092-469a-9207-805c202d87c7.tmp</t>
  </si>
  <si>
    <t>\\acsfs\profiles$\laylaams\Downloads\304062cd-f092-469a-9207-805c202d87c7.tmp</t>
  </si>
  <si>
    <t>e1db7f27-42d6-44cc-9862-091e4ed971b8.tmp</t>
  </si>
  <si>
    <t>\\acsfs\profiles$\nayarasds\Downloads\e1db7f27-42d6-44cc-9862-091e4ed971b8.tmp</t>
  </si>
  <si>
    <t>11db7095-1b25-46ca-b1aa-f0c38917e262.tmp</t>
  </si>
  <si>
    <t>\\acsfs\profiles$\inarajst\Downloads\11db7095-1b25-46ca-b1aa-f0c38917e262.tmp</t>
  </si>
  <si>
    <t>f2a1884a-44ef-48ec-b0ee-173ca5dd65c2.tmp</t>
  </si>
  <si>
    <t>\\acsfs\profiles$\nathaliarmr\Downloads\f2a1884a-44ef-48ec-b0ee-173ca5dd65c2.tmp</t>
  </si>
  <si>
    <t>lu138892y2ps3n.tmp</t>
  </si>
  <si>
    <t>\\acsfs\DEPTOS\Operacao\Banco_Votorantim\Supervisao\SUPERS BV CARTÕES\ANA VITORIA\APOIO\lu138892y2ps3n.tmp</t>
  </si>
  <si>
    <t>.~lock.Fila 1721 - CONTATO CLIENTE.xlsx#</t>
  </si>
  <si>
    <t>\\acsfs\DEPTOS\Operacao\Banco_Votorantim\Supervisao\SUPERS BV CARTÕES\ANA VITORIA\APOIO\.~lock.Fila 1721 - CONTATO CLIENTE.xlsx#</t>
  </si>
  <si>
    <t>d520ec1e-626c-4b63-bbf1-57c985b8c86b.tmp</t>
  </si>
  <si>
    <t>\\acsfs\profiles$\laylaams\Downloads\d520ec1e-626c-4b63-bbf1-57c985b8c86b.tmp</t>
  </si>
  <si>
    <t>fae1dc01-8117-4f26-bfee-cfdc5ee930cf.tmp</t>
  </si>
  <si>
    <t>\\acsfs\profiles$\laylaams\Downloads\fae1dc01-8117-4f26-bfee-cfdc5ee930cf.tmp</t>
  </si>
  <si>
    <t>8c4a44ad-01f1-40ae-9628-8467d2951718.tmp</t>
  </si>
  <si>
    <t>\\acsfs\profiles$\paulovadc\Downloads\8c4a44ad-01f1-40ae-9628-8467d2951718.tmp</t>
  </si>
  <si>
    <t>10.200.67.35</t>
  </si>
  <si>
    <t>7bd690cd-ebcb-4381-a99f-32ad315fe57c.tmp</t>
  </si>
  <si>
    <t>\\acsfs\profiles$\maxmillianosv\Downloads\7bd690cd-ebcb-4381-a99f-32ad315fe57c.tmp</t>
  </si>
  <si>
    <t>Não confirmado 754024.crdownload</t>
  </si>
  <si>
    <t>\\acsfs\profiles$\maxmillianosv\Downloads\Não confirmado 754024.crdownload</t>
  </si>
  <si>
    <t>bead72f9-5a85-4efa-a2dc-55e9f0d85636.tmp</t>
  </si>
  <si>
    <t>\\acsfs\profiles$\maxmillianosv\Downloads\bead72f9-5a85-4efa-a2dc-55e9f0d85636.tmp</t>
  </si>
  <si>
    <t>Não confirmado 727582.crdownload</t>
  </si>
  <si>
    <t>\\acsfs\profiles$\maxmillianosv\Downloads\Não confirmado 727582.crdownload</t>
  </si>
  <si>
    <t>b6eef57c-9120-46bc-8229-c97fb9b9ac98.tmp</t>
  </si>
  <si>
    <t>\\acsfs\profiles$\maxmillianosv\Downloads\b6eef57c-9120-46bc-8229-c97fb9b9ac98.tmp</t>
  </si>
  <si>
    <t>Não confirmado 403002.crdownload</t>
  </si>
  <si>
    <t>\\acsfs\profiles$\maxmillianosv\Downloads\Não confirmado 403002.crdownload</t>
  </si>
  <si>
    <t>5ae9988b-d79b-4c53-9ad2-605e82321b6d.tmp</t>
  </si>
  <si>
    <t>\\acsfs\profiles$\maxmillianosv\Downloads\5ae9988b-d79b-4c53-9ad2-605e82321b6d.tmp</t>
  </si>
  <si>
    <t>934cd04f-408d-483b-aac5-2dbe4fcbcb4d.tmp</t>
  </si>
  <si>
    <t>\\acsfs\profiles$\maxmillianosv\Downloads\934cd04f-408d-483b-aac5-2dbe4fcbcb4d.tmp</t>
  </si>
  <si>
    <t>db148378-4895-443e-9d23-67d6f31024ed.tmp</t>
  </si>
  <si>
    <t>\\acsfs\profiles$\maxmillianosv\Downloads\db148378-4895-443e-9d23-67d6f31024ed.tmp</t>
  </si>
  <si>
    <t>d7dce97c-e21b-4c56-a5c2-63aa4913d27a.tmp</t>
  </si>
  <si>
    <t>\\acsfs\profiles$\brunalas\Downloads\d7dce97c-e21b-4c56-a5c2-63aa4913d27a.tmp</t>
  </si>
  <si>
    <t>be8ec346-b07f-4c51-b100-44a185b7c470.tmp</t>
  </si>
  <si>
    <t>\\acsfs\profiles$\brunalas\Downloads\be8ec346-b07f-4c51-b100-44a185b7c470.tmp</t>
  </si>
  <si>
    <t>de3f185b-d70c-47de-83d4-7cd136cba826.tmp</t>
  </si>
  <si>
    <t>\\acsfs\profiles$\antoniosva\Downloads\de3f185b-d70c-47de-83d4-7cd136cba826.tmp</t>
  </si>
  <si>
    <t>4c24dcca-29e5-4aa7-b2e3-180125d6995e.tmp</t>
  </si>
  <si>
    <t>\\acsfs\profiles$\andressamf\Downloads\4c24dcca-29e5-4aa7-b2e3-180125d6995e.tmp</t>
  </si>
  <si>
    <t>ff6ae6d3-02a6-42d2-b8da-85819198a99d.tmp</t>
  </si>
  <si>
    <t>\\acsfs\profiles$\cintiadcf\Downloads\ff6ae6d3-02a6-42d2-b8da-85819198a99d.tmp</t>
  </si>
  <si>
    <t>lu138892y2ps3x.tmp</t>
  </si>
  <si>
    <t>\\acsfs\DEPTOS\Operacao\Banco_Votorantim\Supervisao\SUPERS BV CARTÕES\ANA VITORIA\APOIO\lu138892y2ps3x.tmp</t>
  </si>
  <si>
    <t>lu138892y2ps44.tmp</t>
  </si>
  <si>
    <t>\\acsfs\DEPTOS\Operacao\Banco_Votorantim\Supervisao\SUPERS BV CARTÕES\ANA VITORIA\APOIO\lu138892y2ps44.tmp</t>
  </si>
  <si>
    <t>RELATORIO DE LOGIN - BV CARTÕES 08-01.xlsm</t>
  </si>
  <si>
    <t>\\acsfs\DEPTOS\Operacao\PCP\5 - Comum\PLANEJAMENTO BV\14 - ACOMPANHAMENTO\1 - REPORT ACOMPANHAMENTO\2020\1 - JANEIRO\CARTÕES\Login Logout Cartões\RELATORIO DE LOGIN - BV CARTÕES 08-01.xlsm</t>
  </si>
  <si>
    <t>f886fc18-2462-44d3-81d3-c9ea34c45b06.tmp</t>
  </si>
  <si>
    <t>\\acsfs\profiles$\lorraynevam\Downloads\f886fc18-2462-44d3-81d3-c9ea34c45b06.tmp</t>
  </si>
  <si>
    <t>b23a6e52-1319-4409-bc67-b6fa9156a92d.tmp</t>
  </si>
  <si>
    <t>\\acsfs\profiles$\maxmillianosv\Downloads\b23a6e52-1319-4409-bc67-b6fa9156a92d.tmp</t>
  </si>
  <si>
    <t>f0ec9128-9c46-49ae-aa64-64a82ce778b6.tmp</t>
  </si>
  <si>
    <t>\\acsfs\profiles$\quindaizaagds\Downloads\f0ec9128-9c46-49ae-aa64-64a82ce778b6.tmp</t>
  </si>
  <si>
    <t>2723f0f4-3589-4622-9110-d42ce33ba820.tmp</t>
  </si>
  <si>
    <t>\\acsfs\profiles$\anafsb\Downloads\2723f0f4-3589-4622-9110-d42ce33ba820.tmp</t>
  </si>
  <si>
    <t>8a98e31b-08dd-428b-bcf7-e21cdd1facd7.tmp</t>
  </si>
  <si>
    <t>\\acsfs\profiles$\Flaviojmm\Downloads\8a98e31b-08dd-428b-bcf7-e21cdd1facd7.tmp</t>
  </si>
  <si>
    <t>image2019-08-01-132434 (1).pdf</t>
  </si>
  <si>
    <t>3012d540-02a9-4440-8b1f-6fd5d607649e.tmp</t>
  </si>
  <si>
    <t>\\acsfs\profiles$\leonardobb\Downloads\3012d540-02a9-4440-8b1f-6fd5d607649e.tmp</t>
  </si>
  <si>
    <t>36747c3f-1ba2-4d82-896a-0e967c840c89.tmp</t>
  </si>
  <si>
    <t>\\acsfs\profiles$\ERICALSR\Downloads\36747c3f-1ba2-4d82-896a-0e967c840c89.tmp</t>
  </si>
  <si>
    <t>"languagecode":"pt-br","requesttype":"live_request","scenariotype":"quick_access"}}access"}}36,"timezone":"-03:00",p",}}access</t>
  </si>
  <si>
    <t>mail.google.com/sync/u/0/i/s?hl=pt-BR&amp;c=878</t>
  </si>
  <si>
    <t>mail.google.com/_/upload?authuser=0&amp;dcp=asu-n&amp;upload_id=AEnB2Uo3frCY0eqIAyb7o6WF5HdagvrpjhnxoQxt0qA8T9HMP8JPGJgBHsyfb2-vUh-TOrbh1X9ZrPIrE5Jd7iocD8-L_2ocWV3JvkNjOcbDeLIuJoWSAE0&amp;upload_protocol=resumable</t>
  </si>
  <si>
    <t>6768cc00-b755-46dc-96a5-95cef9c4079e.tmp</t>
  </si>
  <si>
    <t>\\acsfs\profiles$\maxmillianosv\Downloads\6768cc00-b755-46dc-96a5-95cef9c4079e.tmp</t>
  </si>
  <si>
    <t>"mozilla/5.0 (windows nt 6.1) applewebkit/537.36 (khtml;0;1;13;13700014;13700109;13700167;13700185;13700235;13700451;13700563;13700607;13700883;13700946;13700951;13700982;13701078;13701139;13701207;13701235;13701239;13701262;13701276;13701298;13701418;13701422;13701430;13701450;13701458;13701486;13701506;13701510;13701534;13701537]]];13701573;13701577;13701589;13701609;13701614;13701625;13701653;13701657;13701693;13701709;13701749;13701825;13701833;13701901;13701906;13701909;13701921;13701945;13701949;13701953;13701957;13701969;13702064;13702068;13702091;5701393;6.1;78;[1;[[13701214;[[null;[];[false;andrelpsa@algartech.com;drive.web-frontend_20191211.00_p1;fabianacscg@algartech.com;false;false];false]];gampqtp7yn6iriu24ksnqvk-esmg4wwpxf";harunams@algartech.com;like gecko) chrome/79.0.3945.88 safari/537.36";luizffn@algartech.com;mirianppb@algartech.com;null;pt-br;talmaiardo@algartech.com;taysdss@algartech.com;true;</t>
  </si>
  <si>
    <t>"mozilla/5.0 (windows nt 6.1) applewebkit/537.36 (khtml,0,1,13,13700014,13700109,13700167,13700185,13700235,13700451,13700563,13700607,13700883,13700946,13700951,13700982,13701078,13701139,13701207,13701235,13701239,13701262,13701276,13701298,13701418,13701422,13701430,13701450,13701458,13701486,13701506,13701510,13701534,13701537]]],13701573,13701577,13701589,13701609,13701614,13701625,13701653,13701657,13701693,13701709,13701749,13701825,13701833,13701901,13701906,13701909,13701921,13701945,13701949,13701953,13701957,13701969,13702064,13702068,13702091,5701393,6.1,78,[1,[[13701214,[[null,[],[false,andrelpsa@algartech.com,drive.web-frontend_20191211.00_p1,fabianacscg@algartech.com,false,false],false]],gampqtp7yn6iriu24ksnqvk-esmg4wwpxf",harunams@algartech.com,like gecko) chrome/79.0.3945.88 safari/537.36",luizffn@algartech.com,mirianppb@algartech.com,null,pt-br,talmaiardo@algartech.com,taysdss@algartech.com,true</t>
  </si>
  <si>
    <t>f25b5aba-90fa-4a52-baab-8bb790a9b2dd.tmp</t>
  </si>
  <si>
    <t>\\acsfs\profiles$\lorraynevam\Downloads\f25b5aba-90fa-4a52-baab-8bb790a9b2dd.tmp</t>
  </si>
  <si>
    <t>9917e4d9-22b2-4de5-8d8e-56176074e1f8.tmp</t>
  </si>
  <si>
    <t>\\acsfs\profiles$\cintiadcf\Downloads\9917e4d9-22b2-4de5-8d8e-56176074e1f8.tmp</t>
  </si>
  <si>
    <t>3dff0f92-4f60-433e-a200-943020ebc8ef.tmp</t>
  </si>
  <si>
    <t>\\acsfs\profiles$\THYAGOSP\Downloads\3dff0f92-4f60-433e-a200-943020ebc8ef.tmp</t>
  </si>
  <si>
    <t>729557b5-3907-43c3-a219-40a6abd0c490.tmp</t>
  </si>
  <si>
    <t>\\acsfs\profiles$\THYAGOSP\Downloads\729557b5-3907-43c3-a219-40a6abd0c490.tmp</t>
  </si>
  <si>
    <t>48783882-5eea-4d6b-978f-d4905b10aafb.tmp</t>
  </si>
  <si>
    <t>\\acsfs\profiles$\THYAGOSP\Downloads\48783882-5eea-4d6b-978f-d4905b10aafb.tmp</t>
  </si>
  <si>
    <t>0bee7254-ef57-40b8-a83a-f8fe40362e50.tmp</t>
  </si>
  <si>
    <t>\\acsfs\profiles$\geovannasm\Downloads\0bee7254-ef57-40b8-a83a-f8fe40362e50.tmp</t>
  </si>
  <si>
    <t>3fa18a9f-0f65-4dae-a96a-ec94fa61b082.tmp</t>
  </si>
  <si>
    <t>\\acsfs\profiles$\geovannasm\Downloads\3fa18a9f-0f65-4dae-a96a-ec94fa61b082.tmp</t>
  </si>
  <si>
    <t>995e20a6-e01b-497e-96ee-02b454c3d5c2.tmp</t>
  </si>
  <si>
    <t>\\acsfs\profiles$\kellzylenneasr\Downloads\995e20a6-e01b-497e-96ee-02b454c3d5c2.tmp</t>
  </si>
  <si>
    <t>28b14de2-1b00-4073-b323-66fbdfcfe086.tmp</t>
  </si>
  <si>
    <t>\\acsfs\profiles$\andressamf\Downloads\28b14de2-1b00-4073-b323-66fbdfcfe086.tmp</t>
  </si>
  <si>
    <t>7e2d4562-4faa-4312-98ac-5e89c896ccf0.tmp</t>
  </si>
  <si>
    <t>\\acsfs\profiles$\LUISPLS\Downloads\7e2d4562-4faa-4312-98ac-5e89c896ccf0.tmp</t>
  </si>
  <si>
    <t>ac164385-091b-4092-8279-184568dbca38.tmp</t>
  </si>
  <si>
    <t>\\acsfs\profiles$\LUISPLS\Downloads\ac164385-091b-4092-8279-184568dbca38.tmp</t>
  </si>
  <si>
    <t>CONTA 629588 MC - OPERADORA KARLA BARBOSA DA SILVA_1_6775954673580971283_1_32.wav</t>
  </si>
  <si>
    <t>\\acsfs\Deptos\EDUCACAO EMPRESARIAL\KÉSIA\CONTA 629588 MC - OPERADORA KARLA BARBOSA DA SILVA_1_6775954673580971283_1_32.wav</t>
  </si>
  <si>
    <t>aad16cf2-f4b7-4b47-bc41-7e6877bd8150.tmp</t>
  </si>
  <si>
    <t>\\acsfs\profiles$\geovannasm\Downloads\aad16cf2-f4b7-4b47-bc41-7e6877bd8150.tmp</t>
  </si>
  <si>
    <t>d2676ef6-fac0-400b-a718-bade568fbf8e.tmp</t>
  </si>
  <si>
    <t>\\acsfs\profiles$\leticiala\Downloads\d2676ef6-fac0-400b-a718-bade568fbf8e.tmp</t>
  </si>
  <si>
    <t>mail.google.com/_/upload?authuser=0&amp;dcp=asu-n&amp;upload_id=AEnB2Uq-MiOoyVQEEaTxJ2qZreBj0zj_z6u5FaZQnypwTd_MsOwZ_Phv7IqnlVOmeU_HCkc_Dj9JQeCuxK1LB8cpECOeY9LMl8uWoYXE2HWJiuLJGM7Byx0&amp;upload_protocol=resumable</t>
  </si>
  <si>
    <t>CONTA 629588 MC - NEUSA INOCENCIO ROMANI.pdf</t>
  </si>
  <si>
    <t>bvs-centralcartoes@bv.com.br;fernandaab@algartech.com;fernandorsju@algartech.com;talmaiardo@algartech.com;thiagordu@algartech.com;</t>
  </si>
  <si>
    <t>bvs-centralcartoes@bv.com.br,fernandaab@algartech.com,fernandorsju@algartech.com,talmaiardo@algartech.com,thiagordu@algartech.com</t>
  </si>
  <si>
    <t>c00780fb-d343-4b0e-8eb5-f75c2b5a7448.tmp</t>
  </si>
  <si>
    <t>\\acsfs\profiles$\regisedsj\Downloads\c00780fb-d343-4b0e-8eb5-f75c2b5a7448.tmp</t>
  </si>
  <si>
    <t>c2a9753a-d20e-4827-a2bb-4b657741c223.tmp</t>
  </si>
  <si>
    <t>\\acsfs\profiles$\paulovadc\Downloads\c2a9753a-d20e-4827-a2bb-4b657741c223.tmp</t>
  </si>
  <si>
    <t>b65a8719-c448-44df-a08a-040928c1e8b4.tmp</t>
  </si>
  <si>
    <t>\\acsfs\profiles$\ayalabfi\Downloads\b65a8719-c448-44df-a08a-040928c1e8b4.tmp</t>
  </si>
  <si>
    <t>ab26fb9a-e230-49ba-b9ae-f2c85e09375b.tmp</t>
  </si>
  <si>
    <t>\\acsfs\profiles$\vivianealda\Downloads\ab26fb9a-e230-49ba-b9ae-f2c85e09375b.tmp</t>
  </si>
  <si>
    <t>3836b143-c62c-45db-b23f-f05ee70b155d.tmp</t>
  </si>
  <si>
    <t>\\acsfs\profiles$\joycemmdl\Downloads\3836b143-c62c-45db-b23f-f05ee70b155d.tmp</t>
  </si>
  <si>
    <t>9302ebe0-c553-421f-87d1-f104b98d06a7.tmp</t>
  </si>
  <si>
    <t>\\acsfs\profiles$\larissaad\Downloads\9302ebe0-c553-421f-87d1-f104b98d06a7.tmp</t>
  </si>
  <si>
    <t>14c7fac2-b118-4698-8632-32a41b917141.tmp</t>
  </si>
  <si>
    <t>\\acsfs\profiles$\larissaad\Downloads\14c7fac2-b118-4698-8632-32a41b917141.tmp</t>
  </si>
  <si>
    <t>lu145166npul.tmp</t>
  </si>
  <si>
    <t>\\acsfs\profiles$\VIVIANALDS\My Documents\lu145166npul.tmp</t>
  </si>
  <si>
    <t>\\acsfs\profiles$\VIVIANALDS\My Documents\lu145166npul.tmp\</t>
  </si>
  <si>
    <t>\\acsfs\profiles$\VIVIANALDS\My Documents\lu145166npul.tmp\META-INF\</t>
  </si>
  <si>
    <t>\\acsfs\profiles$\VIVIANALDS\My Documents\lu145166npul.tmp\Thumbnails\</t>
  </si>
  <si>
    <t>aa9a2209-9113-4f29-abec-4186532507dc.tmp</t>
  </si>
  <si>
    <t>\\acsfs\profiles$\joycemmdl\Downloads\aa9a2209-9113-4f29-abec-4186532507dc.tmp</t>
  </si>
  <si>
    <t>lu16188ru6ta.tmp</t>
  </si>
  <si>
    <t>\\acsfs\profiles$\victoriaksr\My Documents\lu16188ru6ta.tmp</t>
  </si>
  <si>
    <t>6bdc505d-548b-4826-b590-89ca9aa9ce6d.tmp</t>
  </si>
  <si>
    <t>\\acsfs\profiles$\gabrielamdp\Downloads\6bdc505d-548b-4826-b590-89ca9aa9ce6d.tmp</t>
  </si>
  <si>
    <t>9a0e17a9-d12e-43ec-b0d6-867fda0adbe4.tmp</t>
  </si>
  <si>
    <t>\\acsfs\profiles$\brendadsl\Downloads\9a0e17a9-d12e-43ec-b0d6-867fda0adbe4.tmp</t>
  </si>
  <si>
    <t>bdb9167d-9408-4ea7-bf40-d271e4987ab1.tmp</t>
  </si>
  <si>
    <t>\\acsfs\profiles$\brendadsl\Downloads\bdb9167d-9408-4ea7-bf40-d271e4987ab1.tmp</t>
  </si>
  <si>
    <t>719431b5-d8a5-44bf-99de-5e237dcd6dc0.tmp</t>
  </si>
  <si>
    <t>\\acsfs\profiles$\brendadsl\Downloads\719431b5-d8a5-44bf-99de-5e237dcd6dc0.tmp</t>
  </si>
  <si>
    <t>f0668274-47b5-471a-b1b9-6c23b1cd69e5.tmp</t>
  </si>
  <si>
    <t>\\acsfs\profiles$\brendadsl\Downloads\f0668274-47b5-471a-b1b9-6c23b1cd69e5.tmp</t>
  </si>
  <si>
    <t>7818e780-b177-418f-8c04-fa38893c95bb.tmp</t>
  </si>
  <si>
    <t>\\acsfs\profiles$\brendadsl\Downloads\7818e780-b177-418f-8c04-fa38893c95bb.tmp</t>
  </si>
  <si>
    <t>45d7d0b0-e1f1-4bc1-8712-c9e995b9698a.tmp</t>
  </si>
  <si>
    <t>\\acsfs\profiles$\brendadsl\Downloads\45d7d0b0-e1f1-4bc1-8712-c9e995b9698a.tmp</t>
  </si>
  <si>
    <t>056fabe3-3738-4e26-ae2c-b5295d5e1c43.tmp</t>
  </si>
  <si>
    <t>\\acsfs\profiles$\gabrielafs\Downloads\056fabe3-3738-4e26-ae2c-b5295d5e1c43.tmp</t>
  </si>
  <si>
    <t>0605dc67-2f30-43d9-99f6-d0fd39903aae.tmp</t>
  </si>
  <si>
    <t>\\acsfs\profiles$\regisedsj\Downloads\0605dc67-2f30-43d9-99f6-d0fd39903aae.tmp</t>
  </si>
  <si>
    <t>72af8228-eeec-4be3-adf4-31cc2b50abf9.tmp</t>
  </si>
  <si>
    <t>\\acsfs\profiles$\wenderbnm\Downloads\72af8228-eeec-4be3-adf4-31cc2b50abf9.tmp</t>
  </si>
  <si>
    <t>e82f08c2-bc6c-4b96-baa0-3decfe555b8c.tmp</t>
  </si>
  <si>
    <t>\\acsfs\profiles$\wenderbnm\Downloads\e82f08c2-bc6c-4b96-baa0-3decfe555b8c.tmp</t>
  </si>
  <si>
    <t>8b30c9a0-b5bb-4181-8986-268cbd2467d4.tmp</t>
  </si>
  <si>
    <t>\\acsfs\profiles$\ayalabfi\Downloads\8b30c9a0-b5bb-4181-8986-268cbd2467d4.tmp</t>
  </si>
  <si>
    <t>e5328d17-215d-42f8-a5f9-cd2be3ed0e13.tmp</t>
  </si>
  <si>
    <t>\\acsfs\profiles$\vivianalds\Downloads\e5328d17-215d-42f8-a5f9-cd2be3ed0e13.tmp</t>
  </si>
  <si>
    <t>lu16188ru6th.tmp</t>
  </si>
  <si>
    <t>\\acsfs\profiles$\victoriaksr\My Documents\lu16188ru6th.tmp</t>
  </si>
  <si>
    <t>5ea841e4-e1ec-4b69-bfd6-d12a97d799e2.tmp</t>
  </si>
  <si>
    <t>\\acsfs\profiles$\laylaams\Downloads\5ea841e4-e1ec-4b69-bfd6-d12a97d799e2.tmp</t>
  </si>
  <si>
    <t>cec4a3d2-a5d3-4d5a-ae93-4093a794c9a8.tmp</t>
  </si>
  <si>
    <t>\\acsfs\profiles$\gabrielamdp\Downloads\cec4a3d2-a5d3-4d5a-ae93-4093a794c9a8.tmp</t>
  </si>
  <si>
    <t>200a54e4-f960-4c68-bfbd-56b01bbb79bc.tmp</t>
  </si>
  <si>
    <t>\\acsfs\profiles$\brendadsl\Downloads\200a54e4-f960-4c68-bfbd-56b01bbb79bc.tmp</t>
  </si>
  <si>
    <t>dab0ff2b-aba3-4804-a700-15a480c42b92.tmp</t>
  </si>
  <si>
    <t>\\acsfs\profiles$\regisadsa\Downloads\dab0ff2b-aba3-4804-a700-15a480c42b92.tmp</t>
  </si>
  <si>
    <t>803db31e-cd16-43ab-b688-9464e793298b.tmp</t>
  </si>
  <si>
    <t>\\acsfs\profiles$\regisadsa\Downloads\803db31e-cd16-43ab-b688-9464e793298b.tmp</t>
  </si>
  <si>
    <t>144ead43-00f6-4a8f-a3fd-4643448f4e4b.tmp</t>
  </si>
  <si>
    <t>\\acsfs\profiles$\quindaizaagds\Downloads\144ead43-00f6-4a8f-a3fd-4643448f4e4b.tmp</t>
  </si>
  <si>
    <t>e7441985-d4d9-4dcd-89a5-505094def8ed.tmp</t>
  </si>
  <si>
    <t>\\acsfs\profiles$\quindaizaagds\Downloads\e7441985-d4d9-4dcd-89a5-505094def8ed.tmp</t>
  </si>
  <si>
    <t>622bd0cf-dece-4850-8d7a-1abe9484911b.tmp</t>
  </si>
  <si>
    <t>\\acsfs\profiles$\quindaizaagds\Downloads\622bd0cf-dece-4850-8d7a-1abe9484911b.tmp</t>
  </si>
  <si>
    <t>6b05d382-afed-4385-a359-b408e8e77e32.tmp</t>
  </si>
  <si>
    <t>\\acsfs\profiles$\quindaizaagds\Downloads\6b05d382-afed-4385-a359-b408e8e77e32.tmp</t>
  </si>
  <si>
    <t>4666bd2c-c97b-4dcc-bf3d-4da3303367a8.tmp</t>
  </si>
  <si>
    <t>\\acsfs\profiles$\quindaizaagds\Downloads\4666bd2c-c97b-4dcc-bf3d-4da3303367a8.tmp</t>
  </si>
  <si>
    <t>74d1c283-4e60-44d2-8daf-a180ba5a3bf4.tmp</t>
  </si>
  <si>
    <t>\\acsfs\profiles$\quindaizaagds\Downloads\74d1c283-4e60-44d2-8daf-a180ba5a3bf4.tmp</t>
  </si>
  <si>
    <t>cb55e0ee-b057-495f-b0af-294d6d1a5ed2.tmp</t>
  </si>
  <si>
    <t>\\acsfs\profiles$\quindaizaagds\Downloads\cb55e0ee-b057-495f-b0af-294d6d1a5ed2.tmp</t>
  </si>
  <si>
    <t>e89790f7-94a9-47d1-957d-3fb3c81b1c92.tmp</t>
  </si>
  <si>
    <t>\\acsfs\profiles$\quindaizaagds\Downloads\e89790f7-94a9-47d1-957d-3fb3c81b1c92.tmp</t>
  </si>
  <si>
    <t>03e3f44e-adf1-4928-88a0-e22512ce4c96.tmp</t>
  </si>
  <si>
    <t>\\acsfs\profiles$\quindaizaagds\Downloads\03e3f44e-adf1-4928-88a0-e22512ce4c96.tmp</t>
  </si>
  <si>
    <t>5a477d83-4b85-4329-9055-a6da3ffc3fa0.tmp</t>
  </si>
  <si>
    <t>\\acsfs\profiles$\quindaizaagds\Downloads\5a477d83-4b85-4329-9055-a6da3ffc3fa0.tmp</t>
  </si>
  <si>
    <t>100de822-756a-40a8-98c5-7578df271080.tmp</t>
  </si>
  <si>
    <t>\\acsfs\profiles$\quindaizaagds\Downloads\100de822-756a-40a8-98c5-7578df271080.tmp</t>
  </si>
  <si>
    <t>c24ad8e5-e80f-4df1-8b8e-626439c8607d.tmp</t>
  </si>
  <si>
    <t>\\acsfs\profiles$\sarahbal\Downloads\c24ad8e5-e80f-4df1-8b8e-626439c8607d.tmp</t>
  </si>
  <si>
    <t>5e0ac3ce-7b73-4253-a3c0-f546be87d1fa.tmp</t>
  </si>
  <si>
    <t>\\acsfs\profiles$\fabianafv\Downloads\5e0ac3ce-7b73-4253-a3c0-f546be87d1fa.tmp</t>
  </si>
  <si>
    <t>C:\Users\kesiadof\Downloads\MODELO DE LAUDO EM BRANCO (5) - Cópia - Cópia - Cópia.docx\</t>
  </si>
  <si>
    <t>image10.wmf</t>
  </si>
  <si>
    <t>image20.wmf</t>
  </si>
  <si>
    <t>MODELO DE LAUDO EM BRANCO (5) - Cópia - Cópia - Cópia.docx</t>
  </si>
  <si>
    <t>9de601a8-f6e9-4ad4-9e22-9b73d6e82af0.tmp</t>
  </si>
  <si>
    <t>\\acsfs\profiles$\gabrielamdp\Downloads\9de601a8-f6e9-4ad4-9e22-9b73d6e82af0.tmp</t>
  </si>
  <si>
    <t>e623c318-facd-41ec-ba1f-d271ada90337.tmp</t>
  </si>
  <si>
    <t>\\acsfs\profiles$\KARENJSS\Downloads\e623c318-facd-41ec-ba1f-d271ada90337.tmp</t>
  </si>
  <si>
    <t>1807f203-69b7-4d3c-b1e8-f36e5efcd4c5.tmp</t>
  </si>
  <si>
    <t>\\acsfs\profiles$\KARENJSS\Downloads\1807f203-69b7-4d3c-b1e8-f36e5efcd4c5.tmp</t>
  </si>
  <si>
    <t>Não confirmado 65321.crdownload</t>
  </si>
  <si>
    <t>\\acsfs\ACS\Gabriel da Silva\Contemporânea\NPS\NPS_Voz\Janeiro.20\Não confirmado 65321.crdownload</t>
  </si>
  <si>
    <t>f749f360-e325-4fa8-94b8-1a44b49b4172.tmp</t>
  </si>
  <si>
    <t>\\acsfs\profiles$\regisadsa\Downloads\f749f360-e325-4fa8-94b8-1a44b49b4172.tmp</t>
  </si>
  <si>
    <t>66507d53-8515-43af-af50-60c634740918.tmp</t>
  </si>
  <si>
    <t>\\acsfs\profiles$\quindaizaagds\Downloads\66507d53-8515-43af-af50-60c634740918.tmp</t>
  </si>
  <si>
    <t>d237c734-4f3d-4e63-97f7-f77c07c50422.tmp</t>
  </si>
  <si>
    <t>\\acsfs\profiles$\fabianafv\Downloads\d237c734-4f3d-4e63-97f7-f77c07c50422.tmp</t>
  </si>
  <si>
    <t>C:\Users\kesiadof\Downloads\LAUDO.docx\</t>
  </si>
  <si>
    <t>\\acsfs\Deptos\EDUCACAO EMPRESARIAL\KÉSIA\LAUDO.docx</t>
  </si>
  <si>
    <t>LAUDO.docx</t>
  </si>
  <si>
    <t>0b3018b4-d584-4302-b9df-27bc33714db1.tmp</t>
  </si>
  <si>
    <t>\\acsfs\profiles$\KARENJSS\Downloads\0b3018b4-d584-4302-b9df-27bc33714db1.tmp</t>
  </si>
  <si>
    <t>01f2d158-5295-4d30-a392-7d0d6ab0aaa1.tmp</t>
  </si>
  <si>
    <t>\\acsfs\profiles$\KARENJSS\Downloads\01f2d158-5295-4d30-a392-7d0d6ab0aaa1.tmp</t>
  </si>
  <si>
    <t>2d40b029-3234-490d-bca2-3d5ad17dbe29.tmp</t>
  </si>
  <si>
    <t>\\acsfs\profiles$\alinepp\Downloads\2d40b029-3234-490d-bca2-3d5ad17dbe29.tmp</t>
  </si>
  <si>
    <t>2ab3cd67-90b9-4e62-89cf-7702cbdb6331.tmp</t>
  </si>
  <si>
    <t>\\acsfs\profiles$\alinepp\Downloads\2ab3cd67-90b9-4e62-89cf-7702cbdb6331.tmp</t>
  </si>
  <si>
    <t>bd0bd80e-5a89-4565-b71a-026c439f08ff.tmp</t>
  </si>
  <si>
    <t>\\acsfs\profiles$\alinepp\Downloads\bd0bd80e-5a89-4565-b71a-026c439f08ff.tmp</t>
  </si>
  <si>
    <t>7ae2dd33-e3d0-4f38-8ca2-a06289e8632f.tmp</t>
  </si>
  <si>
    <t>\\acsfs\profiles$\alinepp\Downloads\7ae2dd33-e3d0-4f38-8ca2-a06289e8632f.tmp</t>
  </si>
  <si>
    <t>c3d5b066-49bc-41c3-bdd4-39b2f507d254.tmp</t>
  </si>
  <si>
    <t>\\acsfs\profiles$\alinepp\Downloads\c3d5b066-49bc-41c3-bdd4-39b2f507d254.tmp</t>
  </si>
  <si>
    <t>http:///batch?%24ct=multipart%2Fmixed%3B%20boundary%3D%22%3D%3D%3D%3D%3Dh2wzld5lc659%3D%3D%3D%3D%3D%22&amp;key=AIzaSyAy9VVXHSpS2IJpptzYtGbLP3-3_l0aBk4</t>
  </si>
  <si>
    <t>http:///batch?%24ct=multipart%2Fmixed%3B%20boundary%3D%22%3D%3D%3D%3D%3Djln9qavqlsbw%3D%3D%3D%3D%3D%22&amp;key=AIzaSyAy9VVXHSpS2IJpptzYtGbLP3-3_l0aBk4</t>
  </si>
  <si>
    <t>http:///batch?%24ct=multipart%2Fmixed%3B%20boundary%3D%22%3D%3D%3D%3D%3Dr7yn8q7l0t2w%3D%3D%3D%3D%3D%22&amp;key=AIzaSyAy9VVXHSpS2IJpptzYtGbLP3-3_l0aBk4</t>
  </si>
  <si>
    <t>ancestorhasaugmentedpermissions;containsunsubscribedchildren;dis;displayname;domain;emailaddress;file(kind;fileid;filesize;hasthumbnail;hasvisitorpermissions;id;id);items(deleted;ken;kind;lastmodifyi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tedpermissions,containsunsubscribedchildren,dis,displayname,domain,emailaddress,file(kind,fileid,filesize,hasthumbnail,hasvisitorpermissions,id,id),items(deleted,ken,kind,lastmodifyi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kt5s0x9tbje4%3D%3D%3D%3D%3D%22&amp;key=AIzaSyAy9VVXHSpS2IJpptzYtGbLP3-3_l0aBk4</t>
  </si>
  <si>
    <t>ancestorhasaugmen;ancestorhasaugmentedpermissions;containsunsubscribedchildren;dis;displayname;domain;emaila;emailaddress;file(kind;fileid;filesize;hasthumbnail;hasvisitorpermissions;id;id);items(deleted;ken;kind;lastmodifyi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,ancestorhasaugmentedpermissions,containsunsubscribedchildren,dis,displayname,domain,emaila,emailaddress,file(kind,fileid,filesize,hasthumbnail,hasvisitorpermissions,id,id),items(deleted,ken,kind,lastmodifyi,lastmodifyinguser(kind,lastviewedbymedate,modifiedbymedate,modifieddate,ontainsunsubscribedchildren,owners(kind,per,permissionid,picture,rpermissions,shared,sharedwithmedate,thumbnailversion,title,userpermission(role),workspaceids</t>
  </si>
  <si>
    <t>http:///batch?%24ct=multipart%2Fmixed%3B%20boundary%3D%22%3D%3D%3D%3D%3D77wvr63t27m8%3D%3D%3D%3D%3D%22&amp;key=AIzaSyAy9VVXHSpS2IJpptzYtGbLP3-3_l0aBk4</t>
  </si>
  <si>
    <t>http:///batch?%24ct=multipart%2Fmixed%3B%20boundary%3D%22%3D%3D%3D%3D%3Dt3mtjruwfiwo%3D%3D%3D%3D%3D%22&amp;key=AIzaSyAy9VVXHSpS2IJpptzYtGbLP3-3_l0aBk4</t>
  </si>
  <si>
    <t>http:///batch?%24ct=multipart%2Fmixed%3B%20boundary%3D%22%3D%3D%3D%3D%3D9vtp5ti5704n%3D%3D%3D%3D%3D%22&amp;key=AIzaSyAy9VVXHSpS2IJpptzYtGbLP3-3_l0aBk4</t>
  </si>
  <si>
    <t>http:///batch?%24ct=multipart%2Fmixed%3B%20boundary%3D%22%3D%3D%3D%3D%3D8xyc18n7poi%3D%3D%3D%3D%3D%22&amp;key=AIzaSyAy9VVXHSpS2IJpptzYtGbLP3-3_l0aBk4</t>
  </si>
  <si>
    <t>http:///batch?%24ct=multipart%2Fmixed%3B%20boundary%3D%22%3D%3D%3D%3D%3Doryickh2woyc%3D%3D%3D%3D%3D%22&amp;key=AIzaSyAy9VVXHSpS2IJpptzYtGbLP3-3_l0aBk4</t>
  </si>
  <si>
    <t>http:///batch?%24ct=multipart%2Fmixed%3B%20boundary%3D%22%3D%3D%3D%3D%3D3zurek80a8p%3D%3D%3D%3D%3D%22&amp;key=AIzaSyAy9VVXHSpS2IJpptzYtGbLP3-3_l0aBk4</t>
  </si>
  <si>
    <t>0;0.491;0.491];0.668;0];1011.634999999842;1013.3900000000722;12.854];137.449;21.464;21.464];3;38.750000000618456;4.324999999880674;4.815000000235159;4.842;43.79999999946449;43.83499999948981;46.61500000020169;47.25499999949534;49.40499999975145;57.13999999989028;6.009];700";890.048];890.664999999899;890.8599999995204;901.8799999994371;902.5799999999435;902.8650000000198;903.0999999995402;903.440000000046;:400;["https://www.gstatic.com/images/branding/googlelogo/s;css;https://apis.google.com/js/api.js;https://drive.google.com/_/drive_fe/_/ss/k=drive_fe.main.-gmtuyfb358zg.l.w.o/am=mbrqmnyi_cf4iqam/d=0/ct=zgms/rs=afb8gszwmchzjen06kyx7k2bwm_fm3kc2g;https://fonts.gstatic.com/s/googlesans/v14/4uagrenhsxjlgdugo1oill3owp4.woff2;https://lh3.googleusercontent.com/-5zafbiayz9e/aaaaaaaaaai/aaaaaaaaaaa/achi3rfkm0fbp8ijga2phgulxs6awanbsg.cmid/s32-c/photo.jpg;https://ssl.gstatic.com/images/icons/material/system/svg/help_outline_24px.svg;https://ssl.gstatic.com/images/icons/material/system_gm/svg/settings_24px.svg;https://ww</t>
  </si>
  <si>
    <t>http://0,0.491,0.491],0.668,0],1011.634999999842,1013.3900000000722,12.854],137.449,21.464,21.464],3,38.750000000618456,4.324999999880674,4.815000000235159,4.842,43.79999999946449,43.83499999948981,46.61500000020169,47.25499999949534,49.40499999975145,57.13999999989028,6.009],700",890.048],890.664999999899,890.8599999995204,901.8799999994371,902.5799999999435,902.8650000000198,903.0999999995402,903.440000000046,:400,["https://www.gstatic.com/images/branding/googlelogo/s,css,https://apis.google.com/js/api.js,https://drive.google.com/_/drive_fe/_/ss/k=drive_fe.main.-gmtuyfb358zg.l.w.o/am=mbrqmnyi_cf4iqam/d=0/ct=zgms/rs=afb8gszwmchzjen06kyx7k2bwm_fm3kc2g,https://fonts.gstatic.com/s/googlesans/v14/4uagrenhsxjlgdugo1oill3owp4.woff2,https://lh3.googleusercontent.com/-5zafbiayz9e/aaaaaaaaaai/aaaaaaaaaaa/achi3rfkm0fbp8ijga2phgulxs6awanbsg.cmid/s32-c/photo.jpg,https://ssl.gstatic.com/images/icons/material/system/svg/help_outline_24px.svg,https://ssl.gstatic.com/images/icons/material/system_gm/svg/settings_24px.svg,htt</t>
  </si>
  <si>
    <t>0;0.491;0.491];0.668;0];1011.634999999842;1013.3900000000722;1014.0599999995175;1014.6799999993164;1016.4299999996729;1039.2099999999118;1054.1199999997843;1054.8049999997602;1071.8849999993836;1080.8600000000297;12.854];1252.3649999993722;127.98500000008062;13.636;13.78999999997177;1300.8549999995012;137.449;1398.8899999994828;15.344;15.344];15.552;15.552];1590.918];17.585000000508444;176.26000000018394;179.95500000051834;2.209999999649881;21.464;21.464];21.7;21.7];27.27500000037253;28.74500000052649;3;3.0249999999796273;3.6900000004607136;33.212;33.212];38.434];38.750000000618456;4;4.324999999880674;4.815000000235159;4.842;43.79999999946449;43.83499999948981;46.61500000020169;47.25499999949534;49.40499999975145;5;508.184;57.13999999989028;6.009];700";890.048];890.664999999899;890.8599999995204;901.8799999994371;902.5799999999435;902.8650000000198;903.0999999995402;903.440000000046;:400;["https://clients6.google.com/drive/v2internal/about?opendrive=true&amp;reason=301&amp;synctype=0&amp;errorrecovery=false&amp;fields=kind%2</t>
  </si>
  <si>
    <t>http://0,0.491,0.491],0.668,0],1011.634999999842,1013.3900000000722,1014.0599999995175,1014.6799999993164,1016.4299999996729,1039.2099999999118,1054.1199999997843,1054.8049999997602,1071.8849999993836,1080.8600000000297,12.854],1252.3649999993722,127.98500000008062,13.636,13.78999999997177,1300.8549999995012,137.449,1398.8899999994828,15.344,15.344],15.552,15.552],1590.918],17.585000000508444,176.26000000018394,179.95500000051834,2.209999999649881,21.464,21.464],21.7,21.7],27.27500000037253,28.74500000052649,3,3.0249999999796273,3.6900000004607136,33.212,33.212],38.434],38.750000000618456,4,4.324999999880674,4.815000000235159,4.842,43.79999999946449,43.83499999948981,46.61500000020169,47.25499999949534,49.40499999975145,5,508.184,57.13999999989028,6.009],700",890.048],890.664999999899,890.8599999995204,901.8799999994371,902.5799999999435,902.8650000000198,903.0999999995402,903.440000000046,:400,["https://clients6.google.com/drive/v2internal/about?opendrive=true&amp;reason=301&amp;synctype=0&amp;errorrecovery=false&amp;fields</t>
  </si>
  <si>
    <t>0;0.491;0.491];0.668;0];1011.634999999842;1013.3900000000722;1014.0599999995175;1014.6799999993164;1016.4299999996729;1039.2099999999118;1054.1199999997843;1054.8049999997602;1071.8849999993836;1080.8600000000297;12.854];1252.3649999993722;127.128;127.98500000008062;13.636;13.78999999997177;1300.8549999995012;137.449;1398.8899999994828;1404.3599999995422;1410.129999999299;1481.019999999262;15.344;15.344];15.552;15.552];1526.6649999994115;153.14500000022235;1590.918];17.585000000508444;176.26000000018394;179.95500000051834;197.055000000546;197.7550000001429;2.209999999649881;202.9899999997724;21.464;21.464];21.7;21.7];27.27500000037253;28.74500000052649;3;3.0249999999796273;3.6900000004607136;33.212;33.212];38.434];38.750000000618456;4;4.324999999880674;4.815000000235159;4.842;43.79999999946449;43.83499999948981;445.369];46.61500000020169;47.25499999949534;49.40499999975145;5;508.184;57.13999999989028;6.009];700";890.048];890.664999999899;890.8599999995204;901.8799999994371;902.5799999999435;902.8650000000198;</t>
  </si>
  <si>
    <t>http://0,0.491,0.491],0.668,0],1011.634999999842,1013.3900000000722,1014.0599999995175,1014.6799999993164,1016.4299999996729,1039.2099999999118,1054.1199999997843,1054.8049999997602,1071.8849999993836,1080.8600000000297,12.854],1252.3649999993722,127.128,127.98500000008062,13.636,13.78999999997177,1300.8549999995012,137.449,1398.8899999994828,1404.3599999995422,1410.129999999299,1481.019999999262,15.344,15.344],15.552,15.552],1526.6649999994115,153.14500000022235,1590.918],17.585000000508444,176.26000000018394,179.95500000051834,197.055000000546,197.7550000001429,2.209999999649881,202.9899999997724,21.464,21.464],21.7,21.7],27.27500000037253,28.74500000052649,3,3.0249999999796273,3.6900000004607136,33.212,33.212],38.434],38.750000000618456,4,4.324999999880674,4.815000000235159,4.842,43.79999999946449,43.83499999948981,445.369],46.61500000020169,47.25499999949534,49.40499999975145,5,508.184,57.13999999989028,6.009],700",890.048],890.664999999899,890.8599999995204,901.8799999994371,902.5799999999435,902.8650000</t>
  </si>
  <si>
    <t>0;0.491;0.491];0.668;0];1.553;1011.634999999842;1013.3900000000722;1014.0599999995175;1014.6799999993164;1016.4299999996729;1039.2099999999118;1054.1199999997843;1054.8049999997602;1071.8849999993836;1080.8600000000297;12.854];1252.3649999993722;127.128;127.98500000008062;13.636;13.78999999997177;1300.8549999995012;137.449;139.41500000055385;139.89499999934196;1398.8899999994828;1404.3599999995422;1410.129999999299;1413.2849999996324;1481.019999999262;15.344;15.344];15.436;15.436];15.552;15.552];1526.6649999994115;153.14500000022235;1552.165000000059;1590.918];1680.4349999993065;17.585000000508444;1725.4499999999098;176.26000000018394;179.95500000051834;1968.5549999994691;197.055000000546;197.7550000001429;2.209999999649881;202.9899999997724;2083.5950000000594;21.464;21.464];21.7;21.7];27.27500000037253;276.70500000022;28.74500000052649;3;3.0249999999796273;3.6900000004607136;3.791];33.212;33.212];38.434];38.750000000618456;4;4.324999999880674;4.609999999956926;4.815000000235159;4.842;43.79999999946449;43.834</t>
  </si>
  <si>
    <t>http://0,0.491,0.491],0.668,0],1.553,1011.634999999842,1013.3900000000722,1014.0599999995175,1014.6799999993164,1016.4299999996729,1039.2099999999118,1054.1199999997843,1054.8049999997602,1071.8849999993836,1080.8600000000297,12.854],1252.3649999993722,127.128,127.98500000008062,13.636,13.78999999997177,1300.8549999995012,137.449,139.41500000055385,139.89499999934196,1398.8899999994828,1404.3599999995422,1410.129999999299,1413.2849999996324,1481.019999999262,15.344,15.344],15.436,15.436],15.552,15.552],1526.6649999994115,153.14500000022235,1552.165000000059,1590.918],1680.4349999993065,17.585000000508444,1725.4499999999098,176.26000000018394,179.95500000051834,1968.5549999994691,197.055000000546,197.7550000001429,2.209999999649881,202.9899999997724,2083.5950000000594,21.464,21.464],21.7,21.7],27.27500000037253,276.70500000022,28.74500000052649,3,3.0249999999796273,3.6900000004607136,3.791],33.212,33.212],38.434],38.750000000618456,4,4.324999999880674,4.609999999956926,4.815000000235159,4.842,43.79999999946449</t>
  </si>
  <si>
    <t>0;0.491;0.491];0.591;0.668;0.973;0];1.274];1.553;1011.634999999842;1013.3900000000722;1014.0599999995175;1014.6799999993164;1016.4299999996729;1039.2099999999118;1054.1199999997843;1054.8049999997602;1071.8849999993836;1080.8600000000297;110.0349999996979;12.854];12.924];1252.3649999993722;127.128;127.98500000008062;13.636;13.78999999997177;1300.8549999995012;137.449;139.41500000055385;139.89499999934196;1398.8899999994828;1404.3599999995422;1410.129999999299;1413.2849999996324;1481.019999999262;15.344;15.344];15.436;15.436];15.552;15.552];1526.6649999994115;153.14500000022235;1552.165000000059;1590.918];160.11000000071363;1680.4349999993065;17.585000000508444;1725.4499999999098;176.26000000018394;179.95500000051834;1968.5549999994691;197.055000000546;197.7550000001429;2.209999999649881;2.301];2.434999999422871;2016.9999999998254;202.9899999997724;2083.5950000000594;21.464;21.464];21.7;21.7];2139.934999999241;217.4];2179.540000000088;2207.9649999996036;2243.6250000000655;23.56000000054337;2303.484999999455;27</t>
  </si>
  <si>
    <t>http://0,0.491,0.491],0.591,0.668,0.973,0],1.274],1.553,1011.634999999842,1013.3900000000722,1014.0599999995175,1014.6799999993164,1016.4299999996729,1039.2099999999118,1054.1199999997843,1054.8049999997602,1071.8849999993836,1080.8600000000297,110.0349999996979,12.854],12.924],1252.3649999993722,127.128,127.98500000008062,13.636,13.78999999997177,1300.8549999995012,137.449,139.41500000055385,139.89499999934196,1398.8899999994828,1404.3599999995422,1410.129999999299,1413.2849999996324,1481.019999999262,15.344,15.344],15.436,15.436],15.552,15.552],1526.6649999994115,153.14500000022235,1552.165000000059,1590.918],160.11000000071363,1680.4349999993065,17.585000000508444,1725.4499999999098,176.26000000018394,179.95500000051834,1968.5549999994691,197.055000000546,197.7550000001429,2.209999999649881,2.301],2.434999999422871,2016.9999999998254,202.9899999997724,2083.5950000000594,21.464,21.464],21.7,21.7],2139.934999999241,217.4],2179.540000000088,2207.9649999996036,2243.6250000000655,23.56000000054337,2303.48499999</t>
  </si>
  <si>
    <t>0;0.491;0.491];0.591;0.668;0.973;0];1.274];1.553;1011.634999999842;1013.3900000000722;1014.0599999995175;1014.6799999993164;1016.4299999996729;1039.2099999999118;1054.1199999997843;1054.8049999997602;1071.8849999993836;1080.8600000000297;110.0349999996979;12.854];12.924];1252.3649999993722;127.128;127.98500000008062;13.636;13.78999999997177;1300.8549999995012;137.449;139.41500000055385;139.89499999934196;1398.8899999994828;1404.3599999995422;1410.129999999299;1413.2849999996324;1481.019999999262;15.344;15.344];15.436;15.436];15.552;15.552];1526.6649999994115;153.14500000022235;1552.165000000059;1590.918];160.11000000071363;1680.4349999993065;17.585000000508444;1725.4499999999098;176.26000000018394;179.95500000051834;1968.5549999994691;197.055000000546;197.7550000001429;2.209999999649881;2.301];2.434999999422871;2016.9999999998254;202.9899999997724;2083.5950000000594;21.464;21.464];21.7;21.7];2139.934999999241;217.4];2179.540000000088;2207.9649999996036;2243.6250000000655;23.56000000054337;2302.824999999757;23</t>
  </si>
  <si>
    <t>http://0,0.491,0.491],0.591,0.668,0.973,0],1.274],1.553,1011.634999999842,1013.3900000000722,1014.0599999995175,1014.6799999993164,1016.4299999996729,1039.2099999999118,1054.1199999997843,1054.8049999997602,1071.8849999993836,1080.8600000000297,110.0349999996979,12.854],12.924],1252.3649999993722,127.128,127.98500000008062,13.636,13.78999999997177,1300.8549999995012,137.449,139.41500000055385,139.89499999934196,1398.8899999994828,1404.3599999995422,1410.129999999299,1413.2849999996324,1481.019999999262,15.344,15.344],15.436,15.436],15.552,15.552],1526.6649999994115,153.14500000022235,1552.165000000059,1590.918],160.11000000071363,1680.4349999993065,17.585000000508444,1725.4499999999098,176.26000000018394,179.95500000051834,1968.5549999994691,197.055000000546,197.7550000001429,2.209999999649881,2.301],2.434999999422871,2016.9999999998254,202.9899999997724,2083.5950000000594,21.464,21.464],21.7,21.7],2139.934999999241,217.4],2179.540000000088,2207.9649999996036,2243.6250000000655,23.56000000054337,2302.82499999</t>
  </si>
  <si>
    <t>08d59387-2164-4764-9e1a-cb5808bd6a69.tmp</t>
  </si>
  <si>
    <t>\\acsfs\profiles$\regisadsa\Downloads\08d59387-2164-4764-9e1a-cb5808bd6a69.tmp</t>
  </si>
  <si>
    <t>9871ec57-4a1f-4730-98cf-8b0816ea31f2.tmp</t>
  </si>
  <si>
    <t>\\acsfs\profiles$\wenderbnm\Downloads\9871ec57-4a1f-4730-98cf-8b0816ea31f2.tmp</t>
  </si>
  <si>
    <t>fb36c4a3-d3fd-4491-b657-e638cfe6ebd9.tmp</t>
  </si>
  <si>
    <t>\\acsfs\profiles$\inarajst\Downloads\fb36c4a3-d3fd-4491-b657-e638cfe6ebd9.tmp</t>
  </si>
  <si>
    <t>4d4cb715-1a17-42f2-85f9-31fd54609824.tmp</t>
  </si>
  <si>
    <t>\\acsfs\profiles$\kamilamrc\Downloads\4d4cb715-1a17-42f2-85f9-31fd54609824.tmp</t>
  </si>
  <si>
    <t>06eb8636-00a8-4d59-b965-6f2da72fc465.tmp</t>
  </si>
  <si>
    <t>\\acsfs\profiles$\kamilamrc\Downloads\06eb8636-00a8-4d59-b965-6f2da72fc465.tmp</t>
  </si>
  <si>
    <t>http:///batch?%24ct=multipart%2Fmixed%3B%20boundary%3D%22%3D%3D%3D%3D%3Dfck019uqloxh%3D%3D%3D%3D%3D%22&amp;key=AIzaSyAy9VVXHSpS2IJpptzYtGbLP3-3_l0aBk4</t>
  </si>
  <si>
    <t>http:///batch?%24ct=multipart%2Fmixed%3B%20boundary%3D%22%3D%3D%3D%3D%3D2avzlhnf4yp5%3D%3D%3D%3D%3D%22&amp;key=AIzaSyAy9VVXHSpS2IJpptzYtGbLP3-3_l0aBk4</t>
  </si>
  <si>
    <t>http:///batch?%24ct=multipart%2Fmixed%3B%20boundary%3D%22%3D%3D%3D%3D%3D9trzfbo20ddh%3D%3D%3D%3D%3D%22&amp;key=AIzaSyAy9VVXHSpS2IJpptzYtGbLP3-3_l0aBk4</t>
  </si>
  <si>
    <t>2a276564-0e0f-4962-a00e-cf4b7e5f5973.tmp</t>
  </si>
  <si>
    <t>\\acsfs\profiles$\larissaad\Downloads\2a276564-0e0f-4962-a00e-cf4b7e5f5973.tmp</t>
  </si>
  <si>
    <t>5ee5e66a-bd85-4cf1-8c89-b190d86a84b2.tmp</t>
  </si>
  <si>
    <t>\\acsfs\profiles$\kamilamrc\Downloads\5ee5e66a-bd85-4cf1-8c89-b190d86a84b2.tmp</t>
  </si>
  <si>
    <t>b17781f3-21d2-4c6f-b113-ef34c7c44119.tmp</t>
  </si>
  <si>
    <t>\\acsfs\profiles$\kamilamrc\Downloads\b17781f3-21d2-4c6f-b113-ef34c7c44119.tmp</t>
  </si>
  <si>
    <t>349d1ffb-28cd-4786-8f2b-5facc6a6ba81.tmp</t>
  </si>
  <si>
    <t>\\acsfs\profiles$\kamilamrc\Downloads\349d1ffb-28cd-4786-8f2b-5facc6a6ba81.tmp</t>
  </si>
  <si>
    <t>a90baba7-70dd-4bb1-92d0-bfa4f9194f9a.tmp</t>
  </si>
  <si>
    <t>\\acsfs\profiles$\kamilamrc\Downloads\a90baba7-70dd-4bb1-92d0-bfa4f9194f9a.tmp</t>
  </si>
  <si>
    <t>\\acsfs\profiles$\gleycekos\My Documents\dbxwc\</t>
  </si>
  <si>
    <t>\\acsfs\profiles$\gleycekos\My Documents\dbxwc\dbxwc.xwc</t>
  </si>
  <si>
    <t>lu15148upe0c.tmp</t>
  </si>
  <si>
    <t>\\acsfs\profiles$\marcellewdl\My Documents\lu15148upe0c.tmp</t>
  </si>
  <si>
    <t>\\acsfs\profiles$\marcellewdl\My Documents\lu15148upe0c.tmp\</t>
  </si>
  <si>
    <t>\\acsfs\profiles$\marcellewdl\My Documents\lu15148upe0c.tmp\META-INF\</t>
  </si>
  <si>
    <t>\\acsfs\profiles$\marcellewdl\My Documents\lu15148upe0c.tmp\Thumbnails\</t>
  </si>
  <si>
    <t>eca0b3c6-5500-40c3-8fee-c4801909c06a.tmp</t>
  </si>
  <si>
    <t>\\acsfs\profiles$\edicarlosdl\Downloads\eca0b3c6-5500-40c3-8fee-c4801909c06a.tmp</t>
  </si>
  <si>
    <t>29e7e09a-50b6-42f0-bcd2-04b7a4b2f6be.tmp</t>
  </si>
  <si>
    <t>\\acsfs\profiles$\gabrielamdp\Downloads\29e7e09a-50b6-42f0-bcd2-04b7a4b2f6be.tmp</t>
  </si>
  <si>
    <t>7637ff2e-659e-4abc-9815-7aa7aa7a11fb.tmp</t>
  </si>
  <si>
    <t>\\acsfs\profiles$\brendadsl\Downloads\7637ff2e-659e-4abc-9815-7aa7aa7a11fb.tmp</t>
  </si>
  <si>
    <t>59d18efd-e2e1-48e6-a8ea-d441dab73b09.tmp</t>
  </si>
  <si>
    <t>\\acsfs\profiles$\LUCASNS\Downloads\59d18efd-e2e1-48e6-a8ea-d441dab73b09.tmp</t>
  </si>
  <si>
    <t>98fbd601-2e72-421e-8e06-dc1afc5152cf.tmp</t>
  </si>
  <si>
    <t>\\acsfs\profiles$\matheusmax\Downloads\98fbd601-2e72-421e-8e06-dc1afc5152cf.tmp</t>
  </si>
  <si>
    <t>5c557709-f422-4870-9ea9-0e6afb4aca29.tmp</t>
  </si>
  <si>
    <t>\\acsfs\profiles$\matheusmax\Downloads\5c557709-f422-4870-9ea9-0e6afb4aca29.tmp</t>
  </si>
  <si>
    <t>c1478daa-0211-4bb9-82cc-e752a2bfbde1.tmp</t>
  </si>
  <si>
    <t>\\acsfs\profiles$\LUISPLS\Downloads\c1478daa-0211-4bb9-82cc-e752a2bfbde1.tmp</t>
  </si>
  <si>
    <t>31efd0b3-0853-466f-99c6-11c786fa0965.tmp</t>
  </si>
  <si>
    <t>\\acsfs\profiles$\edicarlosdl\Downloads\31efd0b3-0853-466f-99c6-11c786fa0965.tmp</t>
  </si>
  <si>
    <t>52944e39-dd88-4bfe-a75e-2e4c3ac6eb18.tmp</t>
  </si>
  <si>
    <t>\\acsfs\profiles$\gabrielamdp\Downloads\52944e39-dd88-4bfe-a75e-2e4c3ac6eb18.tmp</t>
  </si>
  <si>
    <t>http:///batch?%24ct=multipart%2Fmixed%3B%20boundary%3D%22%3D%3D%3D%3D%3Derto8ced58ip%3D%3D%3D%3D%3D%22&amp;key=AIzaSyAy9VVXHSpS2IJpptzYtGbLP3-3_l0aBk4</t>
  </si>
  <si>
    <t>8ced58ip===;ancestorhasaugmen;displayname;domain;emailaddress;filesize;id);lastmodifyinguser(kind;lastviewedbymedate;modifiedbymedate;ontainsunsubscribedchildren;owners(kind;permissionid;picture;workspaceids;</t>
  </si>
  <si>
    <t>http://8ced58ip===,ancestorhasaugmen,displayname,domain,emailaddress,filesize,id),lastmodifyinguser(kind,lastviewedbymedate,modifiedbymedate,ontainsunsubscribedchildren,owners(kind,permissionid,picture,workspaceids</t>
  </si>
  <si>
    <t>http:///batch?%24ct=multipart%2Fmixed%3B%20boundary%3D%22%3D%3D%3D%3D%3Dyxjiu7i6g3hi%3D%3D%3D%3D%3D%22&amp;key=AIzaSyAy9VVXHSpS2IJpptzYtGbLP3-3_l0aBk4</t>
  </si>
  <si>
    <t>8ced58ip===;ancestorhasaugmen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8ced58ip===,ancestorhasaugmen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hkibjjof7nnm%3D%3D%3D%3D%3D%22&amp;key=AIzaSyAy9VVXHSpS2IJpptzYtGbLP3-3_l0aBk4</t>
  </si>
  <si>
    <t>http:///batch?%24ct=multipart%2Fmixed%3B%20boundary%3D%22%3D%3D%3D%3D%3D7ta97jf9k741%3D%3D%3D%3D%3D%22&amp;key=AIzaSyAy9VVXHSpS2IJpptzYtGbLP3-3_l0aBk4</t>
  </si>
  <si>
    <t>ac72a84c-854e-47d9-8c07-50e56fdc7cdf.tmp</t>
  </si>
  <si>
    <t>\\acsfs\profiles$\larissaad\Downloads\ac72a84c-854e-47d9-8c07-50e56fdc7cdf.tmp</t>
  </si>
  <si>
    <t>bb8f6ac3-c3fe-4929-8429-29e9e4b894d4.tmp</t>
  </si>
  <si>
    <t>\\acsfs\profiles$\larissaad\Downloads\bb8f6ac3-c3fe-4929-8429-29e9e4b894d4.tmp</t>
  </si>
  <si>
    <t>bc5d11bf-ab94-4366-872d-ff77bdf27b16.tmp</t>
  </si>
  <si>
    <t>\\acsfs\profiles$\philipegsf\Downloads\bc5d11bf-ab94-4366-872d-ff77bdf27b16.tmp</t>
  </si>
  <si>
    <t>faefdf82-c084-459e-bb39-56ec0a817bc5.tmp</t>
  </si>
  <si>
    <t>\\acsfs\profiles$\philipegsf\Downloads\faefdf82-c084-459e-bb39-56ec0a817bc5.tmp</t>
  </si>
  <si>
    <t>ef458392-97af-490a-887b-8b768ad84020.tmp</t>
  </si>
  <si>
    <t>\\acsfs\profiles$\anafsb\Downloads\ef458392-97af-490a-887b-8b768ad84020.tmp</t>
  </si>
  <si>
    <t>719a0ecd-d5dc-4279-9add-4cdd086debf4.tmp</t>
  </si>
  <si>
    <t>\\acsfs\profiles$\cintiadjl\Downloads\719a0ecd-d5dc-4279-9add-4cdd086debf4.tmp</t>
  </si>
  <si>
    <t>54a55041-2fe0-4349-ad09-52df7deb7d65.tmp</t>
  </si>
  <si>
    <t>\\acsfs\profiles$\cintiadjl\Downloads\54a55041-2fe0-4349-ad09-52df7deb7d65.tmp</t>
  </si>
  <si>
    <t>70e4e518-a9b3-4549-9bd7-32d3d486921d.tmp</t>
  </si>
  <si>
    <t>\\acsfs\profiles$\lorrainerdl\Downloads\70e4e518-a9b3-4549-9bd7-32d3d486921d.tmp</t>
  </si>
  <si>
    <t>3c796ca7-d86b-4df0-b060-c3bf82aaa5fe.tmp</t>
  </si>
  <si>
    <t>\\acsfs\profiles$\paulovadc\Downloads\3c796ca7-d86b-4df0-b060-c3bf82aaa5fe.tmp</t>
  </si>
  <si>
    <t>0d94785c-f13c-4a7b-931f-7c42a8469729.tmp</t>
  </si>
  <si>
    <t>\\acsfs\profiles$\paulovadc\Downloads\0d94785c-f13c-4a7b-931f-7c42a8469729.tmp</t>
  </si>
  <si>
    <t>https://record.foresee.com/rec/corsservice?action=data&amp;metadata=datalen:4606568,time:1578590631234&amp;encoding=utf-8&amp;session_id=bacc6cd3e79b8c08c82e7595491ff59c&amp;global_session_id=ab2e77d846db349c2af1b204b3ef7e72&amp;domain=www.magazineluiza.com.br&amp;site_id=magazineluizacombr&amp;version=5.0&amp;cachebust=0.28945567224626734</t>
  </si>
  <si>
    <t>0d64c191-ba1c-402b-b52f-70488b9190ae.tmp</t>
  </si>
  <si>
    <t>\\acsfs\profiles$\fabianobmf\Downloads\0d64c191-ba1c-402b-b52f-70488b9190ae.tmp</t>
  </si>
  <si>
    <t>765d398a-6af6-49f1-8d47-b818f21f74e5.tmp</t>
  </si>
  <si>
    <t>\\acsfs\profiles$\fabianobmf\Downloads\765d398a-6af6-49f1-8d47-b818f21f74e5.tmp</t>
  </si>
  <si>
    <t>3da8251a-8d8e-425f-b775-8d7271aa5335.tmp</t>
  </si>
  <si>
    <t>\\acsfs\profiles$\sarahbal\Downloads\3da8251a-8d8e-425f-b775-8d7271aa5335.tmp</t>
  </si>
  <si>
    <t>f4c53c68-b011-49d4-a2ea-8b2a705d4096.tmp</t>
  </si>
  <si>
    <t>\\acsfs\profiles$\inarajst\Downloads\f4c53c68-b011-49d4-a2ea-8b2a705d4096.tmp</t>
  </si>
  <si>
    <t>3f1a0d7d-12a1-4c59-89f3-ebe904039cd1.tmp</t>
  </si>
  <si>
    <t>\\acsfs\profiles$\alinepp\Downloads\3f1a0d7d-12a1-4c59-89f3-ebe904039cd1.tmp</t>
  </si>
  <si>
    <t>0ea495ee-0c3c-4ac4-ae36-ad77c78425d0.tmp</t>
  </si>
  <si>
    <t>\\acsfs\profiles$\alinepp\Downloads\0ea495ee-0c3c-4ac4-ae36-ad77c78425d0.tmp</t>
  </si>
  <si>
    <t>47ed0cad-cb96-419d-88c7-f5cd34d2ee74.tmp</t>
  </si>
  <si>
    <t>\\acsfs\profiles$\LUISPLS\Downloads\47ed0cad-cb96-419d-88c7-f5cd34d2ee74.tmp</t>
  </si>
  <si>
    <t>68576264-f23b-4e6c-81b2-4b9b0669eb76.tmp</t>
  </si>
  <si>
    <t>\\acsfs\profiles$\lorrainerdl\Downloads\68576264-f23b-4e6c-81b2-4b9b0669eb76.tmp</t>
  </si>
  <si>
    <t>725b5cc3-859b-4bd3-89f9-80b5ab52fefd.tmp</t>
  </si>
  <si>
    <t>\\acsfs\profiles$\lorrainerdl\Downloads\725b5cc3-859b-4bd3-89f9-80b5ab52fefd.tmp</t>
  </si>
  <si>
    <t>43a0b4f1-7017-42ca-a1ec-87cc56fe582c.tmp</t>
  </si>
  <si>
    <t>\\acsfs\profiles$\ERICALSR\Downloads\43a0b4f1-7017-42ca-a1ec-87cc56fe582c.tmp</t>
  </si>
  <si>
    <t>64-1C-67-9D-1E-2F</t>
  </si>
  <si>
    <t>VOTORANT-LB040</t>
  </si>
  <si>
    <t>joselrb</t>
  </si>
  <si>
    <t>\\acsfs\profiles$\joselrb\Downloads\</t>
  </si>
  <si>
    <t>fc1b8e7a-7e53-49c6-98e0-ff590838c735.tmp</t>
  </si>
  <si>
    <t>\\acsfs\profiles$\joselrb\Downloads\fc1b8e7a-7e53-49c6-98e0-ff590838c735.tmp</t>
  </si>
  <si>
    <t>http:///batch/drive/v2beta?%24ct=multipart%2Fmixed%3B%20boundary%3D%22%3D%3D%3D%3D%3Dl9em1h4zikx0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hasaugmentedpermissions;hidden;labels(starred;opyable;parents(id);permissionid;picture);sharinguser(kind;shortcutdetails(targetid;spaces;targetlookupstatus);targetmimetype;teamdriveid;trasheddate;trashinguser(kind;version;</t>
  </si>
  <si>
    <t>http://canaddchildren,candelete,candownload,canedit,canmoveteamdriveitem),canreadteamdrive,canremovechildren,canrename,canshare,cantrash,capabilities(cancopy,createddate,displayname,fileextension,hasaugmentedpermissions,hidden,labels(starred,opyable,parents(id),permissionid,picture),sharinguser(kind,shortcutdetails(targetid,spaces,targetlookupstatus),targetmimetype,teamdriveid,trasheddate,trashinguser(kind,version</t>
  </si>
  <si>
    <t>http:///batch/drive/v2beta?%24ct=multipart%2Fmixed%3B%20boundary%3D%22%3D%3D%3D%3D%3D33gy2pxxk1am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hasaugmentedpermissions;hidden;labels(starred;opyable;parents(id);permissionid;picture);restricted;sharinguser(kind;shortcutdetails(targetid;spaces;targetlookupstatus);targetmimetype;teamdriveid;trashed;trasheddate;trashinguser(kind;version;viewed)&amp;supportsteamdrives=true&amp;ke;</t>
  </si>
  <si>
    <t>http://canaddchildren,candelete,candownload,canedit,canmoveteamdriveitem),canreadteamdrive,canremovechildren,canrename,canshare,cantrash,capabilities(cancopy,createddate,displayname,fileextension,hasaugmentedpermissions,hidden,labels(starred,opyable,parents(id),permissionid,picture),restricted,sharinguser(kind,shortcutdetails(targetid,spaces,targetlookupstatus),targetmimetype,teamdriveid,trashed,trasheddate,trashinguser(kind,version,viewed)&amp;supportsteamdrives=true&amp;ke</t>
  </si>
  <si>
    <t>75c2d1ca-0cf4-48fc-9609-7a859f545289.tmp</t>
  </si>
  <si>
    <t>\\acsfs\profiles$\henriquehmdo\Downloads\75c2d1ca-0cf4-48fc-9609-7a859f545289.tmp</t>
  </si>
  <si>
    <t>\\acsfs\QLD\Gestão por Processos\Oficiais\Indicadores\Automação de Processos\01 - APLICAÇÕES\09 - POWERBI\03 - BV\BASES\</t>
  </si>
  <si>
    <t>iNTRADIARIO 08.01.xlsx</t>
  </si>
  <si>
    <t>\\acsfs\QLD\Gestão por Processos\Oficiais\Indicadores\Automação de Processos\01 - APLICAÇÕES\09 - POWERBI\03 - BV\BASES\iNTRADIARIO 08.01.xlsx</t>
  </si>
  <si>
    <t>Reneg - Vcto 20-12-19 2.xlsx</t>
  </si>
  <si>
    <t>\\acsfs\DEPTOS\Operacao\Banco_Votorantim\Comum\00 - COMUM - BV CARTÕES\EQUIPE ADILSON\Reneg\Reneg - Vcto 20-12-19 2.xlsx</t>
  </si>
  <si>
    <t>10.200.66.6</t>
  </si>
  <si>
    <t>74-86-7A-FD-35-C0</t>
  </si>
  <si>
    <t>VOTORANT-OB013</t>
  </si>
  <si>
    <t>eduardobb</t>
  </si>
  <si>
    <t>\\acsfs\profiles$\eduardobb\Downloads\</t>
  </si>
  <si>
    <t>83af91ff-38ea-42c5-ba93-2d2e9c4e673e.tmp</t>
  </si>
  <si>
    <t>\\acsfs\profiles$\eduardobb\Downloads\83af91ff-38ea-42c5-ba93-2d2e9c4e673e.tmp</t>
  </si>
  <si>
    <t>3c61bbab-2955-4c3f-bec5-cce323aa85a0.tmp</t>
  </si>
  <si>
    <t>\\acsfs\profiles$\eduardobb\Downloads\3c61bbab-2955-4c3f-bec5-cce323aa85a0.tmp</t>
  </si>
  <si>
    <t>0753b843-bd62-459d-ac4c-30f93ece0880.tmp</t>
  </si>
  <si>
    <t>\\acsfs\profiles$\eduardobb\Downloads\0753b843-bd62-459d-ac4c-30f93ece0880.tmp</t>
  </si>
  <si>
    <t>d278f864-e781-4ded-8179-e58bbf9db6d7.tmp</t>
  </si>
  <si>
    <t>\\acsfs\profiles$\fabianafv\Downloads\d278f864-e781-4ded-8179-e58bbf9db6d7.tmp</t>
  </si>
  <si>
    <t>488e47d3-18fe-49cd-b63d-a56f5b4c9478.tmp</t>
  </si>
  <si>
    <t>\\acsfs\profiles$\websondsa\Downloads\488e47d3-18fe-49cd-b63d-a56f5b4c9478.tmp</t>
  </si>
  <si>
    <t>c4e58b82-9f12-43e8-9c26-651a58eef202.tmp</t>
  </si>
  <si>
    <t>\\acsfs\profiles$\websondsa\Downloads\c4e58b82-9f12-43e8-9c26-651a58eef202.tmp</t>
  </si>
  <si>
    <t>INTRADIARIO 07.01.xlsx</t>
  </si>
  <si>
    <t>\\acsfs\QLD\Gestão por Processos\Oficiais\Indicadores\Automação de Processos\01 - APLICAÇÕES\09 - POWERBI\03 - BV\BASES\INTRADIARIO 07.01.xlsx</t>
  </si>
  <si>
    <t>a3d74868-dae4-4bb4-b7b5-13e7b5c9d4e7.tmp</t>
  </si>
  <si>
    <t>\\acsfs\profiles$\philipegsf\Downloads\a3d74868-dae4-4bb4-b7b5-13e7b5c9d4e7.tmp</t>
  </si>
  <si>
    <t>36ed161e-6e09-44b4-b897-c943b3ae4b08.tmp</t>
  </si>
  <si>
    <t>\\acsfs\profiles$\eduardobb\Downloads\36ed161e-6e09-44b4-b897-c943b3ae4b08.tmp</t>
  </si>
  <si>
    <t>38d07010-295b-44a6-85ee-17c9c376f414.tmp</t>
  </si>
  <si>
    <t>\\acsfs\profiles$\eduardobb\Downloads\38d07010-295b-44a6-85ee-17c9c376f414.tmp</t>
  </si>
  <si>
    <t>fb1cde8a-ba62-45d2-997e-0daf526636ca.tmp</t>
  </si>
  <si>
    <t>\\acsfs\profiles$\lorrainerdl\Downloads\fb1cde8a-ba62-45d2-997e-0daf526636ca.tmp</t>
  </si>
  <si>
    <t>C:\Users\marianacgs\Documents\</t>
  </si>
  <si>
    <t>ACO - Marta Dezembro.ppt</t>
  </si>
  <si>
    <t>C:\Users\marianacgs\Documents\ACO - Marta Dezembro.ppt\s2\</t>
  </si>
  <si>
    <t>http:///batch/drive/v2beta?%24ct=multipart%2Fmixed%3B%20boundary%3D%22%3D%3D%3D%3D%3Dz3xrkt4d5s08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filesize;hasaugmentedpermissions;hasthumbnail;hidden;id;incompletesearch&amp;appdatafilter=no_app_data&amp;spaces=drive&amp;maxresults=100&amp;supportsteamdrives=true&amp;includ;items(kind;ken;labels(starred;lastmodifyinguser(kind;lastviewedbymedate;modifiedbymedate;modifieddate;opyable;owners(kind;parents(id);permissionid;picture);restricted;shared;sharedwithmedate;sharinguser(kind;shortcutdetails(targetid;spaces;targetlookupstatus);targetmimetype;teamdriveid;thumbnailversion;title;trashed;trasheddate;trashinguser(kind;user;version;viewed));</t>
  </si>
  <si>
    <t>http://canaddchildren,candelete,candownload,canedit,canmoveteamdriveitem),canreadteamdrive,canremovechildren,canrename,canshare,cantrash,capabilities(cancopy,createddate,displayname,fileextension,filesize,hasaugmentedpermissions,hasthumbnail,hidden,id,incompletesearch&amp;appdatafilter=no_app_data&amp;spaces=drive&amp;maxresults=100&amp;supportsteamdrives=true&amp;includ,items(kind,ken,labels(starred,lastmodifyinguser(kind,lastviewedbymedate,modifiedbymedate,modifieddate,opyable,owners(kind,parents(id),permissionid,picture),restricted,shared,sharedwithmedate,sharinguser(kind,shortcutdetails(targetid,spaces,targetlookupstatus),targetmimetype,teamdriveid,thumbnailversion,title,trashed,trasheddate,trashinguser(kind,user,version,viewed))</t>
  </si>
  <si>
    <t>http:///batch/drive/v2beta?%24ct=multipart%2Fmixed%3B%20boundary%3D%22%3D%3D%3D%3D%3Doi1qp2cvhc60%3D%3D%3D%3D%3D%22&amp;key=AIzaSyC1qbk75NzWBvSaDh6KnsjjA9pIrP4lYIE</t>
  </si>
  <si>
    <t>canaddchildren;candelete;candownload;canedit;canmoveteamdriveitem);canreadteamdrive;canremovechildren;canrename;canshare;cantrash;capabilities(cancopy;createddate;displayname;fileextension;filesize;hasaugmentedpermissions;hasthumbnail;hidden;id;incompletesearch&amp;appdatafilter=no_app_data&amp;spaces=drive&amp;maxresults=100&amp;supportsteamdrives=true&amp;includ;incompletesearch&amp;appdatafilter=no_app_data&amp;spaces=drive&amp;pagetoken=~!!~ai9fv7tdac0zipy2cvhtbxrhnpwaden;items(kind;ken;labels(starred;lastmodifyinguser(kind;lastviewedbymedate;modifiedbymedate;modifieddate;opyable;owners(kind;parents(id);permissionid;picture);restricted;shared;sharedwithmedate;sharinguser(kind;shortcutdetails(targetid;spaces;targetlookupstatus);targetmimetype;teamdriveid;thumbnailversion;title;trashed;trasheddate;trashinguser(kind;user;version;viewed));</t>
  </si>
  <si>
    <t>http://canaddchildren,candelete,candownload,canedit,canmoveteamdriveitem),canreadteamdrive,canremovechildren,canrename,canshare,cantrash,capabilities(cancopy,createddate,displayname,fileextension,filesize,hasaugmentedpermissions,hasthumbnail,hidden,id,incompletesearch&amp;appdatafilter=no_app_data&amp;spaces=drive&amp;maxresults=100&amp;supportsteamdrives=true&amp;includ,incompletesearch&amp;appdatafilter=no_app_data&amp;spaces=drive&amp;pagetoken=~!!~ai9fv7tdac0zipy2cvhtbxrhnpwaden,items(kind,ken,labels(starred,lastmodifyinguser(kind,lastviewedbymedate,modifiedbymedate,modifieddate,opyable,owners(kind,parents(id),permissionid,picture),restricted,shared,sharedwithmedate,sharinguser(kind,shortcutdetails(targetid,spaces,targetlookupstatus),targetmimetype,teamdriveid,thumbnailversion,title,trashed,trasheddate,trashinguser(kind,user,version,viewed))</t>
  </si>
  <si>
    <t>PAUSAS INTERVALO 08.01.xlsx</t>
  </si>
  <si>
    <t>\\acsfs\QLD\Gestão por Processos\Oficiais\Indicadores\Automação de Processos\01 - APLICAÇÕES\09 - POWERBI\03 - BV\BASES\PAUSAS INTERVALO 08.01.xlsx</t>
  </si>
  <si>
    <t>PAUSAS INTERVALO 07.01.xlsx</t>
  </si>
  <si>
    <t>\\acsfs\QLD\Gestão por Processos\Oficiais\Indicadores\Automação de Processos\01 - APLICAÇÕES\09 - POWERBI\03 - BV\BASES\PAUSAS INTERVALO 07.01.xlsx</t>
  </si>
  <si>
    <t>1f671503-4201-4528-9517-cebca2d1b93e.tmp</t>
  </si>
  <si>
    <t>\\acsfs\profiles$\wenderbnm\Downloads\1f671503-4201-4528-9517-cebca2d1b93e.tmp</t>
  </si>
  <si>
    <t>cd4249dd-47a1-46d1-b6fe-818af7e17a6f.tmp</t>
  </si>
  <si>
    <t>\\acsfs\profiles$\sarahbal\Downloads\cd4249dd-47a1-46d1-b6fe-818af7e17a6f.tmp</t>
  </si>
  <si>
    <t>VIVIAN ISCARLET BATISTA FELIX SILVA (16878).contact</t>
  </si>
  <si>
    <t>\\acsfs\profiles$\vivianibfs\Contacts\VIVIAN ISCARLET BATISTA FELIX SILVA (16878).contact</t>
  </si>
  <si>
    <t>http:///batch?%24ct=multipart%2Fmixed%3B%20boundary%3D%22%3D%3D%3D%3D%3D1p1xpnhmv0ld%3D%3D%3D%3D%3D%22&amp;key=AIzaSyAy9VVXHSpS2IJpptzYtGbLP3-3_l0aBk4</t>
  </si>
  <si>
    <t>http:///batch?%24ct=multipart%2Fmixed%3B%20boundary%3D%22%3D%3D%3D%3D%3Dgxf9wgtz3bq3%3D%3D%3D%3D%3D%22&amp;key=AIzaSyAy9VVXHSpS2IJpptzYtGbLP3-3_l0aBk4</t>
  </si>
  <si>
    <t>http:///batch?%24ct=multipart%2Fmixed%3B%20boundary%3D%22%3D%3D%3D%3D%3Dmadaln3me1f5%3D%3D%3D%3D%3D%22&amp;key=AIzaSyAy9VVXHSpS2IJpptzYtGbLP3-3_l0aBk4</t>
  </si>
  <si>
    <t>http:///batch?%24ct=multipart%2Fmixed%3B%20boundary%3D%22%3D%3D%3D%3D%3Di6brvcnzrhs1%3D%3D%3D%3D%3D%22&amp;key=AIzaSyAy9VVXHSpS2IJpptzYtGbLP3-3_l0aBk4</t>
  </si>
  <si>
    <t>http:///batch?%24ct=multipart%2Fmixed%3B%20boundary%3D%22%3D%3D%3D%3D%3D4exqs9jwvah4%3D%3D%3D%3D%3D%22&amp;key=AIzaSyAy9VVXHSpS2IJpptzYtGbLP3-3_l0aBk4</t>
  </si>
  <si>
    <t>http:///batch?%24ct=multipart%2Fmixed%3B%20boundary%3D%22%3D%3D%3D%3D%3D9u6ogqkg4ywm%3D%3D%3D%3D%3D%22&amp;key=AIzaSyAy9VVXHSpS2IJpptzYtGbLP3-3_l0aBk4</t>
  </si>
  <si>
    <t>PAINEL DE CONTROLE 07.01.xlsx</t>
  </si>
  <si>
    <t>\\acsfs\QLD\Gestão por Processos\Oficiais\Indicadores\Automação de Processos\01 - APLICAÇÕES\09 - POWERBI\03 - BV\BASES\PAINEL DE CONTROLE 07.01.xlsx</t>
  </si>
  <si>
    <t>PAINEL DE CONTROLE 08.01.xlsx</t>
  </si>
  <si>
    <t>\\acsfs\QLD\Gestão por Processos\Oficiais\Indicadores\Automação de Processos\01 - APLICAÇÕES\09 - POWERBI\03 - BV\BASES\PAINEL DE CONTROLE 08.01.xlsx</t>
  </si>
  <si>
    <t>b742a183-7ff2-4636-b65d-d664a6c9b84b.tmp</t>
  </si>
  <si>
    <t>\\acsfs\profiles$\marcosvnds\Downloads\b742a183-7ff2-4636-b65d-d664a6c9b84b.tmp</t>
  </si>
  <si>
    <t>14f13b71-1c13-4b42-833a-c6fe9f3a5e48.tmp</t>
  </si>
  <si>
    <t>\\acsfs\profiles$\marcosvnds\Downloads\14f13b71-1c13-4b42-833a-c6fe9f3a5e48.tmp</t>
  </si>
  <si>
    <t>bcbd9d65-572b-4c68-aec2-faf974681925.tmp</t>
  </si>
  <si>
    <t>\\acsfs\profiles$\vivianibfs\Downloads\bcbd9d65-572b-4c68-aec2-faf974681925.tmp</t>
  </si>
  <si>
    <t>3346953f-c99c-407d-9eb7-92f6c75e8c8c.tmp</t>
  </si>
  <si>
    <t>\\acsfs\profiles$\vivianibfs\Downloads\3346953f-c99c-407d-9eb7-92f6c75e8c8c.tmp</t>
  </si>
  <si>
    <t>458f2f95-1a71-4ece-abef-0792749d8f5e.tmp</t>
  </si>
  <si>
    <t>\\acsfs\profiles$\vivianibfs\Downloads\458f2f95-1a71-4ece-abef-0792749d8f5e.tmp</t>
  </si>
  <si>
    <t>e3485a18-528a-4e28-9dc5-aac965a54aa9.tmp</t>
  </si>
  <si>
    <t>\\acsfs\profiles$\vivianibfs\Downloads\e3485a18-528a-4e28-9dc5-aac965a54aa9.tmp</t>
  </si>
  <si>
    <t>73267c78-d475-4a01-b570-509ceed62c56.tmp</t>
  </si>
  <si>
    <t>\\acsfs\profiles$\vivianibfs\Downloads\73267c78-d475-4a01-b570-509ceed62c56.tmp</t>
  </si>
  <si>
    <t>http:///batch?%24ct=multipart%2Fmixed%3B%20boundary%3D%22%3D%3D%3D%3D%3D621d9iaurpgk%3D%3D%3D%3D%3D%22&amp;key=AIzaSyAy9VVXHSpS2IJpptzYtGbLP3-3_l0aBk4</t>
  </si>
  <si>
    <t>http:///batch?%24ct=multipart%2Fmixed%3B%20boundary%3D%22%3D%3D%3D%3D%3Dgf0gze8m5s15%3D%3D%3D%3D%3D%22&amp;key=AIzaSyAy9VVXHSpS2IJpptzYtGbLP3-3_l0aBk4</t>
  </si>
  <si>
    <t>http:///batch?%24ct=multipart%2Fmixed%3B%20boundary%3D%22%3D%3D%3D%3D%3Dy4nq6vyfb3f3%3D%3D%3D%3D%3D%22&amp;key=AIzaSyAy9VVXHSpS2IJpptzYtGbLP3-3_l0aBk4</t>
  </si>
  <si>
    <t>cee5bb0c-97c8-496f-b9a1-f02698186f2b.tmp</t>
  </si>
  <si>
    <t>\\acsfs\profiles$\fabianobmf\Downloads\cee5bb0c-97c8-496f-b9a1-f02698186f2b.tmp</t>
  </si>
  <si>
    <t>0cf9e008-2b2d-4476-9495-5df09e060610.tmp</t>
  </si>
  <si>
    <t>\\acsfs\profiles$\fabianobmf\Downloads\0cf9e008-2b2d-4476-9495-5df09e060610.tmp</t>
  </si>
  <si>
    <t>0f6ccaa7-10bb-46bb-aee0-80271c325574.tmp</t>
  </si>
  <si>
    <t>\\acsfs\profiles$\ayalabfi\Downloads\0f6ccaa7-10bb-46bb-aee0-80271c325574.tmp</t>
  </si>
  <si>
    <t>ce29e25b-70ba-48b6-a5b3-42508981c7b0.tmp</t>
  </si>
  <si>
    <t>\\acsfs\profiles$\marcosvnds\Downloads\ce29e25b-70ba-48b6-a5b3-42508981c7b0.tmp</t>
  </si>
  <si>
    <t>58f52c24-0c5d-4e8a-9a96-28702f4e0270.tmp</t>
  </si>
  <si>
    <t>\\acsfs\profiles$\marcosvnds\Downloads\58f52c24-0c5d-4e8a-9a96-28702f4e0270.tmp</t>
  </si>
  <si>
    <t>f923e435-0982-4671-81aa-f711deb7a71a.tmp</t>
  </si>
  <si>
    <t>\\acsfs\profiles$\henriqueco\Downloads\f923e435-0982-4671-81aa-f711deb7a71a.tmp</t>
  </si>
  <si>
    <t>2a48095f-b091-44bd-8619-b79a77e45d15.tmp</t>
  </si>
  <si>
    <t>\\acsfs\profiles$\brendadsl\Downloads\2a48095f-b091-44bd-8619-b79a77e45d15.tmp</t>
  </si>
  <si>
    <t>http:///batch?%24ct=multipart%2Fmixed%3B%20boundary%3D%22%3D%3D%3D%3D%3D3ywiryufr0jp%3D%3D%3D%3D%3D%22&amp;key=AIzaSyAy9VVXHSpS2IJpptzYtGbLP3-3_l0aBk4</t>
  </si>
  <si>
    <t>http:///batch?%24ct=multipart%2Fmixed%3B%20boundary%3D%22%3D%3D%3D%3D%3Dmf5swfe1vg8a%3D%3D%3D%3D%3D%22&amp;key=AIzaSyAy9VVXHSpS2IJpptzYtGbLP3-3_l0aBk4</t>
  </si>
  <si>
    <t>http:///batch?%24ct=multipart%2Fmixed%3B%20boundary%3D%22%3D%3D%3D%3D%3Drpzl62exg307%3D%3D%3D%3D%3D%22&amp;key=AIzaSyAy9VVXHSpS2IJpptzYtGbLP3-3_l0aBk4</t>
  </si>
  <si>
    <t>http:///batch?%24ct=multipart%2Fmixed%3B%20boundary%3D%22%3D%3D%3D%3D%3D5o0vx3ckr95y%3D%3D%3D%3D%3D%22&amp;key=AIzaSyAy9VVXHSpS2IJpptzYtGbLP3-3_l0aBk4</t>
  </si>
  <si>
    <t>http:///batch?%24ct=multipart%2Fmixed%3B%20boundary%3D%22%3D%3D%3D%3D%3D13c2osqpbw8e%3D%3D%3D%3D%3D%22&amp;key=AIzaSyAy9VVXHSpS2IJpptzYtGbLP3-3_l0aBk4</t>
  </si>
  <si>
    <t>http:///batch?%24ct=multipart%2Fmixed%3B%20boundary%3D%22%3D%3D%3D%3D%3D1tdhczgr2y8y%3D%3D%3D%3D%3D%22&amp;key=AIzaSyAy9VVXHSpS2IJpptzYtGbLP3-3_l0aBk4</t>
  </si>
  <si>
    <t>85f92286-61c1-4f13-8d0c-c8cccc8d8ba5.tmp</t>
  </si>
  <si>
    <t>\\acsfs\profiles$\KARENJSS\Downloads\85f92286-61c1-4f13-8d0c-c8cccc8d8ba5.tmp</t>
  </si>
  <si>
    <t>449833e5-a934-4f40-aae8-66775a480179.tmp</t>
  </si>
  <si>
    <t>\\acsfs\profiles$\gabrielafs\Downloads\449833e5-a934-4f40-aae8-66775a480179.tmp</t>
  </si>
  <si>
    <t>7452e13c-e3dc-4553-82d9-10754171918e.tmp</t>
  </si>
  <si>
    <t>\\acsfs\profiles$\henriqueco\Downloads\7452e13c-e3dc-4553-82d9-10754171918e.tmp</t>
  </si>
  <si>
    <t>92be427a-f245-4bf4-9391-83c14f938a91.tmp</t>
  </si>
  <si>
    <t>\\acsfs\profiles$\joycemmdl\Downloads\92be427a-f245-4bf4-9391-83c14f938a91.tmp</t>
  </si>
  <si>
    <t>http:///batch?%24ct=multipart%2Fmixed%3B%20boundary%3D%22%3D%3D%3D%3D%3Dv6q5j587t7d%3D%3D%3D%3D%3D%22&amp;key=AIzaSyAy9VVXHSpS2IJpptzYtGbLP3-3_l0aBk4</t>
  </si>
  <si>
    <t>http:///batch?%24ct=multipart%2Fmixed%3B%20boundary%3D%22%3D%3D%3D%3D%3D1i9p6o4uvmlz%3D%3D%3D%3D%3D%22&amp;key=AIzaSyAy9VVXHSpS2IJpptzYtGbLP3-3_l0aBk4</t>
  </si>
  <si>
    <t>http:///batch?%24ct=multipart%2Fmixed%3B%20boundary%3D%22%3D%3D%3D%3D%3Dbwfkb9dxe8nv%3D%3D%3D%3D%3D%22&amp;key=AIzaSyAy9VVXHSpS2IJpptzYtGbLP3-3_l0aBk4</t>
  </si>
  <si>
    <t>14c3dcaf-7ba3-43b9-a762-4d9f4665646f.tmp</t>
  </si>
  <si>
    <t>\\acsfs\profiles$\THYAGOSP\Downloads\14c3dcaf-7ba3-43b9-a762-4d9f4665646f.tmp</t>
  </si>
  <si>
    <t>Relatorio de Vendas - Auditoria BV Cartoes (Janeiro)...50 - Cópia - Cópia.xlsx</t>
  </si>
  <si>
    <t>\\acsfs\DEPTOS\Operacao\Banco_Votorantim\Qualidade\Anderson\Jose\Atualizado\Relatorio de Vendas - Auditoria BV Cartoes (Janeiro)...50 - Cópia - Cópia.xlsx</t>
  </si>
  <si>
    <t>a5578798-5d79-47bb-850f-cb4135e1bfeb.tmp</t>
  </si>
  <si>
    <t>\\acsfs\profiles$\andrezacapf\Downloads\a5578798-5d79-47bb-850f-cb4135e1bfeb.tmp</t>
  </si>
  <si>
    <t>285fe54e-099e-4d5f-a9e8-046d65f719bb.tmp</t>
  </si>
  <si>
    <t>\\acsfs\profiles$\andrezacapf\Downloads\285fe54e-099e-4d5f-a9e8-046d65f719bb.tmp</t>
  </si>
  <si>
    <t>c4dcf46a-90a9-41ca-a925-73f80c223c3d.tmp</t>
  </si>
  <si>
    <t>\\acsfs\profiles$\andrezacapf\Downloads\c4dcf46a-90a9-41ca-a925-73f80c223c3d.tmp</t>
  </si>
  <si>
    <t>ad3980f6-d82b-4c23-b1bb-23727a59240a.tmp</t>
  </si>
  <si>
    <t>\\acsfs\profiles$\andrezacapf\Downloads\ad3980f6-d82b-4c23-b1bb-23727a59240a.tmp</t>
  </si>
  <si>
    <t>a0ac2efd-a56b-4962-a39c-df83904b748a.tmp</t>
  </si>
  <si>
    <t>\\acsfs\profiles$\andrezacapf\Downloads\a0ac2efd-a56b-4962-a39c-df83904b748a.tmp</t>
  </si>
  <si>
    <t>fcfa7bca-6132-4ed3-9137-44ac67818038.tmp</t>
  </si>
  <si>
    <t>\\acsfs\profiles$\andrezacapf\Downloads\fcfa7bca-6132-4ed3-9137-44ac67818038.tmp</t>
  </si>
  <si>
    <t>c9ee0784-6518-4a08-8260-5c0d4c15879a.tmp</t>
  </si>
  <si>
    <t>\\acsfs\profiles$\andrezacapf\Downloads\c9ee0784-6518-4a08-8260-5c0d4c15879a.tmp</t>
  </si>
  <si>
    <t>de2f8acd-ee2c-48cb-95ae-30200f679d84.tmp</t>
  </si>
  <si>
    <t>\\acsfs\profiles$\andrezacapf\Downloads\de2f8acd-ee2c-48cb-95ae-30200f679d84.tmp</t>
  </si>
  <si>
    <t>c82934b4-afac-409c-b580-60389133e031.tmp</t>
  </si>
  <si>
    <t>\\acsfs\profiles$\andrezacapf\Downloads\c82934b4-afac-409c-b580-60389133e031.tmp</t>
  </si>
  <si>
    <t>54b252c8-f254-4963-acc2-4b373bcae544.tmp</t>
  </si>
  <si>
    <t>\\acsfs\profiles$\andrezacapf\Downloads\54b252c8-f254-4963-acc2-4b373bcae544.tmp</t>
  </si>
  <si>
    <t>38656a4c-caf3-426a-9fbd-1b02dd1e5f60.tmp</t>
  </si>
  <si>
    <t>\\acsfs\profiles$\rafaelacdoc\Downloads\38656a4c-caf3-426a-9fbd-1b02dd1e5f60.tmp</t>
  </si>
  <si>
    <t>d0bb541a-7b92-4a02-8ddb-7e17e952133f.tmp</t>
  </si>
  <si>
    <t>\\acsfs\profiles$\rafaelacdoc\Downloads\d0bb541a-7b92-4a02-8ddb-7e17e952133f.tmp</t>
  </si>
  <si>
    <t>http:///batch?%24ct=multipart%2Fmixed%3B%20boundary%3D%22%3D%3D%3D%3D%3Dcjyy4lf9wjfc%3D%3D%3D%3D%3D%22&amp;key=AIzaSyAy9VVXHSpS2IJpptzYtGbLP3-3_l0aBk4</t>
  </si>
  <si>
    <t>http:///batch?%24ct=multipart%2Fmixed%3B%20boundary%3D%22%3D%3D%3D%3D%3Drg2viw9cxad6%3D%3D%3D%3D%3D%22&amp;key=AIzaSyAy9VVXHSpS2IJpptzYtGbLP3-3_l0aBk4</t>
  </si>
  <si>
    <t>http:///batch?%24ct=multipart%2Fmixed%3B%20boundary%3D%22%3D%3D%3D%3D%3Dinttyh7wgzvh%3D%3D%3D%3D%3D%22&amp;key=AIzaSyAy9VVXHSpS2IJpptzYtGbLP3-3_l0aBk4</t>
  </si>
  <si>
    <t>ce95718d-6642-45f9-b940-119c285f0b98.tmp</t>
  </si>
  <si>
    <t>\\acsfs\profiles$\andreapdsg\Downloads\ce95718d-6642-45f9-b940-119c285f0b98.tmp</t>
  </si>
  <si>
    <t>Auditoria 09-01.png</t>
  </si>
  <si>
    <t>\\acsfs\DEPTOS\Operacao\Banco_Votorantim\Qualidade\Anderson\Jose\Atualizado\Auditoria 09-01.png</t>
  </si>
  <si>
    <t>XLOG_tiagosno_09012020_074302.log</t>
  </si>
  <si>
    <t>\\acsfs\profiles$\tiagosno\My Documents\xworkcenter\logs\XLOG_tiagosno_09012020_074302.log</t>
  </si>
  <si>
    <t>e93f9197-53b1-45b5-98aa-112f8b4f68b4.tmp</t>
  </si>
  <si>
    <t>\\acsfs\profiles$\andrezacapf\Downloads\e93f9197-53b1-45b5-98aa-112f8b4f68b4.tmp</t>
  </si>
  <si>
    <t>http:///batch?%24ct=multipart%2Fmixed%3B%20boundary%3D%22%3D%3D%3D%3D%3De58kqub086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missionid;picture;shared;sharedwithmedate;thumbnailversion;title;userpermission(role)�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missionid,picture,shared,sharedwithmedate,thumbnailversion,title,userpermission(role)�,workspaceids</t>
  </si>
  <si>
    <t>http:///batch?%24ct=multipart%2Fmixed%3B%20boundary%3D%22%3D%3D%3D%3D%3Dbm6mymkwnyt5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userpermission(role)�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userpermission(role)�,workspaceids</t>
  </si>
  <si>
    <t>http:///batch?%24ct=multipart%2Fmixed%3B%20boundary%3D%22%3D%3D%3D%3D%3Dln1odzuwqw80%3D%3D%3D%3D%3D%22&amp;key=AIzaSyAy9VVXHSpS2IJpptzYtGbLP3-3_l0aBk4</t>
  </si>
  <si>
    <t>XLOG_ellencds_09012020_070645.log</t>
  </si>
  <si>
    <t>\\acsfs\profiles$\ellencds\My Documents\xworkcenter\logs\XLOG_ellencds_09012020_070645.log</t>
  </si>
  <si>
    <t>572ff8a1-9fcf-4b25-8ec2-dace555cb867.tmp</t>
  </si>
  <si>
    <t>\\acsfs\profiles$\philipegsf\Downloads\572ff8a1-9fcf-4b25-8ec2-dace555cb867.tmp</t>
  </si>
  <si>
    <t>cbbffcf6-4c4c-4d96-baf2-52a26124d8fe.tmp</t>
  </si>
  <si>
    <t>\\acsfs\profiles$\rosileiam\Downloads\cbbffcf6-4c4c-4d96-baf2-52a26124d8fe.tmp</t>
  </si>
  <si>
    <t>9f91fcce-ff78-4e05-b35b-4f6aede08216.tmp</t>
  </si>
  <si>
    <t>\\acsfs\profiles$\rosileiam\Downloads\9f91fcce-ff78-4e05-b35b-4f6aede08216.tmp</t>
  </si>
  <si>
    <t>838917aa-cdd3-435b-9ddd-e26162d5f797.tmp</t>
  </si>
  <si>
    <t>\\acsfs\profiles$\andreapdsg\Downloads\838917aa-cdd3-435b-9ddd-e26162d5f797.tmp</t>
  </si>
  <si>
    <t>145fbb13-efac-4b7c-a65b-c4554176c285.tmp</t>
  </si>
  <si>
    <t>\\acsfs\profiles$\andreapdsg\Downloads\145fbb13-efac-4b7c-a65b-c4554176c285.tmp</t>
  </si>
  <si>
    <t>f7107ce1-6f6e-45cb-8639-6bd03a500e12.tmp</t>
  </si>
  <si>
    <t>\\acsfs\profiles$\sarahbal\Downloads\f7107ce1-6f6e-45cb-8639-6bd03a500e12.tmp</t>
  </si>
  <si>
    <t>7fb8525e-7d68-42f4-8b4c-5984dc0b8849.tmp</t>
  </si>
  <si>
    <t>\\acsfs\profiles$\isabellegtds\Downloads\7fb8525e-7d68-42f4-8b4c-5984dc0b8849.tmp</t>
  </si>
  <si>
    <t>0f44ee13-bee0-493a-b043-fdf420555185.tmp</t>
  </si>
  <si>
    <t>\\acsfs\profiles$\isabellegtds\Downloads\0f44ee13-bee0-493a-b043-fdf420555185.tmp</t>
  </si>
  <si>
    <t>8b196415-6942-4279-bef1-61bc2bc020dd.tmp</t>
  </si>
  <si>
    <t>\\acsfs\profiles$\gabrielamdp\Downloads\8b196415-6942-4279-bef1-61bc2bc020dd.tmp</t>
  </si>
  <si>
    <t>XLOG_anacdos_09012020_065352.log</t>
  </si>
  <si>
    <t>\\acsfs\profiles$\anacdos\My Documents\xworkcenter\logs\XLOG_anacdos_09012020_065352.log</t>
  </si>
  <si>
    <t>69761ece-2705-46a1-8db7-d08273ce7454.tmp</t>
  </si>
  <si>
    <t>\\acsfs\profiles$\adelvinsonle\Downloads\69761ece-2705-46a1-8db7-d08273ce7454.tmp</t>
  </si>
  <si>
    <t>823a8750-9003-46b8-8999-c2772902fc3e.tmp</t>
  </si>
  <si>
    <t>\\acsfs\profiles$\andreapdsg\Downloads\823a8750-9003-46b8-8999-c2772902fc3e.tmp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,viniciussg@algartech.com</t>
  </si>
  <si>
    <t>1446383e-4c1f-459c-9a06-275bc6dfcf73.tmp</t>
  </si>
  <si>
    <t>\\acsfs\profiles$\myllenardl\Downloads\1446383e-4c1f-459c-9a06-275bc6dfcf73.tmp</t>
  </si>
  <si>
    <t>65df83ff-2e3d-4997-b05d-18dc00322be4.tmp</t>
  </si>
  <si>
    <t>\\acsfs\profiles$\KARENDSR\Downloads\65df83ff-2e3d-4997-b05d-18dc00322be4.tmp</t>
  </si>
  <si>
    <t>Eventos.txt</t>
  </si>
  <si>
    <t>\\acsfs\profiles$\jaquelinecp\My Documents\Eventos.txt</t>
  </si>
  <si>
    <t>6bca924f-507a-4a01-91dd-09f76e57fe95.tmp</t>
  </si>
  <si>
    <t>\\acsfs\profiles$\LUISPLS\Downloads\6bca924f-507a-4a01-91dd-09f76e57fe95.tmp</t>
  </si>
  <si>
    <t>fernandaab@algartech.com;lilianls@algartech.com;qualidadealgarbv@algartech.com;talmaiardo@algartech.com;</t>
  </si>
  <si>
    <t>fernandaab@algartech.com,lilianls@algartech.com,qualidadealgarbv@algartech.com,talmaiardo@algartech.com</t>
  </si>
  <si>
    <t>bvs-centralcartoes@bv.com.br;fernandaab@algartech.com;fernandorsju@algartech.com;lilianls@algartech.com;qualidadealgarbv@algartech.com;talmaiardo@algartech.com;thiagordu@algartech.com;</t>
  </si>
  <si>
    <t>bvs-centralcartoes@bv.com.br,fernandaab@algartech.com,fernandorsju@algartech.com,lilianls@algartech.com,qualidadealgarbv@algartech.com,talmaiardo@algartech.com,thiagordu@algartech.com</t>
  </si>
  <si>
    <t>12e90a03-f951-4e5b-bb2e-b721f90deff7.tmp</t>
  </si>
  <si>
    <t>\\acsfs\profiles$\myllenardl\Downloads\12e90a03-f951-4e5b-bb2e-b721f90deff7.tmp</t>
  </si>
  <si>
    <t>5ce260ed-a29e-4b47-9ccc-5fa71c8ec2f9.tmp</t>
  </si>
  <si>
    <t>\\acsfs\profiles$\myllenardl\Downloads\5ce260ed-a29e-4b47-9ccc-5fa71c8ec2f9.tmp</t>
  </si>
  <si>
    <t>22f20eeb-0664-49ef-a111-3b766013c7f4.tmp</t>
  </si>
  <si>
    <t>\\acsfs\profiles$\larissaad\Downloads\22f20eeb-0664-49ef-a111-3b766013c7f4.tmp</t>
  </si>
  <si>
    <t>Relatorio de Vendas - Auditoria BV Cartoes (Janeiro) SUPERVISOR.xlsx</t>
  </si>
  <si>
    <t>\\acsfs\DEPTOS\Operacao\Banco_Votorantim\Qualidade\Anderson\Jose\Atualizado\Relatorio de Vendas - Auditoria BV Cartoes (Janeiro) SUPERVISOR.xlsx</t>
  </si>
  <si>
    <t>76cc281f-402c-4954-9532-6a85ce32c00e.tmp</t>
  </si>
  <si>
    <t>\\acsfs\profiles$\anafsb\Downloads\76cc281f-402c-4954-9532-6a85ce32c00e.tmp</t>
  </si>
  <si>
    <t>a432e74e-997d-4e8e-ad58-fe963efc26bc.tmp</t>
  </si>
  <si>
    <t>\\acsfs\profiles$\laurandos\Downloads\a432e74e-997d-4e8e-ad58-fe963efc26bc.tmp</t>
  </si>
  <si>
    <t>lu138892y2ps4s.tmp</t>
  </si>
  <si>
    <t>\\acsfs\DEPTOS\Operacao\Banco_Votorantim\Supervisao\SUPERS BV CARTÕES\ANA VITORIA\APOIO\lu138892y2ps4s.tmp</t>
  </si>
  <si>
    <t>lu138892y2ps4y.tmp</t>
  </si>
  <si>
    <t>\\acsfs\DEPTOS\Operacao\Banco_Votorantim\Supervisao\SUPERS BV CARTÕES\ANA VITORIA\APOIO\lu138892y2ps4y.tmp</t>
  </si>
  <si>
    <t>\\acsfs\DEPTOS\Operacao\Banco_Votorantim\Supervisao\SUPERS BV CARTÕES\ANA VITORIA\APOIO\lu138892y2ps4y.tmp\</t>
  </si>
  <si>
    <t>\\acsfs\DEPTOS\Operacao\Banco_Votorantim\Supervisao\SUPERS BV CARTÕES\ANA VITORIA\APOIO\lu138892y2ps4y.tmp\META-INF\</t>
  </si>
  <si>
    <t>\\acsfs\DEPTOS\Operacao\Banco_Votorantim\Supervisao\SUPERS BV CARTÕES\ANA VITORIA\APOIO\lu138892y2ps4y.tmp\Thumbnails\</t>
  </si>
  <si>
    <t>d4dbcf6a-3607-411f-87d2-b22d9c23d57f.tmp</t>
  </si>
  <si>
    <t>\\acsfs\profiles$\laurandos\Downloads\d4dbcf6a-3607-411f-87d2-b22d9c23d57f.tmp</t>
  </si>
  <si>
    <t>b59fe91a-32ee-4ea8-b356-4e5703ff5d3b.tmp</t>
  </si>
  <si>
    <t>\\acsfs\profiles$\brendadsl\Downloads\b59fe91a-32ee-4ea8-b356-4e5703ff5d3b.tmp</t>
  </si>
  <si>
    <t>da0d5007-33ea-44d5-af4a-ca40b483fe67.tmp</t>
  </si>
  <si>
    <t>\\acsfs\profiles$\brendadsl\Downloads\da0d5007-33ea-44d5-af4a-ca40b483fe67.tmp</t>
  </si>
  <si>
    <t>\\acsfs\DEPTOS\Operacao\Banco_Votorantim\Comum\00 - COMUM - BV CARTÕES\EQUIPE ADILSON\Reneg\2A37FF72.tmp\</t>
  </si>
  <si>
    <t>\\acsfs\DEPTOS\Operacao\Banco_Votorantim\Comum\00 - COMUM - BV CARTÕES\EQUIPE ADILSON\Reneg\2A37FF72.tmp\:Zone.Identifier:$DATA</t>
  </si>
  <si>
    <t>3bbc9a18-a758-409d-a8b7-48b257abf822.tmp</t>
  </si>
  <si>
    <t>\\acsfs\profiles$\nayarasds\Downloads\3bbc9a18-a758-409d-a8b7-48b257abf822.tmp</t>
  </si>
  <si>
    <t>https://udpwfmniceap02/web/guest/home?p_auth=vhb6kmfg&amp;p_p_id=58&amp;p_p_lifecycle=1&amp;p_p_state=maximized&amp;p_p_mode=view&amp;savelastpath=0&amp;_58_struts_action=/login/forgot_password</t>
  </si>
  <si>
    <t>bd772bfb-cf35-4136-a1b3-9af9ed0c10fe.tmp</t>
  </si>
  <si>
    <t>\\acsfs\profiles$\alinepp\Downloads\bd772bfb-cf35-4136-a1b3-9af9ed0c10fe.tmp</t>
  </si>
  <si>
    <t>02d67fc9-35dc-45bc-acb1-42085d117619.tmp</t>
  </si>
  <si>
    <t>\\acsfs\profiles$\gabrielamdp\Downloads\02d67fc9-35dc-45bc-acb1-42085d117619.tmp</t>
  </si>
  <si>
    <t>dd149620-ef24-4660-b457-7dd0e7b5a42a.tmp</t>
  </si>
  <si>
    <t>\\acsfs\profiles$\marcosvnds\Downloads\dd149620-ef24-4660-b457-7dd0e7b5a42a.tmp</t>
  </si>
  <si>
    <t>22304c11-6e9d-409d-9719-6f44fe8e3bf0.tmp</t>
  </si>
  <si>
    <t>\\acsfs\profiles$\andressamf\Downloads\22304c11-6e9d-409d-9719-6f44fe8e3bf0.tmp</t>
  </si>
  <si>
    <t>015be82b-6976-4df0-9891-de97de79a231.tmp</t>
  </si>
  <si>
    <t>\\acsfs\profiles$\paulohaf\Downloads\015be82b-6976-4df0-9891-de97de79a231.tmp</t>
  </si>
  <si>
    <t>5cd46451-80d8-4089-aba2-3e9be64ecdc8.tmp</t>
  </si>
  <si>
    <t>\\acsfs\profiles$\paulohaf\Downloads\5cd46451-80d8-4089-aba2-3e9be64ecdc8.tmp</t>
  </si>
  <si>
    <t>642d9faa-f1ee-47f0-a049-8e2100a2c3c9.tmp</t>
  </si>
  <si>
    <t>\\acsfs\profiles$\henriqueco\Downloads\642d9faa-f1ee-47f0-a049-8e2100a2c3c9.tmp</t>
  </si>
  <si>
    <t>ff3910d8-aed5-4da1-b811-b094a9949a27.tmp</t>
  </si>
  <si>
    <t>\\acsfs\profiles$\cintiadjl\Downloads\ff3910d8-aed5-4da1-b811-b094a9949a27.tmp</t>
  </si>
  <si>
    <t>de6376f5-0cae-4e36-9563-fc153ae5fd30.tmp</t>
  </si>
  <si>
    <t>\\acsfs\profiles$\cintiadjl\Downloads\de6376f5-0cae-4e36-9563-fc153ae5fd30.tmp</t>
  </si>
  <si>
    <t>Fechamento ciclo nice 1.xls</t>
  </si>
  <si>
    <t>\\acsfs\ACS\001 - Qualidade Lilian\PAULO\FAROL DE QUALIDADE\Janeiro\Fechamento ciclo nice 1.xls</t>
  </si>
  <si>
    <t>6a61cc1f-29c8-42b8-8009-0173187178c7.tmp</t>
  </si>
  <si>
    <t>\\acsfs\profiles$\marcosvnds\Downloads\6a61cc1f-29c8-42b8-8009-0173187178c7.tmp</t>
  </si>
  <si>
    <t>964c84ae-4297-4eb9-a36b-d3a8957cb6e8.tmp</t>
  </si>
  <si>
    <t>\\acsfs\profiles$\marcosvnds\Downloads\964c84ae-4297-4eb9-a36b-d3a8957cb6e8.tmp</t>
  </si>
  <si>
    <t>REPORT ACOMPANHAMENTO - BV - JANEIRO 2.xlsb</t>
  </si>
  <si>
    <t>\\acsfs\deptos\Operacao\PCP\5 - Comum\PLANEJAMENTO BV\14 - ACOMPANHAMENTO\1 - REPORT ACOMPANHAMENTO\2020\1 - JANEIRO\FINANCEIRA\REPORT ACOMPANHAMENTO - BV - JANEIRO 2.xlsb</t>
  </si>
  <si>
    <t>\\acsfs\DEPTOS\Operacao\Banco_Votorantim\Comum\00 - COMUM - BV CARTÕES\EQUIPE ADILSON\Reneg\9F65E411.tmp\</t>
  </si>
  <si>
    <t>\\acsfs\DEPTOS\Operacao\Banco_Votorantim\Comum\00 - COMUM - BV CARTÕES\EQUIPE ADILSON\Reneg\9F65E411.tmp\:Zone.Identifier:$DATA</t>
  </si>
  <si>
    <t>Reneg - Vcto 26-12-19.xlsx</t>
  </si>
  <si>
    <t>\\acsfs\DEPTOS\Operacao\Banco_Votorantim\Comum\00 - COMUM - BV CARTÕES\EQUIPE ADILSON\Reneg\Reneg - Vcto 26-12-19.xlsx</t>
  </si>
  <si>
    <t>f9dc91e8-191f-421f-a8dc-ba3bded18072.tmp</t>
  </si>
  <si>
    <t>\\acsfs\profiles$\paulohaf\Downloads\f9dc91e8-191f-421f-a8dc-ba3bded18072.tmp</t>
  </si>
  <si>
    <t>f6c19a40-6f48-4e2e-a2ad-764066a9813b.tmp</t>
  </si>
  <si>
    <t>\\acsfs\profiles$\paulohaf\Downloads\f6c19a40-6f48-4e2e-a2ad-764066a9813b.tmp</t>
  </si>
  <si>
    <t>68738b4e-6517-4499-8895-471c13c16f03.tmp</t>
  </si>
  <si>
    <t>\\acsfs\profiles$\henriqueco\Downloads\68738b4e-6517-4499-8895-471c13c16f03.tmp</t>
  </si>
  <si>
    <t>da3ff6ac-dc46-47e7-9f7e-15642ca55cc7.tmp</t>
  </si>
  <si>
    <t>\\acsfs\profiles$\victorgl\Downloads\da3ff6ac-dc46-47e7-9f7e-15642ca55cc7.tmp</t>
  </si>
  <si>
    <t>81c4e7d3-c218-46ef-b122-4cb54a906ffb.tmp</t>
  </si>
  <si>
    <t>\\acsfs\profiles$\victorgl\Downloads\81c4e7d3-c218-46ef-b122-4cb54a906ffb.tmp</t>
  </si>
  <si>
    <t>8b7a24c3-cfc7-4c8f-9ebd-d4d65a35e1df.tmp</t>
  </si>
  <si>
    <t>\\acsfs\profiles$\fabianafv\Downloads\8b7a24c3-cfc7-4c8f-9ebd-d4d65a35e1df.tmp</t>
  </si>
  <si>
    <t>c6a1a752-e7a2-4fea-80e6-55630af975a1.tmp</t>
  </si>
  <si>
    <t>\\acsfs\profiles$\lorrainerdl\Downloads\c6a1a752-e7a2-4fea-80e6-55630af975a1.tmp</t>
  </si>
  <si>
    <t>b254bc94-d8c0-479f-8197-c59547f84576.tmp</t>
  </si>
  <si>
    <t>\\acsfs\profiles$\laylaams\Downloads\b254bc94-d8c0-479f-8197-c59547f84576.tmp</t>
  </si>
  <si>
    <t>1dfc9113-6340-4cfb-8598-da563f17d2ca.tmp</t>
  </si>
  <si>
    <t>\\acsfs\profiles$\maxmillianosv\Downloads\1dfc9113-6340-4cfb-8598-da563f17d2ca.tmp</t>
  </si>
  <si>
    <t>ad11b301-c415-4986-90c1-fefce0e0225d.tmp</t>
  </si>
  <si>
    <t>\\acsfs\profiles$\henriqueco\Downloads\ad11b301-c415-4986-90c1-fefce0e0225d.tmp</t>
  </si>
  <si>
    <t>6594b071-45b9-48bb-8cc0-dcce0d2b0d61.tmp</t>
  </si>
  <si>
    <t>\\acsfs\profiles$\victorgl\Downloads\6594b071-45b9-48bb-8cc0-dcce0d2b0d61.tmp</t>
  </si>
  <si>
    <t>412666ab-5c47-4403-87aa-0aaf8fa7e2a1.tmp</t>
  </si>
  <si>
    <t>\\acsfs\profiles$\victorgl\Downloads\412666ab-5c47-4403-87aa-0aaf8fa7e2a1.tmp</t>
  </si>
  <si>
    <t>494879b0-dc54-49a8-8914-3c79bf3501de.tmp</t>
  </si>
  <si>
    <t>\\acsfs\profiles$\andreapdsg\Downloads\494879b0-dc54-49a8-8914-3c79bf3501de.tmp</t>
  </si>
  <si>
    <t>dd82fea6-058f-42ac-9e79-6196e60d16bb.tmp</t>
  </si>
  <si>
    <t>\\acsfs\profiles$\anafsb\Downloads\dd82fea6-058f-42ac-9e79-6196e60d16bb.tmp</t>
  </si>
  <si>
    <t>9682fea4-af9b-427d-8d62-a6e17f3e3384.tmp</t>
  </si>
  <si>
    <t>\\acsfs\profiles$\francislayneads\Downloads\9682fea4-af9b-427d-8d62-a6e17f3e3384.tmp</t>
  </si>
  <si>
    <t>48bff587-5dfd-4db3-a530-6fd4c58c2879.tmp</t>
  </si>
  <si>
    <t>\\acsfs\profiles$\myllenardl\Downloads\48bff587-5dfd-4db3-a530-6fd4c58c2879.tmp</t>
  </si>
  <si>
    <t>cdc.PNG</t>
  </si>
  <si>
    <t>\\acsfs\ACS\001 - Qualidade Lilian\PAULO\Pasta Tainara\cdc.PNG</t>
  </si>
  <si>
    <t>sac.PNG</t>
  </si>
  <si>
    <t>\\acsfs\ACS\001 - Qualidade Lilian\PAULO\Pasta Tainara\sac.PNG</t>
  </si>
  <si>
    <t>consig.PNG</t>
  </si>
  <si>
    <t>\\acsfs\ACS\001 - Qualidade Lilian\PAULO\Pasta Tainara\consig.PNG</t>
  </si>
  <si>
    <t>chat.PNG</t>
  </si>
  <si>
    <t>\\acsfs\ACS\001 - Qualidade Lilian\PAULO\Pasta Tainara\chat.PNG</t>
  </si>
  <si>
    <t>1f3e6ae6baf04b8ebcc603e3ce63db1d (1).xls</t>
  </si>
  <si>
    <t>81d2a165-4cbe-4311-a681-2b3a71d11473.tmp</t>
  </si>
  <si>
    <t>\\acsfs\profiles$\quindaizaagds\Downloads\81d2a165-4cbe-4311-a681-2b3a71d11473.tmp</t>
  </si>
  <si>
    <t>7c156485-702c-4bc5-b127-63fcb327d123.tmp</t>
  </si>
  <si>
    <t>\\acsfs\profiles$\quindaizaagds\Downloads\7c156485-702c-4bc5-b127-63fcb327d123.tmp</t>
  </si>
  <si>
    <t>XLOG_vanessacgs_09012020_081640.log</t>
  </si>
  <si>
    <t>\\acsfs\profiles$\vanessacgs\My Documents\xworkcenter\logs\XLOG_vanessacgs_09012020_081640.log</t>
  </si>
  <si>
    <t>1f3e6ae6baf04b8ebcc603e3ce63db1d.xls</t>
  </si>
  <si>
    <t>0cef485a-d857-482f-96ef-7c56a1070d27.tmp</t>
  </si>
  <si>
    <t>\\acsfs\profiles$\edicarlosdl\Downloads\0cef485a-d857-482f-96ef-7c56a1070d27.tmp</t>
  </si>
  <si>
    <t>1c54e5ac-ad70-40ec-94d9-4fedb86ff3b2.tmp</t>
  </si>
  <si>
    <t>\\acsfs\profiles$\fabianobmf\Downloads\1c54e5ac-ad70-40ec-94d9-4fedb86ff3b2.tmp</t>
  </si>
  <si>
    <t>3062e97f-9350-4bf5-967f-d221af03fd6a.tmp</t>
  </si>
  <si>
    <t>\\acsfs\profiles$\quindaizaagds\Downloads\3062e97f-9350-4bf5-967f-d221af03fd6a.tmp</t>
  </si>
  <si>
    <t>d20b95bf-2ef3-427b-b7b6-cd43b3a65e7b.tmp</t>
  </si>
  <si>
    <t>\\acsfs\profiles$\victorgl\Downloads\d20b95bf-2ef3-427b-b7b6-cd43b3a65e7b.tmp</t>
  </si>
  <si>
    <t>mail.google.com/sync/u/0/i/s?hl=pt-BR&amp;c=872</t>
  </si>
  <si>
    <t>mail.google.com/sync/u/0/i/s?hl=pt-BR&amp;c=874</t>
  </si>
  <si>
    <t>crbv.PNG</t>
  </si>
  <si>
    <t>\\acsfs\ACS\001 - Qualidade Lilian\PAULO\Pasta Tainara\crbv.PNG</t>
  </si>
  <si>
    <t>6d53b3a2-31b4-43c1-9087-698a1993d40d.tmp</t>
  </si>
  <si>
    <t>\\acsfs\profiles$\lorraynevam\Downloads\6d53b3a2-31b4-43c1-9087-698a1993d40d.tmp</t>
  </si>
  <si>
    <t>09-01 RELATORIO DE LOGIN AVON.xlsm</t>
  </si>
  <si>
    <t>\\acsfs\deptos\Operacao\PCP\5 - Comum\CONTROL DESK\2 - DAC2\Control Desk AVON\Relatorios\Status de login\2020\09-01 RELATORIO DE LOGIN AVON.xlsm</t>
  </si>
  <si>
    <t>\\acsfs\DEPTOS\Operacao\Banco_Votorantim\Comum\00 - COMUM - BV CARTÕES\EQUIPE ADILSON\Reneg\CAD2B3A8.tmp\</t>
  </si>
  <si>
    <t>\\acsfs\DEPTOS\Operacao\Banco_Votorantim\Comum\00 - COMUM - BV CARTÕES\EQUIPE ADILSON\Reneg\CAD2B3A8.tmp\:Zone.Identifier:$DATA</t>
  </si>
  <si>
    <t>bee91a8e-241d-4e9c-83d7-aea8a6f88c4c.tmp</t>
  </si>
  <si>
    <t>\\acsfs\profiles$\wenderbnm\Downloads\bee91a8e-241d-4e9c-83d7-aea8a6f88c4c.tmp</t>
  </si>
  <si>
    <t>mail.google.com/sync/u/0/i/s?hl=pt-BR&amp;c=883</t>
  </si>
  <si>
    <t>mail.google.com/sync/u/0/i/s?hl=pt-BR&amp;c=907</t>
  </si>
  <si>
    <t>0])\);1249879475;1578577753947;165;[];[]]];ancest;containsunsubscribedchildren;displayname;domain;emailaddress;false;filesize;id);lastmodifyinguser(kind;lastviewedbymedate;modifiedbymedate;null;ontainsunsubscribedchildren;owners(kind;permissionid;pictu;picture;rpermissions;true]";tvpbvf72jhfbri4rx1ggusgxwb_npagpviqcsi\";workspaceids;</t>
  </si>
  <si>
    <t>0])\),1249879475,1578577753947,165,[],[]]],ancest,containsunsubscribedchildren,displayname,domain,emailaddress,false,filesize,id),lastmodifyinguser(kind,lastviewedbymedate,modifiedbymedate,null,ontainsunsubscribedchildren,owners(kind,permissionid,pictu,picture,rpermissions,true]",tvpbvf72jhfbri4rx1ggusgxwb_npagpviqcsi\",workspaceids</t>
  </si>
  <si>
    <t>mail.google.com/sync/u/0/i/s?hl=pt-BR&amp;c=911</t>
  </si>
  <si>
    <t>mail.google.com/sync/u/0/i/s?hl=pt-BR&amp;c=913</t>
  </si>
  <si>
    <t>"mozilla/5.0 (windows nt 6.1) applewebkit/537.36 (khtml;1;13;13700167;13700185;13700235;13700451;13700607;13700883;13700946;13700951;1370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5701393;[[13701214;false];gampqtp7yn6iriu24ksnqvk-esmg4wwpxf";like gecko) chrome/79.0.3945.88 safari/537.36";null;pt-br;</t>
  </si>
  <si>
    <t>"mozilla/5.0 (windows nt 6.1) applewebkit/537.36 (khtml,1,13,13700167,13700185,13700235,13700451,13700607,13700883,13700946,13700951,1370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5701393,[[13701214,false],gampqtp7yn6iriu24ksnqvk-esmg4wwpxf",like gecko) chrome/79.0.3945.88 safari/537.36",null,pt-br</t>
  </si>
  <si>
    <t>24054185-d04f-493e-a52d-1708bbb54c20.tmp</t>
  </si>
  <si>
    <t>\\acsfs\profiles$\gabrielamdp\Downloads\24054185-d04f-493e-a52d-1708bbb54c20.tmp</t>
  </si>
  <si>
    <t>c3678610-1f23-4450-95f0-5645dbcad132.tmp</t>
  </si>
  <si>
    <t>\\acsfs\profiles$\gabrielamdp\Downloads\c3678610-1f23-4450-95f0-5645dbcad132.tmp</t>
  </si>
  <si>
    <t>d67b70d6-728e-4203-bea1-b58a3492a1f9.tmp</t>
  </si>
  <si>
    <t>\\acsfs\profiles$\gabrielamdp\Downloads\d67b70d6-728e-4203-bea1-b58a3492a1f9.tmp</t>
  </si>
  <si>
    <t>d2059c4c-9a40-4ba2-8e77-f649831241e2.tmp</t>
  </si>
  <si>
    <t>\\acsfs\profiles$\henriquehmdo\Downloads\d2059c4c-9a40-4ba2-8e77-f649831241e2.tmp</t>
  </si>
  <si>
    <t>\\acsfs\DEPTOS\Operacao\Banco_Votorantim\Comum\00 - COMUM - BV CARTÕES\EQUIPE ADILSON\Reneg\71E0E37F.tmp\</t>
  </si>
  <si>
    <t>\\acsfs\DEPTOS\Operacao\Banco_Votorantim\Comum\00 - COMUM - BV CARTÕES\EQUIPE ADILSON\Reneg\71E0E37F.tmp\:Zone.Identifier:$DATA</t>
  </si>
  <si>
    <t>\\acsfs\DEPTOS\Operacao\Banco_Votorantim\Comum\00 - COMUM - BV CARTÕES\EQUIPE ADILSON\Reneg\D85021A2.tmp\</t>
  </si>
  <si>
    <t>\\acsfs\DEPTOS\Operacao\Banco_Votorantim\Comum\00 - COMUM - BV CARTÕES\EQUIPE ADILSON\Reneg\D85021A2.tmp\:Zone.Identifier:$DATA</t>
  </si>
  <si>
    <t>77214700-6739-4873-b233-ff8c39eff468.tmp</t>
  </si>
  <si>
    <t>\\acsfs\profiles$\alinepp\Downloads\77214700-6739-4873-b233-ff8c39eff468.tmp</t>
  </si>
  <si>
    <t>298a3c50-b07e-4651-8e88-b3e631888579.tmp</t>
  </si>
  <si>
    <t>\\acsfs\profiles$\brendadsl\Downloads\298a3c50-b07e-4651-8e88-b3e631888579.tmp</t>
  </si>
  <si>
    <t>1e51e8db-4839-482f-8de6-9ae66470fd46.tmp</t>
  </si>
  <si>
    <t>\\acsfs\profiles$\marcosvnds\Downloads\1e51e8db-4839-482f-8de6-9ae66470fd46.tmp</t>
  </si>
  <si>
    <t>827462cc-aac2-49a7-a103-ec588ddc9bf7.tmp</t>
  </si>
  <si>
    <t>\\acsfs\profiles$\adelvinsonle\Downloads\827462cc-aac2-49a7-a103-ec588ddc9bf7.tmp</t>
  </si>
  <si>
    <t>Agent State Details 08.01.2020.xlsx</t>
  </si>
  <si>
    <t>\\acsfs\deptos\Operacao\PCP\5 - Comum\PLANEJAMENTO BV\23 - EXTRAÇÕES\Agent State Details\2020\JANEIRO\Agent State Details 08.01.2020.xlsx</t>
  </si>
  <si>
    <t>fda7258c-84f9-4441-a80b-caad587e9065.tmp</t>
  </si>
  <si>
    <t>\\acsfs\profiles$\wenderbnm\Downloads\fda7258c-84f9-4441-a80b-caad587e9065.tmp</t>
  </si>
  <si>
    <t>51f2c9da-5142-47ae-ac28-9882c2257caf.tmp</t>
  </si>
  <si>
    <t>\\acsfs\profiles$\andreapdsg\Downloads\51f2c9da-5142-47ae-ac28-9882c2257caf.tmp</t>
  </si>
  <si>
    <t>7b53aedb-c9cb-478f-987c-1a88697745ef.tmp</t>
  </si>
  <si>
    <t>\\acsfs\profiles$\andreapdsg\Downloads\7b53aedb-c9cb-478f-987c-1a88697745ef.tmp</t>
  </si>
  <si>
    <t>e861c5ee-ce3a-4c86-9119-5964f0cc6662.tmp</t>
  </si>
  <si>
    <t>\\acsfs\profiles$\andreapdsg\Downloads\e861c5ee-ce3a-4c86-9119-5964f0cc6662.tmp</t>
  </si>
  <si>
    <t>73ad0331-c727-4f9c-a74e-2213be69f606.tmp</t>
  </si>
  <si>
    <t>\\acsfs\profiles$\andreapdsg\Downloads\73ad0331-c727-4f9c-a74e-2213be69f606.tmp</t>
  </si>
  <si>
    <t>d35f4c99-e606-48ba-bdfc-5ab7bc78f82b.tmp</t>
  </si>
  <si>
    <t>\\acsfs\profiles$\gabrielamdp\Downloads\d35f4c99-e606-48ba-bdfc-5ab7bc78f82b.tmp</t>
  </si>
  <si>
    <t>d5ac2181-b13e-4e51-a04f-f80375ff6e7a.tmp</t>
  </si>
  <si>
    <t>\\acsfs\profiles$\gabrielamdp\Downloads\d5ac2181-b13e-4e51-a04f-f80375ff6e7a.tmp</t>
  </si>
  <si>
    <t>1def84e1-dca1-4254-b500-5af2626b709a.tmp</t>
  </si>
  <si>
    <t>\\acsfs\profiles$\gabrielamdp\Downloads\1def84e1-dca1-4254-b500-5af2626b709a.tmp</t>
  </si>
  <si>
    <t>0c46a64f-c4e4-4a6b-be1a-67aecb11c047.tmp</t>
  </si>
  <si>
    <t>\\acsfs\profiles$\gabrielamdp\Downloads\0c46a64f-c4e4-4a6b-be1a-67aecb11c047.tmp</t>
  </si>
  <si>
    <t>c43c9dd0-80bb-45c1-b6a3-7300ec35cf4d.tmp</t>
  </si>
  <si>
    <t>\\acsfs\profiles$\gabrielamdp\Downloads\c43c9dd0-80bb-45c1-b6a3-7300ec35cf4d.tmp</t>
  </si>
  <si>
    <t>http:///batch?%24ct=multipart%2Fmixed%3B%20boundary%3D%22%3D%3D%3D%3D%3Di01en1qcymq9%3D%3D%3D%3D%3D%22&amp;key=AIzaSyAy9VVXHSpS2IJpptzYtGbLP3-3_l0aBk4</t>
  </si>
  <si>
    <t>http:///batch?%24ct=multipart%2Fmixed%3B%20boundary%3D%22%3D%3D%3D%3D%3Dpn1ylra44ktq%3D%3D%3D%3D%3D%22&amp;key=AIzaSyAy9VVXHSpS2IJpptzYtGbLP3-3_l0aBk4</t>
  </si>
  <si>
    <t>375ea214-6eb9-4d0a-bc72-b42f494ef994.tmp</t>
  </si>
  <si>
    <t>\\acsfs\profiles$\andreapdsg\Downloads\375ea214-6eb9-4d0a-bc72-b42f494ef994.tmp</t>
  </si>
  <si>
    <t>lu81184cyep4r.tmp</t>
  </si>
  <si>
    <t>\\acsfs\profiles$\LORRAYNEVAM\lu81184cyep4r.tmp</t>
  </si>
  <si>
    <t>\\acsfs\profiles$\LORRAYNEVAM\lu81184cyep4r.tmp\</t>
  </si>
  <si>
    <t>\\acsfs\profiles$\LORRAYNEVAM\lu81184cyep4r.tmp\META-INF\</t>
  </si>
  <si>
    <t>\\acsfs\profiles$\LORRAYNEVAM\lu81184cyep4r.tmp\Thumbnails\</t>
  </si>
  <si>
    <t>087ad78e-b601-4d3a-884e-623e35a7ab4d.tmp</t>
  </si>
  <si>
    <t>\\acsfs\profiles$\philipegsf\Downloads\087ad78e-b601-4d3a-884e-623e35a7ab4d.tmp</t>
  </si>
  <si>
    <t>7c145146-b6f0-4acb-9e56-e25a32989e43.tmp</t>
  </si>
  <si>
    <t>\\acsfs\profiles$\marcosvnds\Downloads\7c145146-b6f0-4acb-9e56-e25a32989e43.tmp</t>
  </si>
  <si>
    <t>AGENT LOGIN LOGOUT DETAILS REPORT 08.01.2020.xlsx</t>
  </si>
  <si>
    <t>\\acsfs\deptos\Operacao\PCP\5 - Comum\PLANEJAMENTO BV\23 - EXTRAÇÕES\Agente Login Logout details report\2020\JANEIRO\AGENT LOGIN LOGOUT DETAILS REPORT 08.01.2020.xlsx</t>
  </si>
  <si>
    <t>dceca680-503b-4b5b-b428-37552e4229cb.tmp</t>
  </si>
  <si>
    <t>\\acsfs\profiles$\wenderbnm\Downloads\dceca680-503b-4b5b-b428-37552e4229cb.tmp</t>
  </si>
  <si>
    <t>536492ef-3069-4231-abae-8d04eb5257be.tmp</t>
  </si>
  <si>
    <t>\\acsfs\profiles$\anafaes\Downloads\536492ef-3069-4231-abae-8d04eb5257be.tmp</t>
  </si>
  <si>
    <t>6979845f-80a9-40b6-ba25-1e357ee646e8.tmp</t>
  </si>
  <si>
    <t>\\acsfs\profiles$\anafaes\Downloads\6979845f-80a9-40b6-ba25-1e357ee646e8.tmp</t>
  </si>
  <si>
    <t>89e20d29-57bc-490e-b054-1eca77e8b032.tmp</t>
  </si>
  <si>
    <t>\\acsfs\profiles$\anafaes\Downloads\89e20d29-57bc-490e-b054-1eca77e8b032.tmp</t>
  </si>
  <si>
    <t>7e7fa1d8-2624-42dd-ab09-9739493db104.tmp</t>
  </si>
  <si>
    <t>\\acsfs\profiles$\anafaes\Downloads\7e7fa1d8-2624-42dd-ab09-9739493db104.tmp</t>
  </si>
  <si>
    <t>a96f6028-d8b2-45c6-9815-875333c3b739.tmp</t>
  </si>
  <si>
    <t>\\acsfs\profiles$\anafaes\Downloads\a96f6028-d8b2-45c6-9815-875333c3b739.tmp</t>
  </si>
  <si>
    <t>cb079979-ad9e-481a-bc33-d059df5e92fb.tmp</t>
  </si>
  <si>
    <t>\\acsfs\profiles$\adelvinsonle\Downloads\cb079979-ad9e-481a-bc33-d059df5e92fb.tmp</t>
  </si>
  <si>
    <t>\\acsfs\DEPTOS\Operacao\Banco_Votorantim\Comum\00 - COMUM - BV CARTÕES\EQUIPE ADILSON\Reneg\2B68FCB7.tmp\</t>
  </si>
  <si>
    <t>\\acsfs\DEPTOS\Operacao\Banco_Votorantim\Comum\00 - COMUM - BV CARTÕES\EQUIPE ADILSON\Reneg\2B68FCB7.tmp\:Zone.Identifier:$DATA</t>
  </si>
  <si>
    <t>XLOG_marcosvnds_09012020_160602.log</t>
  </si>
  <si>
    <t>\\acsfs\profiles$\marcosvnds\My Documents\xworkcenter\logs\XLOG_marcosvnds_09012020_160602.log</t>
  </si>
  <si>
    <t>\\acsfs\DEPTOS\Operacao\Banco_Votorantim\Comum\00 - COMUM - BV CARTÕES\EQUIPE ADILSON\Reneg\9E7AFF3A.tmp\</t>
  </si>
  <si>
    <t>\\acsfs\DEPTOS\Operacao\Banco_Votorantim\Comum\00 - COMUM - BV CARTÕES\EQUIPE ADILSON\Reneg\9E7AFF3A.tmp\:Zone.Identifier:$DATA</t>
  </si>
  <si>
    <t>\\acsfs\DEPTOS\Operacao\Banco_Votorantim\Comum\00 - COMUM - BV CARTÕES\EQUIPE ADILSON\Reneg\906A9379.tmp\</t>
  </si>
  <si>
    <t>\\acsfs\DEPTOS\Operacao\Banco_Votorantim\Comum\00 - COMUM - BV CARTÕES\EQUIPE ADILSON\Reneg\906A9379.tmp\:Zone.Identifier:$DATA</t>
  </si>
  <si>
    <t>https://cpc-controldeskavon@algartech.com,joseasn@algartech.com</t>
  </si>
  <si>
    <t>Reneg - Vcto 28-12-19.xlsx</t>
  </si>
  <si>
    <t>\\acsfs\DEPTOS\Operacao\Banco_Votorantim\Comum\00 - COMUM - BV CARTÕES\EQUIPE ADILSON\Reneg\Reneg - Vcto 28-12-19.xlsx</t>
  </si>
  <si>
    <t>ae0afc00-3d9e-4ffe-8bb6-cff1e228a44a.tmp</t>
  </si>
  <si>
    <t>\\acsfs\profiles$\matheusmax\Downloads\ae0afc00-3d9e-4ffe-8bb6-cff1e228a44a.tmp</t>
  </si>
  <si>
    <t>0939b7d4-dd26-49bf-a05f-6902c5490319.tmp</t>
  </si>
  <si>
    <t>\\acsfs\profiles$\adelvinsonle\Downloads\0939b7d4-dd26-49bf-a05f-6902c5490319.tmp</t>
  </si>
  <si>
    <t>https://udpwfmniceap02/pt_br/web/guest/home?p_auth=vhb6kmfg&amp;p_p_id=58&amp;p_p_lifecycle=1&amp;p_p_state=maximized&amp;p_p_mode=view&amp;savelastpath=0&amp;_58_struts_action=/login/forgot_password</t>
  </si>
  <si>
    <t>33b86888-8786-48bb-bd75-6b779db516dc.tmp</t>
  </si>
  <si>
    <t>\\acsfs\profiles$\nathaliaos\Downloads\33b86888-8786-48bb-bd75-6b779db516dc.tmp</t>
  </si>
  <si>
    <t>de18a36b-b5ed-4394-b71f-c9fe7aac725c.tmp</t>
  </si>
  <si>
    <t>\\acsfs\profiles$\nathaliaos\Downloads\de18a36b-b5ed-4394-b71f-c9fe7aac725c.tmp</t>
  </si>
  <si>
    <t>77413bf9-5078-468e-beb0-ded008e7d6c3.tmp</t>
  </si>
  <si>
    <t>\\acsfs\profiles$\nathaliaos\Downloads\77413bf9-5078-468e-beb0-ded008e7d6c3.tmp</t>
  </si>
  <si>
    <t>c2fe3862-753f-4c7a-a51b-fdaaeac54d2c.tmp</t>
  </si>
  <si>
    <t>\\acsfs\profiles$\nathaliaos\Downloads\c2fe3862-753f-4c7a-a51b-fdaaeac54d2c.tmp</t>
  </si>
  <si>
    <t>f25d8d8d-dbf6-495d-b39f-00832f68beb5.tmp</t>
  </si>
  <si>
    <t>\\acsfs\profiles$\nathaliaos\Downloads\f25d8d8d-dbf6-495d-b39f-00832f68beb5.tmp</t>
  </si>
  <si>
    <t>76ce6cfc-aca7-4829-8916-3bb0e63ebc3d.tmp</t>
  </si>
  <si>
    <t>\\acsfs\profiles$\fabianafv\Downloads\76ce6cfc-aca7-4829-8916-3bb0e63ebc3d.tmp</t>
  </si>
  <si>
    <t>3f42111e-bc6f-481a-8e6a-f022257a2ac1.tmp</t>
  </si>
  <si>
    <t>\\acsfs\profiles$\regisedsj\Downloads\3f42111e-bc6f-481a-8e6a-f022257a2ac1.tmp</t>
  </si>
  <si>
    <t>b714ea4d-dbfb-4fa5-ac20-1a62cc91909a.tmp</t>
  </si>
  <si>
    <t>\\acsfs\profiles$\regisedsj\Downloads\b714ea4d-dbfb-4fa5-ac20-1a62cc91909a.tmp</t>
  </si>
  <si>
    <t>mail.google.com/sync/u/0/i/s?hl=pt-BR&amp;c=789</t>
  </si>
  <si>
    <t>d341e4e1-0273-4901-9fb6-7cf1817b80e9.tmp</t>
  </si>
  <si>
    <t>\\acsfs\profiles$\rosileiam\Downloads\d341e4e1-0273-4901-9fb6-7cf1817b80e9.tmp</t>
  </si>
  <si>
    <t>3cd7dbac-c5c8-4b32-a261-c3904f091ca9.tmp</t>
  </si>
  <si>
    <t>\\acsfs\profiles$\rosileiam\Downloads\3cd7dbac-c5c8-4b32-a261-c3904f091ca9.tmp</t>
  </si>
  <si>
    <t>3ecdcadb-a958-4567-8d2a-3a16fd616b70.tmp</t>
  </si>
  <si>
    <t>\\acsfs\profiles$\Adrieledgc\Downloads\3ecdcadb-a958-4567-8d2a-3a16fd616b70.tmp</t>
  </si>
  <si>
    <t>5bbba93f-9053-4078-810e-fd62f1c5d52f.tmp</t>
  </si>
  <si>
    <t>\\acsfs\profiles$\Adrieledgc\Downloads\5bbba93f-9053-4078-810e-fd62f1c5d52f.tmp</t>
  </si>
  <si>
    <t>a77e6dcf-1f40-4e67-9fc2-6b2e939f1e32.tmp</t>
  </si>
  <si>
    <t>\\acsfs\profiles$\Adrieledgc\Downloads\a77e6dcf-1f40-4e67-9fc2-6b2e939f1e32.tmp</t>
  </si>
  <si>
    <t>b710e115-dbd6-46da-8f64-41244cda9dff.tmp</t>
  </si>
  <si>
    <t>\\acsfs\profiles$\taylaedoa\Downloads\b710e115-dbd6-46da-8f64-41244cda9dff.tmp</t>
  </si>
  <si>
    <t>a3a01985-d6d1-434a-96eb-b294c2d6865d.tmp</t>
  </si>
  <si>
    <t>\\acsfs\profiles$\taylaedoa\Downloads\a3a01985-d6d1-434a-96eb-b294c2d6865d.tmp</t>
  </si>
  <si>
    <t>talmaiardo@algartech.com;</t>
  </si>
  <si>
    <t>talmaiardo@algartech.com</t>
  </si>
  <si>
    <t>Erros contestados.ods</t>
  </si>
  <si>
    <t>C:\Users\gustavodsil\Documents\Erros contestados.ods\</t>
  </si>
  <si>
    <t>C:\Users\gustavodsil\Documents\Erros contestados.ods\META-INF\</t>
  </si>
  <si>
    <t>C:\Users\gustavodsil\Documents\Erros contestados.ods\Thumbnails\</t>
  </si>
  <si>
    <t>b7107079-2326-466c-af32-c6006046b067.tmp</t>
  </si>
  <si>
    <t>\\acsfs\profiles$\gabrielsma\Downloads\b7107079-2326-466c-af32-c6006046b067.tmp</t>
  </si>
  <si>
    <t>e17f8e34-66aa-4dd6-9ce4-fd7c4ee4eeff.tmp</t>
  </si>
  <si>
    <t>\\acsfs\profiles$\brunalas\Downloads\e17f8e34-66aa-4dd6-9ce4-fd7c4ee4eeff.tmp</t>
  </si>
  <si>
    <t>0aa0ecde-cb79-41b6-9684-2c5add420422.tmp</t>
  </si>
  <si>
    <t>\\acsfs\profiles$\brunalas\Downloads\0aa0ecde-cb79-41b6-9684-2c5add420422.tmp</t>
  </si>
  <si>
    <t>e97bea1b-622f-4f91-af78-81b04ee001b7.tmp</t>
  </si>
  <si>
    <t>\\acsfs\profiles$\Adrieledgc\Downloads\e97bea1b-622f-4f91-af78-81b04ee001b7.tmp</t>
  </si>
  <si>
    <t>d1d007a1-20e3-4512-9098-2bf928a56e36.tmp</t>
  </si>
  <si>
    <t>\\acsfs\profiles$\Adrieledgc\Downloads\d1d007a1-20e3-4512-9098-2bf928a56e36.tmp</t>
  </si>
  <si>
    <t>Não confirmado 155454.crdownload</t>
  </si>
  <si>
    <t>\\acsfs\ACS\Gabriel da Silva\Contemporânea\VENDAS\Não confirmado 155454.crdownload</t>
  </si>
  <si>
    <t>58e8589e-ce09-4c9e-8b5e-0da64659c048.tmp</t>
  </si>
  <si>
    <t>\\acsfs\profiles$\gabrielsma\Downloads\58e8589e-ce09-4c9e-8b5e-0da64659c048.tmp</t>
  </si>
  <si>
    <t>Não confirmado 934826.crdownload</t>
  </si>
  <si>
    <t>\\acsfs\ACS\Gabriel da Silva\Contemporânea\VENDAS\Não confirmado 934826.crdownload</t>
  </si>
  <si>
    <t>59352e1a-b9e1-4e01-8da5-2bbb9f62a4d8.tmp</t>
  </si>
  <si>
    <t>\\acsfs\profiles$\gabrielsma\Downloads\59352e1a-b9e1-4e01-8da5-2bbb9f62a4d8.tmp</t>
  </si>
  <si>
    <t>fc326200-55fc-4dff-815b-7af8bb998692.tmp</t>
  </si>
  <si>
    <t>\\acsfs\profiles$\gabrielsma\Downloads\fc326200-55fc-4dff-815b-7af8bb998692.tmp</t>
  </si>
  <si>
    <t>\\acsfs\profiles$\gabrielsma\Downloads\fc326200-55fc-4dff-815b-7af8bb998692.tmp\</t>
  </si>
  <si>
    <t>\\acsfs\profiles$\gabrielsma\Downloads\fc326200-55fc-4dff-815b-7af8bb998692.tmp\META-INF\</t>
  </si>
  <si>
    <t>\\acsfs\profiles$\gabrielsma\Downloads\fc326200-55fc-4dff-815b-7af8bb998692.tmp\Thumbnails\</t>
  </si>
  <si>
    <t>Não confirmado 408556.crdownload</t>
  </si>
  <si>
    <t>\\acsfs\ACS\Gabriel da Silva\Contemporânea\Erros Operacionais\Não confirmado 408556.crdownload</t>
  </si>
  <si>
    <t>\\acsfs\ACS\Gabriel da Silva\Contemporânea\Erros Operacionais\Não confirmado 408556.crdownload\</t>
  </si>
  <si>
    <t>\\acsfs\ACS\Gabriel da Silva\Contemporânea\Erros Operacionais\Não confirmado 408556.crdownload\META-INF\</t>
  </si>
  <si>
    <t>d08958e5-efe3-46ba-ac5c-073fa1796a1a.tmp</t>
  </si>
  <si>
    <t>\\acsfs\profiles$\mariajaf\Downloads\d08958e5-efe3-46ba-ac5c-073fa1796a1a.tmp</t>
  </si>
  <si>
    <t>1acb21c0-cc4b-4db1-8665-671378145a35.tmp</t>
  </si>
  <si>
    <t>\\acsfs\profiles$\mariajaf\Downloads\1acb21c0-cc4b-4db1-8665-671378145a35.tmp</t>
  </si>
  <si>
    <t>643b82d9-c67a-4343-a78a-4883e55a6225.tmp</t>
  </si>
  <si>
    <t>\\acsfs\profiles$\leonardocb\Downloads\643b82d9-c67a-4343-a78a-4883e55a6225.tmp</t>
  </si>
  <si>
    <t>68b64ee6-e214-476a-9425-a26e98156ffa.tmp</t>
  </si>
  <si>
    <t>\\acsfs\profiles$\leonardocb\Downloads\68b64ee6-e214-476a-9425-a26e98156ffa.tmp</t>
  </si>
  <si>
    <t>87b2b4b0-1e26-4d12-8c67-c76cb3eb4a11.tmp</t>
  </si>
  <si>
    <t>\\acsfs\profiles$\Adrieledgc\Downloads\87b2b4b0-1e26-4d12-8c67-c76cb3eb4a11.tmp</t>
  </si>
  <si>
    <t>\\acsfs\ACS\Gabriel da Silva\Contemporânea\Erros Operacionais\Não confirmado 408556.crdownload\Thumbnails\</t>
  </si>
  <si>
    <t>41883e0d-dfa1-4d0f-8279-a65c79e69157.tmp</t>
  </si>
  <si>
    <t>\\acsfs\profiles$\leonardocb\Downloads\41883e0d-dfa1-4d0f-8279-a65c79e69157.tmp</t>
  </si>
  <si>
    <t>76946cd5-8828-4073-9e8c-835c3d589632.tmp</t>
  </si>
  <si>
    <t>\\acsfs\profiles$\Adrieledgc\Downloads\76946cd5-8828-4073-9e8c-835c3d589632.tmp</t>
  </si>
  <si>
    <t>9d71d317-63d4-4de7-9036-83d477733dc9.tmp</t>
  </si>
  <si>
    <t>\\acsfs\profiles$\Adrieledgc\Downloads\9d71d317-63d4-4de7-9036-83d477733dc9.tmp</t>
  </si>
  <si>
    <t>b8f3ac01-8ba5-407d-902e-780f4fd92208.tmp</t>
  </si>
  <si>
    <t>\\acsfs\profiles$\alinepp\Downloads\b8f3ac01-8ba5-407d-902e-780f4fd92208.tmp</t>
  </si>
  <si>
    <t>fc4f819c-b0ad-43ae-97e7-934a9524f573.tmp</t>
  </si>
  <si>
    <t>\\acsfs\profiles$\rafaelacdoc\Downloads\fc4f819c-b0ad-43ae-97e7-934a9524f573.tmp</t>
  </si>
  <si>
    <t>748fdf0b-b0ff-404b-8b13-d621d8260881.tmp</t>
  </si>
  <si>
    <t>\\acsfs\profiles$\rafaelacdoc\Downloads\748fdf0b-b0ff-404b-8b13-d621d8260881.tmp</t>
  </si>
  <si>
    <t>\\acsfs\profiles$\HENRIQUEHMDO\.~lock.Sem título 1.ods#</t>
  </si>
  <si>
    <t>Sem título 1.ods</t>
  </si>
  <si>
    <t>\\acsfs\profiles$\HENRIQUEHMDO\Sem título 1.ods</t>
  </si>
  <si>
    <t>\\acsfs\profiles$\HENRIQUEHMDO\Sem título 1.ods\</t>
  </si>
  <si>
    <t>\\acsfs\profiles$\HENRIQUEHMDO\Sem título 1.ods\META-INF\</t>
  </si>
  <si>
    <t>\\acsfs\profiles$\HENRIQUEHMDO\Sem título 1.ods\Thumbnails\</t>
  </si>
  <si>
    <t>\\acsfs\profiles$\HENRIQUEHMDO\Thumbs.db</t>
  </si>
  <si>
    <t>Reneg - Vcto 01-01-20.xlsx</t>
  </si>
  <si>
    <t>\\acsfs\DEPTOS\Operacao\Banco_Votorantim\Comum\00 - COMUM - BV CARTÕES\EQUIPE ADILSON\Reneg\Reneg - Vcto 01-01-20.xlsx</t>
  </si>
  <si>
    <t>Reneg - Consolidado Geral.xlsx</t>
  </si>
  <si>
    <t>\\acsfs\DEPTOS\Operacao\Banco_Votorantim\Comum\00 - COMUM - BV CARTÕES\EQUIPE ADILSON\Reneg\Reneg - Consolidado Geral.xlsx</t>
  </si>
  <si>
    <t>VICTOR GARCIA LEMOS (19060).contact</t>
  </si>
  <si>
    <t>\\acsfs\profiles$\victorgl\Contacts\VICTOR GARCIA LEMOS (19060).contact</t>
  </si>
  <si>
    <t>Erros operacionais - Dezembro.xlsx</t>
  </si>
  <si>
    <t>\\acsfs\ACS\Gabriel da Silva\Contemporânea\Erros Operacionais\Erros operacionais - Dezembro.xlsx</t>
  </si>
  <si>
    <t>d0a039d9-18c3-47f7-b1ac-da2fd5ecbd4a.tmp</t>
  </si>
  <si>
    <t>\\acsfs\profiles$\gabrielsma\Downloads\d0a039d9-18c3-47f7-b1ac-da2fd5ecbd4a.tmp</t>
  </si>
  <si>
    <t>\\acsfs\ACS\Gabriel da Silva\Contemporânea\Erros Operacionais\Q29udHJvbGxlci5FeHBsb3Jlcl8x.ica.crdownload</t>
  </si>
  <si>
    <t>79e824a8-3217-4d1e-9b36-5f3584ce1299.tmp</t>
  </si>
  <si>
    <t>\\acsfs\profiles$\andreapdsg\Downloads\79e824a8-3217-4d1e-9b36-5f3584ce1299.tmp</t>
  </si>
  <si>
    <t>555b3c31-d669-4dc0-bb74-9307c4579720.tmp</t>
  </si>
  <si>
    <t>\\acsfs\profiles$\victorgl\Downloads\555b3c31-d669-4dc0-bb74-9307c4579720.tmp</t>
  </si>
  <si>
    <t>46eae22d-f884-4ce7-a67c-467145b45fbb.tmp</t>
  </si>
  <si>
    <t>\\acsfs\profiles$\victorgl\Downloads\46eae22d-f884-4ce7-a67c-467145b45fbb.tmp</t>
  </si>
  <si>
    <t>7958d346-7d62-4e55-b134-2f126730839c.tmp</t>
  </si>
  <si>
    <t>\\acsfs\profiles$\alinepp\Downloads\7958d346-7d62-4e55-b134-2f126730839c.tmp</t>
  </si>
  <si>
    <t>\\acsfs\DEPTOS\Operacao\Banco_Votorantim\Comum\00 - COMUM - BV CARTÕES\EQUIPE ADILSON\Reneg\B4B4EB84.tmp\</t>
  </si>
  <si>
    <t>\\acsfs\DEPTOS\Operacao\Banco_Votorantim\Comum\00 - COMUM - BV CARTÕES\EQUIPE ADILSON\Reneg\B4B4EB84.tmp\:Zone.Identifier:$DATA</t>
  </si>
  <si>
    <t>c66bc492-3a50-47e1-8f31-ecbbf04e3655.tmp</t>
  </si>
  <si>
    <t>\\acsfs\profiles$\victorgl\Downloads\c66bc492-3a50-47e1-8f31-ecbbf04e3655.tmp</t>
  </si>
  <si>
    <t>bfb04f28-5702-492f-9f14-8b5337c0a2fc.tmp</t>
  </si>
  <si>
    <t>\\acsfs\profiles$\victorgl\Downloads\bfb04f28-5702-492f-9f14-8b5337c0a2fc.tmp</t>
  </si>
  <si>
    <t>c0ddd5ab-19f3-47d8-81d1-4cd85216cab2.tmp</t>
  </si>
  <si>
    <t>\\acsfs\profiles$\victorgl\Downloads\c0ddd5ab-19f3-47d8-81d1-4cd85216cab2.tmp</t>
  </si>
  <si>
    <t>16 BASE FINAL.xlsx</t>
  </si>
  <si>
    <t>\\acsfs\ACS\Gabriel da Silva\Contemporânea\Erros Operacionais\16 BASE FINAL.xlsx</t>
  </si>
  <si>
    <t>\\acsfs\ACS\Gabriel da Silva\Contemporânea\Erros Operacionais\Thumbs.db</t>
  </si>
  <si>
    <t>VICTOR GARCIA LEMOS (19959).contact</t>
  </si>
  <si>
    <t>\\acsfs\profiles$\victorgl\Contacts\VICTOR GARCIA LEMOS (19959).contact</t>
  </si>
  <si>
    <t>c17ffbb6-b88c-49b7-a8eb-a77fd9540f40.tmp</t>
  </si>
  <si>
    <t>\\acsfs\profiles$\fabianafv\Downloads\c17ffbb6-b88c-49b7-a8eb-a77fd9540f40.tmp</t>
  </si>
  <si>
    <t>e828b15d-76f0-40da-94a3-86a3dca96490.tmp</t>
  </si>
  <si>
    <t>\\acsfs\profiles$\victorgl\Downloads\e828b15d-76f0-40da-94a3-86a3dca96490.tmp</t>
  </si>
  <si>
    <t>7e5997ac-f66a-409b-8475-7f7ca3ed621a.tmp</t>
  </si>
  <si>
    <t>\\acsfs\profiles$\victorgl\Downloads\7e5997ac-f66a-409b-8475-7f7ca3ed621a.tmp</t>
  </si>
  <si>
    <t>fa857d74-7c89-44f4-b720-2acaee675dee.tmp</t>
  </si>
  <si>
    <t>\\acsfs\profiles$\gabrielsma\Downloads\fa857d74-7c89-44f4-b720-2acaee675dee.tmp</t>
  </si>
  <si>
    <t>650ae6ce-46c3-4709-a1cb-1932ba35a876.tmp</t>
  </si>
  <si>
    <t>\\acsfs\profiles$\gabrielamdp\Downloads\650ae6ce-46c3-4709-a1cb-1932ba35a876.tmp</t>
  </si>
  <si>
    <t>a73cdf3f-1c34-4717-a5ab-c382f8b91535.tmp</t>
  </si>
  <si>
    <t>\\acsfs\profiles$\edicarlosdl\Downloads\a73cdf3f-1c34-4717-a5ab-c382f8b91535.tmp</t>
  </si>
  <si>
    <t>6A2814BE.tmp</t>
  </si>
  <si>
    <t>\\acsfs\ACS\Gabriel da Silva\Contemporânea\Erros Operacionais\6A2814BE.tmp</t>
  </si>
  <si>
    <t>GABRIELE OLIVEIRA DE SOUSA (14474).contact</t>
  </si>
  <si>
    <t>\\acsfs\profiles$\gabrieleods\Contacts\GABRIELE OLIVEIRA DE SOUSA (14474).contact</t>
  </si>
  <si>
    <t>066afb44-7e01-48ae-9a6a-2aaa6a651fb9.tmp</t>
  </si>
  <si>
    <t>\\acsfs\profiles$\taylaedoa\Downloads\066afb44-7e01-48ae-9a6a-2aaa6a651fb9.tmp</t>
  </si>
  <si>
    <t>695f6b00-97c1-4faa-b61c-c1a91b1830ed.tmp</t>
  </si>
  <si>
    <t>\\acsfs\profiles$\gabrielamdp\Downloads\695f6b00-97c1-4faa-b61c-c1a91b1830ed.tmp</t>
  </si>
  <si>
    <t>Base de Erros.xlsx</t>
  </si>
  <si>
    <t>\\acsfs\ACS\Gabriel da Silva\Contemporânea\Erros Operacionais\Base de Erros.xlsx</t>
  </si>
  <si>
    <t>037fed67-e959-4dcd-b207-58007404f1bd.tmp</t>
  </si>
  <si>
    <t>\\acsfs\profiles$\gabrieleods\Downloads\037fed67-e959-4dcd-b207-58007404f1bd.tmp</t>
  </si>
  <si>
    <t>63420bb1-c4ba-4e53-af2d-710b096f7a33.tmp</t>
  </si>
  <si>
    <t>\\acsfs\profiles$\gabrielamdp\Downloads\63420bb1-c4ba-4e53-af2d-710b096f7a33.tmp</t>
  </si>
  <si>
    <t>60d3bc67-75d6-44e2-95ea-f81edf621b02.tmp</t>
  </si>
  <si>
    <t>\\acsfs\profiles$\brendadsl\Downloads\60d3bc67-75d6-44e2-95ea-f81edf621b02.tmp</t>
  </si>
  <si>
    <t>\\acsfs\profiles$\thaynaracsl\My Documents\$RECYCLE.BIN\</t>
  </si>
  <si>
    <t>$IB8SULU.txt</t>
  </si>
  <si>
    <t>\\acsfs\profiles$\thaynaracsl\My Documents\$RECYCLE.BIN\$IB8SULU.txt</t>
  </si>
  <si>
    <t>2a341c1f-abc1-4564-879e-490532b72718.tmp</t>
  </si>
  <si>
    <t>\\acsfs\profiles$\rosileiam\Downloads\2a341c1f-abc1-4564-879e-490532b72718.tmp</t>
  </si>
  <si>
    <t>fc68aa0d-2206-43da-81d5-d17b34a73896.tmp</t>
  </si>
  <si>
    <t>\\acsfs\profiles$\alinepp\Downloads\fc68aa0d-2206-43da-81d5-d17b34a73896.tmp</t>
  </si>
  <si>
    <t>\\acsfs\ACS\Gabriel da Silva\Contemporânea\Erros Operacionais\Erros operacionais - Dezembro.xlsb</t>
  </si>
  <si>
    <t>fc3df065-6d7a-4941-b92b-f158e1d089e0.tmp</t>
  </si>
  <si>
    <t>\\acsfs\profiles$\andrezacapf\Downloads\fc3df065-6d7a-4941-b92b-f158e1d089e0.tmp</t>
  </si>
  <si>
    <t>9bbe8762-2f2f-4604-96d1-38cde589ff21.tmp</t>
  </si>
  <si>
    <t>\\acsfs\profiles$\gabrieleods\Downloads\9bbe8762-2f2f-4604-96d1-38cde589ff21.tmp</t>
  </si>
  <si>
    <t>9bfd6e43-45e7-441b-99af-bd18d368be56.tmp</t>
  </si>
  <si>
    <t>\\acsfs\profiles$\rafaelacdoc\Downloads\9bfd6e43-45e7-441b-99af-bd18d368be56.tmp</t>
  </si>
  <si>
    <t>25986454-a54b-441a-8d5f-dcfbbf1d1bd8.tmp</t>
  </si>
  <si>
    <t>\\acsfs\profiles$\philipegsf\Downloads\25986454-a54b-441a-8d5f-dcfbbf1d1bd8.tmp</t>
  </si>
  <si>
    <t>77149d96-dbf8-48b0-b2ac-25a8982209e6.tmp</t>
  </si>
  <si>
    <t>\\acsfs\profiles$\marcelacdss\Downloads\77149d96-dbf8-48b0-b2ac-25a8982209e6.tmp</t>
  </si>
  <si>
    <t>829d3065-ceb2-4677-ae02-815dbbf64966.tmp</t>
  </si>
  <si>
    <t>\\acsfs\profiles$\marcelacdss\Downloads\829d3065-ceb2-4677-ae02-815dbbf64966.tmp</t>
  </si>
  <si>
    <t>64bf55ad-d217-4d05-b480-b4a62f6f99e5.tmp</t>
  </si>
  <si>
    <t>\\acsfs\profiles$\gabrieleods\Downloads\64bf55ad-d217-4d05-b480-b4a62f6f99e5.tmp</t>
  </si>
  <si>
    <t>159a9162-6287-474d-8fed-cd2d0acebadf.tmp</t>
  </si>
  <si>
    <t>\\acsfs\profiles$\andressamf\Downloads\159a9162-6287-474d-8fed-cd2d0acebadf.tmp</t>
  </si>
  <si>
    <t>Desligamento Barbara V.zip</t>
  </si>
  <si>
    <t>C:\Users\adilsonloj\Downloads\Desligamento Barbara V.zip\</t>
  </si>
  <si>
    <t>image2020-01-09-092932.pdf</t>
  </si>
  <si>
    <t>https://algar.folhasinergyrh.com.br/rescisao/upload?id=0&amp;idsolicitacao=20001&amp;idprerescisao=0</t>
  </si>
  <si>
    <t>08/01/2020;</t>
  </si>
  <si>
    <t>https://08/01/2020</t>
  </si>
  <si>
    <t>ac0ba5f1-1050-4670-8d51-1611af316375.tmp</t>
  </si>
  <si>
    <t>\\acsfs\profiles$\fabianobmf\Downloads\ac0ba5f1-1050-4670-8d51-1611af316375.tmp</t>
  </si>
  <si>
    <t>mail.google.com/sync/u/0/i/s?hl=pt-BR&amp;c=2128</t>
  </si>
  <si>
    <t>mail.google.com/sync/u/0/i/s?hl=pt-BR&amp;c=2131</t>
  </si>
  <si>
    <t>mail.google.com/sync/u/0/i/s?hl=pt-BR&amp;c=2133</t>
  </si>
  <si>
    <t>mail.google.com/sync/u/0/i/s?hl=pt-BR&amp;c=2135</t>
  </si>
  <si>
    <t>mail.google.com/sync/u/0/i/s?hl=pt-BR&amp;c=2137</t>
  </si>
  <si>
    <t>bvs-centralcartoes@bv.com.br;</t>
  </si>
  <si>
    <t>bvs-centralcartoes@bv.com.br</t>
  </si>
  <si>
    <t>c07ade77-97ee-48f6-962c-bb1f50bb3488.tmp</t>
  </si>
  <si>
    <t>\\acsfs\profiles$\paulohaf\Downloads\c07ade77-97ee-48f6-962c-bb1f50bb3488.tmp</t>
  </si>
  <si>
    <t>1c4a326c-5811-4e86-8215-a4ecb64f5cf3.tmp</t>
  </si>
  <si>
    <t>\\acsfs\profiles$\henriqueco\Downloads\1c4a326c-5811-4e86-8215-a4ecb64f5cf3.tmp</t>
  </si>
  <si>
    <t>ERRO OPERACIONAL PARCIAL FLAVIA ATUALIZADO.xlsb</t>
  </si>
  <si>
    <t>\\acsfs\profiles$\gabrieleods\Downloads\ERRO OPERACIONAL PARCIAL FLAVIA ATUALIZADO.xlsb</t>
  </si>
  <si>
    <t>https://udpmailboxap01/h/search?si=7&amp;so=0&amp;sc=68654&amp;sfi=5&amp;st=conversation&amp;action=compose&amp;paction=rowview2</t>
  </si>
  <si>
    <t>https://udpmailboxap01/h/search?si=1&amp;so=0&amp;sc=68680&amp;sfi=6&amp;st=conversation&amp;action=compose&amp;paction=rowview2</t>
  </si>
  <si>
    <t>a8c70b78-a311-4368-b6b9-22ed74c4be40.tmp</t>
  </si>
  <si>
    <t>\\acsfs\profiles$\brunalas\Downloads\a8c70b78-a311-4368-b6b9-22ed74c4be40.tmp</t>
  </si>
  <si>
    <t>mail.google.com/sync/u/0/i/s?hl=pt-BR&amp;c=2140</t>
  </si>
  <si>
    <t>mail.google.com/sync/u/0/i/s?hl=pt-BR&amp;c=2142</t>
  </si>
  <si>
    <t>mail.google.com/sync/u/0/i/s?hl=pt-BR&amp;c=2144</t>
  </si>
  <si>
    <t>mail.google.com/sync/u/0/i/s?hl=pt-BR&amp;c=2147</t>
  </si>
  <si>
    <t>mail.google.com/sync/u/0/i/s?hl=pt-BR&amp;c=2150</t>
  </si>
  <si>
    <t>mail.google.com/sync/u/0/i/s?hl=pt-BR&amp;c=2152</t>
  </si>
  <si>
    <t>mail.google.com/sync/u/0/i/s?hl=pt-BR&amp;c=2154</t>
  </si>
  <si>
    <t>mail.google.com/sync/u/0/i/s?hl=pt-BR&amp;c=2156</t>
  </si>
  <si>
    <t>mail.google.com/sync/u/0/i/s?hl=pt-BR&amp;c=2158</t>
  </si>
  <si>
    <t>8f41aa67-dd3f-4510-8993-4690f5ed1f29.tmp</t>
  </si>
  <si>
    <t>\\acsfs\profiles$\wedersonbadr\My Documents\My Music\8f41aa67-dd3f-4510-8993-4690f5ed1f29.tmp</t>
  </si>
  <si>
    <t>71e896a1-01f0-4d56-873c-515dab9f2de9.tmp</t>
  </si>
  <si>
    <t>\\acsfs\profiles$\henriqueco\Downloads\71e896a1-01f0-4d56-873c-515dab9f2de9.tmp</t>
  </si>
  <si>
    <t>https://udpmailboxap01/h/search?si=0&amp;so=0&amp;sc=68684&amp;sfi=6&amp;st=conversation&amp;action=compose&amp;paction=rowview</t>
  </si>
  <si>
    <t>10.200.67.158</t>
  </si>
  <si>
    <t>15db656e-535b-4e38-8074-1c783e897d8f.tmp</t>
  </si>
  <si>
    <t>\\acsfs\profiles$\marcelacdss\Downloads\15db656e-535b-4e38-8074-1c783e897d8f.tmp</t>
  </si>
  <si>
    <t>https://udpmailboxap01/h/search?si=0&amp;so=0&amp;sc=68688&amp;sfi=5&amp;st=conversation&amp;action=compose&amp;id=2665&amp;paction=view&amp;rf=html&amp;op=forward</t>
  </si>
  <si>
    <t>flaviacno@algartech.com;gabrieleods@bv.algartech.com;</t>
  </si>
  <si>
    <t>https://flaviacno@algartech.com,gabrieleods@bv.algartech.com</t>
  </si>
  <si>
    <t>69061e6e-16a1-4906-a931-29a66631e412.tmp</t>
  </si>
  <si>
    <t>\\acsfs\profiles$\alinepp\Downloads\69061e6e-16a1-4906-a931-29a66631e412.tmp</t>
  </si>
  <si>
    <t>188168019&amp;gjid=1611266764&amp;cid=1846521496.1578608360&amp;tid=ua-76641-8&amp;_gid=2123156708.1578608360&amp;_r=1&amp;gtm=2wg121rbkk&amp;cd1=logged_out&amp;cd2=none&amp;cd3=pt&amp;cd4=862923948.1272362864&amp;cd8=search&amp;cd12=0&amp;cd20=none&amp;cd17=1846521496.1578608360&amp;z=914312546 http</t>
  </si>
  <si>
    <t>ceadd55d-2f56-4371-b583-24ac19a00ca3.tmp</t>
  </si>
  <si>
    <t>\\acsfs\profiles$\LUISPLS\Downloads\ceadd55d-2f56-4371-b583-24ac19a00ca3.tmp</t>
  </si>
  <si>
    <t>90c0aaf1-a5c5-415a-9e94-8cba991811b2.tmp</t>
  </si>
  <si>
    <t>\\acsfs\profiles$\laurandos\Downloads\90c0aaf1-a5c5-415a-9e94-8cba991811b2.tmp</t>
  </si>
  <si>
    <t>b49ff4ba-903b-4781-8db8-bbb1ed2421dc.tmp</t>
  </si>
  <si>
    <t>\\acsfs\profiles$\ingridsm\Downloads\b49ff4ba-903b-4781-8db8-bbb1ed2421dc.tmp</t>
  </si>
  <si>
    <t>6f5b3b6f-ed90-44e0-a9ff-1ce0e1bccf26.tmp</t>
  </si>
  <si>
    <t>\\acsfs\profiles$\Adrieledgc\Downloads\6f5b3b6f-ed90-44e0-a9ff-1ce0e1bccf26.tmp</t>
  </si>
  <si>
    <t>83d9ed11-ccde-442a-985d-186f40dcb5c9.tmp</t>
  </si>
  <si>
    <t>\\acsfs\profiles$\ingridsm\Downloads\83d9ed11-ccde-442a-985d-186f40dcb5c9.tmp</t>
  </si>
  <si>
    <t>539484af-8df9-4a49-9e57-8d0c70ed58eb.tmp</t>
  </si>
  <si>
    <t>\\acsfs\profiles$\ingridsm\Downloads\539484af-8df9-4a49-9e57-8d0c70ed58eb.tmp</t>
  </si>
  <si>
    <t>d94756e2-bca0-443a-8f75-ade7721b2715.tmp</t>
  </si>
  <si>
    <t>\\acsfs\profiles$\ingridsm\Downloads\d94756e2-bca0-443a-8f75-ade7721b2715.tmp</t>
  </si>
  <si>
    <t>f5c18a60-7e39-4f39-a536-9f80102aff19.tmp</t>
  </si>
  <si>
    <t>\\acsfs\profiles$\ingridsm\Downloads\f5c18a60-7e39-4f39-a536-9f80102aff19.tmp</t>
  </si>
  <si>
    <t>ed801a56-2475-407b-b6c1-dfe455cf2184.tmp</t>
  </si>
  <si>
    <t>\\acsfs\profiles$\alinepp\Downloads\ed801a56-2475-407b-b6c1-dfe455cf2184.tmp</t>
  </si>
  <si>
    <t>8efc86b6-5e8f-4d80-a189-c0db9ee13caa.tmp</t>
  </si>
  <si>
    <t>\\acsfs\profiles$\victorgl\Downloads\8efc86b6-5e8f-4d80-a189-c0db9ee13caa.tmp</t>
  </si>
  <si>
    <t>dbfb65eb-57f2-40df-a650-fc2e9550a5a7.tmp</t>
  </si>
  <si>
    <t>\\acsfs\profiles$\victorgl\Downloads\dbfb65eb-57f2-40df-a650-fc2e9550a5a7.tmp</t>
  </si>
  <si>
    <t>e23875a3-8dfb-4b2b-b657-2955e017169b.tmp</t>
  </si>
  <si>
    <t>\\acsfs\profiles$\taylaedoa\Downloads\e23875a3-8dfb-4b2b-b657-2955e017169b.tmp</t>
  </si>
  <si>
    <t>811d2ffc-8ea1-4e22-a123-d19e3e8eaca6.tmp</t>
  </si>
  <si>
    <t>\\acsfs\profiles$\alinepp\Downloads\811d2ffc-8ea1-4e22-a123-d19e3e8eaca6.tmp</t>
  </si>
  <si>
    <t>6cd59299-81c4-4771-81ff-40efba459533.tmp</t>
  </si>
  <si>
    <t>\\acsfs\profiles$\brendadsl\Downloads\6cd59299-81c4-4771-81ff-40efba459533.tmp</t>
  </si>
  <si>
    <t>9e178ecc-58e8-4398-ae39-d846a943ccad.tmp</t>
  </si>
  <si>
    <t>\\acsfs\profiles$\LUISPLS\Downloads\9e178ecc-58e8-4398-ae39-d846a943ccad.tmp</t>
  </si>
  <si>
    <t>cf5892b7-28c4-4f6d-92d0-c10988d73f6f.tmp</t>
  </si>
  <si>
    <t>\\acsfs\profiles$\taylaedoa\Downloads\cf5892b7-28c4-4f6d-92d0-c10988d73f6f.tmp</t>
  </si>
  <si>
    <t>51b5a78c-263e-42cf-a8cb-e5528993fb07.tmp</t>
  </si>
  <si>
    <t>\\acsfs\profiles$\juceliaoda\Downloads\51b5a78c-263e-42cf-a8cb-e5528993fb07.tmp</t>
  </si>
  <si>
    <t>NATANAEL LAURENCIO FURTADO (770).contact</t>
  </si>
  <si>
    <t>\\acsfs\profiles$\NatanaelLF\Contacts\NATANAEL LAURENCIO FURTADO (770).contact</t>
  </si>
  <si>
    <t>da45299f-abd4-4caf-b331-6fb47993100a.tmp</t>
  </si>
  <si>
    <t>\\acsfs\profiles$\victorgl\Downloads\da45299f-abd4-4caf-b331-6fb47993100a.tmp</t>
  </si>
  <si>
    <t>5b08e77a-ad8b-4fc5-8601-5027ca43d2b3.tmp</t>
  </si>
  <si>
    <t>\\acsfs\profiles$\mariajaf\Downloads\5b08e77a-ad8b-4fc5-8601-5027ca43d2b3.tmp</t>
  </si>
  <si>
    <t>530e7ba4-baf0-4f64-bb7d-f8fbf134cf99</t>
  </si>
  <si>
    <t>530e7ba4-baf0-4f64-bb7d-f8fbf134cf99;</t>
  </si>
  <si>
    <t>6ea75d07-c46a-458b-894f-40718fffd3bf.tmp</t>
  </si>
  <si>
    <t>\\acsfs\profiles$\philipegsf\Downloads\6ea75d07-c46a-458b-894f-40718fffd3bf.tmp</t>
  </si>
  <si>
    <t>165c40a8-e46e-4b14-b108-98713eb22391.tmp</t>
  </si>
  <si>
    <t>\\acsfs\profiles$\nathaliaos\Downloads\165c40a8-e46e-4b14-b108-98713eb22391.tmp</t>
  </si>
  <si>
    <t>edc1a74b-a1e8-4c27-92ab-198d72b5172b.tmp</t>
  </si>
  <si>
    <t>\\acsfs\profiles$\mariajaf\Downloads\edc1a74b-a1e8-4c27-92ab-198d72b5172b.tmp</t>
  </si>
  <si>
    <t>lu329649zqq5d.tmp</t>
  </si>
  <si>
    <t>\\acsfs\profiles$\regisedsj\My Documents\lu329649zqq5d.tmp</t>
  </si>
  <si>
    <t>\\acsfs\profiles$\regisedsj\My Documents\lu329649zqq5d.tmp\</t>
  </si>
  <si>
    <t>\\acsfs\profiles$\regisedsj\My Documents\lu329649zqq5d.tmp\META-INF\</t>
  </si>
  <si>
    <t>\\acsfs\profiles$\regisedsj\My Documents\lu329649zqq5d.tmp\Thumbnails\</t>
  </si>
  <si>
    <t>e7333420-cf80-41f3-af89-28aa10e03ece.tmp</t>
  </si>
  <si>
    <t>\\acsfs\profiles$\ingridsm\Downloads\e7333420-cf80-41f3-af89-28aa10e03ece.tmp</t>
  </si>
  <si>
    <t>765fb578-a938-4a8e-befb-d4a44ccff702.tmp</t>
  </si>
  <si>
    <t>\\acsfs\profiles$\gabrielamdp\Downloads\765fb578-a938-4a8e-befb-d4a44ccff702.tmp</t>
  </si>
  <si>
    <t>ff6e7eef-4468-4ab4-84af-67273208b085.tmp</t>
  </si>
  <si>
    <t>\\acsfs\profiles$\gabrielamdp\Downloads\ff6e7eef-4468-4ab4-84af-67273208b085.tmp</t>
  </si>
  <si>
    <t>034e6a29-537f-438c-9054-ce253f37a019.tmp</t>
  </si>
  <si>
    <t>\\acsfs\profiles$\gabrielamdp\Downloads\034e6a29-537f-438c-9054-ce253f37a019.tmp</t>
  </si>
  <si>
    <t>56b81c80-0ec4-4326-953e-25da74b9bec1.tmp</t>
  </si>
  <si>
    <t>\\acsfs\profiles$\gabrielamdp\Downloads\56b81c80-0ec4-4326-953e-25da74b9bec1.tmp</t>
  </si>
  <si>
    <t>1a116f78-9398-47ce-bf0f-e7b684f380d3.tmp</t>
  </si>
  <si>
    <t>\\acsfs\profiles$\gabrielamdp\Downloads\1a116f78-9398-47ce-bf0f-e7b684f380d3.tmp</t>
  </si>
  <si>
    <t>b0797e88-04b9-4080-a43a-53f170a913f0.tmp</t>
  </si>
  <si>
    <t>\\acsfs\profiles$\mariajaf\Downloads\b0797e88-04b9-4080-a43a-53f170a913f0.tmp</t>
  </si>
  <si>
    <t>8b890c06-0b7f-48dc-8608-657a96de712c.tmp</t>
  </si>
  <si>
    <t>\\acsfs\profiles$\cintiadjl\Downloads\8b890c06-0b7f-48dc-8608-657a96de712c.tmp</t>
  </si>
  <si>
    <t>e53cf3a8-bfb7-4da5-8c73-85af285b88ff.tmp</t>
  </si>
  <si>
    <t>\\acsfs\profiles$\cintiadjl\Downloads\e53cf3a8-bfb7-4da5-8c73-85af285b88ff.tmp</t>
  </si>
  <si>
    <t>c940ae94-01f8-4b81-82d5-f4de6d53f3b0.tmp</t>
  </si>
  <si>
    <t>\\acsfs\profiles$\brendadsl\Downloads\c940ae94-01f8-4b81-82d5-f4de6d53f3b0.tmp</t>
  </si>
  <si>
    <t>282a8d3b-8cc7-4025-b45b-eca2fa2ca7d5.tmp</t>
  </si>
  <si>
    <t>\\acsfs\profiles$\mariajaf\Downloads\282a8d3b-8cc7-4025-b45b-eca2fa2ca7d5.tmp</t>
  </si>
  <si>
    <t>a1aac7f3-4327-4ddf-a64b-c8a3bee035cd.tmp</t>
  </si>
  <si>
    <t>\\acsfs\profiles$\mariajaf\Downloads\a1aac7f3-4327-4ddf-a64b-c8a3bee035cd.tmp</t>
  </si>
  <si>
    <t>e68d1e2a-2022-440b-aff5-6925cc9aab7d.tmp</t>
  </si>
  <si>
    <t>\\acsfs\profiles$\brendadsl\Downloads\e68d1e2a-2022-440b-aff5-6925cc9aab7d.tmp</t>
  </si>
  <si>
    <t>e311da69-d7e4-44d4-a80c-870849426ef3.tmp</t>
  </si>
  <si>
    <t>\\acsfs\profiles$\brendadsl\Downloads\e311da69-d7e4-44d4-a80c-870849426ef3.tmp</t>
  </si>
  <si>
    <t>b391b4d0-3da2-48ea-a9f9-e571cee2b537.tmp</t>
  </si>
  <si>
    <t>\\acsfs\profiles$\alinepp\Downloads\b391b4d0-3da2-48ea-a9f9-e571cee2b537.tmp</t>
  </si>
  <si>
    <t>86f37056-f046-40b4-8710-b2501da00a1b.tmp</t>
  </si>
  <si>
    <t>\\acsfs\profiles$\rafaelacdoc\Downloads\86f37056-f046-40b4-8710-b2501da00a1b.tmp</t>
  </si>
  <si>
    <t>a2ec5b2d-5738-4024-bff0-5ab6ebf832f4.tmp</t>
  </si>
  <si>
    <t>\\acsfs\profiles$\gabrielamdp\Downloads\a2ec5b2d-5738-4024-bff0-5ab6ebf832f4.tmp</t>
  </si>
  <si>
    <t>29153892-5205-4fb1-94f9-25bc7dc70dbd.tmp</t>
  </si>
  <si>
    <t>\\acsfs\profiles$\victorgl\Downloads\29153892-5205-4fb1-94f9-25bc7dc70dbd.tmp</t>
  </si>
  <si>
    <t>20e8c80d-1227-4d34-aec1-70cd7c2419f0.tmp</t>
  </si>
  <si>
    <t>\\acsfs\profiles$\rosileiam\Downloads\20e8c80d-1227-4d34-aec1-70cd7c2419f0.tmp</t>
  </si>
  <si>
    <t>34abb280-f97d-4bf5-9f15-1ca536debe7c.tmp</t>
  </si>
  <si>
    <t>\\acsfs\profiles$\alinepp\Downloads\34abb280-f97d-4bf5-9f15-1ca536debe7c.tmp</t>
  </si>
  <si>
    <t>XLOG_anakcs_09012020_124321.log</t>
  </si>
  <si>
    <t>\\acsfs\profiles$\anakcs\My Documents\xworkcenter\logs\XLOG_anakcs_09012020_124321.log</t>
  </si>
  <si>
    <t>ba0ac4d5-bd63-4f62-bc33-3ed4f5cbc455.tmp</t>
  </si>
  <si>
    <t>\\acsfs\profiles$\brendadsl\Downloads\ba0ac4d5-bd63-4f62-bc33-3ed4f5cbc455.tmp</t>
  </si>
  <si>
    <t>ddff3178-eae2-4090-ac4a-0b3d84d25ad3.tmp</t>
  </si>
  <si>
    <t>\\acsfs\profiles$\wenderbnm\Downloads\ddff3178-eae2-4090-ac4a-0b3d84d25ad3.tmp</t>
  </si>
  <si>
    <t>dfc88780-5607-4aa0-9868-007b32404347.tmp</t>
  </si>
  <si>
    <t>\\acsfs\profiles$\gabrielamdp\Downloads\dfc88780-5607-4aa0-9868-007b32404347.tmp</t>
  </si>
  <si>
    <t>b96d9ac2-7075-4a05-883d-00b49bdd73e6.tmp</t>
  </si>
  <si>
    <t>\\acsfs\profiles$\victorgl\Downloads\b96d9ac2-7075-4a05-883d-00b49bdd73e6.tmp</t>
  </si>
  <si>
    <t>1d8574f9-50b7-461e-bd6c-71dac6eb8da3.tmp</t>
  </si>
  <si>
    <t>\\acsfs\profiles$\leonardocb\Downloads\1d8574f9-50b7-461e-bd6c-71dac6eb8da3.tmp</t>
  </si>
  <si>
    <t>image2020-01-09-211342.pdf</t>
  </si>
  <si>
    <t>mail.google.com/_/upload?authuser=0&amp;dcp=asu-n&amp;upload_id=AEnB2Upd0GKZ_VdyBj8Ruz4lLBX7K9yFvmf6s8xHsdNGSJ6FHVtV8FxeesESFfbb8i2bJF_6EpxM0riSaQRfPSGbCr04sq7fZ4-Qa4zdwGQp2ZuPxjdRC4I&amp;upload_protocol=resumable</t>
  </si>
  <si>
    <t>\\acsfs\profiles$\higorss\Contacts\</t>
  </si>
  <si>
    <t>HIGOR SILVA SOUZA (20616).contact</t>
  </si>
  <si>
    <t>\\acsfs\profiles$\higorss\Contacts\HIGOR SILVA SOUZA (20616).contact</t>
  </si>
  <si>
    <t>\\acsfs\profiles$\higorss\My Documents\My Videos\</t>
  </si>
  <si>
    <t>\\acsfs\profiles$\higorss\My Documents\My Videos\desktop.ini</t>
  </si>
  <si>
    <t>\\acsfs\profiles$\higorss\My Documents\My Pictures\</t>
  </si>
  <si>
    <t>\\acsfs\profiles$\higorss\My Documents\My Pictures\desktop.ini</t>
  </si>
  <si>
    <t>\\acsfs\profiles$\higorss\Contacts\desktop.ini</t>
  </si>
  <si>
    <t>\\acsfs\profiles$\higorss\Favorites\</t>
  </si>
  <si>
    <t>\\acsfs\profiles$\higorss\Favorites\desktop.ini</t>
  </si>
  <si>
    <t>\\acsfs\profiles$\higorss\My Documents\My Music\</t>
  </si>
  <si>
    <t>\\acsfs\profiles$\higorss\My Documents\My Music\desktop.ini</t>
  </si>
  <si>
    <t>\\acsfs\profiles$\higorss\Searches\</t>
  </si>
  <si>
    <t>\\acsfs\profiles$\higorss\Searches\desktop.ini</t>
  </si>
  <si>
    <t>\\acsfs\profiles$\higorss\Downloads\desktop.ini</t>
  </si>
  <si>
    <t>\\acsfs\profiles$\higorss\My Documents\</t>
  </si>
  <si>
    <t>\\acsfs\profiles$\higorss\My Documents\desktop.ini</t>
  </si>
  <si>
    <t>\\acsfs\profiles$\higorss\Saved Games\</t>
  </si>
  <si>
    <t>\\acsfs\profiles$\higorss\Saved Games\desktop.ini</t>
  </si>
  <si>
    <t>\\acsfs\profiles$\higorss\Favorites\Links for Brasil\</t>
  </si>
  <si>
    <t>\\acsfs\profiles$\higorss\Favorites\Links for Brasil\desktop.ini</t>
  </si>
  <si>
    <t>\\acsfs\profiles$\higorss\Favorites\Links for Brasil\Microsoft Brasil.url</t>
  </si>
  <si>
    <t>\\acsfs\profiles$\higorss\Favorites\Links for Brasil\Windows Brasil.url</t>
  </si>
  <si>
    <t>\\acsfs\profiles$\higorss\Favorites\Links for Brasil\MSN Brasil.url</t>
  </si>
  <si>
    <t>f1d2e6a5-e2f3-4e9a-a787-aac6154c24ff.tmp</t>
  </si>
  <si>
    <t>\\acsfs\profiles$\mariajaf\Downloads\f1d2e6a5-e2f3-4e9a-a787-aac6154c24ff.tmp</t>
  </si>
  <si>
    <t>ef38b4f6-9a17-47a5-a75c-6dc69fea4b85.tmp</t>
  </si>
  <si>
    <t>\\acsfs\profiles$\ROBERTM\Downloads\ef38b4f6-9a17-47a5-a75c-6dc69fea4b85.tmp</t>
  </si>
  <si>
    <t>9a6cb8bc-1621-43cc-a656-2b27f82127e2.tmp</t>
  </si>
  <si>
    <t>\\acsfs\profiles$\ROBERTM\Downloads\9a6cb8bc-1621-43cc-a656-2b27f82127e2.tmp</t>
  </si>
  <si>
    <t>c73011f4-2c89-4f43-bd90-ceb176464314.tmp</t>
  </si>
  <si>
    <t>\\acsfs\profiles$\gabrielamdp\Downloads\c73011f4-2c89-4f43-bd90-ceb176464314.tmp</t>
  </si>
  <si>
    <t>405013e0-b6b3-4ffb-b21c-9fb81e29a2d3.tmp</t>
  </si>
  <si>
    <t>\\acsfs\profiles$\gabrielamdp\Downloads\405013e0-b6b3-4ffb-b21c-9fb81e29a2d3.tmp</t>
  </si>
  <si>
    <t>00874ab8-1d7f-4c14-b129-720db42b76b2.tmp</t>
  </si>
  <si>
    <t>\\acsfs\profiles$\gabrielamdp\Downloads\00874ab8-1d7f-4c14-b129-720db42b76b2.tmp</t>
  </si>
  <si>
    <t>3374e2c9-d4ac-4cb5-ae8b-093e0a409786.tmp</t>
  </si>
  <si>
    <t>\\acsfs\profiles$\gabrielamdp\Downloads\3374e2c9-d4ac-4cb5-ae8b-093e0a409786.tmp</t>
  </si>
  <si>
    <t>33ecad66-33ab-419d-bcbf-0b4772501d69.tmp</t>
  </si>
  <si>
    <t>\\acsfs\profiles$\gabrielamdp\Downloads\33ecad66-33ab-419d-bcbf-0b4772501d69.tmp</t>
  </si>
  <si>
    <t>lu280725s7vt6.tmp</t>
  </si>
  <si>
    <t>\\acsfs\profiles$\jalilebds\Downloads\lu280725s7vt6.tmp</t>
  </si>
  <si>
    <t>f1eb16a5-47b1-4ad0-9e2f-335b1d9f3029.tmp</t>
  </si>
  <si>
    <t>\\acsfs\profiles$\victorgl\Downloads\f1eb16a5-47b1-4ad0-9e2f-335b1d9f3029.tmp</t>
  </si>
  <si>
    <t>lu280725s7vtd.tmp</t>
  </si>
  <si>
    <t>\\acsfs\profiles$\jalilebds\Downloads\lu280725s7vtd.tmp</t>
  </si>
  <si>
    <t>XLOG_andrezacapf_09012020_150529.log</t>
  </si>
  <si>
    <t>\\acsfs\profiles$\andrezacapf\My Documents\xworkcenter\logs\XLOG_andrezacapf_09012020_150529.log</t>
  </si>
  <si>
    <t>1c641881-3388-4a8a-9a09-a210b97ecde5.tmp</t>
  </si>
  <si>
    <t>\\acsfs\profiles$\marlyannegdls\Downloads\1c641881-3388-4a8a-9a09-a210b97ecde5.tmp</t>
  </si>
  <si>
    <t>d620cb7e-03b5-447f-90a5-acffecc0a05d.tmp</t>
  </si>
  <si>
    <t>\\acsfs\profiles$\marlyannegdls\Downloads\d620cb7e-03b5-447f-90a5-acffecc0a05d.tmp</t>
  </si>
  <si>
    <t>1ed38a90-bd8e-48f8-9e06-9d076b219a4b.tmp</t>
  </si>
  <si>
    <t>\\acsfs\profiles$\rogeriofd\Downloads\1ed38a90-bd8e-48f8-9e06-9d076b219a4b.tmp</t>
  </si>
  <si>
    <t>98f1133b-b4b4-4f95-830e-1283114d0702.tmp</t>
  </si>
  <si>
    <t>\\acsfs\profiles$\rogeriofd\Downloads\98f1133b-b4b4-4f95-830e-1283114d0702.tmp</t>
  </si>
  <si>
    <t>JALILE BARBARA DA SILVA (16).contact</t>
  </si>
  <si>
    <t>\\acsfs\profiles$\jalilebds\Contacts\JALILE BARBARA DA SILVA (16).contact</t>
  </si>
  <si>
    <t>77c6b1cf-1472-47f0-8516-cf30cfc605ef.tmp</t>
  </si>
  <si>
    <t>\\acsfs\profiles$\rogeriofd\Downloads\77c6b1cf-1472-47f0-8516-cf30cfc605ef.tmp</t>
  </si>
  <si>
    <t>86eba1cb-625c-4ab0-b7ed-af69927ac339.tmp</t>
  </si>
  <si>
    <t>\\acsfs\profiles$\ROBERTM\Downloads\86eba1cb-625c-4ab0-b7ed-af69927ac339.tmp</t>
  </si>
  <si>
    <t>cb9c0adc-578f-4c02-80ef-fbee8098c92f.tmp</t>
  </si>
  <si>
    <t>\\acsfs\profiles$\rogeriofd\Downloads\cb9c0adc-578f-4c02-80ef-fbee8098c92f.tmp</t>
  </si>
  <si>
    <t>74724095-39b1-49e6-ab89-07788abfb694.tmp</t>
  </si>
  <si>
    <t>\\acsfs\profiles$\taylaedoa\Downloads\74724095-39b1-49e6-ab89-07788abfb694.tmp</t>
  </si>
  <si>
    <t>d193460b-4a3b-4732-b8e5-2afd10294d9b.tmp</t>
  </si>
  <si>
    <t>\\acsfs\profiles$\taylaedoa\Downloads\d193460b-4a3b-4732-b8e5-2afd10294d9b.tmp</t>
  </si>
  <si>
    <t>0faf4ab2-f43f-447f-838f-0be4585e88fb.tmp</t>
  </si>
  <si>
    <t>\\acsfs\profiles$\nathaliaos\Downloads\0faf4ab2-f43f-447f-838f-0be4585e88fb.tmp</t>
  </si>
  <si>
    <t>b7750377-6222-4bd8-ab77-5e2623d1c1c7.tmp</t>
  </si>
  <si>
    <t>\\acsfs\profiles$\Adrieledgc\Downloads\b7750377-6222-4bd8-ab77-5e2623d1c1c7.tmp</t>
  </si>
  <si>
    <t>d8c20228-dba4-41da-bddc-e08f729bd877.tmp</t>
  </si>
  <si>
    <t>\\acsfs\profiles$\ROBERTM\Downloads\d8c20228-dba4-41da-bddc-e08f729bd877.tmp</t>
  </si>
  <si>
    <t>3f906659-7349-4de2-8197-1aa8ccd7d184.tmp</t>
  </si>
  <si>
    <t>\\acsfs\profiles$\ROBERTM\Downloads\3f906659-7349-4de2-8197-1aa8ccd7d184.tmp</t>
  </si>
  <si>
    <t>f540f196-071f-4310-97a0-00eba3eb43d2.tmp</t>
  </si>
  <si>
    <t>\\acsfs\profiles$\marlyannegdls\Downloads\f540f196-071f-4310-97a0-00eba3eb43d2.tmp</t>
  </si>
  <si>
    <t>476fd2f1-6fcd-4d8c-a15f-d236212549c9.tmp</t>
  </si>
  <si>
    <t>\\acsfs\profiles$\ROZENCAM\Downloads\476fd2f1-6fcd-4d8c-a15f-d236212549c9.tmp</t>
  </si>
  <si>
    <t>a3ea9e2b-657a-420f-9041-9e7f23b71053.tmp</t>
  </si>
  <si>
    <t>\\acsfs\profiles$\ROZENCAM\Downloads\a3ea9e2b-657a-420f-9041-9e7f23b71053.tmp</t>
  </si>
  <si>
    <t>39973bfa-831f-40e5-bffb-2a24e70310b9.tmp</t>
  </si>
  <si>
    <t>\\acsfs\profiles$\lucasqdss\Downloads\39973bfa-831f-40e5-bffb-2a24e70310b9.tmp</t>
  </si>
  <si>
    <t>c9228a1a-5dc7-467c-8fbd-e7b0c357cb39.tmp</t>
  </si>
  <si>
    <t>\\acsfs\profiles$\BRUNAAR\Downloads\c9228a1a-5dc7-467c-8fbd-e7b0c357cb39.tmp</t>
  </si>
  <si>
    <t>c2fb4f0d-fa65-47ea-a9e3-a63708077271.tmp</t>
  </si>
  <si>
    <t>\\acsfs\profiles$\BRUNAAR\Downloads\c2fb4f0d-fa65-47ea-a9e3-a63708077271.tmp</t>
  </si>
  <si>
    <t>86b6c68d-8781-4147-bad3-7323326d622c.tmp</t>
  </si>
  <si>
    <t>\\acsfs\profiles$\danielac\Downloads\86b6c68d-8781-4147-bad3-7323326d622c.tmp</t>
  </si>
  <si>
    <t>cc6ef949-3cd2-45aa-94a7-c45eee50a44b.tmp</t>
  </si>
  <si>
    <t>\\acsfs\profiles$\ALYNYA\Downloads\cc6ef949-3cd2-45aa-94a7-c45eee50a44b.tmp</t>
  </si>
  <si>
    <t>9f3d2d79-e6cd-4681-a738-c3859eb32bc9.tmp</t>
  </si>
  <si>
    <t>\\acsfs\profiles$\BRUNAAR\Downloads\9f3d2d79-e6cd-4681-a738-c3859eb32bc9.tmp</t>
  </si>
  <si>
    <t>507ba925-9a38-4958-81de-f032fe0322ef.tmp</t>
  </si>
  <si>
    <t>\\acsfs\profiles$\ALYNYA\Downloads\507ba925-9a38-4958-81de-f032fe0322ef.tmp</t>
  </si>
  <si>
    <t>e19310eb-0469-44bf-9a26-482d247988ad.tmp</t>
  </si>
  <si>
    <t>\\acsfs\profiles$\danielac\Downloads\e19310eb-0469-44bf-9a26-482d247988ad.tmp</t>
  </si>
  <si>
    <t>d0262e19-9751-4517-9faa-12fea7a5760c.tmp</t>
  </si>
  <si>
    <t>\\acsfs\profiles$\danielac\Downloads\d0262e19-9751-4517-9faa-12fea7a5760c.tmp</t>
  </si>
  <si>
    <t>1b186ea5-7b18-45da-9bac-4aa26693d8b3.tmp</t>
  </si>
  <si>
    <t>\\acsfs\profiles$\vivianealda\Downloads\1b186ea5-7b18-45da-9bac-4aa26693d8b3.tmp</t>
  </si>
  <si>
    <t>e23b67d9-df71-42a3-a6ad-1d8f89929faf.tmp</t>
  </si>
  <si>
    <t>\\acsfs\profiles$\cintiadcf\Downloads\e23b67d9-df71-42a3-a6ad-1d8f89929faf.tmp</t>
  </si>
  <si>
    <t>ffef912a-79bc-4318-b550-0bad8a8a73b0.tmp</t>
  </si>
  <si>
    <t>\\acsfs\profiles$\cintiadcf\Downloads\ffef912a-79bc-4318-b550-0bad8a8a73b0.tmp</t>
  </si>
  <si>
    <t>1489c7f4-6640-48bf-bfe7-f4c080919974.tmp</t>
  </si>
  <si>
    <t>\\acsfs\profiles$\cintiadcf\Downloads\1489c7f4-6640-48bf-bfe7-f4c080919974.tmp</t>
  </si>
  <si>
    <t>5b4c1afc-b3e2-48c5-a981-c6bd29b536ce.tmp</t>
  </si>
  <si>
    <t>\\acsfs\profiles$\vivianealda\Downloads\5b4c1afc-b3e2-48c5-a981-c6bd29b536ce.tmp</t>
  </si>
  <si>
    <t>ee002ba2-6634-444b-8a38-046557a5fe02.tmp</t>
  </si>
  <si>
    <t>\\acsfs\profiles$\vivianealda\Downloads\ee002ba2-6634-444b-8a38-046557a5fe02.tmp</t>
  </si>
  <si>
    <t>\\acsfs\profiles$\gleycekos\Contacts\</t>
  </si>
  <si>
    <t>Gleyce Kelly Oliveira Silva (24).contact</t>
  </si>
  <si>
    <t>\\acsfs\profiles$\gleycekos\Contacts\Gleyce Kelly Oliveira Silva (24).contact</t>
  </si>
  <si>
    <t>\\acsfs\profiles$\gleycekos\My Documents\My Videos\</t>
  </si>
  <si>
    <t>\\acsfs\profiles$\gleycekos\My Documents\My Videos\desktop.ini</t>
  </si>
  <si>
    <t>\\acsfs\profiles$\gleycekos\My Documents\My Pictures\</t>
  </si>
  <si>
    <t>\\acsfs\profiles$\gleycekos\My Documents\My Pictures\desktop.ini</t>
  </si>
  <si>
    <t>\\acsfs\profiles$\gleycekos\Contacts\desktop.ini</t>
  </si>
  <si>
    <t>\\acsfs\profiles$\gleycekos\Favorites\</t>
  </si>
  <si>
    <t>\\acsfs\profiles$\gleycekos\Favorites\desktop.ini</t>
  </si>
  <si>
    <t>\\acsfs\profiles$\gleycekos\My Documents\My Music\</t>
  </si>
  <si>
    <t>\\acsfs\profiles$\gleycekos\My Documents\My Music\desktop.ini</t>
  </si>
  <si>
    <t>\\acsfs\profiles$\gleycekos\Searches\</t>
  </si>
  <si>
    <t>\\acsfs\profiles$\gleycekos\Searches\desktop.ini</t>
  </si>
  <si>
    <t>\\acsfs\profiles$\gleycekos\Downloads\desktop.ini</t>
  </si>
  <si>
    <t>\\acsfs\profiles$\gleycekos\My Documents\</t>
  </si>
  <si>
    <t>\\acsfs\profiles$\gleycekos\My Documents\desktop.ini</t>
  </si>
  <si>
    <t>\\acsfs\profiles$\gleycekos\Saved Games\</t>
  </si>
  <si>
    <t>\\acsfs\profiles$\gleycekos\Saved Games\desktop.ini</t>
  </si>
  <si>
    <t>\\acsfs\profiles$\gleycekos\Favorites\Links for Brasil\</t>
  </si>
  <si>
    <t>\\acsfs\profiles$\gleycekos\Favorites\Links for Brasil\desktop.ini</t>
  </si>
  <si>
    <t>\\acsfs\profiles$\gleycekos\Favorites\Links for Brasil\Microsoft Brasil.url</t>
  </si>
  <si>
    <t>\\acsfs\profiles$\gleycekos\Favorites\Links for Brasil\Windows Brasil.url</t>
  </si>
  <si>
    <t>\\acsfs\profiles$\gleycekos\Favorites\Links for Brasil\MSN Brasil.url</t>
  </si>
  <si>
    <t>1ee4cf3a-60dc-4443-8dc0-92214f22d4c1.tmp</t>
  </si>
  <si>
    <t>\\acsfs\profiles$\eduardobb\Downloads\1ee4cf3a-60dc-4443-8dc0-92214f22d4c1.tmp</t>
  </si>
  <si>
    <t>51ce0fcd-5294-45ef-bea7-9ba7d69e6e60.tmp</t>
  </si>
  <si>
    <t>\\acsfs\profiles$\eduardobb\Downloads\51ce0fcd-5294-45ef-bea7-9ba7d69e6e60.tmp</t>
  </si>
  <si>
    <t>a3d3f697-af8c-405b-b444-d6ea75bed54a.tmp</t>
  </si>
  <si>
    <t>\\acsfs\profiles$\eduardobb\Downloads\a3d3f697-af8c-405b-b444-d6ea75bed54a.tmp</t>
  </si>
  <si>
    <t>6bb2eb62-ceba-42ea-abd2-70afab9dbac5.tmp</t>
  </si>
  <si>
    <t>\\acsfs\profiles$\eduardobb\Downloads\6bb2eb62-ceba-42ea-abd2-70afab9dbac5.tmp</t>
  </si>
  <si>
    <t>5db3b403-b8bd-4517-b113-07466d9006a8.tmp</t>
  </si>
  <si>
    <t>\\acsfs\profiles$\eduardobb\Downloads\5db3b403-b8bd-4517-b113-07466d9006a8.tmp</t>
  </si>
  <si>
    <t>3e75faac-8a4c-4125-9ea6-c9337e1352d0.tmp</t>
  </si>
  <si>
    <t>\\acsfs\profiles$\lucasgpe\Downloads\3e75faac-8a4c-4125-9ea6-c9337e1352d0.tmp</t>
  </si>
  <si>
    <t>c8ca8702-f09a-4ce8-9de2-318bad4493f7.tmp</t>
  </si>
  <si>
    <t>\\acsfs\profiles$\lucasgpe\Downloads\c8ca8702-f09a-4ce8-9de2-318bad4493f7.tmp</t>
  </si>
  <si>
    <t>477b2f5f-a25d-4dc3-89d1-721e7cbe571d.tmp</t>
  </si>
  <si>
    <t>\\acsfs\profiles$\vivianealda\Downloads\477b2f5f-a25d-4dc3-89d1-721e7cbe571d.tmp</t>
  </si>
  <si>
    <t>c85d1213-94fb-42a2-ab77-b83c84efc06e.tmp</t>
  </si>
  <si>
    <t>\\acsfs\profiles$\vivianealda\Downloads\c85d1213-94fb-42a2-ab77-b83c84efc06e.tmp</t>
  </si>
  <si>
    <t>7e21673c-50cb-4e4c-8969-a3976bd4dca5.tmp</t>
  </si>
  <si>
    <t>\\acsfs\profiles$\vivianealda\Downloads\7e21673c-50cb-4e4c-8969-a3976bd4dca5.tmp</t>
  </si>
  <si>
    <t>208ebb68-8e8f-484f-84c8-d39ac1f09263.tmp</t>
  </si>
  <si>
    <t>\\acsfs\profiles$\vivianealda\Downloads\208ebb68-8e8f-484f-84c8-d39ac1f09263.tmp</t>
  </si>
  <si>
    <t>\\acsfs\DEPTOS\Operacao\Banco_Votorantim\Qualidade\Anderson\Auditoria de Vendas\</t>
  </si>
  <si>
    <t>\\acsfs\DEPTOS\Operacao\Banco_Votorantim\Qualidade\Anderson\Auditoria de Vendas\Thumbs.db</t>
  </si>
  <si>
    <t>Gleyce Kelly Oliveira Silva (25).contact</t>
  </si>
  <si>
    <t>\\acsfs\profiles$\gleycekos\Contacts\Gleyce Kelly Oliveira Silva (25).contact</t>
  </si>
  <si>
    <t>mail.google.com/sync/u/0/i/s?hl=pt-BR&amp;c=2306</t>
  </si>
  <si>
    <t>mail.google.com/sync/u/0/i/s?hl=pt-BR&amp;c=2309</t>
  </si>
  <si>
    <t>mail.google.com/sync/u/0/i/s?hl=pt-BR&amp;c=2313</t>
  </si>
  <si>
    <t>mail.google.com/sync/u/0/i/s?hl=pt-BR&amp;c=2315</t>
  </si>
  <si>
    <t>mail.google.com/sync/u/0/i/s?hl=pt-BR&amp;c=2317</t>
  </si>
  <si>
    <t>mail.google.com/sync/u/0/i/s?hl=pt-BR&amp;c=2319</t>
  </si>
  <si>
    <t>mail.google.com/sync/u/0/i/s?hl=pt-BR&amp;c=2321</t>
  </si>
  <si>
    <t>mail.google.com/sync/u/0/i/s?hl=pt-BR&amp;c=2323</t>
  </si>
  <si>
    <t>mail.google.com/sync/u/0/i/s?hl=pt-BR&amp;c=2327</t>
  </si>
  <si>
    <t>mail.google.com/sync/u/0/i/s?hl=pt-BR&amp;c=2329</t>
  </si>
  <si>
    <t>3af4a4c4-3fca-4630-b7a4-22544642d1c7.tmp</t>
  </si>
  <si>
    <t>\\acsfs\profiles$\websondsa\Downloads\3af4a4c4-3fca-4630-b7a4-22544642d1c7.tmp</t>
  </si>
  <si>
    <t>e593c706-ef8a-4fff-8f86-071aa1734168.tmp</t>
  </si>
  <si>
    <t>\\acsfs\profiles$\websondsa\Downloads\e593c706-ef8a-4fff-8f86-071aa1734168.tmp</t>
  </si>
  <si>
    <t>f0955f1c-4207-45b2-81e8-c18d70b3162d.tmp</t>
  </si>
  <si>
    <t>\\acsfs\profiles$\websondsa\Downloads\f0955f1c-4207-45b2-81e8-c18d70b3162d.tmp</t>
  </si>
  <si>
    <t>b72e5d90-ca69-426f-9baa-e8844ccfd1c5.tmp</t>
  </si>
  <si>
    <t>\\acsfs\profiles$\ROZENCAM\Downloads\b72e5d90-ca69-426f-9baa-e8844ccfd1c5.tmp</t>
  </si>
  <si>
    <t>a5f5adf8-0b34-46f0-9b0d-d5cc37aaf3d8.tmp</t>
  </si>
  <si>
    <t>\\acsfs\profiles$\mariajra\Downloads\a5f5adf8-0b34-46f0-9b0d-d5cc37aaf3d8.tmp</t>
  </si>
  <si>
    <t>XLOG_gleycekos_10012020_071844.log</t>
  </si>
  <si>
    <t>\\acsfs\profiles$\gleycekos\My Documents\xworkcenter\logs\XLOG_gleycekos_10012020_071844.log</t>
  </si>
  <si>
    <t>mail.google.com/sync/u/0/i/s?hl=pt-BR&amp;c=2331</t>
  </si>
  <si>
    <t>mail.google.com/sync/u/0/i/s?hl=pt-BR&amp;c=2333</t>
  </si>
  <si>
    <t>mail.google.com/sync/u/0/i/s?hl=pt-BR&amp;c=2335</t>
  </si>
  <si>
    <t>mail.google.com/sync/u/0/i/s?hl=pt-BR&amp;c=2337</t>
  </si>
  <si>
    <t>mail.google.com/sync/u/0/i/s?hl=pt-BR&amp;c=2339</t>
  </si>
  <si>
    <t>mail.google.com/sync/u/0/i/s?hl=pt-BR&amp;c=2341</t>
  </si>
  <si>
    <t>mail.google.com/sync/u/0/i/s?hl=pt-BR&amp;c=2344</t>
  </si>
  <si>
    <t>mail.google.com/sync/u/0/i/s?hl=pt-BR&amp;c=2346</t>
  </si>
  <si>
    <t>fb38c04f-eb54-4fd5-a561-a88fe926cbee.tmp</t>
  </si>
  <si>
    <t>\\acsfs\profiles$\claudiajca\Downloads\fb38c04f-eb54-4fd5-a561-a88fe926cbee.tmp</t>
  </si>
  <si>
    <t>44d314cb-c55d-4b17-8373-cb74e0d546ba.tmp</t>
  </si>
  <si>
    <t>\\acsfs\profiles$\websondsa\Downloads\44d314cb-c55d-4b17-8373-cb74e0d546ba.tmp</t>
  </si>
  <si>
    <t>c60f44d1-0e9e-4d25-b617-0003256819d9.tmp</t>
  </si>
  <si>
    <t>\\acsfs\profiles$\websondsa\Downloads\c60f44d1-0e9e-4d25-b617-0003256819d9.tmp</t>
  </si>
  <si>
    <t>\\acsfs\profiles$\diosquellysc\Contacts\</t>
  </si>
  <si>
    <t>DIOSQUELLY SILVA CAPUTO (17).contact</t>
  </si>
  <si>
    <t>\\acsfs\profiles$\diosquellysc\Contacts\DIOSQUELLY SILVA CAPUTO (17).contact</t>
  </si>
  <si>
    <t>\\acsfs\profiles$\diosquellysc\My Documents\My Videos\</t>
  </si>
  <si>
    <t>\\acsfs\profiles$\diosquellysc\My Documents\My Videos\desktop.ini</t>
  </si>
  <si>
    <t>\\acsfs\profiles$\diosquellysc\My Documents\My Pictures\</t>
  </si>
  <si>
    <t>\\acsfs\profiles$\diosquellysc\My Documents\My Pictures\desktop.ini</t>
  </si>
  <si>
    <t>\\acsfs\profiles$\diosquellysc\Contacts\desktop.ini</t>
  </si>
  <si>
    <t>\\acsfs\profiles$\diosquellysc\Favorites\</t>
  </si>
  <si>
    <t>\\acsfs\profiles$\diosquellysc\Favorites\desktop.ini</t>
  </si>
  <si>
    <t>\\acsfs\profiles$\diosquellysc\My Documents\My Music\</t>
  </si>
  <si>
    <t>\\acsfs\profiles$\diosquellysc\My Documents\My Music\desktop.ini</t>
  </si>
  <si>
    <t>\\acsfs\profiles$\diosquellysc\Searches\</t>
  </si>
  <si>
    <t>\\acsfs\profiles$\diosquellysc\Searches\desktop.ini</t>
  </si>
  <si>
    <t>\\acsfs\profiles$\diosquellysc\Downloads\</t>
  </si>
  <si>
    <t>\\acsfs\profiles$\diosquellysc\Downloads\desktop.ini</t>
  </si>
  <si>
    <t>\\acsfs\profiles$\diosquellysc\My Documents\</t>
  </si>
  <si>
    <t>\\acsfs\profiles$\diosquellysc\My Documents\desktop.ini</t>
  </si>
  <si>
    <t>\\acsfs\profiles$\diosquellysc\Saved Games\</t>
  </si>
  <si>
    <t>\\acsfs\profiles$\diosquellysc\Saved Games\desktop.ini</t>
  </si>
  <si>
    <t>\\acsfs\profiles$\diosquellysc\Favorites\Links for Brasil\</t>
  </si>
  <si>
    <t>\\acsfs\profiles$\diosquellysc\Favorites\Links for Brasil\desktop.ini</t>
  </si>
  <si>
    <t>\\acsfs\profiles$\diosquellysc\Favorites\Links for Brasil\Microsoft Brasil.url</t>
  </si>
  <si>
    <t>\\acsfs\profiles$\diosquellysc\Favorites\Links for Brasil\Windows Brasil.url</t>
  </si>
  <si>
    <t>\\acsfs\profiles$\diosquellysc\Favorites\Links for Brasil\MSN Brasil.url</t>
  </si>
  <si>
    <t>dfd0d061-9bf9-4837-aa89-5c083ddc3c48.tmp</t>
  </si>
  <si>
    <t>\\acsfs\profiles$\sarahbal\Downloads\dfd0d061-9bf9-4837-aa89-5c083ddc3c48.tmp</t>
  </si>
  <si>
    <t>6bfcee71-bd4b-48f0-98ab-e1dccb8526fe.tmp</t>
  </si>
  <si>
    <t>\\acsfs\profiles$\sarahbal\Downloads\6bfcee71-bd4b-48f0-98ab-e1dccb8526fe.tmp</t>
  </si>
  <si>
    <t>c7a2b9a9-f277-4c3f-b4db-90c3e02d317b.tmp</t>
  </si>
  <si>
    <t>\\acsfs\profiles$\sarahbal\Downloads\c7a2b9a9-f277-4c3f-b4db-90c3e02d317b.tmp</t>
  </si>
  <si>
    <t>1f5bc954-56b2-4a27-8e8b-705aae2a9283.tmp</t>
  </si>
  <si>
    <t>\\acsfs\profiles$\sarahbal\Downloads\1f5bc954-56b2-4a27-8e8b-705aae2a9283.tmp</t>
  </si>
  <si>
    <t>fecabccf-be94-4bca-9774-8d08b83ba33d.tmp</t>
  </si>
  <si>
    <t>\\acsfs\profiles$\lucasqdss\Downloads\fecabccf-be94-4bca-9774-8d08b83ba33d.tmp</t>
  </si>
  <si>
    <t>119a7ae1-fbc5-4740-9559-4f926b366c0f.tmp</t>
  </si>
  <si>
    <t>\\acsfs\profiles$\mariajra\Downloads\119a7ae1-fbc5-4740-9559-4f926b366c0f.tmp</t>
  </si>
  <si>
    <t>561d7808-3c77-4224-bd5d-2bff387eeb9a.tmp</t>
  </si>
  <si>
    <t>\\acsfs\profiles$\mariajra\Downloads\561d7808-3c77-4224-bd5d-2bff387eeb9a.tmp</t>
  </si>
  <si>
    <t>75098c3e-96f3-433e-ab26-6bf46f1647c2.tmp</t>
  </si>
  <si>
    <t>\\acsfs\profiles$\mariajra\Downloads\75098c3e-96f3-433e-ab26-6bf46f1647c2.tmp</t>
  </si>
  <si>
    <t>28c1284b-a7eb-4cdc-9e5f-9dcaf1dac7ce.tmp</t>
  </si>
  <si>
    <t>\\acsfs\profiles$\mariajra\Downloads\28c1284b-a7eb-4cdc-9e5f-9dcaf1dac7ce.tmp</t>
  </si>
  <si>
    <t>XLOG_gleycekos_10012020_072142.log</t>
  </si>
  <si>
    <t>\\acsfs\profiles$\gleycekos\My Documents\xworkcenter\logs\XLOG_gleycekos_10012020_072142.log</t>
  </si>
  <si>
    <t>e4aa2461-c981-46d1-ab5c-480dbfa99e2a.tmp</t>
  </si>
  <si>
    <t>\\acsfs\profiles$\claudiajca\Downloads\e4aa2461-c981-46d1-ab5c-480dbfa99e2a.tmp</t>
  </si>
  <si>
    <t>\\acsfs\profiles$\diosquellysc\My Documents\xworkcenter\logs\</t>
  </si>
  <si>
    <t>XLOG_diosquellysc_10012020_072608.log</t>
  </si>
  <si>
    <t>\\acsfs\profiles$\diosquellysc\My Documents\xworkcenter\logs\XLOG_diosquellysc_10012020_072608.log</t>
  </si>
  <si>
    <t>\\acsfs\profiles$\danielpdl\My Documents\xworkcenter\lex\</t>
  </si>
  <si>
    <t>\\acsfs\profiles$\danielpdl\My Documents\xworkcenter\lex\temp.tlx</t>
  </si>
  <si>
    <t>Comissão Dezembro Equipe Adilson.xlsx</t>
  </si>
  <si>
    <t>\\acsfs\DEPTOS\Operacao\Banco_Votorantim\Supervisao\SUPERS BV CARTÕES\ADILSON\Comissão Dezembro Equipe Adilson.xlsx</t>
  </si>
  <si>
    <t>9f6b8752-0a07-4623-a5cb-7c6f9c4aac15.tmp</t>
  </si>
  <si>
    <t>\\acsfs\profiles$\vivianalds\Downloads\9f6b8752-0a07-4623-a5cb-7c6f9c4aac15.tmp</t>
  </si>
  <si>
    <t>b5c0f98e-a7aa-4ecf-96fb-d4f6bad9ddec.tmp</t>
  </si>
  <si>
    <t>\\acsfs\profiles$\vivianalds\Downloads\b5c0f98e-a7aa-4ecf-96fb-d4f6bad9ddec.tmp</t>
  </si>
  <si>
    <t>\\acsfs\profiles$\tiagosno\My Documents\dbxwc\</t>
  </si>
  <si>
    <t>\\acsfs\profiles$\tiagosno\My Documents\dbxwc\dbxwc.xwc</t>
  </si>
  <si>
    <t>f8775be8-8627-4a51-a288-f565f41e6960.tmp</t>
  </si>
  <si>
    <t>\\acsfs\profiles$\vivianalds\Downloads\f8775be8-8627-4a51-a288-f565f41e6960.tmp</t>
  </si>
  <si>
    <t>ccf0f224-bf53-4d92-8dc8-9df2ccee5c64.tmp</t>
  </si>
  <si>
    <t>\\acsfs\profiles$\vivianealda\Downloads\ccf0f224-bf53-4d92-8dc8-9df2ccee5c64.tmp</t>
  </si>
  <si>
    <t>JOSE ROSA DE SOUZA NETO (12).contact</t>
  </si>
  <si>
    <t>\\acsfs\profiles$\joserdsne\Contacts\JOSE ROSA DE SOUZA NETO (12).contact</t>
  </si>
  <si>
    <t>https://udpmailboxap01.acs.com.br:8443/h/search?si=0&amp;so=0&amp;sc=68757&amp;st=conversation&amp;action=compose&amp;paction=paneview</t>
  </si>
  <si>
    <t>a2ec3e78-f794-4806-a7e6-2fe3f64bef19.tmp</t>
  </si>
  <si>
    <t>\\acsfs\profiles$\lucasqdss\Downloads\a2ec3e78-f794-4806-a7e6-2fe3f64bef19.tmp</t>
  </si>
  <si>
    <t>5c536703-b4e6-41bf-9d94-9f4e54dc8107.tmp</t>
  </si>
  <si>
    <t>\\acsfs\profiles$\leticiala\Downloads\5c536703-b4e6-41bf-9d94-9f4e54dc8107.tmp</t>
  </si>
  <si>
    <t>6597ff5c-1948-42de-ac9d-42d28bf32278.tmp</t>
  </si>
  <si>
    <t>\\acsfs\profiles$\leticiala\Downloads\6597ff5c-1948-42de-ac9d-42d28bf32278.tmp</t>
  </si>
  <si>
    <t>9b1c49af-49fc-4077-9ce8-69caacc1f014.tmp</t>
  </si>
  <si>
    <t>\\acsfs\profiles$\leticiala\Downloads\9b1c49af-49fc-4077-9ce8-69caacc1f014.tmp</t>
  </si>
  <si>
    <t>b4bd19a9-6841-4793-9353-fb3ccfd60095.tmp</t>
  </si>
  <si>
    <t>\\acsfs\profiles$\leticiala\Downloads\b4bd19a9-6841-4793-9353-fb3ccfd60095.tmp</t>
  </si>
  <si>
    <t>joaogvc@algartech.com;katia.cardoso@bv.com.br;marianadjc@algartech.com;planejamentodeoperacoesetrafego@bv.com.br;ricardodfm@algartech.com.br;taysdss@algartech.com;viniciussg@algartech.com;</t>
  </si>
  <si>
    <t>joaogvc@algartech.com,katia.cardoso@bv.com.br,marianadjc@algartech.com,planejamentodeoperacoesetrafego@bv.com.br,ricardodfm@algartech.com.br,taysdss@algartech.com,viniciussg@algartech.com</t>
  </si>
  <si>
    <t>bvcartes-supervisores@algarnet.onmicrosoft.com;joaogvc@algartech.com;katia.cardoso@bv.com.br;leonardoao@algartech.com;marianadjc@algartech.com;paulacn@algartech.com;planejamentodeoperacoesetrafego@bv.com.br;rafaelggs@algartech.com;ricardodfm@algartech.com.br;taysdss@algartech.com;viniciussg@algartech.com;</t>
  </si>
  <si>
    <t>bvcartes-supervisores@algarnet.onmicrosoft.com,joaogvc@algartech.com,katia.cardoso@bv.com.br,leonardoao@algartech.com,marianadjc@algartech.com,paulacn@algartech.com,planejamentodeoperacoesetrafego@bv.com.br,rafaelggs@algartech.com,ricardodfm@algartech.com.br,taysdss@algartech.com,viniciussg@algartech.com</t>
  </si>
  <si>
    <t>\\acsfs\DEPTOS\Operacao\Banco_Votorantim\Supervisao\SUPERS BV CARTÕES\LAYOUT TV´S\.~lock.Layout TV Vendas 2.2.ppt#</t>
  </si>
  <si>
    <t>a7c13a04-9652-46cf-9f56-15e6c61fb336.tmp</t>
  </si>
  <si>
    <t>\\acsfs\profiles$\antoniosva\Downloads\a7c13a04-9652-46cf-9f56-15e6c61fb336.tmp</t>
  </si>
  <si>
    <t>2cfa249a-727d-4670-9b0a-92f908d1c876.tmp</t>
  </si>
  <si>
    <t>\\acsfs\profiles$\antoniosva\Downloads\2cfa249a-727d-4670-9b0a-92f908d1c876.tmp</t>
  </si>
  <si>
    <t>235bf922-0d7b-41b9-8861-563ae3461d3b.tmp</t>
  </si>
  <si>
    <t>\\acsfs\profiles$\antoniosva\Downloads\235bf922-0d7b-41b9-8861-563ae3461d3b.tmp</t>
  </si>
  <si>
    <t>f9c88797-3857-4a76-b47b-c9737bfcc567.tmp</t>
  </si>
  <si>
    <t>\\acsfs\profiles$\antoniosva\Downloads\f9c88797-3857-4a76-b47b-c9737bfcc567.tmp</t>
  </si>
  <si>
    <t>bc79e72d-3972-457b-b6e9-a128cb9ed019.tmp</t>
  </si>
  <si>
    <t>\\acsfs\profiles$\henriqueco\Downloads\bc79e72d-3972-457b-b6e9-a128cb9ed019.tmp</t>
  </si>
  <si>
    <t>0f7bd41b-266b-41e0-9ebf-8a2510e28963.tmp</t>
  </si>
  <si>
    <t>\\acsfs\profiles$\henriqueco\Downloads\0f7bd41b-266b-41e0-9ebf-8a2510e28963.tmp</t>
  </si>
  <si>
    <t>fadf37aa-b2bd-4ced-9d13-b2e4915afab4.tmp</t>
  </si>
  <si>
    <t>\\acsfs\profiles$\leticiala\Downloads\fadf37aa-b2bd-4ced-9d13-b2e4915afab4.tmp</t>
  </si>
  <si>
    <t>Gleyce Kelly Oliveira Silva (26).contact</t>
  </si>
  <si>
    <t>\\acsfs\profiles$\gleycekos\Contacts\Gleyce Kelly Oliveira Silva (26).contact</t>
  </si>
  <si>
    <t>091d634f-c657-4e6c-b907-779649312856.tmp</t>
  </si>
  <si>
    <t>\\acsfs\profiles$\THYAGOSP\Downloads\091d634f-c657-4e6c-b907-779649312856.tmp</t>
  </si>
  <si>
    <t>8b62ecd8-571f-4404-aeb8-5c540d6b3fdf.tmp</t>
  </si>
  <si>
    <t>\\acsfs\profiles$\THYAGOSP\Downloads\8b62ecd8-571f-4404-aeb8-5c540d6b3fdf.tmp</t>
  </si>
  <si>
    <t>winrt--{S-1-5-21-602162358-764733703-839522115-358583}-.searchconnector-ms</t>
  </si>
  <si>
    <t>\\acsfs\profiles$\laylaams\Searches\winrt--{S-1-5-21-602162358-764733703-839522115-358583}-.searchconnector-ms</t>
  </si>
  <si>
    <t>a96ef717-f099-4907-8c2d-28cc84c37564.tmp</t>
  </si>
  <si>
    <t>\\acsfs\profiles$\nayarasds\Downloads\a96ef717-f099-4907-8c2d-28cc84c37564.tmp</t>
  </si>
  <si>
    <t>b23db37c-77a1-4b59-b6b1-90d50ffafb6a.tmp</t>
  </si>
  <si>
    <t>\\acsfs\profiles$\nayarasds\Downloads\b23db37c-77a1-4b59-b6b1-90d50ffafb6a.tmp</t>
  </si>
  <si>
    <t>282c3e62-fd76-434f-a71e-a773db764535.tmp</t>
  </si>
  <si>
    <t>\\acsfs\profiles$\nayarasds\Downloads\282c3e62-fd76-434f-a71e-a773db764535.tmp</t>
  </si>
  <si>
    <t>089d5c97-3749-4ff3-a755-87ff7a7afa33.tmp</t>
  </si>
  <si>
    <t>\\acsfs\profiles$\nayarasds\Downloads\089d5c97-3749-4ff3-a755-87ff7a7afa33.tmp</t>
  </si>
  <si>
    <t>27d2bdad-3131-452e-b689-714aeb842199.tmp</t>
  </si>
  <si>
    <t>\\acsfs\profiles$\antoniosva\Downloads\27d2bdad-3131-452e-b689-714aeb842199.tmp</t>
  </si>
  <si>
    <t>7459a944-014f-469a-9b1c-8f4c02853c9a.tmp</t>
  </si>
  <si>
    <t>\\acsfs\profiles$\antoniosva\Downloads\7459a944-014f-469a-9b1c-8f4c02853c9a.tmp</t>
  </si>
  <si>
    <t>258b6f13-f3ab-41b1-8e8b-28e26d076f65.tmp</t>
  </si>
  <si>
    <t>\\acsfs\profiles$\ERICALSR\Downloads\258b6f13-f3ab-41b1-8e8b-28e26d076f65.tmp</t>
  </si>
  <si>
    <t>bc919755-b573-4384-9419-3866ca217c09.tmp</t>
  </si>
  <si>
    <t>\\acsfs\profiles$\luanarda\Downloads\bc919755-b573-4384-9419-3866ca217c09.tmp</t>
  </si>
  <si>
    <t>7cca4109-9187-466c-af2d-3c31049a1a59.tmp</t>
  </si>
  <si>
    <t>\\acsfs\profiles$\ANAPDSB\Downloads\7cca4109-9187-466c-af2d-3c31049a1a59.tmp</t>
  </si>
  <si>
    <t>10.200.66.4</t>
  </si>
  <si>
    <t>172d0ab0-3d37-42b8-85ab-7ba086b10ecd.tmp</t>
  </si>
  <si>
    <t>\\acsfs\profiles$\henriqueco\Downloads\172d0ab0-3d37-42b8-85ab-7ba086b10ecd.tmp</t>
  </si>
  <si>
    <t>a1e9bb0c-d6d7-4b93-9543-34f99bb0cd15.tmp</t>
  </si>
  <si>
    <t>\\acsfs\profiles$\henriqueco\Downloads\a1e9bb0c-d6d7-4b93-9543-34f99bb0cd15.tmp</t>
  </si>
  <si>
    <t>9e7c8b4d-29d1-4ade-941a-e04ca037780d.tmp</t>
  </si>
  <si>
    <t>\\acsfs\profiles$\henriqueco\Downloads\9e7c8b4d-29d1-4ade-941a-e04ca037780d.tmp</t>
  </si>
  <si>
    <t>440a7d37-52c6-4a88-9741-1fbda385deda.tmp</t>
  </si>
  <si>
    <t>\\acsfs\profiles$\marcellewdl\Downloads\440a7d37-52c6-4a88-9741-1fbda385deda.tmp</t>
  </si>
  <si>
    <t>dda97daf-a4a6-430d-bf8c-ba26bddf1315.tmp</t>
  </si>
  <si>
    <t>\\acsfs\profiles$\marcellewdl\Downloads\dda97daf-a4a6-430d-bf8c-ba26bddf1315.tmp</t>
  </si>
  <si>
    <t>621a1d7f-46c3-42c9-9983-fd85686752d5.tmp</t>
  </si>
  <si>
    <t>\\acsfs\profiles$\paulovadc\Downloads\621a1d7f-46c3-42c9-9983-fd85686752d5.tmp</t>
  </si>
  <si>
    <t>c1837524-19bf-40c7-ada5-18a74c0b6664.tmp</t>
  </si>
  <si>
    <t>\\acsfs\profiles$\paulovadc\Downloads\c1837524-19bf-40c7-ada5-18a74c0b6664.tmp</t>
  </si>
  <si>
    <t>c0cf774c-2698-44e4-b4ef-f8aa67ea35bb.tmp</t>
  </si>
  <si>
    <t>\\acsfs\profiles$\paulovadc\Downloads\c0cf774c-2698-44e4-b4ef-f8aa67ea35bb.tmp</t>
  </si>
  <si>
    <t>2069079a-f11e-485e-82f4-8a12d3df0942.tmp</t>
  </si>
  <si>
    <t>\\acsfs\profiles$\laylaams\Downloads\2069079a-f11e-485e-82f4-8a12d3df0942.tmp</t>
  </si>
  <si>
    <t>Unconfirmed 492603.crdownload</t>
  </si>
  <si>
    <t>\\acsfs\profiles$\laylaams\Downloads\Unconfirmed 492603.crdownload</t>
  </si>
  <si>
    <t>13d35fe2-a25b-40d8-ba0e-079e1e31ca6a.tmp</t>
  </si>
  <si>
    <t>\\acsfs\profiles$\laylaams\Downloads\13d35fe2-a25b-40d8-ba0e-079e1e31ca6a.tmp</t>
  </si>
  <si>
    <t>b6e9e04e-0d07-419e-8880-ae3cbdbc2d5e.tmp</t>
  </si>
  <si>
    <t>\\acsfs\profiles$\laylaams\Downloads\b6e9e04e-0d07-419e-8880-ae3cbdbc2d5e.tmp</t>
  </si>
  <si>
    <t>a98764d9-0272-4323-91b1-29768fb32fc5.tmp</t>
  </si>
  <si>
    <t>\\acsfs\profiles$\sarahbal\Downloads\a98764d9-0272-4323-91b1-29768fb32fc5.tmp</t>
  </si>
  <si>
    <t>19177bec-3dde-491d-924f-8f57100995e6.tmp</t>
  </si>
  <si>
    <t>\\acsfs\profiles$\quindaizaagds\Downloads\19177bec-3dde-491d-924f-8f57100995e6.tmp</t>
  </si>
  <si>
    <t>85089737-bc82-4b1b-8a8a-afb00fbf0676.tmp</t>
  </si>
  <si>
    <t>\\acsfs\profiles$\nayarasds\Downloads\85089737-bc82-4b1b-8a8a-afb00fbf0676.tmp</t>
  </si>
  <si>
    <t>01f1d700-b5f8-483b-bd5d-e9c83c65dc25.tmp</t>
  </si>
  <si>
    <t>\\acsfs\profiles$\ayalabfi\Downloads\01f1d700-b5f8-483b-bd5d-e9c83c65dc25.tmp</t>
  </si>
  <si>
    <t>eaa1fbbd-958c-45c3-b5f0-44bfdec74198.tmp</t>
  </si>
  <si>
    <t>\\acsfs\profiles$\ayalabfi\Downloads\eaa1fbbd-958c-45c3-b5f0-44bfdec74198.tmp</t>
  </si>
  <si>
    <t>acc3d54d-b8f4-498f-9a7b-7e29f38ed1ea.tmp</t>
  </si>
  <si>
    <t>\\acsfs\profiles$\ayalabfi\Downloads\acc3d54d-b8f4-498f-9a7b-7e29f38ed1ea.tmp</t>
  </si>
  <si>
    <t>f8102185-6edb-4ea6-b663-f8c264b74b76.tmp</t>
  </si>
  <si>
    <t>\\acsfs\profiles$\ayalabfi\Downloads\f8102185-6edb-4ea6-b663-f8c264b74b76.tmp</t>
  </si>
  <si>
    <t>0a7100e6-5051-44d0-afa9-2b0106ed2aaf.tmp</t>
  </si>
  <si>
    <t>\\acsfs\profiles$\ERICALSR\Downloads\0a7100e6-5051-44d0-afa9-2b0106ed2aaf.tmp</t>
  </si>
  <si>
    <t>845e6aa9-f1b6-4367-80b5-f16df140bda3.tmp</t>
  </si>
  <si>
    <t>\\acsfs\profiles$\luanarda\Downloads\845e6aa9-f1b6-4367-80b5-f16df140bda3.tmp</t>
  </si>
  <si>
    <t>843a2483-2726-44a3-93f7-12b585e4e27d.tmp</t>
  </si>
  <si>
    <t>\\acsfs\profiles$\ANAPDSB\Downloads\843a2483-2726-44a3-93f7-12b585e4e27d.tmp</t>
  </si>
  <si>
    <t>3482a1ca-c95a-4413-badf-251c97ab5fbd.tmp</t>
  </si>
  <si>
    <t>\\acsfs\profiles$\felipetds\Downloads\3482a1ca-c95a-4413-badf-251c97ab5fbd.tmp</t>
  </si>
  <si>
    <t>f2c793bd-9335-473b-a352-c7f843d062ab.tmp</t>
  </si>
  <si>
    <t>\\acsfs\profiles$\felipetds\Downloads\f2c793bd-9335-473b-a352-c7f843d062ab.tmp</t>
  </si>
  <si>
    <t>3c260340-cb1d-4f9f-8365-ba001b32fab2.tmp</t>
  </si>
  <si>
    <t>\\acsfs\profiles$\rafaelahpn\Downloads\3c260340-cb1d-4f9f-8365-ba001b32fab2.tmp</t>
  </si>
  <si>
    <t>5e5bd75b-5fd5-4fda-a5c5-eab09e2e6af4.tmp</t>
  </si>
  <si>
    <t>\\acsfs\profiles$\rafaelahpn\Downloads\5e5bd75b-5fd5-4fda-a5c5-eab09e2e6af4.tmp</t>
  </si>
  <si>
    <t>ceec8105-b6d8-4aaf-a5b0-d06ad0d99fe2.tmp</t>
  </si>
  <si>
    <t>\\acsfs\profiles$\rafaelahpn\Downloads\ceec8105-b6d8-4aaf-a5b0-d06ad0d99fe2.tmp</t>
  </si>
  <si>
    <t>9e13b59f-f8f6-4e5c-acda-d0110db4e389.tmp</t>
  </si>
  <si>
    <t>\\acsfs\profiles$\milenaas\Downloads\9e13b59f-f8f6-4e5c-acda-d0110db4e389.tmp</t>
  </si>
  <si>
    <t>f16f7abe-4094-4ab9-9152-dbe266c67343.tmp</t>
  </si>
  <si>
    <t>\\acsfs\profiles$\rafaelahpn\Downloads\f16f7abe-4094-4ab9-9152-dbe266c67343.tmp</t>
  </si>
  <si>
    <t>10.200.66.30</t>
  </si>
  <si>
    <t>78-2B-CB-C1-07-8D</t>
  </si>
  <si>
    <t>VOTORANT-WB010</t>
  </si>
  <si>
    <t>fa5f1cff-43bf-4edb-8f6b-d1a645bba957.tmp</t>
  </si>
  <si>
    <t>\\acsfs\profiles$\gabriellalpr\Downloads\fa5f1cff-43bf-4edb-8f6b-d1a645bba957.tmp</t>
  </si>
  <si>
    <t>020478fc-16ca-4b92-996c-e107b76fbe84.tmp</t>
  </si>
  <si>
    <t>\\acsfs\profiles$\geovannasm\Downloads\020478fc-16ca-4b92-996c-e107b76fbe84.tmp</t>
  </si>
  <si>
    <t>7d2f6b3b-43fd-4c0e-aacb-2f1439a78fe0.tmp</t>
  </si>
  <si>
    <t>\\acsfs\profiles$\geovannasm\Downloads\7d2f6b3b-43fd-4c0e-aacb-2f1439a78fe0.tmp</t>
  </si>
  <si>
    <t>53064056-8ce2-4018-914b-55c3f48de01a.tmp</t>
  </si>
  <si>
    <t>\\acsfs\profiles$\geovannasm\Downloads\53064056-8ce2-4018-914b-55c3f48de01a.tmp</t>
  </si>
  <si>
    <t>f828d7de-eee3-4f9c-be70-3e69dbc3262f.tmp</t>
  </si>
  <si>
    <t>\\acsfs\profiles$\geovannasm\Downloads\f828d7de-eee3-4f9c-be70-3e69dbc3262f.tmp</t>
  </si>
  <si>
    <t>lu14992jo6kd.tmp</t>
  </si>
  <si>
    <t>\\acsfs\profiles$\BRUNAAR\Numero\lu14992jo6kd.tmp</t>
  </si>
  <si>
    <t>c9510274-664e-4dcb-b627-7fa0ecda0ba8.tmp</t>
  </si>
  <si>
    <t>\\acsfs\profiles$\milenaas\Downloads\c9510274-664e-4dcb-b627-7fa0ecda0ba8.tmp</t>
  </si>
  <si>
    <t>2442d03f-fb6a-4d65-a127-965b2e43606c.tmp</t>
  </si>
  <si>
    <t>\\acsfs\profiles$\milenaas\Downloads\2442d03f-fb6a-4d65-a127-965b2e43606c.tmp</t>
  </si>
  <si>
    <t>97d8a205-d871-4da1-a425-64ba4337d705.tmp</t>
  </si>
  <si>
    <t>\\acsfs\profiles$\milenaas\Downloads\97d8a205-d871-4da1-a425-64ba4337d705.tmp</t>
  </si>
  <si>
    <t>a88ebd68-a072-41e6-970d-7a2babd747fe.tmp</t>
  </si>
  <si>
    <t>\\acsfs\profiles$\rafaelahpn\Downloads\a88ebd68-a072-41e6-970d-7a2babd747fe.tmp</t>
  </si>
  <si>
    <t>e29564b6-4eb6-46dc-b50a-4391879f8650.tmp</t>
  </si>
  <si>
    <t>\\acsfs\profiles$\leticiala\Downloads\e29564b6-4eb6-46dc-b50a-4391879f8650.tmp</t>
  </si>
  <si>
    <t>9ba1bfcd-688a-419b-9075-7f8e9c6b7267.tmp</t>
  </si>
  <si>
    <t>\\acsfs\profiles$\websondsa\Downloads\9ba1bfcd-688a-419b-9075-7f8e9c6b7267.tmp</t>
  </si>
  <si>
    <t>94d01a02-6aab-4563-b34c-fd760327464a.tmp</t>
  </si>
  <si>
    <t>\\acsfs\profiles$\websondsa\Downloads\94d01a02-6aab-4563-b34c-fd760327464a.tmp</t>
  </si>
  <si>
    <t>7936e51d-5d59-49cb-985a-4a51a752c2a7.tmp</t>
  </si>
  <si>
    <t>\\acsfs\profiles$\websondsa\Downloads\7936e51d-5d59-49cb-985a-4a51a752c2a7.tmp</t>
  </si>
  <si>
    <t>4c0253f5-7db5-46ef-a237-a06a739dbe21.tmp</t>
  </si>
  <si>
    <t>\\acsfs\profiles$\websondsa\Downloads\4c0253f5-7db5-46ef-a237-a06a739dbe21.tmp</t>
  </si>
  <si>
    <t>3487ddf2-25b1-45e4-8d8a-e929b5ca6e04.tmp</t>
  </si>
  <si>
    <t>\\acsfs\profiles$\gabriellalpr\Downloads\3487ddf2-25b1-45e4-8d8a-e929b5ca6e04.tmp</t>
  </si>
  <si>
    <t>8eca3de3-df63-4c08-a57e-956f246976fe.tmp</t>
  </si>
  <si>
    <t>\\acsfs\profiles$\quindaizaagds\Downloads\8eca3de3-df63-4c08-a57e-956f246976fe.tmp</t>
  </si>
  <si>
    <t>69a535f9-f5bd-4555-a997-c200abab53aa.tmp</t>
  </si>
  <si>
    <t>\\acsfs\profiles$\nayarasds\Downloads\69a535f9-f5bd-4555-a997-c200abab53aa.tmp</t>
  </si>
  <si>
    <t>2e2d2ba4-fd50-4702-9aa9-3c02b862eeaa.tmp</t>
  </si>
  <si>
    <t>\\acsfs\profiles$\LUCASNS\Downloads\2e2d2ba4-fd50-4702-9aa9-3c02b862eeaa.tmp</t>
  </si>
  <si>
    <t>bfe69294-9cf9-4ae3-84d3-6685697b9505.tmp</t>
  </si>
  <si>
    <t>\\acsfs\profiles$\LUCASNS\Downloads\bfe69294-9cf9-4ae3-84d3-6685697b9505.tmp</t>
  </si>
  <si>
    <t>lu142764zi0g4v.tmp</t>
  </si>
  <si>
    <t>\\acsfs\DEPTOS\Operacao\Banco_Votorantim\Supervisao\SUPERS BV CARTÕES\ANA VITORIA\APOIO\lu142764zi0g4v.tmp</t>
  </si>
  <si>
    <t>\\acsfs\DEPTOS\Operacao\Banco_Votorantim\Supervisao\SUPERS BV CARTÕES\ANA VITORIA\APOIO\lu142764zi0g4v.tmp\</t>
  </si>
  <si>
    <t>\\acsfs\DEPTOS\Operacao\Banco_Votorantim\Supervisao\SUPERS BV CARTÕES\ANA VITORIA\APOIO\lu142764zi0g4v.tmp\META-INF\</t>
  </si>
  <si>
    <t>\\acsfs\DEPTOS\Operacao\Banco_Votorantim\Supervisao\SUPERS BV CARTÕES\ANA VITORIA\APOIO\lu142764zi0g4v.tmp\Thumbnails\</t>
  </si>
  <si>
    <t>398b11fc-80b6-4e1b-84d2-a2f53c66450f.tmp</t>
  </si>
  <si>
    <t>\\acsfs\profiles$\larissaad\Downloads\398b11fc-80b6-4e1b-84d2-a2f53c66450f.tmp</t>
  </si>
  <si>
    <t>8bc9871f-e5c4-4931-971d-bf094338ccc0.tmp</t>
  </si>
  <si>
    <t>\\acsfs\profiles$\larissaad\Downloads\8bc9871f-e5c4-4931-971d-bf094338ccc0.tmp</t>
  </si>
  <si>
    <t>532c0fc5-ac1c-4d38-8d20-980e993f9c80.tmp</t>
  </si>
  <si>
    <t>\\acsfs\profiles$\larissaad\Downloads\532c0fc5-ac1c-4d38-8d20-980e993f9c80.tmp</t>
  </si>
  <si>
    <t>97710467-42ff-437f-93aa-5090ceed4319.tmp</t>
  </si>
  <si>
    <t>\\acsfs\profiles$\geovannasm\Downloads\97710467-42ff-437f-93aa-5090ceed4319.tmp</t>
  </si>
  <si>
    <t>fee20057-0920-4069-ad81-50ed63fdd647.tmp</t>
  </si>
  <si>
    <t>\\acsfs\profiles$\vivianalds\Downloads\fee20057-0920-4069-ad81-50ed63fdd647.tmp</t>
  </si>
  <si>
    <t>ced5a575-86ff-4c3c-afaa-ac76dfb4e49a.tmp</t>
  </si>
  <si>
    <t>\\acsfs\profiles$\vivianealda\Downloads\ced5a575-86ff-4c3c-afaa-ac76dfb4e49a.tmp</t>
  </si>
  <si>
    <t>dd4758ab-d994-40c6-a7af-d88dbc7996a2.tmp</t>
  </si>
  <si>
    <t>\\acsfs\profiles$\rafaelahpn\Downloads\dd4758ab-d994-40c6-a7af-d88dbc7996a2.tmp</t>
  </si>
  <si>
    <t>446c2dcb-381d-493a-b4b1-be64ab74e9d3.tmp</t>
  </si>
  <si>
    <t>\\acsfs\profiles$\KARENDSR\Downloads\446c2dcb-381d-493a-b4b1-be64ab74e9d3.tmp</t>
  </si>
  <si>
    <t>CPF 63852063272 - OPERADORA BRUNA ASSUNCAO ROSA_1_6772939572179437532_1_32.wav</t>
  </si>
  <si>
    <t>\\acsfs\Deptos\EDUCACAO EMPRESARIAL\KÉSIA\OUVIDORIA, PROCON, BACEN E RECLAME AQUI\CPF 63852063272 - OPERADORA BRUNA ASSUNCAO ROSA_1_6772939572179437532_1_32.wav</t>
  </si>
  <si>
    <t>lu142764zi0g52.tmp</t>
  </si>
  <si>
    <t>\\acsfs\DEPTOS\Operacao\Banco_Votorantim\Supervisao\SUPERS BV CARTÕES\ANA VITORIA\APOIO\lu142764zi0g52.tmp</t>
  </si>
  <si>
    <t>\\acsfs\DEPTOS\Operacao\Banco_Votorantim\Supervisao\SUPERS BV CARTÕES\ANA VITORIA\APOIO\lu142764zi0g52.tmp\</t>
  </si>
  <si>
    <t>\\acsfs\DEPTOS\Operacao\Banco_Votorantim\Supervisao\SUPERS BV CARTÕES\ANA VITORIA\APOIO\lu142764zi0g52.tmp\META-INF\</t>
  </si>
  <si>
    <t>\\acsfs\DEPTOS\Operacao\Banco_Votorantim\Supervisao\SUPERS BV CARTÕES\ANA VITORIA\APOIO\lu142764zi0g52.tmp\Thumbnails\</t>
  </si>
  <si>
    <t>5eff66da-f8ef-46a2-93e6-276ddfbeaf24.tmp</t>
  </si>
  <si>
    <t>\\acsfs\profiles$\quindaizaagds\Downloads\5eff66da-f8ef-46a2-93e6-276ddfbeaf24.tmp</t>
  </si>
  <si>
    <t>e7b5a91f-4f69-40a8-a252-939025e3f259.tmp</t>
  </si>
  <si>
    <t>\\acsfs\profiles$\quindaizaagds\Downloads\e7b5a91f-4f69-40a8-a252-939025e3f259.tmp</t>
  </si>
  <si>
    <t>2ed04a13-a834-4140-b094-70d6fb84472e.tmp</t>
  </si>
  <si>
    <t>\\acsfs\profiles$\quindaizaagds\Downloads\2ed04a13-a834-4140-b094-70d6fb84472e.tmp</t>
  </si>
  <si>
    <t>40b3ea27-21f7-45ce-ac24-272c971fe3d3.tmp</t>
  </si>
  <si>
    <t>\\acsfs\profiles$\quindaizaagds\Downloads\40b3ea27-21f7-45ce-ac24-272c971fe3d3.tmp</t>
  </si>
  <si>
    <t>8931156d-f23c-44a3-9674-6688fc3c29f9.tmp</t>
  </si>
  <si>
    <t>\\acsfs\profiles$\quindaizaagds\Downloads\8931156d-f23c-44a3-9674-6688fc3c29f9.tmp</t>
  </si>
  <si>
    <t>38580c5c-aceb-433f-8f3f-045510f63e5f.tmp</t>
  </si>
  <si>
    <t>\\acsfs\profiles$\quindaizaagds\Downloads\38580c5c-aceb-433f-8f3f-045510f63e5f.tmp</t>
  </si>
  <si>
    <t>344865b0-12c1-4644-9b88-47cf9353c34c.tmp</t>
  </si>
  <si>
    <t>\\acsfs\profiles$\ayalabfi\Downloads\344865b0-12c1-4644-9b88-47cf9353c34c.tmp</t>
  </si>
  <si>
    <t>48e557c5-3448-4faa-a769-7db39ffb3d66.tmp</t>
  </si>
  <si>
    <t>\\acsfs\profiles$\anafsb\Downloads\48e557c5-3448-4faa-a769-7db39ffb3d66.tmp</t>
  </si>
  <si>
    <t>ed1c9fe0-5097-4a05-b31a-8b27cd814142.tmp</t>
  </si>
  <si>
    <t>\\acsfs\profiles$\anafsb\Downloads\ed1c9fe0-5097-4a05-b31a-8b27cd814142.tmp</t>
  </si>
  <si>
    <t>c54930dd-0267-485f-90ff-8a341af3936d.tmp</t>
  </si>
  <si>
    <t>\\acsfs\profiles$\anafsb\Downloads\c54930dd-0267-485f-90ff-8a341af3936d.tmp</t>
  </si>
  <si>
    <t>36400a50-f32e-4744-b736-30a6e61a0368.tmp</t>
  </si>
  <si>
    <t>\\acsfs\profiles$\anafsb\Downloads\36400a50-f32e-4744-b736-30a6e61a0368.tmp</t>
  </si>
  <si>
    <t>b81ec6c8-cff3-4745-92d9-6cec425d8767.tmp</t>
  </si>
  <si>
    <t>\\acsfs\profiles$\anafsb\Downloads\b81ec6c8-cff3-4745-92d9-6cec425d8767.tmp</t>
  </si>
  <si>
    <t>194227bf-e0aa-4600-b158-394ef32087d3.tmp</t>
  </si>
  <si>
    <t>\\acsfs\profiles$\anafsb\Downloads\194227bf-e0aa-4600-b158-394ef32087d3.tmp</t>
  </si>
  <si>
    <t>dc4b2aea-0efa-4a01-9ad5-8bc42c5650d7.tmp</t>
  </si>
  <si>
    <t>\\acsfs\profiles$\KARENDSR\Downloads\dc4b2aea-0efa-4a01-9ad5-8bc42c5650d7.tmp</t>
  </si>
  <si>
    <t>753eb6ed-7e52-483f-9fe7-51d4296c2725.tmp</t>
  </si>
  <si>
    <t>\\acsfs\profiles$\KARENDSR\Downloads\753eb6ed-7e52-483f-9fe7-51d4296c2725.tmp</t>
  </si>
  <si>
    <t>bfa428b3-710e-4b74-888e-5991faf23bee.tmp</t>
  </si>
  <si>
    <t>\\acsfs\profiles$\lorrainerdl\Downloads\bfa428b3-710e-4b74-888e-5991faf23bee.tmp</t>
  </si>
  <si>
    <t>08136126-24aa-4391-90f9-7b7600298cd8.tmp</t>
  </si>
  <si>
    <t>\\acsfs\profiles$\lorrainerdl\Downloads\08136126-24aa-4391-90f9-7b7600298cd8.tmp</t>
  </si>
  <si>
    <t>0cd1aa95-5d69-4a40-8aed-5001ad043c7c.tmp</t>
  </si>
  <si>
    <t>\\acsfs\profiles$\ALYNYA\Downloads\0cd1aa95-5d69-4a40-8aed-5001ad043c7c.tmp</t>
  </si>
  <si>
    <t>\\acsfs\profiles$\Lucasgpe\My Documents\My Pictures\</t>
  </si>
  <si>
    <t>\\acsfs\profiles$\Lucasgpe\My Documents\My Music\</t>
  </si>
  <si>
    <t>\\acsfs\profiles$\Lucasgpe\Favorites\</t>
  </si>
  <si>
    <t>\\acsfs\profiles$\Lucasgpe\Downloads\</t>
  </si>
  <si>
    <t>winrt--{S-1-5-21-602162358-764733703-839522115-358589}-.searchconnector-ms</t>
  </si>
  <si>
    <t>\\acsfs\profiles$\lucasgpe\Searches\winrt--{S-1-5-21-602162358-764733703-839522115-358589}-.searchconnector-ms</t>
  </si>
  <si>
    <t>a3e4019e-ce5b-4d74-8008-f08aba901c40.tmp</t>
  </si>
  <si>
    <t>\\acsfs\profiles$\quindaizaagds\Downloads\a3e4019e-ce5b-4d74-8008-f08aba901c40.tmp</t>
  </si>
  <si>
    <t>lu14992jo6kh.tmp</t>
  </si>
  <si>
    <t>\\acsfs\profiles$\BRUNAAR\Numero\lu14992jo6kh.tmp</t>
  </si>
  <si>
    <t>89a09930-b95d-4ec0-b57b-bc630357fc1c.tmp</t>
  </si>
  <si>
    <t>\\acsfs\profiles$\anafsb\Downloads\89a09930-b95d-4ec0-b57b-bc630357fc1c.tmp</t>
  </si>
  <si>
    <t>a571dec0-0e95-442d-83c2-0065bcf6f8a0.tmp</t>
  </si>
  <si>
    <t>\\acsfs\profiles$\lorrainerdl\Downloads\a571dec0-0e95-442d-83c2-0065bcf6f8a0.tmp</t>
  </si>
  <si>
    <t>lu142764zi0g58.tmp</t>
  </si>
  <si>
    <t>\\acsfs\DEPTOS\Operacao\Banco_Votorantim\Supervisao\SUPERS BV CARTÕES\ANA VITORIA\APOIO\lu142764zi0g58.tmp</t>
  </si>
  <si>
    <t>5ab8963a-2677-40cd-96d5-3376f3a70787.tmp</t>
  </si>
  <si>
    <t>\\acsfs\profiles$\LUCASBS\Downloads\5ab8963a-2677-40cd-96d5-3376f3a70787.tmp</t>
  </si>
  <si>
    <t>43901190-6629-434a-8ef1-ab79446a26a2.tmp</t>
  </si>
  <si>
    <t>\\acsfs\profiles$\LUCASBS\Downloads\43901190-6629-434a-8ef1-ab79446a26a2.tmp</t>
  </si>
  <si>
    <t>joaogvc@algartech.com;leonardoao@algartech.com;marianadjc@algartech.com;paulacn@algartech.com;rafaelggs@algartech.com;ricardodfm@algartech.com.br;taysdss@algartech.com;thiagordu@algartech.com;viniciussg@algartech.com;</t>
  </si>
  <si>
    <t>joaogvc@algartech.com,leonardoao@algartech.com,marianadjc@algartech.com,paulacn@algartech.com,rafaelggs@algartech.com,ricardodfm@algartech.com.br,taysdss@algartech.com,thiagordu@algartech.com,viniciussg@algartech.com</t>
  </si>
  <si>
    <t>mail.google.com/_/upload?authuser=0&amp;dcp=asu-n&amp;upload_id=AEnB2UoMJk4AEGt37D8xc0MHCOWZdvF_P-G80CD9IaKb_EPJ3YdKVgIO11jf5kTs-gDPLGKiZwyvWDRYPokmQwUH3nCbB5sT4Itt3n8gkKJZt15xXfi8By8&amp;upload_protocol=resumable</t>
  </si>
  <si>
    <t>6a778361-f4f7-4f8f-a4d2-03153e0b65a4.tmp</t>
  </si>
  <si>
    <t>\\acsfs\profiles$\nataliacsl\Downloads\6a778361-f4f7-4f8f-a4d2-03153e0b65a4.tmp</t>
  </si>
  <si>
    <t>d52cd8fa-7d26-4425-8abf-f116d7f91c9b.tmp</t>
  </si>
  <si>
    <t>\\acsfs\profiles$\larissaad\Downloads\d52cd8fa-7d26-4425-8abf-f116d7f91c9b.tmp</t>
  </si>
  <si>
    <t>d09877f7-a6c9-4f3d-8276-000f6ef4c780.tmp</t>
  </si>
  <si>
    <t>\\acsfs\profiles$\nataliacsl\Downloads\d09877f7-a6c9-4f3d-8276-000f6ef4c780.tmp</t>
  </si>
  <si>
    <t>e5c897de-1e5c-494e-b9c7-2835c7ad16a7.tmp</t>
  </si>
  <si>
    <t>\\acsfs\profiles$\larissaad\Downloads\e5c897de-1e5c-494e-b9c7-2835c7ad16a7.tmp</t>
  </si>
  <si>
    <t>e8df25ca-f0f5-44e0-8ae9-86be6f3cb78d.tmp</t>
  </si>
  <si>
    <t>\\acsfs\profiles$\lorraynevam\Downloads\e8df25ca-f0f5-44e0-8ae9-86be6f3cb78d.tmp</t>
  </si>
  <si>
    <t>bcadb893-ace4-4b3d-8ffc-327b2fbe5439.tmp</t>
  </si>
  <si>
    <t>\\acsfs\profiles$\anafsb\Downloads\bcadb893-ace4-4b3d-8ffc-327b2fbe5439.tmp</t>
  </si>
  <si>
    <t>7d1425df-cc6c-4538-b9d6-ab962fb2655d.tmp</t>
  </si>
  <si>
    <t>\\acsfs\profiles$\anafsb\Downloads\7d1425df-cc6c-4538-b9d6-ab962fb2655d.tmp</t>
  </si>
  <si>
    <t>03ce8985-59cf-429d-ac42-81710cffea15.tmp</t>
  </si>
  <si>
    <t>\\acsfs\profiles$\vivianalds\Downloads\03ce8985-59cf-429d-ac42-81710cffea15.tmp</t>
  </si>
  <si>
    <t>612ec720-b331-49fa-8845-74a2f3fef48a.tmp</t>
  </si>
  <si>
    <t>\\acsfs\profiles$\vivianalds\Downloads\612ec720-b331-49fa-8845-74a2f3fef48a.tmp</t>
  </si>
  <si>
    <t>8e49a758-bc8a-4aee-a536-ce448c5f644f.tmp</t>
  </si>
  <si>
    <t>\\acsfs\profiles$\vivianalds\Downloads\8e49a758-bc8a-4aee-a536-ce448c5f644f.tmp</t>
  </si>
  <si>
    <t>\\udpavonfs01\AVON\00 - ACOMPANHAMENTO AVON\04 - BACKOFFICE CORNERSTONE\2020\01.2020\RELATORIO\10.01.2020\Acompanhamento Backoffice Cornerstone JAN.20.xlsx</t>
  </si>
  <si>
    <t>eduardo.santana@bv.com.br;fernandaab@algartech.com;fernandorsju@algartech.com;maria.silva3@dxc.com;marianeps@algartech.com;talmaiardo@algartech.com;thiagordu@algartech.com;</t>
  </si>
  <si>
    <t>eduardo.santana@bv.com.br,fernandaab@algartech.com,fernandorsju@algartech.com,maria.silva3@dxc.com,marianeps@algartech.com,talmaiardo@algartech.com,thiagordu@algartech.com</t>
  </si>
  <si>
    <t>lu142764zi0g5j.tmp</t>
  </si>
  <si>
    <t>\\acsfs\DEPTOS\Operacao\Banco_Votorantim\Supervisao\SUPERS BV CARTÕES\ANA VITORIA\APOIO\lu142764zi0g5j.tmp</t>
  </si>
  <si>
    <t>lu11340b4nc.tmp</t>
  </si>
  <si>
    <t>\\acsfs\profiles$\lucasgpe\Desktop\lu11340b4nc.tmp</t>
  </si>
  <si>
    <t>\\acsfs\profiles$\lucasgpe\Desktop\lu11340b4nc.tmp\</t>
  </si>
  <si>
    <t>\\acsfs\profiles$\lucasgpe\Desktop\lu11340b4nc.tmp\META-INF\</t>
  </si>
  <si>
    <t>\\acsfs\profiles$\lucasgpe\Desktop\lu11340b4nc.tmp\Thumbnails\</t>
  </si>
  <si>
    <t>12069557-bbde-4964-a171-b1780192dabb.tmp</t>
  </si>
  <si>
    <t>\\acsfs\profiles$\lorraynevam\Downloads\12069557-bbde-4964-a171-b1780192dabb.tmp</t>
  </si>
  <si>
    <t>54030894-7340-4175-b5ae-effd01306eef.tmp</t>
  </si>
  <si>
    <t>\\acsfs\profiles$\lorraynevam\Downloads\54030894-7340-4175-b5ae-effd01306eef.tmp</t>
  </si>
  <si>
    <t>4e89192f-ac53-40d3-b48b-b4be09f5a527.tmp</t>
  </si>
  <si>
    <t>\\acsfs\profiles$\vivianalds\Downloads\4e89192f-ac53-40d3-b48b-b4be09f5a527.tmp</t>
  </si>
  <si>
    <t>eduardo.santana@bv.com.br;fernandaab@algartech.com;fernandorsju@algartech.com;lilianls@algartech.com;maria.silva3@dxc.com;marianeps@algartech.com;qualidadealgarbv@algartech.com;talmaiardo@algartech.com;thiagordu@algartech.com;</t>
  </si>
  <si>
    <t>eduardo.santana@bv.com.br,fernandaab@algartech.com,fernandorsju@algartech.com,lilianls@algartech.com,maria.silva3@dxc.com,marianeps@algartech.com,qualidadealgarbv@algartech.com,talmaiardo@algartech.com,thiagordu@algartech.com</t>
  </si>
  <si>
    <t>c01cc390-6643-43dc-8052-f6d2ca9f1965.tmp</t>
  </si>
  <si>
    <t>\\acsfs\profiles$\vivianalds\Downloads\c01cc390-6643-43dc-8052-f6d2ca9f1965.tmp</t>
  </si>
  <si>
    <t>CPF 63852063272 - MILANE SILVA DA ROSA MADEIRA.pdf</t>
  </si>
  <si>
    <t>\\acsfs\Deptos\EDUCACAO EMPRESARIAL\KÉSIA\OUVIDORIA, PROCON, BACEN E RECLAME AQUI\CPF 63852063272 - MILANE SILVA DA ROSA MADEIRA.pdf</t>
  </si>
  <si>
    <t>657aa79c-fb97-45f3-b284-ab59a2466bc4.tmp</t>
  </si>
  <si>
    <t>\\acsfs\profiles$\wenderbnm\Downloads\657aa79c-fb97-45f3-b284-ab59a2466bc4.tmp</t>
  </si>
  <si>
    <t>5bb50b73-9343-4733-8cab-69187fc0a83b.tmp</t>
  </si>
  <si>
    <t>\\acsfs\profiles$\paulovadc\Downloads\5bb50b73-9343-4733-8cab-69187fc0a83b.tmp</t>
  </si>
  <si>
    <t>23a86189-fa18-40a6-b557-052fe34a297d.tmp</t>
  </si>
  <si>
    <t>\\acsfs\profiles$\ROZENCAM\Downloads\23a86189-fa18-40a6-b557-052fe34a297d.tmp</t>
  </si>
  <si>
    <t>01bb4a7c-91b5-41c9-917e-e183ad3e8a41.tmp</t>
  </si>
  <si>
    <t>\\acsfs\profiles$\mariajra\Downloads\01bb4a7c-91b5-41c9-917e-e183ad3e8a41.tmp</t>
  </si>
  <si>
    <t>cec9406b-33cd-42a3-bf54-c38eea525f44.tmp</t>
  </si>
  <si>
    <t>\\acsfs\profiles$\milenaas\Downloads\cec9406b-33cd-42a3-bf54-c38eea525f44.tmp</t>
  </si>
  <si>
    <t>de9f084c-fc67-4e2f-936e-9e517b56cf34.tmp</t>
  </si>
  <si>
    <t>\\acsfs\profiles$\anafsb\Downloads\de9f084c-fc67-4e2f-936e-9e517b56cf34.tmp</t>
  </si>
  <si>
    <t>mail.google.com/sync/u/0/i/s?hl=pt-BR&amp;c=993</t>
  </si>
  <si>
    <t>mail.google.com/sync/u/0/i/s?hl=pt-BR&amp;c=995</t>
  </si>
  <si>
    <t>mail.google.com/sync/u/0/i/s?hl=pt-BR&amp;c=997</t>
  </si>
  <si>
    <t>7d6c3b19-fdc9-484f-a7ba-7db23300a79f.tmp</t>
  </si>
  <si>
    <t>\\acsfs\profiles$\lorrainerdl\Downloads\7d6c3b19-fdc9-484f-a7ba-7db23300a79f.tmp</t>
  </si>
  <si>
    <t>5d49597f-ba04-4ee8-a424-6374017989e4.tmp</t>
  </si>
  <si>
    <t>\\acsfs\profiles$\wenderbnm\Downloads\5d49597f-ba04-4ee8-a424-6374017989e4.tmp</t>
  </si>
  <si>
    <t>d198635f-6515-4836-9537-cf4f090b8c08.tmp</t>
  </si>
  <si>
    <t>\\acsfs\profiles$\danielmlds\Downloads\d198635f-6515-4836-9537-cf4f090b8c08.tmp</t>
  </si>
  <si>
    <t>4bed2f15-6ec2-49f9-9c95-66158f0905ad.tmp</t>
  </si>
  <si>
    <t>\\acsfs\profiles$\sarahbal\Downloads\4bed2f15-6ec2-49f9-9c95-66158f0905ad.tmp</t>
  </si>
  <si>
    <t>22170fc2-f3c0-4c37-8c07-341a91551620.tmp</t>
  </si>
  <si>
    <t>\\acsfs\profiles$\BRUNAAR\Downloads\22170fc2-f3c0-4c37-8c07-341a91551620.tmp</t>
  </si>
  <si>
    <t>00de1b51-0049-43b0-a189-53914c7cdf0b.tmp</t>
  </si>
  <si>
    <t>\\acsfs\profiles$\ERICALSR\Downloads\00de1b51-0049-43b0-a189-53914c7cdf0b.tmp</t>
  </si>
  <si>
    <t>2dc07d83-c23b-4b1f-bc37-722a90204649.tmp</t>
  </si>
  <si>
    <t>\\acsfs\profiles$\inarajst\Downloads\2dc07d83-c23b-4b1f-bc37-722a90204649.tmp</t>
  </si>
  <si>
    <t>kit_pre_deslig_pedido_demissao_ausente_98721_luana aparecida goncalves lima.pdf</t>
  </si>
  <si>
    <t>6b80987c-71f8-4210-8c57-162feb167be2.tmp</t>
  </si>
  <si>
    <t>\\acsfs\profiles$\isabellegtds\Downloads\6b80987c-71f8-4210-8c57-162feb167be2.tmp</t>
  </si>
  <si>
    <t>7e801e37-183a-4056-b844-b6caa821eac8.tmp</t>
  </si>
  <si>
    <t>\\acsfs\profiles$\isabellegtds\Downloads\7e801e37-183a-4056-b844-b6caa821eac8.tmp</t>
  </si>
  <si>
    <t>42480474-c456-46fd-840c-2672c0a8ecb9.tmp</t>
  </si>
  <si>
    <t>\\acsfs\profiles$\danielmlds\Downloads\42480474-c456-46fd-840c-2672c0a8ecb9.tmp</t>
  </si>
  <si>
    <t>eaa97814-2e84-417c-a470-af7587117de6.tmp</t>
  </si>
  <si>
    <t>\\acsfs\profiles$\cintiadcf\Downloads\eaa97814-2e84-417c-a470-af7587117de6.tmp</t>
  </si>
  <si>
    <t>40a5df68-ac15-4fa3-9141-4e7c1ac227bc.tmp</t>
  </si>
  <si>
    <t>\\acsfs\profiles$\cintiadcf\Downloads\40a5df68-ac15-4fa3-9141-4e7c1ac227bc.tmp</t>
  </si>
  <si>
    <t>1e429f31-06cd-4abc-8d25-23fc979e43b6.tmp</t>
  </si>
  <si>
    <t>\\acsfs\profiles$\inarajst\Downloads\1e429f31-06cd-4abc-8d25-23fc979e43b6.tmp</t>
  </si>
  <si>
    <t>c025f477-a049-45d0-b438-c75b7901440c.tmp</t>
  </si>
  <si>
    <t>\\acsfs\profiles$\inarajst\Downloads\c025f477-a049-45d0-b438-c75b7901440c.tmp</t>
  </si>
  <si>
    <t>f8a71600-c89c-48bd-a31e-85fc76d86735.tmp</t>
  </si>
  <si>
    <t>\\acsfs\profiles$\inarajst\Downloads\f8a71600-c89c-48bd-a31e-85fc76d86735.tmp</t>
  </si>
  <si>
    <t>2d7d3094-4757-4936-934b-60cde06cb871.tmp</t>
  </si>
  <si>
    <t>\\acsfs\profiles$\inarajst\Downloads\2d7d3094-4757-4936-934b-60cde06cb871.tmp</t>
  </si>
  <si>
    <t>b06d4bd6-aed3-40b9-bc28-a1064c575daa.tmp</t>
  </si>
  <si>
    <t>\\acsfs\profiles$\inarajst\Downloads\b06d4bd6-aed3-40b9-bc28-a1064c575daa.tmp</t>
  </si>
  <si>
    <t>\\udpavonfs01\AVON\00 - ACOMPANHAMENTO AVON\04 - BACKOFFICE CORNERSTONE\2020\01.2020\RELATORIO\10.01.2020\</t>
  </si>
  <si>
    <t>db43dcd9-6573-4a60-b17e-a288efbac25f.tmp</t>
  </si>
  <si>
    <t>\\acsfs\profiles$\leticiala\Downloads\db43dcd9-6573-4a60-b17e-a288efbac25f.tmp</t>
  </si>
  <si>
    <t>\\acsfs\profiles$\kellzylenneasr\My Documents\My Pictures\</t>
  </si>
  <si>
    <t>\\acsfs\profiles$\kellzylenneasr\My Documents\My Videos\desktop.ini</t>
  </si>
  <si>
    <t>\\acsfs\profiles$\kellzylenneasr\My Documents\My Videos\</t>
  </si>
  <si>
    <t>\\acsfs\profiles$\kellzylenneasr\My Documents\My Music\</t>
  </si>
  <si>
    <t>\\acsfs\profiles$\kellzylenneasr\My Documents\My Pictures\desktop.ini</t>
  </si>
  <si>
    <t>\\acsfs\profiles$\kellzylenneasr\Contacts\</t>
  </si>
  <si>
    <t>\\acsfs\profiles$\kellzylenneasr\Contacts\desktop.ini</t>
  </si>
  <si>
    <t>\\acsfs\profiles$\kellzylenneasr\Favorites\desktop.ini</t>
  </si>
  <si>
    <t>\\acsfs\profiles$\kellzylenneasr\My Documents\My Music\desktop.ini</t>
  </si>
  <si>
    <t>\\acsfs\profiles$\kellzylenneasr\Searches\</t>
  </si>
  <si>
    <t>\\acsfs\profiles$\kellzylenneasr\Searches\desktop.ini</t>
  </si>
  <si>
    <t>\\acsfs\profiles$\kellzylenneasr\Downloads\desktop.ini</t>
  </si>
  <si>
    <t>\\acsfs\profiles$\kellzylenneasr\Favorites\</t>
  </si>
  <si>
    <t>\\acsfs\profiles$\kellzylenneasr\My Documents\desktop.ini</t>
  </si>
  <si>
    <t>\\acsfs\profiles$\kellzylenneasr\Saved Games\desktop.ini</t>
  </si>
  <si>
    <t>winrt--{S-1-5-21-602162358-764733703-839522115-342472}-.searchconnector-ms</t>
  </si>
  <si>
    <t>\\acsfs\profiles$\kellzylenneasr\Searches\winrt--{S-1-5-21-602162358-764733703-839522115-342472}-.searchconnector-ms</t>
  </si>
  <si>
    <t>56ca786c-52b6-49f2-b548-459b3fd6c30c.tmp</t>
  </si>
  <si>
    <t>\\acsfs\profiles$\Flaviojmm\Downloads\56ca786c-52b6-49f2-b548-459b3fd6c30c.tmp</t>
  </si>
  <si>
    <t>fbd2375f-b99d-4caf-bdf9-f0765c6f1e91.tmp</t>
  </si>
  <si>
    <t>\\acsfs\profiles$\Flaviojmm\Downloads\fbd2375f-b99d-4caf-bdf9-f0765c6f1e91.tmp</t>
  </si>
  <si>
    <t>NOVA CONTAGEM DE VENDAS.txt</t>
  </si>
  <si>
    <t>\\acsfs\profiles$\ADELVINSONLE\NOVA CONTAGEM DE VENDAS.txt</t>
  </si>
  <si>
    <t>10.200.66.34</t>
  </si>
  <si>
    <t>PAMELA MARIA CRISTINA MACEDO DA SILVA GUEDES (9).contact</t>
  </si>
  <si>
    <t>\\acsfs\profiles$\pamelamcmdsg\Contacts\PAMELA MARIA CRISTINA MACEDO DA SILVA GUEDES (9).contact</t>
  </si>
  <si>
    <t>10.200.67.216</t>
  </si>
  <si>
    <t>D0-94-66-B5-70-7C</t>
  </si>
  <si>
    <t>VOTORANT-SB014</t>
  </si>
  <si>
    <t>406643ea-fc44-43f4-9092-ae346d9907da.tmp</t>
  </si>
  <si>
    <t>\\acsfs\profiles$\kellzylenneasr\Downloads\406643ea-fc44-43f4-9092-ae346d9907da.tmp</t>
  </si>
  <si>
    <t>ff2b4288-8e07-4837-80ea-d6281e1d2c69.tmp</t>
  </si>
  <si>
    <t>\\acsfs\profiles$\kellzylenneasr\Downloads\ff2b4288-8e07-4837-80ea-d6281e1d2c69.tmp</t>
  </si>
  <si>
    <t>ad1b8bde-235d-4c8f-8aae-1140868dc431.tmp</t>
  </si>
  <si>
    <t>\\acsfs\profiles$\larissaad\Downloads\ad1b8bde-235d-4c8f-8aae-1140868dc431.tmp</t>
  </si>
  <si>
    <t>a8f79fb4-c5d6-42bc-9e76-9e2064e66f6e.tmp</t>
  </si>
  <si>
    <t>\\acsfs\profiles$\gabrielhca\Downloads\a8f79fb4-c5d6-42bc-9e76-9e2064e66f6e.tmp</t>
  </si>
  <si>
    <t>a829dc34-4580-4abd-85f5-94f546ce52c0.tmp</t>
  </si>
  <si>
    <t>\\acsfs\profiles$\gabrielhca\Downloads\a829dc34-4580-4abd-85f5-94f546ce52c0.tmp</t>
  </si>
  <si>
    <t>79701101-f159-4a1b-a5bb-e30494a6deb6.tmp</t>
  </si>
  <si>
    <t>\\acsfs\profiles$\gabrielhca\Downloads\79701101-f159-4a1b-a5bb-e30494a6deb6.tmp</t>
  </si>
  <si>
    <t>7253afe8-676f-4696-b8c0-60009b336ef9.tmp</t>
  </si>
  <si>
    <t>\\acsfs\profiles$\gabrielhca\Downloads\7253afe8-676f-4696-b8c0-60009b336ef9.tmp</t>
  </si>
  <si>
    <t>f85ba8a2-4e5c-47ec-9e56-7afa227b9a5b.tmp</t>
  </si>
  <si>
    <t>\\acsfs\profiles$\gabrielhca\Downloads\f85ba8a2-4e5c-47ec-9e56-7afa227b9a5b.tmp</t>
  </si>
  <si>
    <t>ff864a1c-3f45-47bf-8624-84ca201b48c1.tmp</t>
  </si>
  <si>
    <t>\\acsfs\profiles$\adelvinsonle\Downloads\ff864a1c-3f45-47bf-8624-84ca201b48c1.tmp</t>
  </si>
  <si>
    <t>bc242eb9-1606-46c1-a0c0-938d7edf07cb.tmp</t>
  </si>
  <si>
    <t>\\acsfs\profiles$\adelvinsonle\Downloads\bc242eb9-1606-46c1-a0c0-938d7edf07cb.tmp</t>
  </si>
  <si>
    <t>7d1cbf56-835e-435c-886c-002739db4569.tmp</t>
  </si>
  <si>
    <t>\\acsfs\profiles$\vivianalds\Downloads\7d1cbf56-835e-435c-886c-002739db4569.tmp</t>
  </si>
  <si>
    <t>cfa64d5c-334c-4612-ab52-b3f35bf3813f.tmp</t>
  </si>
  <si>
    <t>\\acsfs\profiles$\luanarda\Downloads\cfa64d5c-334c-4612-ab52-b3f35bf3813f.tmp</t>
  </si>
  <si>
    <t>6ad3dbef-a0da-4ed4-9efc-95f645f82453.tmp</t>
  </si>
  <si>
    <t>\\acsfs\profiles$\lorraynevam\Downloads\6ad3dbef-a0da-4ed4-9efc-95f645f82453.tmp</t>
  </si>
  <si>
    <t>006234b2-1e96-4a4a-a833-abac33129e48.tmp</t>
  </si>
  <si>
    <t>\\acsfs\profiles$\quindaizaagds\Downloads\006234b2-1e96-4a4a-a833-abac33129e48.tmp</t>
  </si>
  <si>
    <t>d7841867-e602-464f-9f73-a06a06c6033b.tmp</t>
  </si>
  <si>
    <t>\\acsfs\profiles$\geovannasm\Downloads\d7841867-e602-464f-9f73-a06a06c6033b.tmp</t>
  </si>
  <si>
    <t>lu14992jo6km.tmp</t>
  </si>
  <si>
    <t>\\acsfs\profiles$\BRUNAAR\Numero\lu14992jo6km.tmp</t>
  </si>
  <si>
    <t>e9746751-0455-4724-b236-a3e29dc47ff6.tmp</t>
  </si>
  <si>
    <t>\\acsfs\profiles$\nathaliarmr\Downloads\e9746751-0455-4724-b236-a3e29dc47ff6.tmp</t>
  </si>
  <si>
    <t>d8f13f7c-c37e-4f2f-9451-a89a6072ec06.tmp</t>
  </si>
  <si>
    <t>\\acsfs\profiles$\vivianalds\Downloads\d8f13f7c-c37e-4f2f-9451-a89a6072ec06.tmp</t>
  </si>
  <si>
    <t>1d289ca5-9011-4a00-8c1d-700b89bb8a26.tmp</t>
  </si>
  <si>
    <t>\\acsfs\profiles$\vivianalds\Downloads\1d289ca5-9011-4a00-8c1d-700b89bb8a26.tmp</t>
  </si>
  <si>
    <t>5b654e7b-17cc-4d40-820a-644b23c69d1c.tmp</t>
  </si>
  <si>
    <t>\\acsfs\profiles$\maxmillianosv\Downloads\5b654e7b-17cc-4d40-820a-644b23c69d1c.tmp</t>
  </si>
  <si>
    <t>42cff57f-f683-41b2-bdac-665ccab4377e.tmp</t>
  </si>
  <si>
    <t>\\acsfs\profiles$\lorraynevam\Downloads\42cff57f-f683-41b2-bdac-665ccab4377e.tmp</t>
  </si>
  <si>
    <t>a1c76be6-5544-4a2d-9054-57c3b622d073.tmp</t>
  </si>
  <si>
    <t>\\acsfs\profiles$\quindaizaagds\Downloads\a1c76be6-5544-4a2d-9054-57c3b622d073.tmp</t>
  </si>
  <si>
    <t>01641266-6446-4520-8cc5-42e1ec695039.tmp</t>
  </si>
  <si>
    <t>\\acsfs\profiles$\quindaizaagds\Downloads\01641266-6446-4520-8cc5-42e1ec695039.tmp</t>
  </si>
  <si>
    <t>a1ac4767-47f8-4832-83cb-8be32dbe77ed.tmp</t>
  </si>
  <si>
    <t>\\acsfs\profiles$\geovannasm\Downloads\a1ac4767-47f8-4832-83cb-8be32dbe77ed.tmp</t>
  </si>
  <si>
    <t>a010342d-f98c-41c8-a4dd-e52a3260b22e.tmp</t>
  </si>
  <si>
    <t>\\acsfs\profiles$\ayalabfi\Downloads\a010342d-f98c-41c8-a4dd-e52a3260b22e.tmp</t>
  </si>
  <si>
    <t>3066d8fd-2e58-40fa-b25a-ef2626d4fb27.tmp</t>
  </si>
  <si>
    <t>\\acsfs\profiles$\nathaliarmr\Downloads\3066d8fd-2e58-40fa-b25a-ef2626d4fb27.tmp</t>
  </si>
  <si>
    <t>d2467e5c-4c56-4a97-8a30-71320aff192b.tmp</t>
  </si>
  <si>
    <t>\\acsfs\profiles$\inarajst\Downloads\d2467e5c-4c56-4a97-8a30-71320aff192b.tmp</t>
  </si>
  <si>
    <t>ebe9bbd8-0695-4751-88fa-5ed866e0c019.tmp</t>
  </si>
  <si>
    <t>\\acsfs\profiles$\vivianealda\Downloads\ebe9bbd8-0695-4751-88fa-5ed866e0c019.tmp</t>
  </si>
  <si>
    <t>87170a67-dc36-4b14-afef-ed3cf2323817.tmp</t>
  </si>
  <si>
    <t>\\acsfs\profiles$\isabellegtds\Downloads\87170a67-dc36-4b14-afef-ed3cf2323817.tmp</t>
  </si>
  <si>
    <t>lu142764zi0g69.tmp</t>
  </si>
  <si>
    <t>\\acsfs\DEPTOS\Operacao\Banco_Votorantim\Supervisao\SUPERS BV CARTÕES\ANA VITORIA\APOIO\lu142764zi0g69.tmp</t>
  </si>
  <si>
    <t>\\acsfs\DEPTOS\Operacao\Banco_Votorantim\Supervisao\SUPERS BV CARTÕES\ANA VITORIA\APOIO\lu142764zi0g69.tmp\</t>
  </si>
  <si>
    <t>\\acsfs\DEPTOS\Operacao\Banco_Votorantim\Supervisao\SUPERS BV CARTÕES\ANA VITORIA\APOIO\lu142764zi0g69.tmp\META-INF\</t>
  </si>
  <si>
    <t>\\acsfs\DEPTOS\Operacao\Banco_Votorantim\Supervisao\SUPERS BV CARTÕES\ANA VITORIA\APOIO\lu142764zi0g69.tmp\Thumbnails\</t>
  </si>
  <si>
    <t>https://udpwfmniceap02/web/guest/home?p_auth=o5pv75gh&amp;p_p_id=58&amp;p_p_lifecycle=1&amp;p_p_state=maximized&amp;p_p_mode=view&amp;savelastpath=0&amp;_58_struts_action=/login/forgot_password</t>
  </si>
  <si>
    <t>e899839c-e430-46ed-8098-5bc7d2805d73.tmp</t>
  </si>
  <si>
    <t>\\acsfs\profiles$\isabellegtds\Downloads\e899839c-e430-46ed-8098-5bc7d2805d73.tmp</t>
  </si>
  <si>
    <t>andrelpsa@algartech.com;joaogvc@algartech.com;leonardoao@algartech.com;marianadjc@algartech.com;maristelavodq@bv.algartech.com;paulacn@algartech.com;rafaelggs@algartech.com;ricardodfm@algartech.com.br;taysdss@algartech.com;viniciussg@algartech.com;</t>
  </si>
  <si>
    <t>andrelpsa@algartech.com,joaogvc@algartech.com,leonardoao@algartech.com,marianadjc@algartech.com,maristelavodq@bv.algartech.com,paulacn@algartech.com,rafaelggs@algartech.com,ricardodfm@algartech.com.br,taysdss@algartech.com,viniciussg@algartech.com</t>
  </si>
  <si>
    <t>7af13025-b65e-47d9-af75-ca9122b9d2e9.tmp</t>
  </si>
  <si>
    <t>\\acsfs\profiles$\THYAGOSP\Downloads\7af13025-b65e-47d9-af75-ca9122b9d2e9.tmp</t>
  </si>
  <si>
    <t>438ca91b-1c1a-4744-86ac-07df9079f036.tmp</t>
  </si>
  <si>
    <t>\\acsfs\profiles$\ERICALSR\Downloads\438ca91b-1c1a-4744-86ac-07df9079f036.tmp</t>
  </si>
  <si>
    <t>9dfc8930-0280-400c-82ff-da7fe5c94c2b.tmp</t>
  </si>
  <si>
    <t>\\acsfs\profiles$\leticiala\Downloads\9dfc8930-0280-400c-82ff-da7fe5c94c2b.tmp</t>
  </si>
  <si>
    <t>JESSICA FERREIRA CARVALHO (7).contact</t>
  </si>
  <si>
    <t>\\acsfs\profiles$\jessicafc\Contacts\JESSICA FERREIRA CARVALHO (7).contact</t>
  </si>
  <si>
    <t>\\acsfs\profiles$\jessicafc\Saved Games\</t>
  </si>
  <si>
    <t>\\acsfs\profiles$\JESSICAFC\Favorites\Links for Brasil\</t>
  </si>
  <si>
    <t>\\acsfs\profiles$\JESSICAFC\Favorites\Links for Brasil\desktop.ini</t>
  </si>
  <si>
    <t>\\acsfs\profiles$\JESSICAFC\Favorites\Links for Brasil\Microsoft Brasil.url</t>
  </si>
  <si>
    <t>\\acsfs\profiles$\JESSICAFC\Favorites\Links for Brasil\Windows Brasil.url</t>
  </si>
  <si>
    <t>\\acsfs\profiles$\JESSICAFC\Favorites\Links for Brasil\MSN Brasil.url</t>
  </si>
  <si>
    <t>f3e9a3d0-f274-4686-b810-c60ca1f76756.tmp</t>
  </si>
  <si>
    <t>\\acsfs\profiles$\cintiadcf\Downloads\f3e9a3d0-f274-4686-b810-c60ca1f76756.tmp</t>
  </si>
  <si>
    <t>312f5411-546b-4158-b83d-549202dd971e.tmp</t>
  </si>
  <si>
    <t>\\acsfs\profiles$\thallitaqna\Downloads\312f5411-546b-4158-b83d-549202dd971e.tmp</t>
  </si>
  <si>
    <t>Não confirmado 809802.crdownload</t>
  </si>
  <si>
    <t>\\acsfs\profiles$\thallitaqna\Downloads\Não confirmado 809802.crdownload</t>
  </si>
  <si>
    <t>97380c8c-f66b-4701-bcc8-1c4727eee053.tmp</t>
  </si>
  <si>
    <t>\\acsfs\profiles$\thallitaqna\Downloads\97380c8c-f66b-4701-bcc8-1c4727eee053.tmp</t>
  </si>
  <si>
    <t>Não confirmado 265040.crdownload</t>
  </si>
  <si>
    <t>\\acsfs\profiles$\thallitaqna\Downloads\Não confirmado 265040.crdownload</t>
  </si>
  <si>
    <t>id genesys.xlsx</t>
  </si>
  <si>
    <t>\\acsfs\DEPTOS\Operacao\PCP\5 - Comum\JUKA\id genesys.xlsx</t>
  </si>
  <si>
    <t>5b432092-d3c8-4c80-a338-d13cec136e97.tmp</t>
  </si>
  <si>
    <t>\\acsfs\profiles$\jhonatadss\Downloads\5b432092-d3c8-4c80-a338-d13cec136e97.tmp</t>
  </si>
  <si>
    <t>939639e8-f969-4c54-82cd-8e926299912c.tmp</t>
  </si>
  <si>
    <t>\\acsfs\profiles$\jhonatadss\Downloads\939639e8-f969-4c54-82cd-8e926299912c.tmp</t>
  </si>
  <si>
    <t>5cdbca07-e665-4646-ae2f-776ee92da298.tmp</t>
  </si>
  <si>
    <t>\\acsfs\profiles$\jhonatadss\Downloads\5cdbca07-e665-4646-ae2f-776ee92da298.tmp</t>
  </si>
  <si>
    <t>1aad07db-f9b7-4b2b-86e2-79c2d3acaa8e.tmp</t>
  </si>
  <si>
    <t>\\acsfs\profiles$\jhonatadss\Downloads\1aad07db-f9b7-4b2b-86e2-79c2d3acaa8e.tmp</t>
  </si>
  <si>
    <t>4018a31d-6c06-4907-aa7d-9739b1442bd6.tmp</t>
  </si>
  <si>
    <t>\\acsfs\profiles$\thallitaqna\Downloads\4018a31d-6c06-4907-aa7d-9739b1442bd6.tmp</t>
  </si>
  <si>
    <t>d1955a56-b007-48c9-a662-a2edf28f7eb2.tmp</t>
  </si>
  <si>
    <t>\\acsfs\profiles$\thallitaqna\Downloads\d1955a56-b007-48c9-a662-a2edf28f7eb2.tmp</t>
  </si>
  <si>
    <t>a87bdcf1-bb70-4cd7-add9-e35f541d1e1d.tmp</t>
  </si>
  <si>
    <t>\\acsfs\profiles$\thallitaqna\Downloads\a87bdcf1-bb70-4cd7-add9-e35f541d1e1d.tmp</t>
  </si>
  <si>
    <t>d3f66bc6-7813-41f8-993b-98d43aefa82d.tmp</t>
  </si>
  <si>
    <t>\\acsfs\profiles$\lorrainerdl\Downloads\d3f66bc6-7813-41f8-993b-98d43aefa82d.tmp</t>
  </si>
  <si>
    <t>b2e71c07-b7f9-49f3-a605-4cc850ec8b1d.tmp</t>
  </si>
  <si>
    <t>\\acsfs\profiles$\quindaizaagds\Downloads\b2e71c07-b7f9-49f3-a605-4cc850ec8b1d.tmp</t>
  </si>
  <si>
    <t>a813177f-8f68-4452-8a60-ce4b66eedbcf.tmp</t>
  </si>
  <si>
    <t>\\acsfs\profiles$\quindaizaagds\Downloads\a813177f-8f68-4452-8a60-ce4b66eedbcf.tmp</t>
  </si>
  <si>
    <t>0aa55a7e-e4d0-4d21-a0bb-8522b79eca71.tmp</t>
  </si>
  <si>
    <t>\\acsfs\profiles$\quindaizaagds\Downloads\0aa55a7e-e4d0-4d21-a0bb-8522b79eca71.tmp</t>
  </si>
  <si>
    <t>9d16b116-429d-4017-8c91-e7ddae242293.tmp</t>
  </si>
  <si>
    <t>\\acsfs\profiles$\gabrielsma\Downloads\9d16b116-429d-4017-8c91-e7ddae242293.tmp</t>
  </si>
  <si>
    <t>Não confirmado 515771.crdownload</t>
  </si>
  <si>
    <t>\\acsfs\ACS\Gabriel da Silva\Contemporânea\Erros Operacionais\Não confirmado 515771.crdownload</t>
  </si>
  <si>
    <t>78f472ad-70ec-470b-abff-2559e1285394.tmp</t>
  </si>
  <si>
    <t>\\acsfs\profiles$\LAISLG\Downloads\78f472ad-70ec-470b-abff-2559e1285394.tmp</t>
  </si>
  <si>
    <t>Rafale souza marques valim - 10-01-2020 produto AXA.docx</t>
  </si>
  <si>
    <t>\\acsfs\DEPTOS\Operacao\Banco_Votorantim\Qualidade\Anderson\Jose\Rafale souza marques valim - 10-01-2020 produto AXA.docx</t>
  </si>
  <si>
    <t>mail.google.com/sync/u/0/i/s?hl=pt-BR&amp;c=881</t>
  </si>
  <si>
    <t>mail.google.com/sync/u/0/i/s?hl=pt-BR&amp;c=890</t>
  </si>
  <si>
    <t>mail.google.com/sync/u/0/i/s?hl=pt-BR&amp;c=898</t>
  </si>
  <si>
    <t>1fc838cb-33a5-4263-bf41-99a1c639c4ea.tmp</t>
  </si>
  <si>
    <t>\\acsfs\profiles$\thallitaqna\Downloads\1fc838cb-33a5-4263-bf41-99a1c639c4ea.tmp</t>
  </si>
  <si>
    <t>a03fcccd-fc56-44f4-9984-b107afa467ec.tmp</t>
  </si>
  <si>
    <t>\\acsfs\profiles$\thallitaqna\Downloads\a03fcccd-fc56-44f4-9984-b107afa467ec.tmp</t>
  </si>
  <si>
    <t>11da73e0-4278-416a-82b4-ddbad7e5de18.tmp</t>
  </si>
  <si>
    <t>\\acsfs\profiles$\thallitaqna\Downloads\11da73e0-4278-416a-82b4-ddbad7e5de18.tmp</t>
  </si>
  <si>
    <t>2ffcc5de-9046-4790-8725-22a1166956aa.tmp</t>
  </si>
  <si>
    <t>\\acsfs\profiles$\maxmillianosv\Downloads\2ffcc5de-9046-4790-8725-22a1166956aa.tmp</t>
  </si>
  <si>
    <t>99b94597-a11d-4fdb-8d8a-e5f90c68df75.tmp</t>
  </si>
  <si>
    <t>\\acsfs\profiles$\maxmillianosv\Downloads\99b94597-a11d-4fdb-8d8a-e5f90c68df75.tmp</t>
  </si>
  <si>
    <t>bdc92ce1-94d6-45e6-a94f-6a979c16f94f.tmp</t>
  </si>
  <si>
    <t>\\acsfs\profiles$\maxmillianosv\Downloads\bdc92ce1-94d6-45e6-a94f-6a979c16f94f.tmp</t>
  </si>
  <si>
    <t>e29f5f65-e170-4e9b-82e9-3cf7a513ec7a.tmp</t>
  </si>
  <si>
    <t>\\acsfs\profiles$\mariajra\Downloads\e29f5f65-e170-4e9b-82e9-3cf7a513ec7a.tmp</t>
  </si>
  <si>
    <t>d8b13534-0b9b-48d0-9afd-e77e33906c24.tmp</t>
  </si>
  <si>
    <t>\\acsfs\profiles$\mariajra\Downloads\d8b13534-0b9b-48d0-9afd-e77e33906c24.tmp</t>
  </si>
  <si>
    <t>c39dc0a4-1362-4bcb-8ea4-44060ad3d366.tmp</t>
  </si>
  <si>
    <t>\\acsfs\profiles$\gabrielsma\Downloads\c39dc0a4-1362-4bcb-8ea4-44060ad3d366.tmp</t>
  </si>
  <si>
    <t>da0a7deb-d7c2-4c67-a98e-006af761ee37.tmp</t>
  </si>
  <si>
    <t>\\acsfs\profiles$\LAISLG\Downloads\da0a7deb-d7c2-4c67-a98e-006af761ee37.tmp</t>
  </si>
  <si>
    <t>ca1b2ae3-6c15-4c19-b392-6e98cbef0ba3.tmp</t>
  </si>
  <si>
    <t>\\acsfs\profiles$\nathaliarmr\Downloads\ca1b2ae3-6c15-4c19-b392-6e98cbef0ba3.tmp</t>
  </si>
  <si>
    <t>\\acsfs\DEPTOS\Operacao\Banco_Votorantim\Qualidade\Anderson\Jose\script.txt</t>
  </si>
  <si>
    <t>fa5063da-0a3a-488e-80bc-dcc2db63b5a5.tmp</t>
  </si>
  <si>
    <t>\\acsfs\profiles$\mariagsg\Downloads\fa5063da-0a3a-488e-80bc-dcc2db63b5a5.tmp</t>
  </si>
  <si>
    <t>e27cb6bb-5492-4d56-be3f-21481106a462.tmp</t>
  </si>
  <si>
    <t>\\acsfs\profiles$\mariagsg\Downloads\e27cb6bb-5492-4d56-be3f-21481106a462.tmp</t>
  </si>
  <si>
    <t>4da05f37-1afb-4e97-80ef-038a3138ae47.tmp</t>
  </si>
  <si>
    <t>\\acsfs\profiles$\mariagsg\Downloads\4da05f37-1afb-4e97-80ef-038a3138ae47.tmp</t>
  </si>
  <si>
    <t>mail.google.com/sync/u/0/i/s?hl=pt-BR&amp;c=922</t>
  </si>
  <si>
    <t>mail.google.com/sync/u/0/i/s?hl=pt-BR&amp;c=924</t>
  </si>
  <si>
    <t>mail.google.com/sync/u/0/i/s?hl=pt-BR&amp;c=931</t>
  </si>
  <si>
    <t>mail.google.com/sync/u/0/i/s?hl=pt-BR&amp;c=933</t>
  </si>
  <si>
    <t>mail.google.com/sync/u/0/i/s?hl=pt-BR&amp;c=936</t>
  </si>
  <si>
    <t>0dc4c6a6-cdc9-4a7f-9023-de0f5cf3fb8b.tmp</t>
  </si>
  <si>
    <t>\\acsfs\profiles$\lorenabmc\Downloads\0dc4c6a6-cdc9-4a7f-9023-de0f5cf3fb8b.tmp</t>
  </si>
  <si>
    <t>\\acsfs\profiles$\danielpdl\Links\</t>
  </si>
  <si>
    <t>\\acsfs\profiles$\danielpdl\Links\link.txt</t>
  </si>
  <si>
    <t>51ba5ee4-28ba-4aae-84e4-e7fadfbcec48.tmp</t>
  </si>
  <si>
    <t>\\acsfs\profiles$\ALYNYA\Downloads\51ba5ee4-28ba-4aae-84e4-e7fadfbcec48.tmp</t>
  </si>
  <si>
    <t>e87240d8-a308-4d37-aa1d-e3395986c89e.tmp</t>
  </si>
  <si>
    <t>\\acsfs\profiles$\matheushds\Downloads\e87240d8-a308-4d37-aa1d-e3395986c89e.tmp</t>
  </si>
  <si>
    <t>7378d12c-383e-45a1-956d-ccdc9bfd1dde.tmp</t>
  </si>
  <si>
    <t>\\acsfs\profiles$\matheushds\Downloads\7378d12c-383e-45a1-956d-ccdc9bfd1dde.tmp</t>
  </si>
  <si>
    <t>45a6d90b-a207-45aa-87d2-cbad3feb9267.tmp</t>
  </si>
  <si>
    <t>\\acsfs\profiles$\matheushds\Downloads\45a6d90b-a207-45aa-87d2-cbad3feb9267.tmp</t>
  </si>
  <si>
    <t>fd2ebdc7-fba7-49e7-8f25-00a946f93a7b.tmp</t>
  </si>
  <si>
    <t>\\acsfs\profiles$\maxmillianosv\Downloads\fd2ebdc7-fba7-49e7-8f25-00a946f93a7b.tmp</t>
  </si>
  <si>
    <t>401e5d9d-9f36-48f3-ae9b-1f61c8452d48.tmp</t>
  </si>
  <si>
    <t>\\acsfs\profiles$\maxmillianosv\Downloads\401e5d9d-9f36-48f3-ae9b-1f61c8452d48.tmp</t>
  </si>
  <si>
    <t>a06ee32b-b540-42b0-b162-ef3fc6e595c1.tmp</t>
  </si>
  <si>
    <t>\\acsfs\profiles$\henriquehmdo\Downloads\a06ee32b-b540-42b0-b162-ef3fc6e595c1.tmp</t>
  </si>
  <si>
    <t>b4a43012-4697-4507-81c4-7a43c4452213.tmp</t>
  </si>
  <si>
    <t>\\acsfs\profiles$\milenaas\Downloads\b4a43012-4697-4507-81c4-7a43c4452213.tmp</t>
  </si>
  <si>
    <t>73120081-1e56-42f7-b8f1-3ee78d323d71.tmp</t>
  </si>
  <si>
    <t>\\acsfs\profiles$\lorenabmc\Downloads\73120081-1e56-42f7-b8f1-3ee78d323d71.tmp</t>
  </si>
  <si>
    <t>10.200.66.150</t>
  </si>
  <si>
    <t>2fbaa409-ebf2-4155-8a68-37dc66bb4441.tmp</t>
  </si>
  <si>
    <t>\\acsfs\profiles$\francislayneads\Downloads\2fbaa409-ebf2-4155-8a68-37dc66bb4441.tmp</t>
  </si>
  <si>
    <t>af6bd66b-ee71-4834-bf09-12936e770134.tmp</t>
  </si>
  <si>
    <t>\\acsfs\profiles$\francislayneads\Downloads\af6bd66b-ee71-4834-bf09-12936e770134.tmp</t>
  </si>
  <si>
    <t>mail.google.com/sync/u/0/i/s?hl=pt-BR&amp;c=950</t>
  </si>
  <si>
    <t>mail.google.com/sync/u/0/i/s?hl=pt-BR&amp;c=952</t>
  </si>
  <si>
    <t>mail.google.com/sync/u/0/i/s?hl=pt-BR&amp;c=963</t>
  </si>
  <si>
    <t>mail.google.com/sync/u/0/i/s?hl=pt-BR&amp;c=967</t>
  </si>
  <si>
    <t>8ed219a5-3ccf-4f63-87f7-eb5255ee5ee0.tmp</t>
  </si>
  <si>
    <t>\\acsfs\profiles$\gabrielafs\Downloads\8ed219a5-3ccf-4f63-87f7-eb5255ee5ee0.tmp</t>
  </si>
  <si>
    <t>1ec255eb-4680-4ca6-a960-f8afb9e1687c.tmp</t>
  </si>
  <si>
    <t>\\acsfs\profiles$\gabrielafs\Downloads\1ec255eb-4680-4ca6-a960-f8afb9e1687c.tmp</t>
  </si>
  <si>
    <t>4e2b1106-26a5-483b-9059-b46d2686dfd9.tmp</t>
  </si>
  <si>
    <t>\\acsfs\profiles$\gabrielafs\Downloads\4e2b1106-26a5-483b-9059-b46d2686dfd9.tmp</t>
  </si>
  <si>
    <t>dcefeae0-f393-48d6-b6cc-4473ad19740a.tmp</t>
  </si>
  <si>
    <t>\\acsfs\profiles$\gabrielafs\Downloads\dcefeae0-f393-48d6-b6cc-4473ad19740a.tmp</t>
  </si>
  <si>
    <t>eduardo.santana@bv.com.br;fernandaab@algartech.com;fernandorsju@algartech.com;lilianls@algartech.com;maria.silva3@dxc.com;marianeps@algartech.com;talmaiardo@algartech.com;thiagordu@algartech.com;</t>
  </si>
  <si>
    <t>eduardo.santana@bv.com.br,fernandaab@algartech.com,fernandorsju@algartech.com,lilianls@algartech.com,maria.silva3@dxc.com,marianeps@algartech.com,talmaiardo@algartech.com,thiagordu@algartech.com</t>
  </si>
  <si>
    <t>a9f95c62-67c8-4a9d-9949-25c63008fdb3.tmp</t>
  </si>
  <si>
    <t>\\acsfs\profiles$\lorrainerdl\Downloads\a9f95c62-67c8-4a9d-9949-25c63008fdb3.tmp</t>
  </si>
  <si>
    <t>XLOG_danielpdl_10012020_073421.log</t>
  </si>
  <si>
    <t>\\acsfs\profiles$\danielpdl\My Documents\xworkcenter\logs\XLOG_danielpdl_10012020_073421.log</t>
  </si>
  <si>
    <t>736e82de-458b-4396-b7c8-796f276d54cf.tmp</t>
  </si>
  <si>
    <t>\\acsfs\profiles$\matheushds\Downloads\736e82de-458b-4396-b7c8-796f276d54cf.tmp</t>
  </si>
  <si>
    <t>76eea379-830d-4bb5-9160-9c29441319ea.tmp</t>
  </si>
  <si>
    <t>\\acsfs\profiles$\henriquehmdo\Downloads\76eea379-830d-4bb5-9160-9c29441319ea.tmp</t>
  </si>
  <si>
    <t>lu14992jo6kq.tmp</t>
  </si>
  <si>
    <t>\\acsfs\profiles$\BRUNAAR\Numero\lu14992jo6kq.tmp</t>
  </si>
  <si>
    <t>lu14992jo6ku.tmp</t>
  </si>
  <si>
    <t>\\acsfs\profiles$\BRUNAAR\Numero\lu14992jo6ku.tmp</t>
  </si>
  <si>
    <t>outlook.office.com/owa/service.svc?action=CreateItem&amp;app=Mail&amp;n=146</t>
  </si>
  <si>
    <t>outlook.office.com/owa/service.svc?action=UpdateItem&amp;app=Mail&amp;n=177</t>
  </si>
  <si>
    <t>qualidadealgarbv@algartech.com</t>
  </si>
  <si>
    <t>56959c6f-d5a4-42cf-a915-b9d535c0743d.tmp</t>
  </si>
  <si>
    <t>\\acsfs\profiles$\maxmillianosv\Downloads\56959c6f-d5a4-42cf-a915-b9d535c0743d.tmp</t>
  </si>
  <si>
    <t>d5caa62f-b8a8-4a2d-97f0-94047421c95c.tmp</t>
  </si>
  <si>
    <t>\\acsfs\profiles$\maxmillianosv\Downloads\d5caa62f-b8a8-4a2d-97f0-94047421c95c.tmp</t>
  </si>
  <si>
    <t>9bf92f9f-660f-477a-8495-342a04ad1293.tmp</t>
  </si>
  <si>
    <t>\\acsfs\profiles$\jessicafc\Downloads\9bf92f9f-660f-477a-8495-342a04ad1293.tmp</t>
  </si>
  <si>
    <t>Rafale souza marques valim - 07-01-2020 produto AXA.docx</t>
  </si>
  <si>
    <t>\\acsfs\DEPTOS\Operacao\Banco_Votorantim\Qualidade\Anderson\Jose\Rafale souza marques valim - 07-01-2020 produto AXA.docx</t>
  </si>
  <si>
    <t>74c6c378-108e-45dc-a93b-d91b62e97c2a.tmp</t>
  </si>
  <si>
    <t>\\acsfs\profiles$\gabrielafs\Downloads\74c6c378-108e-45dc-a93b-d91b62e97c2a.tmp</t>
  </si>
  <si>
    <t>a849f22e-4c8d-48fe-9050-4f3919f534fd.tmp</t>
  </si>
  <si>
    <t>\\acsfs\profiles$\gabrielafs\Downloads\a849f22e-4c8d-48fe-9050-4f3919f534fd.tmp</t>
  </si>
  <si>
    <t>4d0c7d4f-4af8-4bb4-a09f-902b5302f270.tmp</t>
  </si>
  <si>
    <t>\\acsfs\profiles$\LUCASBS\Downloads\4d0c7d4f-4af8-4bb4-a09f-902b5302f270.tmp</t>
  </si>
  <si>
    <t>https://katia.cardoso@bv.com.br</t>
  </si>
  <si>
    <t>cc8f8ee8-52a2-4dac-b0a5-fd0294d521be.tmp</t>
  </si>
  <si>
    <t>\\acsfs\profiles$\larissaad\Downloads\cc8f8ee8-52a2-4dac-b0a5-fd0294d521be.tmp</t>
  </si>
  <si>
    <t>ace30c44-798c-4273-99de-30f597676031.tmp</t>
  </si>
  <si>
    <t>\\acsfs\profiles$\PEDROHAB\Downloads\ace30c44-798c-4273-99de-30f597676031.tmp</t>
  </si>
  <si>
    <t>c5e04447-fbbb-4c30-a271-f3d0dd382ca6.tmp</t>
  </si>
  <si>
    <t>\\acsfs\profiles$\PEDROHAB\Downloads\c5e04447-fbbb-4c30-a271-f3d0dd382ca6.tmp</t>
  </si>
  <si>
    <t>d35d9b1a-63f4-459c-bd51-6c34e06e6c33.tmp</t>
  </si>
  <si>
    <t>\\acsfs\profiles$\PEDROHAB\Downloads\d35d9b1a-63f4-459c-bd51-6c34e06e6c33.tmp</t>
  </si>
  <si>
    <t>d183b774-0c8e-45d6-a3c7-911a75631b47.tmp</t>
  </si>
  <si>
    <t>\\acsfs\profiles$\jessicafc\Downloads\d183b774-0c8e-45d6-a3c7-911a75631b47.tmp</t>
  </si>
  <si>
    <t>lu11602eiomu.tmp</t>
  </si>
  <si>
    <t>\\acsfs\profiles$\CLAUDIAJCA\lu11602eiomu.tmp</t>
  </si>
  <si>
    <t>\\acsfs\profiles$\CLAUDIAJCA\lu11602eiomu.tmp\</t>
  </si>
  <si>
    <t>\\acsfs\profiles$\CLAUDIAJCA\lu11602eiomu.tmp\META-INF\</t>
  </si>
  <si>
    <t>\\acsfs\profiles$\CLAUDIAJCA\lu11602eiomu.tmp\Thumbnails\</t>
  </si>
  <si>
    <t>4f9986a5-52df-4e86-9da5-58c608a2df86.tmp</t>
  </si>
  <si>
    <t>\\acsfs\profiles$\lorenabmc\Downloads\4f9986a5-52df-4e86-9da5-58c608a2df86.tmp</t>
  </si>
  <si>
    <t>7e3acb39-b1cf-47b6-9109-431a9210a694.tmp</t>
  </si>
  <si>
    <t>\\acsfs\profiles$\leticiala\Downloads\7e3acb39-b1cf-47b6-9109-431a9210a694.tmp</t>
  </si>
  <si>
    <t>joaogvc@algartech.com;marianadjc@algartech.com;planejamentodeoperacoesetrafego@bv.com.br;ricardodfm@algartech.com.br;taysdss@algartech.com;viniciussg@algartech.com;</t>
  </si>
  <si>
    <t>joaogvc@algartech.com,marianadjc@algartech.com,planejamentodeoperacoesetrafego@bv.com.br,ricardodfm@algartech.com.br,taysdss@algartech.com,viniciussg@algartech.com</t>
  </si>
  <si>
    <t>browsinginfo.zip\</t>
  </si>
  <si>
    <t>4bdd2efe-410c-4a94-8bed-1167a9a7c1f7.tmp</t>
  </si>
  <si>
    <t>\\acsfs\profiles$\kamilamrc\Downloads\4bdd2efe-410c-4a94-8bed-1167a9a7c1f7.tmp</t>
  </si>
  <si>
    <t>\\acsfs\ACS\Gabriel da Silva\Contemporânea\NPS\Nova pasta\NPS SAC.xlsx\</t>
  </si>
  <si>
    <t>\\acsfs\ACS\Gabriel da Silva\Contemporânea\NPS\Histórico\NPS SAC.xlsx</t>
  </si>
  <si>
    <t>\\acsfs\ACS\Gabriel da Silva\Contemporânea\NPS\Histórico\NPS SAC.xlsx\</t>
  </si>
  <si>
    <t>\\acsfs\ACS\Gabriel da Silva\Contemporânea\NPS\Histórico\NPS SAC.xlsx\:Zone.Identifier:$DATA</t>
  </si>
  <si>
    <t>\\acsfs\ACS\Gabriel da Silva\Contemporânea\NPS\Nova pasta\NPS CHAT.xlsx\</t>
  </si>
  <si>
    <t>\\acsfs\ACS\Gabriel da Silva\Contemporânea\NPS\Histórico\NPS CHAT.xlsx</t>
  </si>
  <si>
    <t>NPS CHAT.xlsx</t>
  </si>
  <si>
    <t>\\acsfs\ACS\Gabriel da Silva\Contemporânea\NPS\Nova pasta\NPS CONSIGNADO.xlsx\</t>
  </si>
  <si>
    <t>\\acsfs\ACS\Gabriel da Silva\Contemporânea\NPS\Histórico\NPS CONSIGNADO.xlsx</t>
  </si>
  <si>
    <t>\\acsfs\ACS\Gabriel da Silva\Contemporânea\NPS\Histórico\NPS CONSIGNADO.xlsx\</t>
  </si>
  <si>
    <t>\\acsfs\ACS\Gabriel da Silva\Contemporânea\NPS\Histórico\NPS CONSIGNADO.xlsx\:Zone.Identifier:$DATA</t>
  </si>
  <si>
    <t>\\acsfs\ACS\Gabriel da Silva\Contemporânea\NPS\Nova pasta\NPS CRBV.xlsx\</t>
  </si>
  <si>
    <t>\\acsfs\ACS\Gabriel da Silva\Contemporânea\NPS\Histórico\NPS CRBV.xlsx</t>
  </si>
  <si>
    <t>\\acsfs\ACS\Gabriel da Silva\Contemporânea\NPS\Histórico\NPS CRBV.xlsx\</t>
  </si>
  <si>
    <t>\\acsfs\ACS\Gabriel da Silva\Contemporânea\NPS\Histórico\NPS CRBV.xlsx\:Zone.Identifier:$DATA</t>
  </si>
  <si>
    <t>34b7a638-6d67-4b44-96e6-830979f1a608.tmp</t>
  </si>
  <si>
    <t>\\acsfs\profiles$\jessicafc\Downloads\34b7a638-6d67-4b44-96e6-830979f1a608.tmp</t>
  </si>
  <si>
    <t>fe47b35c-95d1-42f6-949c-81dee8a79744;</t>
  </si>
  <si>
    <t>mail.google.com/sync/u/0/i/s?hl=pt-BR&amp;c=982</t>
  </si>
  <si>
    <t>mail.google.com/sync/u/0/i/s?hl=pt-BR&amp;c=984</t>
  </si>
  <si>
    <t>9ff33799-d3bc-4c24-82f3-41486582e01e.tmp</t>
  </si>
  <si>
    <t>\\acsfs\profiles$\quindaizaagds\Downloads\9ff33799-d3bc-4c24-82f3-41486582e01e.tmp</t>
  </si>
  <si>
    <t>65141411-1f26-4af7-bdb7-7f2c4beabcd1.tmp</t>
  </si>
  <si>
    <t>\\acsfs\profiles$\quindaizaagds\Downloads\65141411-1f26-4af7-bdb7-7f2c4beabcd1.tmp</t>
  </si>
  <si>
    <t>f129aded-9560-48a0-8449-9ce9d9fe3e38.tmp</t>
  </si>
  <si>
    <t>\\acsfs\profiles$\kamilamrc\Downloads\f129aded-9560-48a0-8449-9ce9d9fe3e38.tmp</t>
  </si>
  <si>
    <t>9f985716-7116-4de9-8175-b88e7f9d8048.tmp</t>
  </si>
  <si>
    <t>\\acsfs\profiles$\kamilamrc\Downloads\9f985716-7116-4de9-8175-b88e7f9d8048.tmp</t>
  </si>
  <si>
    <t>5889af32-3845-4aa3-b097-b9da0b1c0666.tmp</t>
  </si>
  <si>
    <t>\\acsfs\profiles$\kamilamrc\Downloads\5889af32-3845-4aa3-b097-b9da0b1c0666.tmp</t>
  </si>
  <si>
    <t>a76bc8e2-5e79-4416-a0aa-e2c88695277d.tmp</t>
  </si>
  <si>
    <t>\\acsfs\profiles$\kamilamrc\Downloads\a76bc8e2-5e79-4416-a0aa-e2c88695277d.tmp</t>
  </si>
  <si>
    <t>256ddbd0-b14d-4d76-b6ed-0e6614809d17.tmp</t>
  </si>
  <si>
    <t>\\acsfs\profiles$\kamilamrc\Downloads\256ddbd0-b14d-4d76-b6ed-0e6614809d17.tmp</t>
  </si>
  <si>
    <t>lu14992jo6ky.tmp</t>
  </si>
  <si>
    <t>\\acsfs\profiles$\BRUNAAR\Numero\lu14992jo6ky.tmp</t>
  </si>
  <si>
    <t>Rafaela souza marques valim - 07-01-2020 produto AXA.docx</t>
  </si>
  <si>
    <t>\\acsfs\DEPTOS\Operacao\Banco_Votorantim\Qualidade\Anderson\Jose\Rafaela souza marques valim - 07-01-2020 produto AXA.docx</t>
  </si>
  <si>
    <t>0bf5009f-798b-4253-a3ec-717b30406c84.tmp</t>
  </si>
  <si>
    <t>\\acsfs\profiles$\lorrainerdl\Downloads\0bf5009f-798b-4253-a3ec-717b30406c84.tmp</t>
  </si>
  <si>
    <t>https://web.vortex.data.microsoft.com/collect/v1?$mscomcookies=false&amp;ext-javascript-msfpc='guid=55555aff07554478ad8dc5606199f742&amp;hash=5555&amp;lv=201907&amp;v=4&amp;lu=1563210375715'</t>
  </si>
  <si>
    <t>9a7363dc-60df-4967-bb3a-f719440fdf5f.tmp</t>
  </si>
  <si>
    <t>\\acsfs\profiles$\francislayneads\Downloads\9a7363dc-60df-4967-bb3a-f719440fdf5f.tmp</t>
  </si>
  <si>
    <t>c315d9d6-df46-4e5c-8b74-330140583dc2.tmp</t>
  </si>
  <si>
    <t>\\acsfs\profiles$\gabrielafs\Downloads\c315d9d6-df46-4e5c-8b74-330140583dc2.tmp</t>
  </si>
  <si>
    <t>a06acf97-9479-472a-a084-3901aaaf00a8.tmp</t>
  </si>
  <si>
    <t>\\acsfs\profiles$\kellzylenneasr\Downloads\a06acf97-9479-472a-a084-3901aaaf00a8.tmp</t>
  </si>
  <si>
    <t>133b7e15-037d-46c3-a1c6-0d6c0b558dae.tmp</t>
  </si>
  <si>
    <t>\\acsfs\profiles$\paulovadc\Downloads\133b7e15-037d-46c3-a1c6-0d6c0b558dae.tmp</t>
  </si>
  <si>
    <t>https://joaogvc@algartech.com,marianadjc@algartech.com,planejamentodeoperacoesetrafego@bv.com.br,ricardodfm@algartech.com.br,taysdss@algartech.com,viniciussg@algartech.com</t>
  </si>
  <si>
    <t>XLOG_leydianeamd_10012020_073906.log</t>
  </si>
  <si>
    <t>\\acsfs\profiles$\leydianeamd\My Documents\xworkcenter\logs\XLOG_leydianeamd_10012020_073906.log</t>
  </si>
  <si>
    <t>XLOG_leydianeamd_10012020_102301.log</t>
  </si>
  <si>
    <t>\\acsfs\profiles$\leydianeamd\My Documents\xworkcenter\logs\XLOG_leydianeamd_10012020_102301.log</t>
  </si>
  <si>
    <t>40819753-e7b9-4dfd-b88d-6ea24dcf629c.tmp</t>
  </si>
  <si>
    <t>\\acsfs\profiles$\mariajra\Downloads\40819753-e7b9-4dfd-b88d-6ea24dcf629c.tmp</t>
  </si>
  <si>
    <t>BaseDezembro.xlsx</t>
  </si>
  <si>
    <t>\\acsfs\ACS\Gabriel da Silva\Contemporânea\Comissão e Incentivo\BaseDezembro.xlsx</t>
  </si>
  <si>
    <t>lu11602eiomz.tmp</t>
  </si>
  <si>
    <t>\\acsfs\profiles$\CLAUDIAJCA\lu11602eiomz.tmp</t>
  </si>
  <si>
    <t>\\acsfs\profiles$\CLAUDIAJCA\lu11602eiomz.tmp\</t>
  </si>
  <si>
    <t>\\acsfs\profiles$\CLAUDIAJCA\lu11602eiomz.tmp\META-INF\</t>
  </si>
  <si>
    <t>\\acsfs\profiles$\CLAUDIAJCA\lu11602eiomz.tmp\Thumbnails\</t>
  </si>
  <si>
    <t>ad3c05d8-8a8a-43cd-9166-080a35876a2b.tmp</t>
  </si>
  <si>
    <t>\\acsfs\profiles$\THYAGOSP\Downloads\ad3c05d8-8a8a-43cd-9166-080a35876a2b.tmp</t>
  </si>
  <si>
    <t>d2b65b04-42d3-4736-9ca5-504b495ff8f4.tmp</t>
  </si>
  <si>
    <t>\\acsfs\profiles$\nathaliarmr\Downloads\d2b65b04-42d3-4736-9ca5-504b495ff8f4.tmp</t>
  </si>
  <si>
    <t>fda5a481-7ed8-4703-b127-e56768ce13cf.tmp</t>
  </si>
  <si>
    <t>\\acsfs\profiles$\cintiadcf\Downloads\fda5a481-7ed8-4703-b127-e56768ce13cf.tmp</t>
  </si>
  <si>
    <t>bb6796c2-b37c-49b5-87e9-4195bfb492da.tmp</t>
  </si>
  <si>
    <t>\\acsfs\profiles$\ALYNYA\Downloads\bb6796c2-b37c-49b5-87e9-4195bfb492da.tmp</t>
  </si>
  <si>
    <t>mail.google.com/sync/u/0/i/s?hl=pt-BR&amp;c=1011</t>
  </si>
  <si>
    <t>mail.google.com/sync/u/0/i/s?hl=pt-BR&amp;c=1013</t>
  </si>
  <si>
    <t>mail.google.com/sync/u/0/i/s?hl=pt-BR&amp;c=1018</t>
  </si>
  <si>
    <t>mail.google.com/sync/u/0/i/s?hl=pt-BR&amp;c=1025</t>
  </si>
  <si>
    <t>mail.google.com/sync/u/0/i/s?hl=pt-BR&amp;c=1029</t>
  </si>
  <si>
    <t>mail.google.com/sync/u/0/i/s?hl=pt-BR&amp;c=1037</t>
  </si>
  <si>
    <t>mail.google.com/sync/u/0/i/s?hl=pt-BR&amp;c=1039</t>
  </si>
  <si>
    <t>31bb8cfe-521d-4769-b17b-5dac59fb24ef.tmp</t>
  </si>
  <si>
    <t>\\acsfs\profiles$\milenaas\Downloads\31bb8cfe-521d-4769-b17b-5dac59fb24ef.tmp</t>
  </si>
  <si>
    <t>mail.google.com/sync/u/0/i/s?hl=pt-BR&amp;c=1041</t>
  </si>
  <si>
    <t>8bd22cb3-d266-429e-9e70-d9143853aa5e.tmp</t>
  </si>
  <si>
    <t>\\acsfs\profiles$\Flaviojmm\Downloads\8bd22cb3-d266-429e-9e70-d9143853aa5e.tmp</t>
  </si>
  <si>
    <t>Valor Prêmio por Operador Janeiro - até 09.01.pdf</t>
  </si>
  <si>
    <t>\\acsfs\DEPTOS\Operacao\Banco_Votorantim\Comum\00 - COMUM - BV CARTÕES\EQUIPE ADILSON\Vendas\Valor Prêmio por Operador Janeiro - até 09.01.pdf</t>
  </si>
  <si>
    <t>mail.google.com/sync/u/0/i/s?hl=pt-BR&amp;c=2472</t>
  </si>
  <si>
    <t>mail.google.com/sync/u/0/i/s?hl=pt-BR&amp;c=2475</t>
  </si>
  <si>
    <t>mail.google.com/sync/u/0/i/s?hl=pt-BR&amp;c=2478</t>
  </si>
  <si>
    <t>mail.google.com/sync/u/0/i/s?hl=pt-BR&amp;c=2480</t>
  </si>
  <si>
    <t>mail.google.com/sync/u/0/i/s?hl=pt-BR&amp;c=2482</t>
  </si>
  <si>
    <t>mail.google.com/_/upload?authuser=0&amp;dcp=asu-n&amp;upload_id=AEnB2UrRLbcSY2k6VifZQIUo2ovEP0GcxNKbPdjv3ABx08DvS7fL_2-HMzmrgyKO31Vc0E32S-0oMfGNCDsvizu1P0Gst3jN7nXcNqC4mSu_bDiucuL141k&amp;upload_protocol=resumable</t>
  </si>
  <si>
    <t>mail.google.com/sync/u/0/i/s?hl=pt-BR&amp;c=2484</t>
  </si>
  <si>
    <t>mail.google.com/sync/u/0/i/s?hl=pt-BR&amp;c=2486</t>
  </si>
  <si>
    <t>29cd9bd6-0ef5-4b74-8235-72b09227e0a7.tmp</t>
  </si>
  <si>
    <t>\\acsfs\profiles$\leticiala\Downloads\29cd9bd6-0ef5-4b74-8235-72b09227e0a7.tmp</t>
  </si>
  <si>
    <t>c:\users\robsonams\desktop\</t>
  </si>
  <si>
    <t>sara - rescisão.pdf</t>
  </si>
  <si>
    <t>39940956-2f52-4cb6-b8d1-46a3a9f82300.tmp</t>
  </si>
  <si>
    <t>\\acsfs\profiles$\nayarasds\Downloads\39940956-2f52-4cb6-b8d1-46a3a9f82300.tmp</t>
  </si>
  <si>
    <t>8e418304-42e0-4eb5-b435-0c1a87c60b8b.tmp</t>
  </si>
  <si>
    <t>\\acsfs\profiles$\nathaliarmr\Downloads\8e418304-42e0-4eb5-b435-0c1a87c60b8b.tmp</t>
  </si>
  <si>
    <t>bb6a63dc-34e1-4bf9-bcbf-147ca0030ce3.tmp</t>
  </si>
  <si>
    <t>\\acsfs\profiles$\cintiadcf\Downloads\bb6a63dc-34e1-4bf9-bcbf-147ca0030ce3.tmp</t>
  </si>
  <si>
    <t>af4858ac-1aeb-4a08-81eb-2f8936054b84.tmp</t>
  </si>
  <si>
    <t>\\acsfs\profiles$\Flaviojmm\Downloads\af4858ac-1aeb-4a08-81eb-2f8936054b84.tmp</t>
  </si>
  <si>
    <t>d1d6a753-8795-43ae-9bf6-9b5b1a3cebbe.tmp</t>
  </si>
  <si>
    <t>\\acsfs\profiles$\leonardobb\Downloads\d1d6a753-8795-43ae-9bf6-9b5b1a3cebbe.tmp</t>
  </si>
  <si>
    <t>7ccdeeae-5652-4b3e-9147-fd26c3487f5d.tmp</t>
  </si>
  <si>
    <t>\\acsfs\profiles$\leonardobb\Downloads\7ccdeeae-5652-4b3e-9147-fd26c3487f5d.tmp</t>
  </si>
  <si>
    <t>Relatorio de pontos..PNG</t>
  </si>
  <si>
    <t>\\acsfs\ACS\001 - Qualidade Lilian\PAULO\Pasta Tainara\Relatorio de pontos..PNG</t>
  </si>
  <si>
    <t>https://joaogvc@algartech.com,katia.cardoso@bv.com.br,marianadjc@algartech.com,rafaelggs@algartech.com,taysdss@algartech.com,viniciussg@algartech.com</t>
  </si>
  <si>
    <t>e49d1f38-e7aa-407f-89bd-ca0e00da91e8.tmp</t>
  </si>
  <si>
    <t>\\acsfs\profiles$\laylaams\Downloads\e49d1f38-e7aa-407f-89bd-ca0e00da91e8.tmp</t>
  </si>
  <si>
    <t>94d52404-665d-4ba8-87b4-88f48110330c.tmp</t>
  </si>
  <si>
    <t>\\acsfs\profiles$\luanarda\Downloads\94d52404-665d-4ba8-87b4-88f48110330c.tmp</t>
  </si>
  <si>
    <t>1133555d-ac9d-469d-94ca-df625429f611.tmp</t>
  </si>
  <si>
    <t>\\acsfs\profiles$\leonardobb\Downloads\1133555d-ac9d-469d-94ca-df625429f611.tmp</t>
  </si>
  <si>
    <t>e52ba97d-977e-4fb4-9691-009717c918b3.tmp</t>
  </si>
  <si>
    <t>\\acsfs\profiles$\leonardobb\Downloads\e52ba97d-977e-4fb4-9691-009717c918b3.tmp</t>
  </si>
  <si>
    <t>5db6b77e-32df-45a2-bc8a-17bf8788c318.tmp</t>
  </si>
  <si>
    <t>\\acsfs\profiles$\LUCASBS\Downloads\5db6b77e-32df-45a2-bc8a-17bf8788c318.tmp</t>
  </si>
  <si>
    <t>05353930-8e3a-4fb7-b459-d1890936b997.tmp</t>
  </si>
  <si>
    <t>\\acsfs\profiles$\THYAGOSP\Downloads\05353930-8e3a-4fb7-b459-d1890936b997.tmp</t>
  </si>
  <si>
    <t>631aca32-be10-4e5f-b461-528978d8bcd7.tmp</t>
  </si>
  <si>
    <t>\\acsfs\profiles$\gabrielhca\Downloads\631aca32-be10-4e5f-b461-528978d8bcd7.tmp</t>
  </si>
  <si>
    <t>80f4454b-d70a-40d5-8691-0aad7404559e.tmp</t>
  </si>
  <si>
    <t>\\acsfs\profiles$\nayarasds\Downloads\80f4454b-d70a-40d5-8691-0aad7404559e.tmp</t>
  </si>
  <si>
    <t>bdedae20-2b33-4225-8ae8-093e7b04b66b.tmp</t>
  </si>
  <si>
    <t>\\acsfs\profiles$\maxmillianosv\Downloads\bdedae20-2b33-4225-8ae8-093e7b04b66b.tmp</t>
  </si>
  <si>
    <t>4a08461e-5591-4939-b6bf-dc54d49dcbd7.tmp</t>
  </si>
  <si>
    <t>\\acsfs\profiles$\joselrb\Downloads\4a08461e-5591-4939-b6bf-dc54d49dcbd7.tmp</t>
  </si>
  <si>
    <t>4bcccdb3-1bf0-4f59-b352-b2d02f4e6872.tmp</t>
  </si>
  <si>
    <t>\\acsfs\profiles$\joselrb\Downloads\4bcccdb3-1bf0-4f59-b352-b2d02f4e6872.tmp</t>
  </si>
  <si>
    <t>kit_pre_deslig_ant_term_contrato_empregado_124267_sara cristine vieira dos santos.pdf</t>
  </si>
  <si>
    <t>9e88f99a-e486-472d-9b2a-fbbb43a464f3.tmp</t>
  </si>
  <si>
    <t>\\acsfs\profiles$\gabrielsma\Downloads\9e88f99a-e486-472d-9b2a-fbbb43a464f3.tmp</t>
  </si>
  <si>
    <t>Não confirmado 565590.crdownload</t>
  </si>
  <si>
    <t>\\acsfs\ACS\Gabriel da Silva\Contemporânea\Erros Operacionais\Não confirmado 565590.crdownload</t>
  </si>
  <si>
    <t>7cdb3f56-bb1a-4093-a9a9-f7bcadaf3b61.tmp</t>
  </si>
  <si>
    <t>\\acsfs\profiles$\leonardobb\Downloads\7cdb3f56-bb1a-4093-a9a9-f7bcadaf3b61.tmp</t>
  </si>
  <si>
    <t>50caeeef-6703-435c-b9c8-10af7953fc9c.tmp</t>
  </si>
  <si>
    <t>\\acsfs\profiles$\joselrb\Downloads\50caeeef-6703-435c-b9c8-10af7953fc9c.tmp</t>
  </si>
  <si>
    <t>XLOG_vanessacgs_10012020_085419.log</t>
  </si>
  <si>
    <t>\\acsfs\profiles$\vanessacgs\My Documents\xworkcenter\logs\XLOG_vanessacgs_10012020_085419.log</t>
  </si>
  <si>
    <t>e1307a34-d666-4871-af4b-2d2abb997585.tmp</t>
  </si>
  <si>
    <t>\\acsfs\profiles$\gabrielsma\Downloads\e1307a34-d666-4871-af4b-2d2abb997585.tmp</t>
  </si>
  <si>
    <t>9d74f114-1646-4069-bcbe-231b167f2ca8.tmp</t>
  </si>
  <si>
    <t>\\acsfs\profiles$\gabrielsma\Downloads\9d74f114-1646-4069-bcbe-231b167f2ca8.tmp</t>
  </si>
  <si>
    <t>Não confirmado 473119.crdownload</t>
  </si>
  <si>
    <t>\\acsfs\ACS\Gabriel da Silva\Contemporânea\Erros Operacionais\Não confirmado 473119.crdownload</t>
  </si>
  <si>
    <t>Encaminhado Operação Comissão Dezembro.xlsx</t>
  </si>
  <si>
    <t>\\acsfs\DEPTOS\Operacao\Banco_Votorantim\Supervisao\SUPERS BV CARTÕES\ADILSON\Vendas\Encaminhado Operação Comissão Dezembro.xlsx</t>
  </si>
  <si>
    <t>Comissão Dezembro - OFICIAL.pdf</t>
  </si>
  <si>
    <t>\\acsfs\DEPTOS\Operacao\Banco_Votorantim\Comum\00 - COMUM - BV CARTÕES\EQUIPE ADILSON\Vendas\Comissão Dezembro - OFICIAL.pdf</t>
  </si>
  <si>
    <t>65cf9933-676e-4608-8217-019e4373cf48.tmp</t>
  </si>
  <si>
    <t>\\acsfs\profiles$\lorrainerdl\Downloads\65cf9933-676e-4608-8217-019e4373cf48.tmp</t>
  </si>
  <si>
    <t>4bad4a12-03c1-4892-b127-c63458549edc.tmp</t>
  </si>
  <si>
    <t>\\acsfs\profiles$\ALYNYA\Downloads\4bad4a12-03c1-4892-b127-c63458549edc.tmp</t>
  </si>
  <si>
    <t>18255c68-3ee1-4b13-a677-02758d8863a6.tmp</t>
  </si>
  <si>
    <t>\\acsfs\profiles$\joselrb\Downloads\18255c68-3ee1-4b13-a677-02758d8863a6.tmp</t>
  </si>
  <si>
    <t>233b8e41-9dd8-4381-94c5-80494f2d4c1f.tmp</t>
  </si>
  <si>
    <t>\\acsfs\profiles$\quindaizaagds\Downloads\233b8e41-9dd8-4381-94c5-80494f2d4c1f.tmp</t>
  </si>
  <si>
    <t>lu14992jo6l2.tmp</t>
  </si>
  <si>
    <t>\\acsfs\profiles$\BRUNAAR\Numero\lu14992jo6l2.tmp</t>
  </si>
  <si>
    <t>Acompanhamento de Qualidade_BV-Financeira_Dezembro - Final.xlsx</t>
  </si>
  <si>
    <t>\\acsfs\ACS\Gabriel da Silva\Contemporânea\Erros Operacionais\Acompanhamento de Qualidade_BV-Financeira_Dezembro - Final.xlsx</t>
  </si>
  <si>
    <t>753311bf-24c4-43ff-b2d9-dfbe6df3d618.tmp</t>
  </si>
  <si>
    <t>\\acsfs\profiles$\nathaliarmr\Downloads\753311bf-24c4-43ff-b2d9-dfbe6df3d618.tmp</t>
  </si>
  <si>
    <t>2117432b-8ea8-43ee-93bb-f5dc7c2c3497.tmp</t>
  </si>
  <si>
    <t>\\acsfs\profiles$\gabrielafs\Downloads\2117432b-8ea8-43ee-93bb-f5dc7c2c3497.tmp</t>
  </si>
  <si>
    <t>lu33281enhe.tmp</t>
  </si>
  <si>
    <t>\\acsfs\profiles$\ALEXANDREMM\lu33281enhe.tmp</t>
  </si>
  <si>
    <t>joaogvc@algartech.com;katia.cardoso@bv.com.br;marianadjc@algartech.com;planejamentodeoperacoesetrafego@bv.com.br;rafaelggs@algartech.com;ricardodfm@algartech.com.br;taysdss@algartech.com;viniciussg@algartech.com;</t>
  </si>
  <si>
    <t>joaogvc@algartech.com,katia.cardoso@bv.com.br,marianadjc@algartech.com,planejamentodeoperacoesetrafego@bv.com.br,rafaelggs@algartech.com,ricardodfm@algartech.com.br,taysdss@algartech.com,viniciussg@algartech.com</t>
  </si>
  <si>
    <t>Sara - rescisão.pdf</t>
  </si>
  <si>
    <t>\\acsfs\Deptos\Operacao\Banco_Votorantim\Supervisao\Maristela\CRBV vendas\Desligamento\Sara - rescisão.pdf</t>
  </si>
  <si>
    <t>891ddbaf-2941-410e-b08e-cbcc076cf2db.tmp</t>
  </si>
  <si>
    <t>\\acsfs\profiles$\gabrielsma\Downloads\891ddbaf-2941-410e-b08e-cbcc076cf2db.tmp</t>
  </si>
  <si>
    <t>Não confirmado 291912.crdownload</t>
  </si>
  <si>
    <t>\\acsfs\ACS\Gabriel da Silva\Contemporânea\VENDAS\Não confirmado 291912.crdownload</t>
  </si>
  <si>
    <t>eeeec058-611b-4e2a-88ea-a6e22e18de68.tmp</t>
  </si>
  <si>
    <t>\\acsfs\profiles$\gabrielsma\Downloads\eeeec058-611b-4e2a-88ea-a6e22e18de68.tmp</t>
  </si>
  <si>
    <t>Não confirmado 931479.crdownload</t>
  </si>
  <si>
    <t>\\acsfs\ACS\Gabriel da Silva\Contemporânea\VENDAS\Não confirmado 931479.crdownload</t>
  </si>
  <si>
    <t>ca4140b0-d098-4c2a-9ce5-e5a2aa4123ae.tmp</t>
  </si>
  <si>
    <t>\\acsfs\profiles$\LAISLG\Downloads\ca4140b0-d098-4c2a-9ce5-e5a2aa4123ae.tmp</t>
  </si>
  <si>
    <t>517d0eaf-ad2a-4978-b293-a78d713eaf30.tmp</t>
  </si>
  <si>
    <t>\\acsfs\profiles$\inarajst\Downloads\517d0eaf-ad2a-4978-b293-a78d713eaf30.tmp</t>
  </si>
  <si>
    <t>26adc0e1-bce5-4984-89c4-6630cfbbe969.tmp</t>
  </si>
  <si>
    <t>\\acsfs\profiles$\gabrielhca\Downloads\26adc0e1-bce5-4984-89c4-6630cfbbe969.tmp</t>
  </si>
  <si>
    <t>28b7e466-acf3-4d95-a5eb-3aece0214f11.tmp</t>
  </si>
  <si>
    <t>\\acsfs\profiles$\mariagsg\Downloads\28b7e466-acf3-4d95-a5eb-3aece0214f11.tmp</t>
  </si>
  <si>
    <t>\\acsfs\profiles$\ALEXANDREMM\lu33281enhe.tmp\</t>
  </si>
  <si>
    <t>\\acsfs\profiles$\ALEXANDREMM\lu33281enhe.tmp\META-INF\</t>
  </si>
  <si>
    <t>\\acsfs\profiles$\ALEXANDREMM\lu33281enhe.tmp\Thumbnails\</t>
  </si>
  <si>
    <t>583e5029-5165-4b5c-b7c0-175204259428.tmp</t>
  </si>
  <si>
    <t>\\acsfs\profiles$\lorrainerdl\Downloads\583e5029-5165-4b5c-b7c0-175204259428.tmp</t>
  </si>
  <si>
    <t>\\acsfs\Deptos\EDUCACAO EMPRESARIAL\4 - Gestão de Educação\</t>
  </si>
  <si>
    <t>12a6212c-417c-4a7e-af3f-b3f91720e121.tmp</t>
  </si>
  <si>
    <t>\\acsfs\profiles$\joselrb\Downloads\12a6212c-417c-4a7e-af3f-b3f91720e121.tmp</t>
  </si>
  <si>
    <t>3e34a843-42a9-4586-bcfa-b9aa7971267e.tmp</t>
  </si>
  <si>
    <t>\\acsfs\profiles$\quindaizaagds\Downloads\3e34a843-42a9-4586-bcfa-b9aa7971267e.tmp</t>
  </si>
  <si>
    <t>f789ec39-4f2c-4823-9443-1647509d2647.tmp</t>
  </si>
  <si>
    <t>\\acsfs\profiles$\Flaviojmm\Downloads\f789ec39-4f2c-4823-9443-1647509d2647.tmp</t>
  </si>
  <si>
    <t>64eec737-e4d0-4069-bd40-a27a90d7a477.tmp</t>
  </si>
  <si>
    <t>\\acsfs\profiles$\adelvinsonle\Downloads\64eec737-e4d0-4069-bd40-a27a90d7a477.tmp</t>
  </si>
  <si>
    <t>0390a6c0-ffd8-411a-a386-8675a79f0d9a.tmp</t>
  </si>
  <si>
    <t>\\acsfs\profiles$\LAISLG\Downloads\0390a6c0-ffd8-411a-a386-8675a79f0d9a.tmp</t>
  </si>
  <si>
    <t>eeb7872b-0e1d-42f9-b6b4-2bd74dff5fed.tmp</t>
  </si>
  <si>
    <t>\\acsfs\profiles$\LAISLG\Downloads\eeb7872b-0e1d-42f9-b6b4-2bd74dff5fed.tmp</t>
  </si>
  <si>
    <t>aaa60a7d-35ba-4b86-8758-6503cfe03785.tmp</t>
  </si>
  <si>
    <t>\\acsfs\profiles$\jessicafc\Downloads\aaa60a7d-35ba-4b86-8758-6503cfe03785.tmp</t>
  </si>
  <si>
    <t>ca8f8711-ea85-4348-9820-bac7b05f307d.tmp</t>
  </si>
  <si>
    <t>\\acsfs\profiles$\LUCASBS\Downloads\ca8f8711-ea85-4348-9820-bac7b05f307d.tmp</t>
  </si>
  <si>
    <t>6fa916b5-ebe7-4e87-b5ca-43c78dcf63bf.tmp</t>
  </si>
  <si>
    <t>\\acsfs\profiles$\henriquehmdo\Downloads\6fa916b5-ebe7-4e87-b5ca-43c78dcf63bf.tmp</t>
  </si>
  <si>
    <t>cf8a6790-13fc-4df4-aa82-a69d79ee7422.tmp</t>
  </si>
  <si>
    <t>\\acsfs\profiles$\ROZENCAM\Downloads\cf8a6790-13fc-4df4-aa82-a69d79ee7422.tmp</t>
  </si>
  <si>
    <t>aa2d9c74-41ae-4fee-88b2-2d5169c24bc3.tmp</t>
  </si>
  <si>
    <t>\\acsfs\profiles$\francislayneads\Downloads\aa2d9c74-41ae-4fee-88b2-2d5169c24bc3.tmp</t>
  </si>
  <si>
    <t>alefl@algartech.com;alessandroam@algartech.com;andrelpsa@algartech.com;josemfs@algartech.com;marianesg@algartech.com;thiagordu@algartech.com;</t>
  </si>
  <si>
    <t>alefl@algartech.com,alessandroam@algartech.com,andrelpsa@algartech.com,josemfs@algartech.com,marianesg@algartech.com,thiagordu@algartech.com</t>
  </si>
  <si>
    <t>https://udpwfmniceap02/pt_br/web/guest/home?p_auth=l22mxkq7&amp;p_p_id=58&amp;p_p_lifecycle=1&amp;p_p_state=maximized&amp;p_p_mode=view&amp;savelastpath=0&amp;_58_struts_action=/login/forgot_password</t>
  </si>
  <si>
    <t>f8b9977c-78b8-4d97-9820-45cb8d30d749.tmp</t>
  </si>
  <si>
    <t>\\acsfs\profiles$\Flaviojmm\Downloads\f8b9977c-78b8-4d97-9820-45cb8d30d749.tmp</t>
  </si>
  <si>
    <t>10.200.66.144</t>
  </si>
  <si>
    <t>64-1C-67-9D-1E-33</t>
  </si>
  <si>
    <t>VOTORANT-LB015</t>
  </si>
  <si>
    <t>ROGERIO FONSECA DUARTE_1_6775035997256235636_1_32.wav</t>
  </si>
  <si>
    <t>\\acsfs\Deptos\EDUCACAO EMPRESARIAL\KÉSIA\Ligações 1º Ciclo - Janeiro 2020\ROGERIO FONSECA DUARTE_1_6775035997256235636_1_32.wav</t>
  </si>
  <si>
    <t>1a8b9b9c-a07d-453b-a01d-bab9c2eec8b0.tmp</t>
  </si>
  <si>
    <t>\\acsfs\profiles$\quindaizaagds\Downloads\1a8b9b9c-a07d-453b-a01d-bab9c2eec8b0.tmp</t>
  </si>
  <si>
    <t>66165673-b3c6-416b-8ea2-e78314582617.tmp</t>
  </si>
  <si>
    <t>\\acsfs\profiles$\nayarasds\Downloads\66165673-b3c6-416b-8ea2-e78314582617.tmp</t>
  </si>
  <si>
    <t>6ed0a9c1-1ae6-4564-bc3a-4c6e6133722d.tmp</t>
  </si>
  <si>
    <t>\\acsfs\profiles$\joselrb\Downloads\6ed0a9c1-1ae6-4564-bc3a-4c6e6133722d.tmp</t>
  </si>
  <si>
    <t>00354197-3581-47e4-a53a-15c77d8bdd53.tmp</t>
  </si>
  <si>
    <t>\\acsfs\profiles$\quindaizaagds\Downloads\00354197-3581-47e4-a53a-15c77d8bdd53.tmp</t>
  </si>
  <si>
    <t>b33a5662-9a6a-4f5a-9521-cead48f5da32.tmp</t>
  </si>
  <si>
    <t>\\acsfs\profiles$\KARENDSR\Downloads\b33a5662-9a6a-4f5a-9521-cead48f5da32.tmp</t>
  </si>
  <si>
    <t>NATANAEL LAURENCIO FURTADO (6749).contact</t>
  </si>
  <si>
    <t>\\acsfs\profiles$\NatanaelLF\Contacts\NATANAEL LAURENCIO FURTADO (6749).contact</t>
  </si>
  <si>
    <t>ROSELIA MARIA DA CRUZ_1_6774838317091468536_1_32.wav</t>
  </si>
  <si>
    <t>\\acsfs\Deptos\EDUCACAO EMPRESARIAL\KÉSIA\Ligações 1º Ciclo - Janeiro 2020\ROSELIA MARIA DA CRUZ_1_6774838317091468536_1_32.wav</t>
  </si>
  <si>
    <t>1785d0d0-0821-4fc9-b793-c4be4718ffdf.tmp</t>
  </si>
  <si>
    <t>\\acsfs\profiles$\geovannasm\Downloads\1785d0d0-0821-4fc9-b793-c4be4718ffdf.tmp</t>
  </si>
  <si>
    <t>bf94582e-d219-4848-982b-8c145df905ca.tmp</t>
  </si>
  <si>
    <t>\\acsfs\profiles$\geovannasm\Downloads\bf94582e-d219-4848-982b-8c145df905ca.tmp</t>
  </si>
  <si>
    <t>lu14992jo6l6.tmp</t>
  </si>
  <si>
    <t>\\acsfs\profiles$\BRUNAAR\Numero\lu14992jo6l6.tmp</t>
  </si>
  <si>
    <t>50a9821b-d238-49df-9f71-f555878de5eb.tmp</t>
  </si>
  <si>
    <t>\\acsfs\profiles$\gabrielafs\Downloads\50a9821b-d238-49df-9f71-f555878de5eb.tmp</t>
  </si>
  <si>
    <t>f1e58bae-194d-467c-b3f0-a57732f8739b.tmp</t>
  </si>
  <si>
    <t>\\acsfs\profiles$\vivianalds\Downloads\f1e58bae-194d-467c-b3f0-a57732f8739b.tmp</t>
  </si>
  <si>
    <t>https://udpwfmniceap02/web/guest/home?p_auth=jzp6z5rr&amp;p_p_id=58&amp;p_p_lifecycle=1&amp;p_p_state=maximized&amp;p_p_mode=view&amp;savelastpath=0&amp;_58_struts_action=/login/forgot_password</t>
  </si>
  <si>
    <t>andrelpsa@algartech.com;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-48lpdnmzlhq25spv4dswg1l35e46hvmz9i5kv;flora.lira@bv.com.br;gabrielsma@algartech.com;mirianppb@algartech.com;tjqp_l9mdxfwlvdugwgjhp9s_lwapbsc5ag2ftywcvdfaimsgzdn0deohrylie8r0x_keva9todb4z4xqe64sxryw3_yqtq_sxmml_aj-eq-j_phxmsoiffolaattsluopzjkp8s2du5iutbdjn2uqhk4-5eeza6lioiqk9qqpe7urvfl_hbbc1c9zlujnok92akh5faqk235m0kqxg1jagnr9zlpunwiwlugagzrpxhejnteeredrdy_hcqwb3_nj9wqba;</t>
  </si>
  <si>
    <t>andrelpsa@algartech.com,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-48lpdnmzlhq25spv4dswg1l35e46hvmz9i5kv,flora.lira@bv.com.br,gabrielsma@algartech.com,mirianppb@algartech.com,tjqp_l9mdxfwlvdugwgjhp9s_lwapbsc5ag2ftywcvdfaimsgzdn0deohrylie8r0x_keva9todb4z4xqe64sxryw3_yqtq_sxmml_aj-eq-j_phxmsoiffolaattsluopzjkp8s2du5iutbdjn2uqhk4-5eeza6lioiqk9qqpe7urvfl_hbbc1c9zlujnok92akh5faqk235m0kqxg1jagnr9zlpunwiwlugagzrpxhejnteeredrdy_hcqwb3_nj9wqba</t>
  </si>
  <si>
    <t>mail.google.com/sync/u/0/i/s?hl=pt-BR&amp;c=1185</t>
  </si>
  <si>
    <t>andrelpsa@algartech.com;flora.lira@bv.com.br;gabrielsma@algartech.com;mirianppb@algartech.com;</t>
  </si>
  <si>
    <t>andrelpsa@algartech.com,flora.lira@bv.com.br,gabrielsma@algartech.com,mirianppb@algartech.com</t>
  </si>
  <si>
    <t>e1e1decf-90ee-470c-aadf-ca99709980e6.tmp</t>
  </si>
  <si>
    <t>\\acsfs\profiles$\francislayneads\Downloads\e1e1decf-90ee-470c-aadf-ca99709980e6.tmp</t>
  </si>
  <si>
    <t>\\acsfs\Deptos\Operacao\Banco_Votorantim\Supervisao\Maristela\CRBV vendas\Desligamento\</t>
  </si>
  <si>
    <t>Movimentação de UG.txt</t>
  </si>
  <si>
    <t>\\acsfs\Deptos\Operacao\Banco_Votorantim\Supervisao\Maristela\CRBV vendas\Desligamento\Movimentação de UG.txt</t>
  </si>
  <si>
    <t>1e45ba10-3dba-4cad-9491-9611670b3883.tmp</t>
  </si>
  <si>
    <t>\\acsfs\profiles$\nayarasds\Downloads\1e45ba10-3dba-4cad-9491-9611670b3883.tmp</t>
  </si>
  <si>
    <t>540eb87a-6aeb-435c-a9f7-f078f1075bb8.tmp</t>
  </si>
  <si>
    <t>\\acsfs\profiles$\Flaviojmm\Downloads\540eb87a-6aeb-435c-a9f7-f078f1075bb8.tmp</t>
  </si>
  <si>
    <t>mail.google.com/sync/u/0/i/s?hl=pt-BR&amp;c=1192</t>
  </si>
  <si>
    <t>mail.google.com/sync/u/0/i/s?hl=pt-BR&amp;c=1194</t>
  </si>
  <si>
    <t>"condicaoquery":""};"mozilla/5.0 (windows nt 6.1) applewebkit/537.36 (khtml;"valor":"";"valortexto":"";0;1;100); padding-top: 1px; padding-right: 1px; padding-left: 1px; vertical-align: bottom; white-space: nowrap;\"&gt;matrícula&lt;/td&gt;\n &lt;/tr&gt;\n &lt;tr height=\"17\" style=\"height: 12.75pt;\"&gt;\n &lt;td height=\"17\" style=\"height: 12.75pt; border-top: none; color: black; font-size: 8pt; font-family: calibri; text-align: center; border-right: none; border-bottom: 0.5pt solid black; border-left: none; padding-top: 1px; padding-right: 1px; padding-left: 1px; vertical-align: bottom; white-space: nowrap;\"&gt;bv crbv -\n flavia constantina nogueira - 069919&lt;/td&gt;\n &lt;td style=\"border-top: none; color: black; font-size: 8pt; font-family: calibri; text-align: center; border-right: none; border-bottom: 0.5pt solid black; border-left: none; padding-top: 1px; padding-right: 1px; padding-left: 1px; vertical-align: bottom; white-space: nowrap;\"&gt;guilherme augusto bezerra santos&lt;/td&gt;\n &lt;td style=\"border-top: none; color: black; font-</t>
  </si>
  <si>
    <t>"condicaoquery":""},"mozilla/5.0 (windows nt 6.1) applewebkit/537.36 (khtml,"valor":"","valortexto":"",0,1,100); padding-top: 1px; padding-right: 1px; padding-left: 1px; vertical-align: bottom; white-space: nowrap;\"&gt;matrícula&lt;/td&gt;\n &lt;/tr&gt;\n &lt;tr height=\"17\" style=\"height: 12.75pt;\"&gt;\n &lt;td height=\"17\" style=\"height: 12.75pt; border-top: none; color: black; font-size: 8pt; font-family: calibri; text-align: center; border-right: none; border-bottom: 0.5pt solid black; border-left: none; padding-top: 1px; padding-right: 1px; padding-left: 1px; vertical-align: bottom; white-space: nowrap;\"&gt;bv crbv -\n flavia constantina nogueira - 069919&lt;/td&gt;\n &lt;td style=\"border-top: none; color: black; font-size: 8pt; font-family: calibri; text-align: center; border-right: none; border-bottom: 0.5pt solid black; border-left: none; padding-top: 1px; padding-right: 1px; padding-left: 1px; vertical-align: bottom; white-space: nowrap;\"&gt;guilherme augusto bezerra santos&lt;/td&gt;\n &lt;td style=\"border-top: none; color: black; font-</t>
  </si>
  <si>
    <t>"mozilla/5.0 (windows nt 6.1) applewebkit/537.36 (khtml;1;13;13700167;13700185;13700235;13700451;13700607;13700883;13700946;13700951;13701;13701078;13701139;13701235;13701239;13701262;13701276;13701422;13701486;13701506;13701510;13701534;13701573;13701609;13701614;13701653;13701657;13701693;13701709;13701749;13701825;13701901;13701906;13701909;13701921;13701945;13701949;13701953;13701957;13701969;13702064;13702068;13702091;5701393;[[13701214;andrelpsa@algartech.com;false];flora.lira@bv.com.br;gabrielsma@algartech.com;gampqtp7yn6iriu24ksnqvk-esmg4wwpxf";like gecko) chrome/79.0.3945.88 safari/537.36";mirianppb@algartech.com;null;pt-br;</t>
  </si>
  <si>
    <t>"mozilla/5.0 (windows nt 6.1) applewebkit/537.36 (khtml,1,13,13700167,13700185,13700235,13700451,13700607,13700883,13700946,13700951,13701,13701078,13701139,13701235,13701239,13701262,13701276,13701422,13701486,13701506,13701510,13701534,13701573,13701609,13701614,13701653,13701657,13701693,13701709,13701749,13701825,13701901,13701906,13701909,13701921,13701945,13701949,13701953,13701957,13701969,13702064,13702068,13702091,5701393,[[13701214,andrelpsa@algartech.com,false],flora.lira@bv.com.br,gabrielsma@algartech.com,gampqtp7yn6iriu24ksnqvk-esmg4wwpxf",like gecko) chrome/79.0.3945.88 safari/537.36",mirianppb@algartech.com,null,pt-br</t>
  </si>
  <si>
    <t>VIVIANA LEONEL DA SILVA_1_6773680140505393368_1_32.wav</t>
  </si>
  <si>
    <t>\\acsfs\Deptos\EDUCACAO EMPRESARIAL\KÉSIA\Ligações 1º Ciclo - Janeiro 2020\VIVIANA LEONEL DA SILVA_1_6773680140505393368_1_32.wav</t>
  </si>
  <si>
    <t>ec9b38ba-2fec-4427-9b91-c19d4d06d62e.tmp</t>
  </si>
  <si>
    <t>\\acsfs\profiles$\ROZENCAM\Downloads\ec9b38ba-2fec-4427-9b91-c19d4d06d62e.tmp</t>
  </si>
  <si>
    <t>d3f185e6-7706-4d3e-a29d-3e587398d28a.tmp</t>
  </si>
  <si>
    <t>\\acsfs\profiles$\ERICALSR\Downloads\d3f185e6-7706-4d3e-a29d-3e587398d28a.tmp</t>
  </si>
  <si>
    <t>5e498788-0ecc-4d6e-b6ed-45705f46abac.tmp</t>
  </si>
  <si>
    <t>\\acsfs\profiles$\lucasgpe\Downloads\5e498788-0ecc-4d6e-b6ed-45705f46abac.tmp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</t>
  </si>
  <si>
    <t>horario.JPG</t>
  </si>
  <si>
    <t>9595fcb3-5ec0-4889-bdb5-2f5a0386d6ca.tmp</t>
  </si>
  <si>
    <t>\\acsfs\profiles$\henriqueco\Downloads\9595fcb3-5ec0-4889-bdb5-2f5a0386d6ca.tmp</t>
  </si>
  <si>
    <t>alefl@algartech.com;alessandroam@algartech.com;andrelpsa@algartech.com;josemfs@algartech.com;marianesg@algartech.com;mirianppb@algartech.com;thiagordu@algartech.com;</t>
  </si>
  <si>
    <t>alefl@algartech.com,alessandroam@algartech.com,andrelpsa@algartech.com,josemfs@algartech.com,marianesg@algartech.com,mirianppb@algartech.com,thiagordu@algartech.com</t>
  </si>
  <si>
    <t>7b6392e2-61dd-4690-9414-eea683a37d84.tmp</t>
  </si>
  <si>
    <t>\\acsfs\profiles$\mariajra\Downloads\7b6392e2-61dd-4690-9414-eea683a37d84.tmp</t>
  </si>
  <si>
    <t>7007e430-5fb8-4f3f-9c9b-3bf58122a496.tmp</t>
  </si>
  <si>
    <t>\\acsfs\profiles$\ayalabfi\Downloads\7007e430-5fb8-4f3f-9c9b-3bf58122a496.tmp</t>
  </si>
  <si>
    <t>Dimensionamento_Janeiro Financeira 1º ciclo (4).xlsx</t>
  </si>
  <si>
    <t>\\acsfs\DEPTOS\Operacao\Banco_Votorantim\Qualidade\Anderson\Dimensionamento Elii kk\Dimensionamento_Janeiro Financeira 1º ciclo (4).xlsx</t>
  </si>
  <si>
    <t>\\acsfs\DEPTOS\Operacao\Banco_Votorantim\Qualidade\Anderson\Dimensionamento Elii kk\Dimensionamento_Janeiro Financeira 1º ciclo (4).xlsx\</t>
  </si>
  <si>
    <t>\\acsfs\DEPTOS\Operacao\Banco_Votorantim\Qualidade\Anderson\Dimensionamento Elii kk\Dimensionamento_Janeiro Financeira 1º ciclo (4).xlsx\:Zone.Identifier:$DATA</t>
  </si>
  <si>
    <t>180a467e-865e-4b37-bd32-4de447b82b28.tmp</t>
  </si>
  <si>
    <t>\\acsfs\profiles$\KARENDSR\Downloads\180a467e-865e-4b37-bd32-4de447b82b28.tmp</t>
  </si>
  <si>
    <t>9e763a38-2969-49a4-b140-0da9215e4a4f.tmp</t>
  </si>
  <si>
    <t>\\acsfs\profiles$\henriqueco\Downloads\9e763a38-2969-49a4-b140-0da9215e4a4f.tmp</t>
  </si>
  <si>
    <t>aa676a53-64a9-46c4-a307-15b5e7e756cc.tmp</t>
  </si>
  <si>
    <t>\\acsfs\profiles$\PEDROHAB\Downloads\aa676a53-64a9-46c4-a307-15b5e7e756cc.tmp</t>
  </si>
  <si>
    <t>bc624fec-a8a6-46b2-ad7f-4ff05b2a65c4.tmp</t>
  </si>
  <si>
    <t>\\acsfs\profiles$\regisedsj\Downloads\bc624fec-a8a6-46b2-ad7f-4ff05b2a65c4.tmp</t>
  </si>
  <si>
    <t>5bf0d97f-cbe1-4190-a161-1af8ed3b2ec9.tmp</t>
  </si>
  <si>
    <t>\\acsfs\profiles$\regisedsj\Downloads\5bf0d97f-cbe1-4190-a161-1af8ed3b2ec9.tmp</t>
  </si>
  <si>
    <t>9c4a0b7e-c1ad-496d-a321-7567300c1b2a.tmp</t>
  </si>
  <si>
    <t>\\acsfs\profiles$\geovannasm\Downloads\9c4a0b7e-c1ad-496d-a321-7567300c1b2a.tmp</t>
  </si>
  <si>
    <t>5aa4bc12-0ef4-4334-8075-b89bacef7003.tmp</t>
  </si>
  <si>
    <t>\\acsfs\profiles$\geovannasm\Downloads\5aa4bc12-0ef4-4334-8075-b89bacef7003.tmp</t>
  </si>
  <si>
    <t>lu14992jo6la.tmp</t>
  </si>
  <si>
    <t>\\acsfs\profiles$\BRUNAAR\Numero\lu14992jo6la.tmp</t>
  </si>
  <si>
    <t>eeb64e4a-068a-44ff-86cc-9a1f78962afe.tmp</t>
  </si>
  <si>
    <t>\\acsfs\profiles$\inarajst\Downloads\eeb64e4a-068a-44ff-86cc-9a1f78962afe.tmp</t>
  </si>
  <si>
    <t>fe50a800-b879-46be-87bc-2cf8ea2a3d99.tmp</t>
  </si>
  <si>
    <t>\\acsfs\profiles$\regisedsj\Downloads\fe50a800-b879-46be-87bc-2cf8ea2a3d99.tmp</t>
  </si>
  <si>
    <t>https://joaogvc@algartech.com,katia.cardoso@bv.com.br,marianadjc@algartech.com,planejamentodeoperacoesetrafego@bv.com.br,rafaelggs@algartech.com,ricardodfm@algartech.com.br,taysdss@algartech.com,viniciussg@algartech.com</t>
  </si>
  <si>
    <t>c5912b24-2f99-4311-bdeb-65fd8478ba1d.tmp</t>
  </si>
  <si>
    <t>\\acsfs\profiles$\LUISPLS\Downloads\c5912b24-2f99-4311-bdeb-65fd8478ba1d.tmp</t>
  </si>
  <si>
    <t>b15c9d62-19b6-4296-90a8-26ef69786f08.tmp</t>
  </si>
  <si>
    <t>\\acsfs\profiles$\LUISPLS\Downloads\b15c9d62-19b6-4296-90a8-26ef69786f08.tmp</t>
  </si>
  <si>
    <t>Rescisão Sara preenchido..pdf.7z</t>
  </si>
  <si>
    <t>C:\Users\robsonams\Desktop\Rescisão Sara preenchido..pdf.7z\</t>
  </si>
  <si>
    <t>RescisÃ£o Sara preenchido..pdf</t>
  </si>
  <si>
    <t>22c63a65-7035-44a1-a113-751dea177939.tmp</t>
  </si>
  <si>
    <t>\\acsfs\profiles$\ALYNYA\Downloads\22c63a65-7035-44a1-a113-751dea177939.tmp</t>
  </si>
  <si>
    <t>andreysda</t>
  </si>
  <si>
    <t>C:\SACBV\</t>
  </si>
  <si>
    <t>Copia-CPF-CNPJ-CLIENTE.txt</t>
  </si>
  <si>
    <t>C:\DNK\</t>
  </si>
  <si>
    <t>DNK DesktopAgent.lnk</t>
  </si>
  <si>
    <t>log4j.xml</t>
  </si>
  <si>
    <t>logoDNK52_52.ico</t>
  </si>
  <si>
    <t>logoDNK32_32.ico</t>
  </si>
  <si>
    <t>log4j-CTI.xml</t>
  </si>
  <si>
    <t>C:\Windows\</t>
  </si>
  <si>
    <t>TSCCensus.exe</t>
  </si>
  <si>
    <t>https://algar.folhasinergyrh.com.br/rescisao/upload?id=0&amp;idsolicitacao=20092&amp;idprerescisao=0</t>
  </si>
  <si>
    <t>10/01/2020;</t>
  </si>
  <si>
    <t>https://10/01/2020</t>
  </si>
  <si>
    <t>lu14992jo6le.tmp</t>
  </si>
  <si>
    <t>\\acsfs\profiles$\BRUNAAR\Numero\lu14992jo6le.tmp</t>
  </si>
  <si>
    <t>6abc7ecb-4dfb-4a00-bd8f-22c04d9bcde6.tmp</t>
  </si>
  <si>
    <t>\\acsfs\profiles$\adelvinsonle\Downloads\6abc7ecb-4dfb-4a00-bd8f-22c04d9bcde6.tmp</t>
  </si>
  <si>
    <t>105db98e-bcbd-4314-bb81-6374553108fd.tmp</t>
  </si>
  <si>
    <t>\\acsfs\profiles$\cintiadcf\Downloads\105db98e-bcbd-4314-bb81-6374553108fd.tmp</t>
  </si>
  <si>
    <t>c1424aa5-a134-4acd-ba37-7cf8ea5c17b7.tmp</t>
  </si>
  <si>
    <t>\\acsfs\profiles$\cintiadcf\Downloads\c1424aa5-a134-4acd-ba37-7cf8ea5c17b7.tmp</t>
  </si>
  <si>
    <t>f5f0b0e0-5e7e-44ad-9161-2c1265ee77ff.tmp</t>
  </si>
  <si>
    <t>\\acsfs\profiles$\vivianalds\Downloads\f5f0b0e0-5e7e-44ad-9161-2c1265ee77ff.tmp</t>
  </si>
  <si>
    <t>d4f10dbb-98a6-4962-8ce6-794e87b30ae4.tmp</t>
  </si>
  <si>
    <t>\\acsfs\profiles$\paulovadc\Downloads\d4f10dbb-98a6-4962-8ce6-794e87b30ae4.tmp</t>
  </si>
  <si>
    <t>b983d163-6153-4ce3-b0be-32d9f7b9df27.tmp</t>
  </si>
  <si>
    <t>\\acsfs\profiles$\LUISPLS\Downloads\b983d163-6153-4ce3-b0be-32d9f7b9df27.tmp</t>
  </si>
  <si>
    <t>RELATORIO DE LOGIN - FINANCEIRA - 08-01 - Cópia.xlsm</t>
  </si>
  <si>
    <t>\\acsfs\DEPTOS\Operacao\PCP\5 - Comum\PLANEJAMENTO BV\14 - ACOMPANHAMENTO\1 - REPORT ACOMPANHAMENTO\2020\1 - JANEIRO\FINANCEIRA\Login Logout Financeira\RELATORIO DE LOGIN - FINANCEIRA - 08-01 - Cópia.xlsm</t>
  </si>
  <si>
    <t>47eaae5c-dee3-4838-9ef0-9c57d74bfc4a.tmp</t>
  </si>
  <si>
    <t>\\acsfs\profiles$\Angelicacldr\Downloads\47eaae5c-dee3-4838-9ef0-9c57d74bfc4a.tmp</t>
  </si>
  <si>
    <t>Não confirmado 796666.crdownload</t>
  </si>
  <si>
    <t>\\acsfs\profiles$\Angelicacldr\Downloads\Não confirmado 796666.crdownload</t>
  </si>
  <si>
    <t>5fd99ce7-cc9e-4c3a-b7f1-cf34c4cd346b.tmp</t>
  </si>
  <si>
    <t>\\acsfs\profiles$\Angelicacldr\Downloads\5fd99ce7-cc9e-4c3a-b7f1-cf34c4cd346b.tmp</t>
  </si>
  <si>
    <t>Não confirmado 99777.crdownload</t>
  </si>
  <si>
    <t>\\acsfs\profiles$\Angelicacldr\Downloads\Não confirmado 99777.crdownload</t>
  </si>
  <si>
    <t>f2b2b6ce-cdc6-4a60-9b09-a74ac385cb4a.tmp</t>
  </si>
  <si>
    <t>\\acsfs\profiles$\Angelicacldr\Downloads\f2b2b6ce-cdc6-4a60-9b09-a74ac385cb4a.tmp</t>
  </si>
  <si>
    <t>b7e19472-998b-4e83-9030-f2ebf910bbc9.tmp</t>
  </si>
  <si>
    <t>\\acsfs\profiles$\inarajst\Downloads\b7e19472-998b-4e83-9030-f2ebf910bbc9.tmp</t>
  </si>
  <si>
    <t>3924c686-bc43-4d79-8b78-3529d1f7b32f.tmp</t>
  </si>
  <si>
    <t>\\acsfs\profiles$\paulovadc\Downloads\3924c686-bc43-4d79-8b78-3529d1f7b32f.tmp</t>
  </si>
  <si>
    <t>69bc5371-da9a-42de-9d8b-2cc81b40a3f0.tmp</t>
  </si>
  <si>
    <t>\\acsfs\profiles$\geovannasm\Downloads\69bc5371-da9a-42de-9d8b-2cc81b40a3f0.tmp</t>
  </si>
  <si>
    <t>lu14992jo6li.tmp</t>
  </si>
  <si>
    <t>\\acsfs\profiles$\BRUNAAR\Numero\lu14992jo6li.tmp</t>
  </si>
  <si>
    <t>3d2f3bf5-61c5-49e5-a38b-97883db2ed2f.tmp</t>
  </si>
  <si>
    <t>\\acsfs\profiles$\ayalabfi\Downloads\3d2f3bf5-61c5-49e5-a38b-97883db2ed2f.tmp</t>
  </si>
  <si>
    <t>d52a9ebe-8592-4dd3-8269-1c165abefc7a.tmp</t>
  </si>
  <si>
    <t>\\acsfs\profiles$\marcellewdl\Downloads\d52a9ebe-8592-4dd3-8269-1c165abefc7a.tmp</t>
  </si>
  <si>
    <t>MONITOR POR UM DIA.xlsx</t>
  </si>
  <si>
    <t>\\acsfs\DEPTOS\EDUCACAO EMPRESARIAL\2 - Operações\0 - BV\1 - TREINADORES\MONITOR POR UM DIA.xlsx</t>
  </si>
  <si>
    <t>49192b6d-005e-42a9-bad3-6c818649e087.tmp</t>
  </si>
  <si>
    <t>\\acsfs\profiles$\LUISPLS\Downloads\49192b6d-005e-42a9-bad3-6c818649e087.tmp</t>
  </si>
  <si>
    <t>b40a3307-dc00-4b12-aa53-43471e628640.tmp</t>
  </si>
  <si>
    <t>\\acsfs\profiles$\geovannasm\Downloads\b40a3307-dc00-4b12-aa53-43471e628640.tmp</t>
  </si>
  <si>
    <t>9d929518-568f-4dc8-9e16-4e377ceff522.tmp</t>
  </si>
  <si>
    <t>\\acsfs\profiles$\geovannasm\Downloads\9d929518-568f-4dc8-9e16-4e377ceff522.tmp</t>
  </si>
  <si>
    <t>4de1097e-0d2d-4fc5-af4c-5d6045e48b48.tmp</t>
  </si>
  <si>
    <t>\\acsfs\profiles$\ERICALSR\Downloads\4de1097e-0d2d-4fc5-af4c-5d6045e48b48.tmp</t>
  </si>
  <si>
    <t>8c3e9232-b696-4d6c-949f-e2eea76a3b1b.tmp</t>
  </si>
  <si>
    <t>\\acsfs\profiles$\marcosvnds\Downloads\8c3e9232-b696-4d6c-949f-e2eea76a3b1b.tmp</t>
  </si>
  <si>
    <t>6cea39b2-a3ba-4fed-aca8-39331882c1d8.tmp</t>
  </si>
  <si>
    <t>\\acsfs\profiles$\marcosvnds\Downloads\6cea39b2-a3ba-4fed-aca8-39331882c1d8.tmp</t>
  </si>
  <si>
    <t>d152be0c-7d89-474c-8c58-1b490c73333e.tmp</t>
  </si>
  <si>
    <t>\\acsfs\profiles$\marcosvnds\Downloads\d152be0c-7d89-474c-8c58-1b490c73333e.tmp</t>
  </si>
  <si>
    <t>62b43c5c-45f0-4fef-8be6-b97ae0227a34.tmp</t>
  </si>
  <si>
    <t>\\acsfs\profiles$\marcosvnds\Downloads\62b43c5c-45f0-4fef-8be6-b97ae0227a34.tmp</t>
  </si>
  <si>
    <t>b66d7ca7-9afc-48d1-94c5-a76cce885816.tmp</t>
  </si>
  <si>
    <t>\\acsfs\profiles$\marcosvnds\Downloads\b66d7ca7-9afc-48d1-94c5-a76cce885816.tmp</t>
  </si>
  <si>
    <t>RELATORIO DE LOGIN - FINANCEIRA - 09-01.xlsm</t>
  </si>
  <si>
    <t>\\acsfs\DEPTOS\Operacao\PCP\5 - Comum\PLANEJAMENTO BV\14 - ACOMPANHAMENTO\1 - REPORT ACOMPANHAMENTO\2020\1 - JANEIRO\FINANCEIRA\Login Logout Financeira\RELATORIO DE LOGIN - FINANCEIRA - 09-01.xlsm</t>
  </si>
  <si>
    <t>https://joaogvc@algartech.com,katia.cardoso@bv.com.br,marianadjc@algartech.com,planejamentodeoperacoesetrafego@bv.com.br,ricardodfm@algartech.com.br,taysdss@algartech.com,viniciussg@algartech.com</t>
  </si>
  <si>
    <t>6249b28f-eec8-49bd-8ec5-904c264e682a.tmp</t>
  </si>
  <si>
    <t>\\acsfs\profiles$\quindaizaagds\Downloads\6249b28f-eec8-49bd-8ec5-904c264e682a.tmp</t>
  </si>
  <si>
    <t>outlook.office.com/owa/service.svc?action=CreateItem&amp;app=Mail&amp;n=404</t>
  </si>
  <si>
    <t>andrelpsa@algartech.com;eliane.martins@bv.com.br;harunams@algartech.com;janaina.pereira@bv.com.br;laylladdps@bv.algartech.com;luizffn@algartech.com;mirianppb@algartech.com;qualidadealgarbv@algartech.com;</t>
  </si>
  <si>
    <t>andrelpsa@algartech.com,eliane.martins@bv.com.br,harunams@algartech.com,janaina.pereira@bv.com.br,laylladdps@bv.algartech.com,luizffn@algartech.com,mirianppb@algartech.com,qualidadealgarbv@algartech.com</t>
  </si>
  <si>
    <t>outlook.office.com/owa/service.svc?action=CreateItem&amp;app=Mail&amp;n=417</t>
  </si>
  <si>
    <t>ae2baaa8-fdda-4d5b-a6cd-3466e51c8fd0.tmp</t>
  </si>
  <si>
    <t>\\acsfs\profiles$\cintiadcf\Downloads\ae2baaa8-fdda-4d5b-a6cd-3466e51c8fd0.tmp</t>
  </si>
  <si>
    <t>7a4c981a-4b89-4674-91fc-2165ca909bc5.tmp</t>
  </si>
  <si>
    <t>\\acsfs\profiles$\leticiala\Downloads\7a4c981a-4b89-4674-91fc-2165ca909bc5.tmp</t>
  </si>
  <si>
    <t>f65aef5d-53c9-45cb-832f-47708eeeb0b7.tmp</t>
  </si>
  <si>
    <t>\\acsfs\profiles$\marcosvnds\Downloads\f65aef5d-53c9-45cb-832f-47708eeeb0b7.tmp</t>
  </si>
  <si>
    <t>dc765fa4-0b37-477f-a906-fb86f85bd262.tmp</t>
  </si>
  <si>
    <t>\\acsfs\profiles$\marcosvnds\Downloads\dc765fa4-0b37-477f-a906-fb86f85bd262.tmp</t>
  </si>
  <si>
    <t>8c5181ee-1945-4a03-8461-98ce004ea915.tmp</t>
  </si>
  <si>
    <t>\\acsfs\profiles$\marcosvnds\Downloads\8c5181ee-1945-4a03-8461-98ce004ea915.tmp</t>
  </si>
  <si>
    <t>9209f796-85ac-470d-9d37-1111e5ddcbb9.tmp</t>
  </si>
  <si>
    <t>\\acsfs\profiles$\marcosvnds\Downloads\9209f796-85ac-470d-9d37-1111e5ddcbb9.tmp</t>
  </si>
  <si>
    <t>andrelpsa@algartech.com;joaogvc@algartech.com;katia.cardoso@bv.com.br;leonardoao@algartech.com;paulacn@algartech.com;rafaelggs@algartech.com;robsonams@algartech.com;taysdss@algartech.com;viniciussg@algartech.com;</t>
  </si>
  <si>
    <t>andrelpsa@algartech.com,joaogvc@algartech.com,katia.cardoso@bv.com.br,leonardoao@algartech.com,paulacn@algartech.com,rafaelggs@algartech.com,robsonams@algartech.com,taysdss@algartech.com,viniciussg@algartech.com</t>
  </si>
  <si>
    <t>andrelpsa@algartech.com;joaogvc@algartech.com;katia.cardoso@bv.com.br;leonardoao@algartech.com;paulacn@algartech.com;rafaelggs@algartech.com;robsonams@algartech.com;supervisaobancovotorantim@algartech.com;taysdss@algartech.com;viniciussg@algartech.com;</t>
  </si>
  <si>
    <t>andrelpsa@algartech.com,joaogvc@algartech.com,katia.cardoso@bv.com.br,leonardoao@algartech.com,paulacn@algartech.com,rafaelggs@algartech.com,robsonams@algartech.com,supervisaobancovotorantim@algartech.com,taysdss@algartech.com,viniciussg@algartech.com</t>
  </si>
  <si>
    <t>andrelpsa@algartech.com;joaogvc@algartech.com;leonardoao@algartech.com;marianadjc@algartech.com;paulacn@algartech.com;rafaelggs@algartech.com;robsonams@algartech.com;supervisaobancovotorantim@algartech.com;taysdss@algartech.com;viniciussg@algartech.com;</t>
  </si>
  <si>
    <t>andrelpsa@algartech.com,joaogvc@algartech.com,leonardoao@algartech.com,marianadjc@algartech.com,paulacn@algartech.com,rafaelggs@algartech.com,robsonams@algartech.com,supervisaobancovotorantim@algartech.com,taysdss@algartech.com,viniciussg@algartech.com</t>
  </si>
  <si>
    <t>joaogvc@algartech.com;leonardoao@algartech.com;paulacn@algartech.com;rafaelggs@algartech.com;ricardodfm@algartech.com.br;robsonams@algartech.com;taysdss@algartech.com;viniciussg@algartech.com;</t>
  </si>
  <si>
    <t>joaogvc@algartech.com,leonardoao@algartech.com,paulacn@algartech.com,rafaelggs@algartech.com,ricardodfm@algartech.com.br,robsonams@algartech.com,taysdss@algartech.com,viniciussg@algartech.com</t>
  </si>
  <si>
    <t>andrelpsa@algartech.com;joaogvc@algartech.com;leonardoao@algartech.com;marianadjc@algartech.com;maristelavodq@bv.algartech.com;paulacn@algartech.com;rafaelggs@algartech.com;ricardodfm@algartech.com.br;robsonams@algartech.com;taysdss@algartech.com;viniciussg@algartech.com;</t>
  </si>
  <si>
    <t>andrelpsa@algartech.com,joaogvc@algartech.com,leonardoao@algartech.com,marianadjc@algartech.com,maristelavodq@bv.algartech.com,paulacn@algartech.com,rafaelggs@algartech.com,ricardodfm@algartech.com.br,robsonams@algartech.com,taysdss@algartech.com,viniciussg@algartech.com</t>
  </si>
  <si>
    <t>230594b2-ca94-4363-89f7-df23c1a3f4e1.tmp</t>
  </si>
  <si>
    <t>\\acsfs\profiles$\quindaizaagds\Downloads\230594b2-ca94-4363-89f7-df23c1a3f4e1.tmp</t>
  </si>
  <si>
    <t>\\acsfs\ACS\Gabriel da Silva\Contemporânea\BDBV\EABF48A.tmp\</t>
  </si>
  <si>
    <t>\\acsfs\ACS\Gabriel da Silva\Contemporânea\BDBV\EABF48A.tmp\:Zone.Identifier:$DATA</t>
  </si>
  <si>
    <t>6e99bf34-8788-4ec9-8a39-3af73a39974f.tmp</t>
  </si>
  <si>
    <t>\\acsfs\profiles$\luanarda\Downloads\6e99bf34-8788-4ec9-8a39-3af73a39974f.tmp</t>
  </si>
  <si>
    <t>64bb286d-7314-4b03-8bfb-3e5ea306aca3.tmp</t>
  </si>
  <si>
    <t>\\acsfs\profiles$\marcosvnds\Downloads\64bb286d-7314-4b03-8bfb-3e5ea306aca3.tmp</t>
  </si>
  <si>
    <t>556f65e3-ef51-4917-abc3-a074d62f26ec.tmp</t>
  </si>
  <si>
    <t>\\acsfs\profiles$\marcosvnds\Downloads\556f65e3-ef51-4917-abc3-a074d62f26ec.tmp</t>
  </si>
  <si>
    <t>d1c7fcf8-838f-4edd-99a5-141a943fd876.tmp</t>
  </si>
  <si>
    <t>\\acsfs\profiles$\marcosvnds\Downloads\d1c7fcf8-838f-4edd-99a5-141a943fd876.tmp</t>
  </si>
  <si>
    <t>31/06/1966;__/__/____;</t>
  </si>
  <si>
    <t>https://31/06/1966,__/__/____</t>
  </si>
  <si>
    <t>andrelpsa@algartech.com;joaogvc@algartech.com;leonardoao@algartech.com;marianadjc@algartech.com;paulacn@algartech.com;rafaelggs@algartech.com;ricardodfm@algartech.com.br;robsonams@algartech.com;supervisaobancovotorantim@algartech.com;taysdss@algartech.com;viniciussg@algartech.com;</t>
  </si>
  <si>
    <t>andrelpsa@algartech.com,joaogvc@algartech.com,leonardoao@algartech.com,marianadjc@algartech.com,paulacn@algartech.com,rafaelggs@algartech.com,ricardodfm@algartech.com.br,robsonams@algartech.com,supervisaobancovotorantim@algartech.com,taysdss@algartech.com,viniciussg@algartech.com</t>
  </si>
  <si>
    <t>joaogvc@algartech.com;leonardoao@algartech.com;paulacn@algartech.com;ricardodfm@algartech.com.br;robsonams@algartech.com;taysdss@algartech.com;viniciussg@algartech.com;</t>
  </si>
  <si>
    <t>joaogvc@algartech.com,leonardoao@algartech.com,paulacn@algartech.com,ricardodfm@algartech.com.br,robsonams@algartech.com,taysdss@algartech.com,viniciussg@algartech.com</t>
  </si>
  <si>
    <t>andrelpsa@algartech.com;joaogvc@algartech.com;katia.cardoso@bv.com.br;leonardoao@algartech.com;paulacn@algartech.com;rafaelggs@algartech.com;ricardodfm@algartech.com.br;robsonams@algartech.com;supervisaobancovotorantim@algartech.com;taysdss@algartech.com;viniciussg@algartech.com;</t>
  </si>
  <si>
    <t>andrelpsa@algartech.com,joaogvc@algartech.com,katia.cardoso@bv.com.br,leonardoao@algartech.com,paulacn@algartech.com,rafaelggs@algartech.com,ricardodfm@algartech.com.br,robsonams@algartech.com,supervisaobancovotorantim@algartech.com,taysdss@algartech.com,viniciussg@algartech.com</t>
  </si>
  <si>
    <t>joaogvc@algartech.com;leonardoao@algartech.com;marianadjc@algartech.com;paulacn@algartech.com;planejamentodeoperacoesetrafego@bv.com.br;ricardodfm@algartech.com.br;robsonams@algartech.com;taysdss@algartech.com;viniciussg@algartech.com;</t>
  </si>
  <si>
    <t>joaogvc@algartech.com,leonardoao@algartech.com,marianadjc@algartech.com,paulacn@algartech.com,planejamentodeoperacoesetrafego@bv.com.br,ricardodfm@algartech.com.br,robsonams@algartech.com,taysdss@algartech.com,viniciussg@algartech.com</t>
  </si>
  <si>
    <t>72ba5597-4ac4-462b-a661-911e4c15e08c.tmp</t>
  </si>
  <si>
    <t>\\acsfs\profiles$\geovannasm\Downloads\72ba5597-4ac4-462b-a661-911e4c15e08c.tmp</t>
  </si>
  <si>
    <t>Desligados ALGAR - 03_01 a 09_01.xlsx</t>
  </si>
  <si>
    <t>\\acsfs\ACS\Gabriel da Silva\Contemporânea\BDBV\Desligados ALGAR - 03_01 a 09_01.xlsx</t>
  </si>
  <si>
    <t>outlook.office.com/owa/service.svc?action=CreateItem&amp;app=Mail&amp;n=463</t>
  </si>
  <si>
    <t>algartechcpcbv@algartech.com;andrelpsa@algartech.com;eliane.martins@bv.com.br;flora.lira@bv.com.br;gabrielsma@bv.algartech.com;harunams@algartech.com;janaina.pereira@bv.com.br;jose.gomes@bv.com.br;laylladdps@bv.algartech.com;leonardoao@algartech.com;luizffn@algartech.com;mirianppb@algartech.com;qualidadealgarbv@algartech.com;robsonams@algartech.com;</t>
  </si>
  <si>
    <t>algartechcpcbv@algartech.com,andrelpsa@algartech.com,eliane.martins@bv.com.br,flora.lira@bv.com.br,gabrielsma@bv.algartech.com,harunams@algartech.com,janaina.pereira@bv.com.br,jose.gomes@bv.com.br,laylladdps@bv.algartech.com,leonardoao@algartech.com,luizffn@algartech.com,mirianppb@algartech.com,qualidadealgarbv@algartech.com,robsonams@algartech.com</t>
  </si>
  <si>
    <t>outlook.office.com/owa/service.svc?action=UpdateItem&amp;app=Mail&amp;n=481</t>
  </si>
  <si>
    <t>outlook.office.com/owa/service.svc?action=UpdateItem&amp;app=Mail&amp;n=496</t>
  </si>
  <si>
    <t>outlook.office.com/owa/service.svc?action=CreateItem&amp;app=Mail&amp;n=540</t>
  </si>
  <si>
    <t>algartechcpcbv@algartech.com;andrelpsa@algartech.com;eliane.martins@bv.com.br;flora.lira@bv.com.br;gabrielsma@bv.algartech.com;harunams@algartech.com;janaina.pereira@bv.com.br;jose.gomes@bv.com.br;laylladdps@bv.algartech.com;leonardoao@algartech.com;luanaca@algartech.com;luizffn@algartech.com;mirianppb@algartech.com;qualidadealgarbv@algartech.com;robsonams@algartech.com;</t>
  </si>
  <si>
    <t>algartechcpcbv@algartech.com,andrelpsa@algartech.com,eliane.martins@bv.com.br,flora.lira@bv.com.br,gabrielsma@bv.algartech.com,harunams@algartech.com,janaina.pereira@bv.com.br,jose.gomes@bv.com.br,laylladdps@bv.algartech.com,leonardoao@algartech.com,luanaca@algartech.com,luizffn@algartech.com,mirianppb@algartech.com,qualidadealgarbv@algartech.com,robsonams@algartech.com</t>
  </si>
  <si>
    <t>outlook.office.com/owa/service.svc?action=UpdateItem&amp;app=Mail&amp;n=553</t>
  </si>
  <si>
    <t>c193d7e5-51eb-4351-b194-823544fbe47a.tmp</t>
  </si>
  <si>
    <t>\\acsfs\profiles$\marcosvnds\Downloads\c193d7e5-51eb-4351-b194-823544fbe47a.tmp</t>
  </si>
  <si>
    <t>b03b867f-82b5-4fa8-b027-7ba9c3bfcd53.tmp</t>
  </si>
  <si>
    <t>\\acsfs\profiles$\marcosvnds\Downloads\b03b867f-82b5-4fa8-b027-7ba9c3bfcd53.tmp</t>
  </si>
  <si>
    <t>outlook.office.com/owa/service.svc?action=UpdateItem&amp;app=Mail&amp;n=555</t>
  </si>
  <si>
    <t>outlook.office.com/owa/service.svc?action=UpdateItem&amp;app=Mail&amp;n=557</t>
  </si>
  <si>
    <t>outlook.office.com/owa/service.svc?action=UpdateItem&amp;app=Mail&amp;n=559</t>
  </si>
  <si>
    <t>outlook.office.com/owa/service.svc?action=UpdateItem&amp;app=Mail&amp;n=561</t>
  </si>
  <si>
    <t>outlook.office.com/owa/service.svc?action=UpdateItem&amp;app=Mail&amp;n=563</t>
  </si>
  <si>
    <t>outlook.office.com/owa/service.svc?action=UpdateItem&amp;app=Mail&amp;n=565</t>
  </si>
  <si>
    <t>outlook.office.com/owa/service.svc?action=UpdateItem&amp;app=Mail&amp;n=567</t>
  </si>
  <si>
    <t>outlook.office.com/owa/service.svc?action=UpdateItem&amp;app=Mail&amp;n=570</t>
  </si>
  <si>
    <t>20650eba-bd2c-4798-abe2-743f9eca6aa0.tmp</t>
  </si>
  <si>
    <t>\\acsfs\profiles$\sarahbal\Downloads\20650eba-bd2c-4798-abe2-743f9eca6aa0.tmp</t>
  </si>
  <si>
    <t>outlook.office.com/owa/service.svc?action=UpdateItem&amp;app=Mail&amp;n=576</t>
  </si>
  <si>
    <t>5dd6cec1-8c89-4271-91f8-b13462e0dc50.tmp</t>
  </si>
  <si>
    <t>\\acsfs\profiles$\gabrielsma\Downloads\5dd6cec1-8c89-4271-91f8-b13462e0dc50.tmp</t>
  </si>
  <si>
    <t>5ebc6a59-7948-412a-bc4c-fad5d6613d10.tmp</t>
  </si>
  <si>
    <t>\\acsfs\profiles$\ayalabfi\Downloads\5ebc6a59-7948-412a-bc4c-fad5d6613d10.tmp</t>
  </si>
  <si>
    <t>21a4b721-ab96-4623-8d5e-45db29929de2.tmp</t>
  </si>
  <si>
    <t>\\acsfs\profiles$\eduardobb\Downloads\21a4b721-ab96-4623-8d5e-45db29929de2.tmp</t>
  </si>
  <si>
    <t>lu1704811udl3.tmp</t>
  </si>
  <si>
    <t>\\acsfs\profiles$\jonathanwap\lu1704811udl3.tmp</t>
  </si>
  <si>
    <t>\\acsfs\profiles$\jonathanwap\lu1704811udl3.tmp\</t>
  </si>
  <si>
    <t>\\acsfs\profiles$\jonathanwap\lu1704811udl3.tmp\META-INF\</t>
  </si>
  <si>
    <t>\\acsfs\profiles$\jonathanwap\lu1704811udl3.tmp\Thumbnails\</t>
  </si>
  <si>
    <t>c07f22d1-6f2d-47ed-b5e3-9d3fa5488a84.tmp</t>
  </si>
  <si>
    <t>\\acsfs\profiles$\gabrielsma\Downloads\c07f22d1-6f2d-47ed-b5e3-9d3fa5488a84.tmp</t>
  </si>
  <si>
    <t>65c9dfc0-4472-4131-8545-9ddfb7d793e3.tmp</t>
  </si>
  <si>
    <t>\\acsfs\profiles$\gabrielsma\Downloads\65c9dfc0-4472-4131-8545-9ddfb7d793e3.tmp</t>
  </si>
  <si>
    <t>73A6CBD2.tmp</t>
  </si>
  <si>
    <t>\\acsfs\ACS\Gabriel da Silva\Contemporânea\Erros Operacionais\73A6CBD2.tmp</t>
  </si>
  <si>
    <t>Ativos 2020.txt</t>
  </si>
  <si>
    <t>\\acsfs\profiles$\vivianealda\Downloads\Ativos 2020.txt</t>
  </si>
  <si>
    <t>92e41617-a96e-4ee0-b7ef-59fc06295aa7.tmp</t>
  </si>
  <si>
    <t>\\acsfs\profiles$\luizffn\Downloads\92e41617-a96e-4ee0-b7ef-59fc06295aa7.tmp</t>
  </si>
  <si>
    <t>Não confirmado 152227.crdownload</t>
  </si>
  <si>
    <t>\\acsfs\profiles$\luizffn\Downloads\Não confirmado 152227.crdownload</t>
  </si>
  <si>
    <t>image2020-01-10-130302.pdf:Zone.Identifier</t>
  </si>
  <si>
    <t>\\acsfs\profiles$\luizffn\Downloads\image2020-01-10-130302.pdf:Zone.Identifier</t>
  </si>
  <si>
    <t>image2020-01-10-130302.pdf</t>
  </si>
  <si>
    <t>\\acsfs\DEPTOS\EDUCACAO EMPRESARIAL\2 - Operações\0 - BV\.PROVAS E ARQUIVOS DE TREINAMENTO\Formação CDC Haruna 02-12\Provas\Prova 09 - CRBV\image2020-01-10-130302.pdf</t>
  </si>
  <si>
    <t>\\acsfs\DEPTOS\EDUCACAO EMPRESARIAL\2 - Operações\0 - BV\.PROVAS E ARQUIVOS DE TREINAMENTO\Formação CDC Haruna 02-12\Provas\Prova 09 - CRBV\image2020-01-10-130302.pdf\</t>
  </si>
  <si>
    <t>\\acsfs\DEPTOS\EDUCACAO EMPRESARIAL\2 - Operações\0 - BV\.PROVAS E ARQUIVOS DE TREINAMENTO\Formação CDC Haruna 02-12\Provas\Prova 09 - CRBV\image2020-01-10-130302.pdf\:Zone.Identifier:$DATA</t>
  </si>
  <si>
    <t>\\acsfs\profiles$\thaianaads\Documents\</t>
  </si>
  <si>
    <t>\\acsfs\profiles$\thaianaads\Documents\bloco anotações.txt</t>
  </si>
  <si>
    <t>mail.google.com/sync/u/0/i/s?hl=pt-BR&amp;c=812</t>
  </si>
  <si>
    <t>mail.google.com/sync/u/0/i/s?hl=pt-BR&amp;c=816</t>
  </si>
  <si>
    <t>andrelpsa@algartech.com;joaogvc@algartech.com;leonardoao@algartech.com;marianadjc@algartech.com;paulacn@algartech.com;rafaelggs@algartech.com;ricardodfm@algartech.com.br;robsonams@algartech.com;sofiamses@algartech.com;taysdss@algartech.com;viniciussg@algartech.com;</t>
  </si>
  <si>
    <t>andrelpsa@algartech.com,joaogvc@algartech.com,leonardoao@algartech.com,marianadjc@algartech.com,paulacn@algartech.com,rafaelggs@algartech.com,ricardodfm@algartech.com.br,robsonams@algartech.com,sofiamses@algartech.com,taysdss@algartech.com,viniciussg@algartech.com</t>
  </si>
  <si>
    <t>andrelpsa@algartech.com;joaogvc@algartech.com;leonardoao@algartech.com;marianadjc@algartech.com;planejamentodeoperacoesetrafego@bv.com.br;ricardodfm@algartech.com.br;sofiamses@algartech.com;taysdss@algartech.com;viniciussg@algartech.com;</t>
  </si>
  <si>
    <t>andrelpsa@algartech.com,joaogvc@algartech.com,leonardoao@algartech.com,marianadjc@algartech.com,planejamentodeoperacoesetrafego@bv.com.br,ricardodfm@algartech.com.br,sofiamses@algartech.com,taysdss@algartech.com,viniciussg@algartech.com</t>
  </si>
  <si>
    <t>\\acsfs\DEPTOS\Operacao\PCP\5 - Comum\JUKA\Quantidade de Login - Financeira.xlsx</t>
  </si>
  <si>
    <t>mail.google.com/_/upload?authuser=0&amp;dcp=asu-n&amp;upload_id=AEnB2Up5bpUFoAIJGxyqdOWg8qtUMLZ03PUtLCUpoLW51HMUNtZEoj_leYoG4QsFwBm3O0NrJk6JLWNJehZ5jsHJdJtSOUODrg&amp;upload_protocol=resumable</t>
  </si>
  <si>
    <t>andrelpsa@algartech.com;joaogvc@algartech.com;leonardoao@algartech.com;marianadjc@algartech.com;paulacn@algartech.com;ricardodfm@algartech.com.br;robsonams@algartech.com;sofiamses@algartech.com;taysdss@algartech.com;viniciussg@algartech.com;</t>
  </si>
  <si>
    <t>andrelpsa@algartech.com,joaogvc@algartech.com,leonardoao@algartech.com,marianadjc@algartech.com,paulacn@algartech.com,ricardodfm@algartech.com.br,robsonams@algartech.com,sofiamses@algartech.com,taysdss@algartech.com,viniciussg@algartech.com</t>
  </si>
  <si>
    <t>f06323b2-5afc-4d57-9fac-53478ed4cd3f.tmp</t>
  </si>
  <si>
    <t>\\acsfs\profiles$\LAISLG\Downloads\f06323b2-5afc-4d57-9fac-53478ed4cd3f.tmp</t>
  </si>
  <si>
    <t>5665c555-64ba-4ad8-b980-4d583aa6e4e7.tmp</t>
  </si>
  <si>
    <t>\\acsfs\profiles$\ERICALSR\Downloads\5665c555-64ba-4ad8-b980-4d583aa6e4e7.tmp</t>
  </si>
  <si>
    <t>1d7a1bd4-3ef0-429b-8e7e-509bd01a2e92.tmp</t>
  </si>
  <si>
    <t>\\acsfs\profiles$\luizffn\Downloads\1d7a1bd4-3ef0-429b-8e7e-509bd01a2e92.tmp</t>
  </si>
  <si>
    <t>Não confirmado 162576.crdownload</t>
  </si>
  <si>
    <t>\\acsfs\profiles$\luizffn\Downloads\Não confirmado 162576.crdownload</t>
  </si>
  <si>
    <t>image2020-01-10-131454.pdf:Zone.Identifier</t>
  </si>
  <si>
    <t>\\acsfs\profiles$\luizffn\Downloads\image2020-01-10-131454.pdf:Zone.Identifier</t>
  </si>
  <si>
    <t>image2020-01-10-131454.pdf</t>
  </si>
  <si>
    <t>\\acsfs\DEPTOS\EDUCACAO EMPRESARIAL\2 - Operações\0 - BV\.PROVAS E ARQUIVOS DE TREINAMENTO\Formação CDC Haruna 02-12\Provas\Prova 09 - CRBV\image2020-01-10-131454.pdf</t>
  </si>
  <si>
    <t>\\acsfs\DEPTOS\EDUCACAO EMPRESARIAL\2 - Operações\0 - BV\.PROVAS E ARQUIVOS DE TREINAMENTO\Formação CDC Haruna 02-12\Provas\Prova 09 - CRBV\image2020-01-10-131454.pdf\</t>
  </si>
  <si>
    <t>\\acsfs\DEPTOS\EDUCACAO EMPRESARIAL\2 - Operações\0 - BV\.PROVAS E ARQUIVOS DE TREINAMENTO\Formação CDC Haruna 02-12\Provas\Prova 09 - CRBV\image2020-01-10-131454.pdf\:Zone.Identifier:$DATA</t>
  </si>
  <si>
    <t>\\acsfs\profiles$\thaianaads\Documents\Thumbs.db</t>
  </si>
  <si>
    <t>4c3daf00-4e37-4ad2-9656-b7aa55b448a6.tmp</t>
  </si>
  <si>
    <t>\\acsfs\profiles$\sarahbal\Downloads\4c3daf00-4e37-4ad2-9656-b7aa55b448a6.tmp</t>
  </si>
  <si>
    <t>bb3bdab2-ba88-4cdd-bbaf-d6d970108ec9.tmp</t>
  </si>
  <si>
    <t>\\acsfs\profiles$\georgendsq\Downloads\bb3bdab2-ba88-4cdd-bbaf-d6d970108ec9.tmp</t>
  </si>
  <si>
    <t>7f0971ac-6c68-4de7-846f-2c1fd688db3f.tmp</t>
  </si>
  <si>
    <t>\\acsfs\profiles$\georgendsq\Downloads\7f0971ac-6c68-4de7-846f-2c1fd688db3f.tmp</t>
  </si>
  <si>
    <t>1cddd9fd-a1d9-4375-8060-a4b088d31b3f.tmp</t>
  </si>
  <si>
    <t>\\acsfs\profiles$\georgendsq\Downloads\1cddd9fd-a1d9-4375-8060-a4b088d31b3f.tmp</t>
  </si>
  <si>
    <t>d3139c05-6ef9-47ce-9653-3f40f93d0943.tmp</t>
  </si>
  <si>
    <t>\\acsfs\profiles$\gabrielafs\Downloads\d3139c05-6ef9-47ce-9653-3f40f93d0943.tmp</t>
  </si>
  <si>
    <t>04/10/1967;__/__/____;</t>
  </si>
  <si>
    <t>https://04/10/1967,__/__/____</t>
  </si>
  <si>
    <t>fa1d1473-c4c9-44bb-8416-14397f6b4a80.tmp</t>
  </si>
  <si>
    <t>\\acsfs\profiles$\andrezacapf\Downloads\fa1d1473-c4c9-44bb-8416-14397f6b4a80.tmp</t>
  </si>
  <si>
    <t>07ed9332-810f-4266-914a-b0af734c3091.tmp</t>
  </si>
  <si>
    <t>\\acsfs\profiles$\andrezacapf\Downloads\07ed9332-810f-4266-914a-b0af734c3091.tmp</t>
  </si>
  <si>
    <t>8f254aa7-a07b-406d-af81-0e3c128000d4.tmp</t>
  </si>
  <si>
    <t>\\acsfs\profiles$\andrezacapf\Downloads\8f254aa7-a07b-406d-af81-0e3c128000d4.tmp</t>
  </si>
  <si>
    <t>98cc8732-a6b2-4e3a-8db6-8b110882e132.tmp</t>
  </si>
  <si>
    <t>\\acsfs\profiles$\andrezacapf\Downloads\98cc8732-a6b2-4e3a-8db6-8b110882e132.tmp</t>
  </si>
  <si>
    <t>1f035653-0d75-4e1b-83fa-eb24c32755cb.tmp</t>
  </si>
  <si>
    <t>\\acsfs\profiles$\andrezacapf\Downloads\1f035653-0d75-4e1b-83fa-eb24c32755cb.tmp</t>
  </si>
  <si>
    <t>bf25ec2b-0613-4753-a5b7-ce77733d6180.tmp</t>
  </si>
  <si>
    <t>\\acsfs\profiles$\andrezacapf\Downloads\bf25ec2b-0613-4753-a5b7-ce77733d6180.tmp</t>
  </si>
  <si>
    <t>0fb85efb-5c27-49b5-bee8-93e77cff9b4a.tmp</t>
  </si>
  <si>
    <t>\\acsfs\profiles$\lorraynevam\Downloads\0fb85efb-5c27-49b5-bee8-93e77cff9b4a.tmp</t>
  </si>
  <si>
    <t>4ae816ad-e24f-4aee-9aae-4c8ae506a423.tmp</t>
  </si>
  <si>
    <t>\\acsfs\profiles$\quindaizaagds\Downloads\4ae816ad-e24f-4aee-9aae-4c8ae506a423.tmp</t>
  </si>
  <si>
    <t>eb87b04c-a526-4224-9b5c-ffefc3d29fee.tmp</t>
  </si>
  <si>
    <t>\\acsfs\profiles$\quindaizaagds\Downloads\eb87b04c-a526-4224-9b5c-ffefc3d29fee.tmp</t>
  </si>
  <si>
    <t>90adf49b-178f-486b-ba92-0c65a8ad9f82.tmp</t>
  </si>
  <si>
    <t>\\acsfs\profiles$\quindaizaagds\Downloads\90adf49b-178f-486b-ba92-0c65a8ad9f82.tmp</t>
  </si>
  <si>
    <t>579d9920-4168-4eb5-a9cc-98e7a4d4ce00.tmp</t>
  </si>
  <si>
    <t>\\acsfs\profiles$\quindaizaagds\Downloads\579d9920-4168-4eb5-a9cc-98e7a4d4ce00.tmp</t>
  </si>
  <si>
    <t>bcc65dd3-7098-4d79-8a30-ab468197f82e.tmp</t>
  </si>
  <si>
    <t>\\acsfs\profiles$\quindaizaagds\Downloads\bcc65dd3-7098-4d79-8a30-ab468197f82e.tmp</t>
  </si>
  <si>
    <t>3ad48b9e-a43c-4378-9a21-704b65fa18e4.tmp</t>
  </si>
  <si>
    <t>\\acsfs\profiles$\quindaizaagds\Downloads\3ad48b9e-a43c-4378-9a21-704b65fa18e4.tmp</t>
  </si>
  <si>
    <t>f4adf5e3-06b2-48d3-b527-a2c7841f5e89.tmp</t>
  </si>
  <si>
    <t>\\acsfs\profiles$\quindaizaagds\Downloads\f4adf5e3-06b2-48d3-b527-a2c7841f5e89.tmp</t>
  </si>
  <si>
    <t>df022036-e35b-4188-84c5-1c5f40212d87.tmp</t>
  </si>
  <si>
    <t>\\acsfs\profiles$\quindaizaagds\Downloads\df022036-e35b-4188-84c5-1c5f40212d87.tmp</t>
  </si>
  <si>
    <t>13c0c2ad-dc10-4261-a8cb-6a2b35b9748d.tmp</t>
  </si>
  <si>
    <t>\\acsfs\profiles$\quindaizaagds\Downloads\13c0c2ad-dc10-4261-a8cb-6a2b35b9748d.tmp</t>
  </si>
  <si>
    <t>6db0c7d5-b3c0-4132-bcb4-5c8cf63e6486.tmp</t>
  </si>
  <si>
    <t>\\acsfs\profiles$\quindaizaagds\Downloads\6db0c7d5-b3c0-4132-bcb4-5c8cf63e6486.tmp</t>
  </si>
  <si>
    <t>lu145166npw9.tmp</t>
  </si>
  <si>
    <t>\\acsfs\profiles$\VIVIANALDS\My Documents\lu145166npw9.tmp</t>
  </si>
  <si>
    <t>\\acsfs\profiles$\VIVIANALDS\My Documents\lu145166npw9.tmp\</t>
  </si>
  <si>
    <t>\\acsfs\profiles$\VIVIANALDS\My Documents\lu145166npw9.tmp\META-INF\</t>
  </si>
  <si>
    <t>\\acsfs\profiles$\VIVIANALDS\My Documents\lu145166npw9.tmp\Thumbnails\</t>
  </si>
  <si>
    <t>lu145166npwd.tmp</t>
  </si>
  <si>
    <t>\\acsfs\profiles$\VIVIANALDS\My Documents\lu145166npwd.tmp</t>
  </si>
  <si>
    <t>\\acsfs\profiles$\VIVIANALDS\My Documents\lu145166npwd.tmp\</t>
  </si>
  <si>
    <t>\\acsfs\profiles$\VIVIANALDS\My Documents\lu145166npwd.tmp\META-INF\</t>
  </si>
  <si>
    <t>\\acsfs\profiles$\VIVIANALDS\My Documents\lu145166npwd.tmp\Thumbnails\</t>
  </si>
  <si>
    <t>0ed07e78-7b2b-4578-9afc-62b90bfbe8e6.tmp</t>
  </si>
  <si>
    <t>\\acsfs\profiles$\georgendsq\Downloads\0ed07e78-7b2b-4578-9afc-62b90bfbe8e6.tmp</t>
  </si>
  <si>
    <t>2c12fd07-32de-496f-bb6a-c7a4a0a38962.tmp</t>
  </si>
  <si>
    <t>\\acsfs\profiles$\georgendsq\Downloads\2c12fd07-32de-496f-bb6a-c7a4a0a38962.tmp</t>
  </si>
  <si>
    <t>b83b1b14-0226-4ed4-9164-23f379135388.tmp</t>
  </si>
  <si>
    <t>\\acsfs\profiles$\georgendsq\Downloads\b83b1b14-0226-4ed4-9164-23f379135388.tmp</t>
  </si>
  <si>
    <t>3110f416-5f5b-4b55-8c1c-08e006b005bc.tmp</t>
  </si>
  <si>
    <t>\\acsfs\profiles$\KARENJSS\Downloads\3110f416-5f5b-4b55-8c1c-08e006b005bc.tmp</t>
  </si>
  <si>
    <t>bd2a09a4-9892-4853-ab88-f051cd672923.tmp</t>
  </si>
  <si>
    <t>\\acsfs\profiles$\KARENJSS\Downloads\bd2a09a4-9892-4853-ab88-f051cd672923.tmp</t>
  </si>
  <si>
    <t>736385b2-f6d5-414f-bb0f-3db6ec3f2b87.tmp</t>
  </si>
  <si>
    <t>\\acsfs\profiles$\regisadsa\Downloads\736385b2-f6d5-414f-bb0f-3db6ec3f2b87.tmp</t>
  </si>
  <si>
    <t>811b4394-36be-4d83-b0da-46df75ea2d7f.tmp</t>
  </si>
  <si>
    <t>\\acsfs\profiles$\andrezacapf\Downloads\811b4394-36be-4d83-b0da-46df75ea2d7f.tmp</t>
  </si>
  <si>
    <t>6d273cfd-cb72-4ecf-8711-1ba7fdda9727.tmp</t>
  </si>
  <si>
    <t>\\acsfs\profiles$\andrezacapf\Downloads\6d273cfd-cb72-4ecf-8711-1ba7fdda9727.tmp</t>
  </si>
  <si>
    <t>c5dba73c-0582-4e33-bd97-fe1cab874c2a.tmp</t>
  </si>
  <si>
    <t>\\acsfs\profiles$\andrezacapf\Downloads\c5dba73c-0582-4e33-bd97-fe1cab874c2a.tmp</t>
  </si>
  <si>
    <t>lu11602eion4.tmp</t>
  </si>
  <si>
    <t>\\acsfs\profiles$\CLAUDIAJCA\lu11602eion4.tmp</t>
  </si>
  <si>
    <t>\\acsfs\profiles$\CLAUDIAJCA\lu11602eion4.tmp\</t>
  </si>
  <si>
    <t>\\acsfs\profiles$\CLAUDIAJCA\lu11602eion4.tmp\META-INF\</t>
  </si>
  <si>
    <t>\\acsfs\profiles$\CLAUDIAJCA\lu11602eion4.tmp\Thumbnails\</t>
  </si>
  <si>
    <t>lu145166npwh.tmp</t>
  </si>
  <si>
    <t>\\acsfs\profiles$\VIVIANALDS\My Documents\lu145166npwh.tmp</t>
  </si>
  <si>
    <t>\\acsfs\profiles$\VIVIANALDS\My Documents\lu145166npwh.tmp\</t>
  </si>
  <si>
    <t>\\acsfs\profiles$\VIVIANALDS\My Documents\lu145166npwh.tmp\META-INF\</t>
  </si>
  <si>
    <t>\\acsfs\profiles$\VIVIANALDS\My Documents\lu145166npwh.tmp\Thumbnails\</t>
  </si>
  <si>
    <t>andrelpsa@algartech.com;joaogvc@algartech.com;josiascdsj@algartech.com;leonardoao@algartech.com;marianadjc@algartech.com;maristelavodq@bv.algartech.com;paulacn@algartech.com;qualidadealgarbv@algartech.com;ricardodfm@algartech.com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ricardodfm@algartech.com,supervisaobancovotorantim@algartech.com,taysdss@algartech.com,thiagolrc@bv.algartech.com,viniciussg@algartech.com</t>
  </si>
  <si>
    <t>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53cf5ddd-98ec-45a1-bb6b-1e1b9b05d308.tmp</t>
  </si>
  <si>
    <t>\\acsfs\profiles$\luanarda\Downloads\53cf5ddd-98ec-45a1-bb6b-1e1b9b05d308.tmp</t>
  </si>
  <si>
    <t>8d40b15b-d288-40e9-9359-bb68a8c28afb.tmp</t>
  </si>
  <si>
    <t>\\acsfs\profiles$\luizffn\Downloads\8d40b15b-d288-40e9-9359-bb68a8c28afb.tmp</t>
  </si>
  <si>
    <t>Não confirmado 963762.crdownload</t>
  </si>
  <si>
    <t>\\acsfs\profiles$\luizffn\Downloads\Não confirmado 963762.crdownload</t>
  </si>
  <si>
    <t>image2020-01-10-133809.pdf:Zone.Identifier</t>
  </si>
  <si>
    <t>\\acsfs\profiles$\luizffn\Downloads\image2020-01-10-133809.pdf:Zone.Identifier</t>
  </si>
  <si>
    <t>image2020-01-10-133809.pdf</t>
  </si>
  <si>
    <t>\\acsfs\DEPTOS\EDUCACAO EMPRESARIAL\2 - Operações\0 - BV\.PROVAS E ARQUIVOS DE TREINAMENTO\Formação CDC Haruna 02-12\Provas\Prova 09 - CRBV\image2020-01-10-133809.pdf</t>
  </si>
  <si>
    <t>\\acsfs\DEPTOS\EDUCACAO EMPRESARIAL\2 - Operações\0 - BV\.PROVAS E ARQUIVOS DE TREINAMENTO\Formação CDC Haruna 02-12\Provas\Prova 09 - CRBV\image2020-01-10-133809.pdf\</t>
  </si>
  <si>
    <t>\\acsfs\DEPTOS\EDUCACAO EMPRESARIAL\2 - Operações\0 - BV\.PROVAS E ARQUIVOS DE TREINAMENTO\Formação CDC Haruna 02-12\Provas\Prova 09 - CRBV\image2020-01-10-133809.pdf\:Zone.Identifier:$DATA</t>
  </si>
  <si>
    <t>003f5904-218b-42db-bade-8bb603bef4fd.tmp</t>
  </si>
  <si>
    <t>\\acsfs\profiles$\luizffn\Downloads\003f5904-218b-42db-bade-8bb603bef4fd.tmp</t>
  </si>
  <si>
    <t>Não confirmado 343531.crdownload</t>
  </si>
  <si>
    <t>\\acsfs\profiles$\luizffn\Downloads\Não confirmado 343531.crdownload</t>
  </si>
  <si>
    <t>image2020-01-10-134013.pdf:Zone.Identifier</t>
  </si>
  <si>
    <t>\\acsfs\profiles$\luizffn\Downloads\image2020-01-10-134013.pdf:Zone.Identifier</t>
  </si>
  <si>
    <t>334d002e-7e58-4bd0-b42c-37120c765a45.tmp</t>
  </si>
  <si>
    <t>\\acsfs\profiles$\KARENJSS\Downloads\334d002e-7e58-4bd0-b42c-37120c765a45.tmp</t>
  </si>
  <si>
    <t>538ca253-4d41-44d4-a1f6-65e9a1408a44.tmp</t>
  </si>
  <si>
    <t>\\acsfs\profiles$\KARENJSS\Downloads\538ca253-4d41-44d4-a1f6-65e9a1408a44.tmp</t>
  </si>
  <si>
    <t>b1615ae3-2041-4558-b2e5-a6e074dbcfb0.tmp</t>
  </si>
  <si>
    <t>\\acsfs\profiles$\francislayneads\Downloads\b1615ae3-2041-4558-b2e5-a6e074dbcfb0.tmp</t>
  </si>
  <si>
    <t>0c5f996b-7ea0-4cde-9ae7-1fefa202bd21.tmp</t>
  </si>
  <si>
    <t>\\acsfs\profiles$\brunalas\Downloads\0c5f996b-7ea0-4cde-9ae7-1fefa202bd21.tmp</t>
  </si>
  <si>
    <t>472af975-e9b0-438a-af28-1e5f3afcd525.tmp</t>
  </si>
  <si>
    <t>\\acsfs\profiles$\brunalas\Downloads\472af975-e9b0-438a-af28-1e5f3afcd525.tmp</t>
  </si>
  <si>
    <t>525af45c-3936-4c55-91ee-8fcdf8859169.tmp</t>
  </si>
  <si>
    <t>\\acsfs\profiles$\regisadsa\Downloads\525af45c-3936-4c55-91ee-8fcdf8859169.tmp</t>
  </si>
  <si>
    <t>b2343920-2e81-48c1-897e-fe9761c44b65.tmp</t>
  </si>
  <si>
    <t>\\acsfs\profiles$\marcosvnds\Downloads\b2343920-2e81-48c1-897e-fe9761c44b65.tmp</t>
  </si>
  <si>
    <t>8b427787-6fb9-4a29-9f92-bcaf5a3912f8.tmp</t>
  </si>
  <si>
    <t>\\acsfs\profiles$\mariajra\Downloads\8b427787-6fb9-4a29-9f92-bcaf5a3912f8.tmp</t>
  </si>
  <si>
    <t>089347e8-c786-418b-95c6-4d0b49ddb3c5.tmp</t>
  </si>
  <si>
    <t>\\acsfs\profiles$\regisadsa\Downloads\089347e8-c786-418b-95c6-4d0b49ddb3c5.tmp</t>
  </si>
  <si>
    <t>af651707-b9d4-451b-8835-92e7d7b4ed8d.tmp</t>
  </si>
  <si>
    <t>\\acsfs\profiles$\regisadsa\Downloads\af651707-b9d4-451b-8835-92e7d7b4ed8d.tmp</t>
  </si>
  <si>
    <t>7d71758d-4ada-4b05-8e13-dc5a86ae70d5.tmp</t>
  </si>
  <si>
    <t>\\acsfs\profiles$\fabianobmf\Downloads\7d71758d-4ada-4b05-8e13-dc5a86ae70d5.tmp</t>
  </si>
  <si>
    <t>b2637ca7-ebf2-4fcb-86ce-29365e583c5b.tmp</t>
  </si>
  <si>
    <t>\\acsfs\profiles$\fabianobmf\Downloads\b2637ca7-ebf2-4fcb-86ce-29365e583c5b.tmp</t>
  </si>
  <si>
    <t>ccba2585-2dde-4514-b3c5-bce0aaf2e354.tmp</t>
  </si>
  <si>
    <t>\\acsfs\profiles$\ERICALSR\Downloads\ccba2585-2dde-4514-b3c5-bce0aaf2e354.tmp</t>
  </si>
  <si>
    <t>100016016412308;</t>
  </si>
  <si>
    <t>https://100016016412308</t>
  </si>
  <si>
    <t>Desligamento Luana Aparecida.zip</t>
  </si>
  <si>
    <t>C:\Users\raicdf\Downloads\Desligamento Luana Aparecida.zip\</t>
  </si>
  <si>
    <t>Desligamento Luana Aparecida.pdf</t>
  </si>
  <si>
    <t>mail.google.com/sync/u/0/i/s?hl=pt-BR&amp;c=1292</t>
  </si>
  <si>
    <t>lu142764zi0g8i.tmp</t>
  </si>
  <si>
    <t>\\acsfs\DEPTOS\Operacao\Banco_Votorantim\Supervisao\SUPERS BV CARTÕES\ANA VITORIA\APOIO\lu142764zi0g8i.tmp</t>
  </si>
  <si>
    <t>d0424208-41c8-4048-9b87-a5e9bb7a0f4b.tmp</t>
  </si>
  <si>
    <t>\\acsfs\profiles$\matheusmax\Downloads\d0424208-41c8-4048-9b87-a5e9bb7a0f4b.tmp</t>
  </si>
  <si>
    <t>fd5e7a94-febf-4f53-a61c-62d331bb7bb3.tmp</t>
  </si>
  <si>
    <t>\\acsfs\profiles$\matheusmax\Downloads\fd5e7a94-febf-4f53-a61c-62d331bb7bb3.tmp</t>
  </si>
  <si>
    <t>1d1eb59e-cf51-42c8-b697-221e4cca1d92.tmp</t>
  </si>
  <si>
    <t>\\acsfs\profiles$\jalilebds\Downloads\1d1eb59e-cf51-42c8-b697-221e4cca1d92.tmp</t>
  </si>
  <si>
    <t>1a5c4aa5-fb8b-409a-809d-b68f864ffbfd.tmp</t>
  </si>
  <si>
    <t>\\acsfs\profiles$\geovannasm\Downloads\1a5c4aa5-fb8b-409a-809d-b68f864ffbfd.tmp</t>
  </si>
  <si>
    <t>aa607590-e27f-46a8-aeb1-7feb13882c1c.tmp</t>
  </si>
  <si>
    <t>\\acsfs\profiles$\LUCASBS\Downloads\aa607590-e27f-46a8-aeb1-7feb13882c1c.tmp</t>
  </si>
  <si>
    <t>lu1195368m9syb.tmp</t>
  </si>
  <si>
    <t>\\acsfs\profiles$\paulovadc\lu1195368m9syb.tmp</t>
  </si>
  <si>
    <t>\\acsfs\profiles$\paulovadc\lu1195368m9syb.tmp\</t>
  </si>
  <si>
    <t>\\acsfs\profiles$\paulovadc\lu1195368m9syb.tmp\META-INF\</t>
  </si>
  <si>
    <t>\\acsfs\profiles$\paulovadc\lu1195368m9syb.tmp\Thumbnails\</t>
  </si>
  <si>
    <t>37444;</t>
  </si>
  <si>
    <t>https://37444</t>
  </si>
  <si>
    <t>Incentivo BV - CHAT.xlsx</t>
  </si>
  <si>
    <t>\\acsfs\ACS\Gabriel da Silva\Contemporânea\Comissão e Incentivo\Incentivo BV - CHAT.xlsx</t>
  </si>
  <si>
    <t>https://algar.folhasinergyrh.com.br/rescisao/upload?id=0&amp;idsolicitacao=20119&amp;idprerescisao=0</t>
  </si>
  <si>
    <t>"mozilla/5.0 (windows nt 6.1) applewebkit/537.36 (khtml;1;10/01/2020;13;13700167;13700185;13700235;13700451;13700607;13700883;13700946;13700951;13701078;13701139;13701235;13701239;13701262;13701276;137014;13701422;13701486;13701506;13701510;13701534;13701573;13701609;13701614;13701653;13701657;13701693;13701709;13701749;13701825;13701901;13701906;13701909;13701921;13701945;13701949;13701953;13701957;13701969;13702064;13702068;13702091;5701393;[[13701214;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yy8lpdnwhwxqiilhcylawwkpfnu3fuonwfzcvf;false];gampqtp7yn6iriu24ksnqvk-esmg4wwpxf";like gecko) chrome/79.0.3945.88 safari/537.36";null;pt-br;tjqp_l9mdxfwlvdugwgjhp9s_lwapbsc5ag2ftywcvdfaimsgzdn0deohrylie8r0x_keva9todb4z4xqe64sxryw3_yqtq_sxmml_aj-eq-j_phxmsoiffolaattsl</t>
  </si>
  <si>
    <t>https://"mozilla/5.0 (windows nt 6.1) applewebkit/537.36 (khtml,1,10/01/2020,13,13700167,13700185,13700235,13700451,13700607,13700883,13700946,13700951,13701078,13701139,13701235,13701239,13701262,13701276,137014,13701422,13701486,13701506,13701510,13701534,13701573,13701609,13701614,13701653,13701657,13701693,13701709,13701749,13701825,13701901,13701906,13701909,13701921,13701945,13701949,13701953,13701957,13701969,13702064,13702068,13702091,5701393,[[13701214,db4z4xqe64sxryw3_yqtq_sxmml_aj-eq-j_phxmsoiffolaattsluopzjkp8s2du5iutbdjn2uqhk4-5eeza6lioiqk9qqpe7urvfl_hbbc1c9zlujnok92akh5faqk235m0kqxg1jagnr9zlpunwiwlugagzrpxhejnteeredrdy_hcqwb3_nj9wqbamxnbxc65tjcywqnpq3rit7bisetctlenmvkdm1bexmu6j5btkr5myymsewwx9f5xjo8taybjoaul_mj4twq9t5gzpfv3dabl72mfwp2lv5tabpyy8lpdnwhwxqiilhcylawwkpfnu3fuonwfzcvf,false],gampqtp7yn6iriu24ksnqvk-esmg4wwpxf",like gecko) chrome/79.0.3945.88 safari/537.36",null,pt-br,tjqp_l9mdxfwlvdugwgjhp9s_lwapbsc5ag2ftywcvdfaimsgzdn0deohrylie8r0x_keva9todb4z4xqe64sxryw3_yqtq_sxmml_aj-eq-j_phxmsoiff</t>
  </si>
  <si>
    <t>lu1792411a2ew.tmp</t>
  </si>
  <si>
    <t>\\acsfs\profiles$\marcellewdl\My Documents\lu1792411a2ew.tmp</t>
  </si>
  <si>
    <t>\\acsfs\profiles$\marcellewdl\My Documents\lu1792411a2ew.tmp\</t>
  </si>
  <si>
    <t>\\acsfs\profiles$\marcellewdl\My Documents\lu1792411a2ew.tmp\META-INF\</t>
  </si>
  <si>
    <t>\\acsfs\profiles$\marcellewdl\My Documents\lu1792411a2ew.tmp\Thumbnails\</t>
  </si>
  <si>
    <t>vendas para ligar.txt</t>
  </si>
  <si>
    <t>\\acsfs\profiles$\websondsa\My Documents\vendas para ligar.txt</t>
  </si>
  <si>
    <t>de092aa8-09e1-4fe9-91fd-5c0fab089c24.tmp</t>
  </si>
  <si>
    <t>\\acsfs\profiles$\henriquehmdo\Downloads\de092aa8-09e1-4fe9-91fd-5c0fab089c24.tmp</t>
  </si>
  <si>
    <t>lu993211xrz3.tmp</t>
  </si>
  <si>
    <t>\\acsfs\profiles$\luanarda\lu993211xrz3.tmp</t>
  </si>
  <si>
    <t>\\acsfs\profiles$\luanarda\lu993211xrz3.tmp\</t>
  </si>
  <si>
    <t>\\acsfs\profiles$\luanarda\lu993211xrz3.tmp\META-INF\</t>
  </si>
  <si>
    <t>\\acsfs\profiles$\luanarda\lu993211xrz3.tmp\Thumbnails\</t>
  </si>
  <si>
    <t>4ace5da5-8abe-48f7-969b-5a47c123a21c.tmp</t>
  </si>
  <si>
    <t>\\acsfs\profiles$\philipegsf\Downloads\4ace5da5-8abe-48f7-969b-5a47c123a21c.tmp</t>
  </si>
  <si>
    <t>\\acsfs\profiles$\vivianealda\Downloads\$RECYCLE.BIN\</t>
  </si>
  <si>
    <t>$IVPY5S6.txt</t>
  </si>
  <si>
    <t>\\acsfs\profiles$\vivianealda\Downloads\$RECYCLE.BIN\$IVPY5S6.txt</t>
  </si>
  <si>
    <t>$I77FZGJ.txt</t>
  </si>
  <si>
    <t>\\acsfs\profiles$\vivianealda\Downloads\$RECYCLE.BIN\$I77FZGJ.txt</t>
  </si>
  <si>
    <t>$I2HJIKP.txt</t>
  </si>
  <si>
    <t>\\acsfs\profiles$\vivianealda\Downloads\$RECYCLE.BIN\$I2HJIKP.txt</t>
  </si>
  <si>
    <t>$I8XXABP.txt</t>
  </si>
  <si>
    <t>\\acsfs\profiles$\vivianealda\Downloads\$RECYCLE.BIN\$I8XXABP.txt</t>
  </si>
  <si>
    <t>$I20ENRL.xls</t>
  </si>
  <si>
    <t>\\acsfs\profiles$\vivianealda\Downloads\$RECYCLE.BIN\$I20ENRL.xls</t>
  </si>
  <si>
    <t>$I0F6ITA.txt</t>
  </si>
  <si>
    <t>\\acsfs\profiles$\vivianealda\Downloads\$RECYCLE.BIN\$I0F6ITA.txt</t>
  </si>
  <si>
    <t>$ISPCKA7.txt</t>
  </si>
  <si>
    <t>\\acsfs\profiles$\vivianealda\Downloads\$RECYCLE.BIN\$ISPCKA7.txt</t>
  </si>
  <si>
    <t>$IG7MSRX.txt</t>
  </si>
  <si>
    <t>\\acsfs\profiles$\vivianealda\Downloads\$RECYCLE.BIN\$IG7MSRX.txt</t>
  </si>
  <si>
    <t>$IRLD0VG.txt</t>
  </si>
  <si>
    <t>\\acsfs\profiles$\vivianealda\Downloads\$RECYCLE.BIN\$IRLD0VG.txt</t>
  </si>
  <si>
    <t>$I22ECF6.zip</t>
  </si>
  <si>
    <t>\\acsfs\profiles$\vivianealda\Downloads\$RECYCLE.BIN\$I22ECF6.zip</t>
  </si>
  <si>
    <t>$IH4VSU5.pptx</t>
  </si>
  <si>
    <t>\\acsfs\profiles$\vivianealda\Downloads\$RECYCLE.BIN\$IH4VSU5.pptx</t>
  </si>
  <si>
    <t>$I5TKA2Z.pdf</t>
  </si>
  <si>
    <t>\\acsfs\profiles$\vivianealda\Downloads\$RECYCLE.BIN\$I5TKA2Z.pdf</t>
  </si>
  <si>
    <t>$IM2R5PF.pdf</t>
  </si>
  <si>
    <t>\\acsfs\profiles$\vivianealda\Downloads\$RECYCLE.BIN\$IM2R5PF.pdf</t>
  </si>
  <si>
    <t>$IINSSMJ.pdf</t>
  </si>
  <si>
    <t>\\acsfs\profiles$\vivianealda\Downloads\$RECYCLE.BIN\$IINSSMJ.pdf</t>
  </si>
  <si>
    <t>$I45601J.zip</t>
  </si>
  <si>
    <t>\\acsfs\profiles$\vivianealda\Downloads\$RECYCLE.BIN\$I45601J.zip</t>
  </si>
  <si>
    <t>$I49DBJ3.txt</t>
  </si>
  <si>
    <t>\\acsfs\profiles$\vivianealda\Downloads\$RECYCLE.BIN\$I49DBJ3.txt</t>
  </si>
  <si>
    <t>$IT1I9FC.zip</t>
  </si>
  <si>
    <t>\\acsfs\profiles$\vivianealda\Downloads\$RECYCLE.BIN\$IT1I9FC.zip</t>
  </si>
  <si>
    <t>$IPWNLV2.txt</t>
  </si>
  <si>
    <t>\\acsfs\profiles$\vivianealda\Downloads\$RECYCLE.BIN\$IPWNLV2.txt</t>
  </si>
  <si>
    <t>$IYH43MC.xls</t>
  </si>
  <si>
    <t>\\acsfs\profiles$\vivianealda\Downloads\$RECYCLE.BIN\$IYH43MC.xls</t>
  </si>
  <si>
    <t>$IZ2OGCC.xls</t>
  </si>
  <si>
    <t>\\acsfs\profiles$\vivianealda\Downloads\$RECYCLE.BIN\$IZ2OGCC.xls</t>
  </si>
  <si>
    <t>$INQT6OX.ica</t>
  </si>
  <si>
    <t>\\acsfs\profiles$\vivianealda\Downloads\$RECYCLE.BIN\$INQT6OX.ica</t>
  </si>
  <si>
    <t>d6c4ffb7-cb26-45d4-b8f9-92a7f4a9414d.tmp</t>
  </si>
  <si>
    <t>\\acsfs\profiles$\victorgl\Downloads\d6c4ffb7-cb26-45d4-b8f9-92a7f4a9414d.tmp</t>
  </si>
  <si>
    <t>https://udpmailboxap01.acs.com.br:8443/h/search;jsessionid=ldfcpfbm9gi91wvmm5b1jqzmg?si=0&amp;so=0&amp;sc=69682&amp;st=conversation&amp;action=compose</t>
  </si>
  <si>
    <t>b5943399-463e-41ce-97bd-199e60adc527.tmp</t>
  </si>
  <si>
    <t>\\acsfs\profiles$\edicarlosdl\Downloads\b5943399-463e-41ce-97bd-199e60adc527.tmp</t>
  </si>
  <si>
    <t>\\acsfs\comum$\Auto_Reparo\logs\</t>
  </si>
  <si>
    <t>arquivo.txt</t>
  </si>
  <si>
    <t>\\acsfs\comum$\Auto_Reparo\logs\arquivo.txt</t>
  </si>
  <si>
    <t>0476528c-cc3d-426d-bf95-869892628fb5.tmp</t>
  </si>
  <si>
    <t>\\acsfs\profiles$\erichds\Downloads\0476528c-cc3d-426d-bf95-869892628fb5.tmp</t>
  </si>
  <si>
    <t>9c14d69a-9e3a-45dd-8efd-035e30012ef4.tmp</t>
  </si>
  <si>
    <t>\\acsfs\profiles$\erichds\Downloads\9c14d69a-9e3a-45dd-8efd-035e30012ef4.tmp</t>
  </si>
  <si>
    <t>4d809a67-c084-4dc0-a7a8-02b7276bd26e.tmp</t>
  </si>
  <si>
    <t>\\acsfs\profiles$\erichds\Downloads\4d809a67-c084-4dc0-a7a8-02b7276bd26e.tmp</t>
  </si>
  <si>
    <t>cf3b6cb5-527d-410c-b9b0-9f2d9568cdc5.tmp</t>
  </si>
  <si>
    <t>\\acsfs\profiles$\LUCASNS\Downloads\cf3b6cb5-527d-410c-b9b0-9f2d9568cdc5.tmp</t>
  </si>
  <si>
    <t>7914d8c7-363f-4721-be97-321bf8a7738e.tmp</t>
  </si>
  <si>
    <t>\\acsfs\profiles$\philipegsf\Downloads\7914d8c7-363f-4721-be97-321bf8a7738e.tmp</t>
  </si>
  <si>
    <t>d1244932-8afd-42ef-aff2-70b1daf91694.tmp</t>
  </si>
  <si>
    <t>\\acsfs\profiles$\fabianobmf\Downloads\d1244932-8afd-42ef-aff2-70b1daf91694.tmp</t>
  </si>
  <si>
    <t>f7c2661c-7d94-44ad-a7a8-a78a10cadb8f.tmp</t>
  </si>
  <si>
    <t>\\acsfs\profiles$\cintiadjl\Downloads\f7c2661c-7d94-44ad-a7a8-a78a10cadb8f.tmp</t>
  </si>
  <si>
    <t>a8f0e495-508d-4dba-85f4-1f22601c4f9d.tmp</t>
  </si>
  <si>
    <t>\\acsfs\profiles$\cintiadjl\Downloads\a8f0e495-508d-4dba-85f4-1f22601c4f9d.tmp</t>
  </si>
  <si>
    <t>lu142764zi0g8x.tmp</t>
  </si>
  <si>
    <t>\\acsfs\DEPTOS\Operacao\Banco_Votorantim\Supervisao\SUPERS BV CARTÕES\ANA VITORIA\APOIO\lu142764zi0g8x.tmp</t>
  </si>
  <si>
    <t>0662e2f1-804c-4da9-95c6-edf0c3100f31.tmp</t>
  </si>
  <si>
    <t>\\acsfs\profiles$\edicarlosdl\Downloads\0662e2f1-804c-4da9-95c6-edf0c3100f31.tmp</t>
  </si>
  <si>
    <t>~$Reneg CRBV - v2 (005).pptx</t>
  </si>
  <si>
    <t>\\acsfs\Deptos\Operacao\Banco_Votorantim\Supervisao\Rai Carlos\~$Reneg CRBV - v2 (005).pptx</t>
  </si>
  <si>
    <t>Incentivo BV - Consignado.xlsx</t>
  </si>
  <si>
    <t>\\acsfs\ACS\Gabriel da Silva\Contemporânea\Comissão e Incentivo\Incentivo BV - Consignado.xlsx</t>
  </si>
  <si>
    <t>4dcb5bad-0ecb-494c-bd68-d5350d79e385.tmp</t>
  </si>
  <si>
    <t>\\acsfs\profiles$\alinepp\Downloads\4dcb5bad-0ecb-494c-bd68-d5350d79e385.tmp</t>
  </si>
  <si>
    <t>\\acsfs\deptos\Operacao\PCP\5 - Comum\Mariana De Jesus\escala staff.xlsx</t>
  </si>
  <si>
    <t>be926d1c-073c-4e12-8841-271efe607665.tmp</t>
  </si>
  <si>
    <t>\\acsfs\profiles$\philipegsf\Downloads\be926d1c-073c-4e12-8841-271efe607665.tmp</t>
  </si>
  <si>
    <t>\\acsfs\Deptos\Operacao\Banco_Votorantim\Supervisao\Rai Carlos\Thumbs.db</t>
  </si>
  <si>
    <t>.~lock.fila 1725 inclusao dependente metlife.xlsx#</t>
  </si>
  <si>
    <t>\\acsfs\profiles$\jalilebds\Downloads\.~lock.fila 1725 inclusao dependente metlife.xlsx#</t>
  </si>
  <si>
    <t>lu39408721mle.tmp</t>
  </si>
  <si>
    <t>\\acsfs\profiles$\jalilebds\Downloads\lu39408721mle.tmp</t>
  </si>
  <si>
    <t>alefl@algartech.com;alessandroam@algartech.com;andrelps@algartech.com;andrelpsa@algartech.com;josemfs@algartech.com;marianesg@algartech.com;mirianppb@algartech.com;thiagordu@algartech.com;</t>
  </si>
  <si>
    <t>alefl@algartech.com,alessandroam@algartech.com,andrelps@algartech.com,andrelpsa@algartech.com,josemfs@algartech.com,marianesg@algartech.com,mirianppb@algartech.com,thiagordu@algartech.com</t>
  </si>
  <si>
    <t>\\acsfs\DEPTOS\Operacao\Banco_Votorantim\Qualidade\Anderson\Jose\anderson\</t>
  </si>
  <si>
    <t>PRINT INFO.png</t>
  </si>
  <si>
    <t>\\acsfs\DEPTOS\Operacao\Banco_Votorantim\Qualidade\Anderson\Jose\anderson\PRINT INFO.png</t>
  </si>
  <si>
    <t>3c907b5e-7150-4a24-a2ad-d68be56f5ec9.tmp</t>
  </si>
  <si>
    <t>\\acsfs\profiles$\cintiadjl\Downloads\3c907b5e-7150-4a24-a2ad-d68be56f5ec9.tmp</t>
  </si>
  <si>
    <t>e4729729-d501-46f6-a3dc-6a7bfdd587ca.tmp</t>
  </si>
  <si>
    <t>\\acsfs\profiles$\brendadsl\Downloads\e4729729-d501-46f6-a3dc-6a7bfdd587ca.tmp</t>
  </si>
  <si>
    <t>71e266a2-61f9-465b-b8b9-ac11a80618ad.tmp</t>
  </si>
  <si>
    <t>\\acsfs\profiles$\brendadsl\Downloads\71e266a2-61f9-465b-b8b9-ac11a80618ad.tmp</t>
  </si>
  <si>
    <t>a21c36ec-e27a-4359-89e5-eb624d5ff0a2.tmp</t>
  </si>
  <si>
    <t>\\acsfs\profiles$\brendadsl\Downloads\a21c36ec-e27a-4359-89e5-eb624d5ff0a2.tmp</t>
  </si>
  <si>
    <t>6bbece2f-52d5-448f-a448-635200830ec6.tmp</t>
  </si>
  <si>
    <t>\\acsfs\profiles$\brendadsl\Downloads\6bbece2f-52d5-448f-a448-635200830ec6.tmp</t>
  </si>
  <si>
    <t>6f6fffcd-51ce-41af-9cb2-8b4ac79b4f46.tmp</t>
  </si>
  <si>
    <t>\\acsfs\profiles$\brendadsl\Downloads\6f6fffcd-51ce-41af-9cb2-8b4ac79b4f46.tmp</t>
  </si>
  <si>
    <t>\\acsfs\profiles$\geovannasm\My Documents\$RECYCLE.BIN\</t>
  </si>
  <si>
    <t>$IP6KKH8.pdf</t>
  </si>
  <si>
    <t>\\acsfs\profiles$\geovannasm\My Documents\$RECYCLE.BIN\$IP6KKH8.pdf</t>
  </si>
  <si>
    <t>$ITVBY7W.txt</t>
  </si>
  <si>
    <t>\\acsfs\profiles$\geovannasm\My Documents\$RECYCLE.BIN\$ITVBY7W.txt</t>
  </si>
  <si>
    <t>bcd0cf99-c4f0-4cca-a23f-55d3c681779b.tmp</t>
  </si>
  <si>
    <t>\\acsfs\profiles$\nathaliarmr\Downloads\bcd0cf99-c4f0-4cca-a23f-55d3c681779b.tmp</t>
  </si>
  <si>
    <t>PRINT ALERTA.png</t>
  </si>
  <si>
    <t>\\acsfs\DEPTOS\Operacao\Banco_Votorantim\Qualidade\Anderson\Jose\anderson\PRINT ALERTA.png</t>
  </si>
  <si>
    <t>13/10/1985;__/__/____;</t>
  </si>
  <si>
    <t>https://13/10/1985,__/__/____</t>
  </si>
  <si>
    <t>a734f4b8-56be-4575-b754-bc9cc3fad8db.tmp</t>
  </si>
  <si>
    <t>\\acsfs\profiles$\LUCASBS\Downloads\a734f4b8-56be-4575-b754-bc9cc3fad8db.tmp</t>
  </si>
  <si>
    <t>c:\users\kesiadof\desktop\</t>
  </si>
  <si>
    <t>vt.pdf</t>
  </si>
  <si>
    <t>mail.google.com/_/upload?authuser=0&amp;dcp=asu-n&amp;upload_id=AEnB2UrNYGQ-6anK6KUvcoGbRsWPPQ0IObmXTySjbOUHqIO6vY56WBDueaHyqIVc0Hg4c-ID8HDmnpXGwmIiHMzbOTkQ9SGJBg&amp;upload_protocol=resumable</t>
  </si>
  <si>
    <t>C:\Users\kesiadof\Desktop\</t>
  </si>
  <si>
    <t>outlook.office365.com/owa/service.svc?action=createitem&amp;app=mail&amp;n=101</t>
  </si>
  <si>
    <t>outlook.office365.com/owa/service.svc?action=updateitem&amp;app=mail&amp;n=154</t>
  </si>
  <si>
    <t>outlook.office365.com/owa/service.svc?action=updateitem&amp;app=mail&amp;n=171</t>
  </si>
  <si>
    <t>luizffn@algartech.com.br;</t>
  </si>
  <si>
    <t>luizffn@algartech.com.br</t>
  </si>
  <si>
    <t>outlook.office365.com/owa/service.svc?action=createitem&amp;app=mail&amp;n=188</t>
  </si>
  <si>
    <t>outlook.office365.com/owa/service.svc?action=updateitem&amp;app=mail&amp;n=251</t>
  </si>
  <si>
    <t>luizfn@algartech.com;</t>
  </si>
  <si>
    <t>luizfn@algartech.com</t>
  </si>
  <si>
    <t>3462c08f-e933-44f6-be06-df8a9856cc40.tmp</t>
  </si>
  <si>
    <t>\\acsfs\profiles$\brendadsl\Downloads\3462c08f-e933-44f6-be06-df8a9856cc40.tmp</t>
  </si>
  <si>
    <t>727440b9-37e7-40df-a555-9da6c6ad5e3e.tmp</t>
  </si>
  <si>
    <t>\\acsfs\profiles$\LUISPLS\Downloads\727440b9-37e7-40df-a555-9da6c6ad5e3e.tmp</t>
  </si>
  <si>
    <t>01347639-251e-48ba-b76f-1db8724cafb0.tmp</t>
  </si>
  <si>
    <t>\\acsfs\profiles$\gabrielamdp\Downloads\01347639-251e-48ba-b76f-1db8724cafb0.tmp</t>
  </si>
  <si>
    <t>734b99c7-6b24-4fd0-a35d-a81c38ed0a58.tmp</t>
  </si>
  <si>
    <t>\\acsfs\profiles$\gabrielamdp\Downloads\734b99c7-6b24-4fd0-a35d-a81c38ed0a58.tmp</t>
  </si>
  <si>
    <t>4733086f-2167-4e92-adc9-d98bbfe4fac1.tmp</t>
  </si>
  <si>
    <t>\\acsfs\profiles$\gabrielamdp\Downloads\4733086f-2167-4e92-adc9-d98bbfe4fac1.tmp</t>
  </si>
  <si>
    <t>4739e1dd-27f6-494c-9f60-480617296cf9.tmp</t>
  </si>
  <si>
    <t>\\acsfs\profiles$\gabrielamdp\Downloads\4739e1dd-27f6-494c-9f60-480617296cf9.tmp</t>
  </si>
  <si>
    <t>lu39408721mlh.tmp</t>
  </si>
  <si>
    <t>\\acsfs\profiles$\jalilebds\Downloads\lu39408721mlh.tmp</t>
  </si>
  <si>
    <t>lu39408721mlk.tmp</t>
  </si>
  <si>
    <t>\\acsfs\profiles$\jalilebds\Downloads\lu39408721mlk.tmp</t>
  </si>
  <si>
    <t>\\acsfs\profiles$\geovannasm\My Documents\My Pictures\$RECYCLE.BIN\</t>
  </si>
  <si>
    <t>$IZWZRX6.PNG</t>
  </si>
  <si>
    <t>\\acsfs\profiles$\geovannasm\My Documents\My Pictures\$RECYCLE.BIN\$IZWZRX6.PNG</t>
  </si>
  <si>
    <t>a351e3bd-2e66-4abf-8a53-1992d7679900.tmp</t>
  </si>
  <si>
    <t>\\acsfs\profiles$\geovannasm\Downloads\a351e3bd-2e66-4abf-8a53-1992d7679900.tmp</t>
  </si>
  <si>
    <t>36865028-08cb-4f5d-a057-8a4630eec08b.tmp</t>
  </si>
  <si>
    <t>\\acsfs\profiles$\ingridsm\Downloads\36865028-08cb-4f5d-a057-8a4630eec08b.tmp</t>
  </si>
  <si>
    <t>c30ea101-576b-49aa-8475-5ca5ddd9290a.tmp</t>
  </si>
  <si>
    <t>\\acsfs\profiles$\julianeas\Downloads\c30ea101-576b-49aa-8475-5ca5ddd9290a.tmp</t>
  </si>
  <si>
    <t>a1707700-6447-41db-9703-e2e94c1de7c4.tmp</t>
  </si>
  <si>
    <t>\\acsfs\profiles$\julianeas\Downloads\a1707700-6447-41db-9703-e2e94c1de7c4.tmp</t>
  </si>
  <si>
    <t>\\acsfs\DEPTOS\Operacao\Banco_Votorantim\Qualidade\Anderson\Jose\anderson\Thumbs.db</t>
  </si>
  <si>
    <t>\\acsfs\DEPTOS\Operacao\Banco_Votorantim\Qualidade\Anderson\Jose\anderson\Alerta.xlsx</t>
  </si>
  <si>
    <t>\\acsfs\DEPTOS\Operacao\Banco_Votorantim\Qualidade\Anderson\Jose\anderson\Alerta.xlsx\</t>
  </si>
  <si>
    <t>e2b8fc39-5033-4b1d-8544-c9ea7db0f0af.tmp</t>
  </si>
  <si>
    <t>\\acsfs\profiles$\brendadsl\Downloads\e2b8fc39-5033-4b1d-8544-c9ea7db0f0af.tmp</t>
  </si>
  <si>
    <t>67e59c49-581d-49c6-9887-fb8f90a552ea.tmp</t>
  </si>
  <si>
    <t>\\acsfs\profiles$\fernandofs\Downloads\67e59c49-581d-49c6-9887-fb8f90a552ea.tmp</t>
  </si>
  <si>
    <t>6fc95909-b632-48b8-9f67-af9d5100cfc1.tmp</t>
  </si>
  <si>
    <t>\\acsfs\profiles$\fernandofs\Downloads\6fc95909-b632-48b8-9f67-af9d5100cfc1.tmp</t>
  </si>
  <si>
    <t>lu39408721mln.tmp</t>
  </si>
  <si>
    <t>\\acsfs\profiles$\jalilebds\Downloads\lu39408721mln.tmp</t>
  </si>
  <si>
    <t>andrelps@algartech.com;marianesg@algartech.com;thiagordu@algartech.com;</t>
  </si>
  <si>
    <t>andrelps@algartech.com,marianesg@algartech.com,thiagordu@algartech.com</t>
  </si>
  <si>
    <t>ffe01f20-f433-4c63-b65e-f33907dae38d.tmp</t>
  </si>
  <si>
    <t>\\acsfs\profiles$\ingridsm\Downloads\ffe01f20-f433-4c63-b65e-f33907dae38d.tmp</t>
  </si>
  <si>
    <t>86042e51-1520-43bc-a195-c605615f9dc9.tmp</t>
  </si>
  <si>
    <t>\\acsfs\profiles$\ingridsm\Downloads\86042e51-1520-43bc-a195-c605615f9dc9.tmp</t>
  </si>
  <si>
    <t>83def8a5-fc88-44e0-aaae-27d4d2628cba.tmp</t>
  </si>
  <si>
    <t>\\acsfs\profiles$\julianeas\Downloads\83def8a5-fc88-44e0-aaae-27d4d2628cba.tmp</t>
  </si>
  <si>
    <t>7237c4c3-fd2f-4e7a-9c52-7a445bd3fa4f.tmp</t>
  </si>
  <si>
    <t>\\acsfs\profiles$\rafaelacdoc\Downloads\7237c4c3-fd2f-4e7a-9c52-7a445bd3fa4f.tmp</t>
  </si>
  <si>
    <t>ba4d22bd-8618-45bf-9280-b319f8293963.tmp</t>
  </si>
  <si>
    <t>\\acsfs\profiles$\rafaelacdoc\Downloads\ba4d22bd-8618-45bf-9280-b319f8293963.tmp</t>
  </si>
  <si>
    <t>mail.google.com/sync/u/0/i/s?hl=pt-BR&amp;c=2612</t>
  </si>
  <si>
    <t>mail.google.com/sync/u/0/i/s?hl=pt-BR&amp;c=2615</t>
  </si>
  <si>
    <t>mail.google.com/sync/u/0/i/s?hl=pt-BR&amp;c=2617</t>
  </si>
  <si>
    <t>mail.google.com/sync/u/0/i/s?hl=pt-BR&amp;c=2626</t>
  </si>
  <si>
    <t>mail.google.com/sync/u/0/i/s?hl=pt-BR&amp;c=2628</t>
  </si>
  <si>
    <t>e055d3a8-ec92-444e-a193-a455c2250ff8.tmp</t>
  </si>
  <si>
    <t>\\acsfs\profiles$\rosileiam\Downloads\e055d3a8-ec92-444e-a193-a455c2250ff8.tmp</t>
  </si>
  <si>
    <t>590e98f0-093b-4605-8d76-59a626fbf867.tmp</t>
  </si>
  <si>
    <t>\\acsfs\profiles$\rosileiam\Downloads\590e98f0-093b-4605-8d76-59a626fbf867.tmp</t>
  </si>
  <si>
    <t>7f33d4b5-de35-4de6-9d58-0fb05ba90bd8.tmp</t>
  </si>
  <si>
    <t>\\acsfs\profiles$\gabrielafs\Downloads\7f33d4b5-de35-4de6-9d58-0fb05ba90bd8.tmp</t>
  </si>
  <si>
    <t>lu142764zi0g93.tmp</t>
  </si>
  <si>
    <t>\\acsfs\DEPTOS\Operacao\Banco_Votorantim\Supervisao\SUPERS BV CARTÕES\ANA VITORIA\APOIO\lu142764zi0g93.tmp</t>
  </si>
  <si>
    <t>lu142764zi0g99.tmp</t>
  </si>
  <si>
    <t>\\acsfs\DEPTOS\Operacao\Banco_Votorantim\Supervisao\SUPERS BV CARTÕES\ANA VITORIA\APOIO\lu142764zi0g99.tmp</t>
  </si>
  <si>
    <t>\\acsfs\DEPTOS\Operacao\Banco_Votorantim\Supervisao\SUPERS BV CARTÕES\ANA VITORIA\APOIO\lu142764zi0g99.tmp\</t>
  </si>
  <si>
    <t>\\acsfs\DEPTOS\Operacao\Banco_Votorantim\Supervisao\SUPERS BV CARTÕES\ANA VITORIA\APOIO\lu142764zi0g99.tmp\META-INF\</t>
  </si>
  <si>
    <t>\\acsfs\DEPTOS\Operacao\Banco_Votorantim\Supervisao\SUPERS BV CARTÕES\ANA VITORIA\APOIO\lu142764zi0g99.tmp\Thumbnails\</t>
  </si>
  <si>
    <t>edbe90f9-7cc1-4887-bfd1-707f28b2f28d.tmp</t>
  </si>
  <si>
    <t>\\acsfs\profiles$\gabrielaff\Downloads\edbe90f9-7cc1-4887-bfd1-707f28b2f28d.tmp</t>
  </si>
  <si>
    <t>image2020-01-10-134013.pdf</t>
  </si>
  <si>
    <t>\\acsfs\DEPTOS\EDUCACAO EMPRESARIAL\2 - Operações\0 - BV\.PROVAS E ARQUIVOS DE TREINAMENTO\Formação CDC Haruna 02-12\Provas\Prova 09 - CRBV\image2020-01-10-134013.pdf</t>
  </si>
  <si>
    <t>\\acsfs\DEPTOS\EDUCACAO EMPRESARIAL\2 - Operações\0 - BV\.PROVAS E ARQUIVOS DE TREINAMENTO\Formação CDC Haruna 02-12\Provas\Prova 09 - CRBV\image2020-01-10-134013.pdf\</t>
  </si>
  <si>
    <t>\\acsfs\DEPTOS\EDUCACAO EMPRESARIAL\2 - Operações\0 - BV\.PROVAS E ARQUIVOS DE TREINAMENTO\Formação CDC Haruna 02-12\Provas\Prova 09 - CRBV\image2020-01-10-134013.pdf\:Zone.Identifier:$DATA</t>
  </si>
  <si>
    <t>mail.google.com/sync/u/0/i/s?hl=pt-BR&amp;c=2642</t>
  </si>
  <si>
    <t>mail.google.com/sync/u/0/i/s?hl=pt-BR&amp;c=2644</t>
  </si>
  <si>
    <t>mail.google.com/sync/u/0/i/s?hl=pt-BR&amp;c=2646</t>
  </si>
  <si>
    <t>bvcartes-supervisores@algarnet.onmicrosoft.com;bvs-centralcartoes@bv.com.br;</t>
  </si>
  <si>
    <t>bvcartes-supervisores@algarnet.onmicrosoft.com,bvs-centralcartoes@bv.com.br</t>
  </si>
  <si>
    <t>mail.google.com/sync/u/0/i/s?hl=pt-BR&amp;c=2650</t>
  </si>
  <si>
    <t>mail.google.com/sync/u/0/i/s?hl=pt-BR&amp;c=2652</t>
  </si>
  <si>
    <t>764bd5c3-229a-45bd-849e-ccbbe6b14fb8.tmp</t>
  </si>
  <si>
    <t>\\acsfs\profiles$\ERICALSR\Downloads\764bd5c3-229a-45bd-849e-ccbbe6b14fb8.tmp</t>
  </si>
  <si>
    <t>b2aae21b-4945-4c33-94cf-a4e50ce8c56f.tmp</t>
  </si>
  <si>
    <t>\\acsfs\profiles$\KARENJSS\Downloads\b2aae21b-4945-4c33-94cf-a4e50ce8c56f.tmp</t>
  </si>
  <si>
    <t>5e024379-04a6-424e-8ceb-4d1161f6ee8f.tmp</t>
  </si>
  <si>
    <t>\\acsfs\profiles$\francislayneads\Downloads\5e024379-04a6-424e-8ceb-4d1161f6ee8f.tmp</t>
  </si>
  <si>
    <t>XLOG_ellencds_10012020_070400.log</t>
  </si>
  <si>
    <t>\\acsfs\profiles$\ellencds\My Documents\xworkcenter\logs\XLOG_ellencds_10012020_070400.log</t>
  </si>
  <si>
    <t>image2020-01-10-142655.pdf</t>
  </si>
  <si>
    <t>mail.google.com/sync/u/0/i/s?hl=pt-BR&amp;c=2656</t>
  </si>
  <si>
    <t>2e996b3a-0014-465e-b8bf-2ed927505ba9.tmp</t>
  </si>
  <si>
    <t>\\acsfs\profiles$\rosileiam\Downloads\2e996b3a-0014-465e-b8bf-2ed927505ba9.tmp</t>
  </si>
  <si>
    <t>Agent State Details 09.01.2020.xlsx</t>
  </si>
  <si>
    <t>\\acsfs\deptos\Operacao\PCP\5 - Comum\PLANEJAMENTO BV\23 - EXTRAÇÕES\Agent State Details\2020\JANEIRO\Agent State Details 09.01.2020.xlsx</t>
  </si>
  <si>
    <t>c:\users\flaviacno\downloads\</t>
  </si>
  <si>
    <t>formulário - aviso de 2ª advertência disciplinar.doc</t>
  </si>
  <si>
    <t>XLOG_gleycekos_10012020_075148.log</t>
  </si>
  <si>
    <t>\\acsfs\profiles$\gleycekos\My Documents\xworkcenter\logs\XLOG_gleycekos_10012020_075148.log</t>
  </si>
  <si>
    <t>a5285e51-caea-4eb7-b317-6cb3b8c4aedc.tmp</t>
  </si>
  <si>
    <t>\\acsfs\profiles$\paulohaf\Downloads\a5285e51-caea-4eb7-b317-6cb3b8c4aedc.tmp</t>
  </si>
  <si>
    <t>247ef68b-2c60-4183-af2b-1028977bd5a6.tmp</t>
  </si>
  <si>
    <t>\\acsfs\profiles$\paulohaf\Downloads\247ef68b-2c60-4183-af2b-1028977bd5a6.tmp</t>
  </si>
  <si>
    <t>a2365983-8de5-420f-a1c3-52e489c0586a.tmp</t>
  </si>
  <si>
    <t>\\acsfs\profiles$\paulohaf\Downloads\a2365983-8de5-420f-a1c3-52e489c0586a.tmp</t>
  </si>
  <si>
    <t>0a64b702-d7bd-4a22-b1fc-eda2ae6572c0.tmp</t>
  </si>
  <si>
    <t>\\acsfs\profiles$\paulohaf\Downloads\0a64b702-d7bd-4a22-b1fc-eda2ae6572c0.tmp</t>
  </si>
  <si>
    <t>XLOG_tiagosno_10012020_071253.log</t>
  </si>
  <si>
    <t>\\acsfs\profiles$\tiagosno\My Documents\xworkcenter\logs\XLOG_tiagosno_10012020_071253.log</t>
  </si>
  <si>
    <t>\\acsfs\ACS\Gabriel da Silva\Contemporânea\Comissão e Incentivo\24ABDC8A.tmp\</t>
  </si>
  <si>
    <t>\\acsfs\ACS\Gabriel da Silva\Contemporânea\Comissão e Incentivo\24ABDC8A.tmp\:Zone.Identifier:$DATA</t>
  </si>
  <si>
    <t>Incentivo BV - SAC.xlsx</t>
  </si>
  <si>
    <t>\\acsfs\ACS\Gabriel da Silva\Contemporânea\Comissão e Incentivo\Incentivo BV - SAC.xlsx</t>
  </si>
  <si>
    <t>mail.google.com/sync/u/0/i/s?hl=pt-BR&amp;c=2676</t>
  </si>
  <si>
    <t>lu33281enht.tmp</t>
  </si>
  <si>
    <t>\\acsfs\profiles$\ALEXANDREMM\lu33281enht.tmp</t>
  </si>
  <si>
    <t>\\acsfs\profiles$\ALEXANDREMM\lu33281enht.tmp\</t>
  </si>
  <si>
    <t>\\acsfs\profiles$\ALEXANDREMM\lu33281enht.tmp\META-INF\</t>
  </si>
  <si>
    <t>\\acsfs\profiles$\ALEXANDREMM\lu33281enht.tmp\Thumbnails\</t>
  </si>
  <si>
    <t>lu33281enhx.tmp</t>
  </si>
  <si>
    <t>\\acsfs\profiles$\ALEXANDREMM\lu33281enhx.tmp</t>
  </si>
  <si>
    <t>\\acsfs\profiles$\ALEXANDREMM\lu33281enhx.tmp\</t>
  </si>
  <si>
    <t>\\acsfs\profiles$\ALEXANDREMM\lu33281enhx.tmp\META-INF\</t>
  </si>
  <si>
    <t>\\acsfs\profiles$\ALEXANDREMM\lu33281enhx.tmp\Thumbnails\</t>
  </si>
  <si>
    <t>6cfa4b1b-debc-4e45-9b01-b75d23bff76d.tmp</t>
  </si>
  <si>
    <t>\\acsfs\profiles$\cintiadjl\Downloads\6cfa4b1b-debc-4e45-9b01-b75d23bff76d.tmp</t>
  </si>
  <si>
    <t>6b074ac8-eb40-4d2b-8817-19c4329e7afa.tmp</t>
  </si>
  <si>
    <t>\\acsfs\profiles$\henriquehmdo\Downloads\6b074ac8-eb40-4d2b-8817-19c4329e7afa.tmp</t>
  </si>
  <si>
    <t>lu39408721mlu.tmp</t>
  </si>
  <si>
    <t>\\acsfs\profiles$\jalilebds\Downloads\lu39408721mlu.tmp</t>
  </si>
  <si>
    <t>\\acsfs\ACS\Gabriel da Silva\Contemporânea\Comissão e Incentivo\571F2C37.tmp\</t>
  </si>
  <si>
    <t>\\acsfs\ACS\Gabriel da Silva\Contemporânea\Comissão e Incentivo\571F2C37.tmp\:Zone.Identifier:$DATA</t>
  </si>
  <si>
    <t>e2333f76-a515-4f39-921f-8f4c31f3503f.tmp</t>
  </si>
  <si>
    <t>\\acsfs\profiles$\antoniosva\Downloads\e2333f76-a515-4f39-921f-8f4c31f3503f.tmp</t>
  </si>
  <si>
    <t>29d97ca8-2038-4bdc-80ee-584f882db18a.tmp</t>
  </si>
  <si>
    <t>\\acsfs\profiles$\ayalabfi\Downloads\29d97ca8-2038-4bdc-80ee-584f882db18a.tmp</t>
  </si>
  <si>
    <t>mail.google.com/sync/u/0/i/s?hl=pt-BR&amp;c=2683</t>
  </si>
  <si>
    <t>mail.google.com/sync/u/0/i/s?hl=pt-BR&amp;c=2686</t>
  </si>
  <si>
    <t>mail.google.com/sync/u/0/i/s?hl=pt-BR&amp;c=2688</t>
  </si>
  <si>
    <t>mail.google.com/sync/u/0/i/s?hl=pt-BR&amp;c=2690</t>
  </si>
  <si>
    <t>17/01/1968;</t>
  </si>
  <si>
    <t>https://17/01/1968</t>
  </si>
  <si>
    <t>e33e1446-73b8-403b-a433-7be9774628bf.tmp</t>
  </si>
  <si>
    <t>\\acsfs\profiles$\fabianafv\Downloads\e33e1446-73b8-403b-a433-7be9774628bf.tmp</t>
  </si>
  <si>
    <t>689eafd4-85ee-4842-be29-f4264f5ceebe.tmp</t>
  </si>
  <si>
    <t>\\acsfs\profiles$\fabianafv\Downloads\689eafd4-85ee-4842-be29-f4264f5ceebe.tmp</t>
  </si>
  <si>
    <t>58c3a853-e48d-4a18-9f52-4209b1f64f9b.tmp</t>
  </si>
  <si>
    <t>\\acsfs\profiles$\fabianafv\Downloads\58c3a853-e48d-4a18-9f52-4209b1f64f9b.tmp</t>
  </si>
  <si>
    <t>\\acsfs\ACS\Gabriel da Silva\Contemporânea\NPS\Histórico\C5CF93A7.tmp\</t>
  </si>
  <si>
    <t>\\acsfs\ACS\Gabriel da Silva\Contemporânea\NPS\Histórico\C5CF93A7.tmp\:Zone.Identifier:$DATA</t>
  </si>
  <si>
    <t>\\acsfs\ACS\Gabriel da Silva\Contemporânea\NPS\Histórico\NPS CONSIGNADO_Dezembro.19.xlsx\</t>
  </si>
  <si>
    <t>\\acsfs\ACS\Gabriel da Silva\Contemporânea\NPS\Histórico\NPS CONSIGNADO_Dezembro.19.xlsx</t>
  </si>
  <si>
    <t>\\acsfs\ACS\Gabriel da Silva\Contemporânea\NPS\Histórico\</t>
  </si>
  <si>
    <t>NPS CONSIGNADO_Dezembro.19.xlsx</t>
  </si>
  <si>
    <t>\\acsfs\ACS\Gabriel da Silva\Contemporânea\NPS\Histórico\C8581FE3.tmp\</t>
  </si>
  <si>
    <t>\\acsfs\ACS\Gabriel da Silva\Contemporânea\NPS\Histórico\C8581FE3.tmp\:Zone.Identifier:$DATA</t>
  </si>
  <si>
    <t>356e4560-87cd-474f-b099-032e983b95b5.tmp</t>
  </si>
  <si>
    <t>\\acsfs\profiles$\inarajst\Downloads\356e4560-87cd-474f-b099-032e983b95b5.tmp</t>
  </si>
  <si>
    <t>https://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7796ac4-0c3d-4173-99e9-1a6b82969f3e.tmp</t>
  </si>
  <si>
    <t>\\acsfs\profiles$\brunalas\Downloads\07796ac4-0c3d-4173-99e9-1a6b82969f3e.tmp</t>
  </si>
  <si>
    <t>Dimensionamento_Janeiro Financeira (1).xlsx</t>
  </si>
  <si>
    <t>\\acsfs\DEPTOS\Operacao\Banco_Votorantim\Qualidade\Eliane\Dimensionamento_Janeiro Financeira (1).xlsx</t>
  </si>
  <si>
    <t>\\acsfs\DEPTOS\Operacao\Banco_Votorantim\Qualidade\Eliane\Dimensionamento_Janeiro Financeira (1).xlsx\</t>
  </si>
  <si>
    <t>\\acsfs\DEPTOS\Operacao\Banco_Votorantim\Qualidade\Eliane\Dimensionamento_Janeiro Financeira (1).xlsx\:Zone.Identifier:$DATA</t>
  </si>
  <si>
    <t>fa4374d5-469a-4fa1-978a-eafe56549f42.tmp</t>
  </si>
  <si>
    <t>\\acsfs\profiles$\laurandos\Downloads\fa4374d5-469a-4fa1-978a-eafe56549f42.tmp</t>
  </si>
  <si>
    <t>f337e990-3b18-4dcc-9699-711ee1a6b660.tmp</t>
  </si>
  <si>
    <t>\\acsfs\profiles$\laurandos\Downloads\f337e990-3b18-4dcc-9699-711ee1a6b660.tmp</t>
  </si>
  <si>
    <t>d03c4314-fe37-44dd-83bf-b9f9946daaa2.tmp</t>
  </si>
  <si>
    <t>\\acsfs\profiles$\laurandos\Downloads\d03c4314-fe37-44dd-83bf-b9f9946daaa2.tmp</t>
  </si>
  <si>
    <t>XLOG_anacdos_10012020_070356.log</t>
  </si>
  <si>
    <t>\\acsfs\profiles$\anacdos\My Documents\xworkcenter\logs\XLOG_anacdos_10012020_070356.log</t>
  </si>
  <si>
    <t>lu39408721mm0.tmp</t>
  </si>
  <si>
    <t>\\acsfs\profiles$\jalilebds\Downloads\lu39408721mm0.tmp</t>
  </si>
  <si>
    <t>1e4559b7-84c6-4787-9d44-0b21b9c73abe.tmp</t>
  </si>
  <si>
    <t>\\acsfs\profiles$\geovannasm\Downloads\1e4559b7-84c6-4787-9d44-0b21b9c73abe.tmp</t>
  </si>
  <si>
    <t>bcf5dcb2-ed6c-4cc6-8ab6-a1cddef4b10c.tmp</t>
  </si>
  <si>
    <t>\\acsfs\profiles$\geovannasm\Downloads\bcf5dcb2-ed6c-4cc6-8ab6-a1cddef4b10c.tmp</t>
  </si>
  <si>
    <t>c7e85339-037e-40b7-9b7c-1f32964af3a9.tmp</t>
  </si>
  <si>
    <t>\\acsfs\profiles$\Angelicacldr\Downloads\c7e85339-037e-40b7-9b7c-1f32964af3a9.tmp</t>
  </si>
  <si>
    <t>\\acsfs\ACS\Gabriel da Silva\Contemporânea\NPS\Histórico\2E0A8D61.tmp\</t>
  </si>
  <si>
    <t>\\acsfs\ACS\Gabriel da Silva\Contemporânea\NPS\Histórico\2E0A8D61.tmp\:Zone.Identifier:$DATA</t>
  </si>
  <si>
    <t>100016016412308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6016412308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AGENT LOGIN LOGOUT DETAILS REPORT 09.01.2020.xlsx</t>
  </si>
  <si>
    <t>\\acsfs\deptos\Operacao\PCP\5 - Comum\PLANEJAMENTO BV\23 - EXTRAÇÕES\Agente Login Logout details report\2020\JANEIRO\AGENT LOGIN LOGOUT DETAILS REPORT 09.01.2020.xlsx</t>
  </si>
  <si>
    <t>3eb6ba33-ebd8-4c49-8caf-266a65c9d9ba.tmp</t>
  </si>
  <si>
    <t>\\acsfs\profiles$\cintiadjl\Downloads\3eb6ba33-ebd8-4c49-8caf-266a65c9d9ba.tmp</t>
  </si>
  <si>
    <t>837e04df-f799-45c5-9c81-fa93c3929df2.tmp</t>
  </si>
  <si>
    <t>\\acsfs\profiles$\sarahbal\Downloads\837e04df-f799-45c5-9c81-fa93c3929df2.tmp</t>
  </si>
  <si>
    <t>\\acsfs\deptos\Operacao\PCP\5 - Comum\PLANEJAMENTO BV\23 - EXTRAÇÕES\Queue Summary Report\2020\</t>
  </si>
  <si>
    <t>\\acsfs\deptos\Operacao\PCP\5 - Comum\PLANEJAMENTO BV\23 - EXTRAÇÕES\Queue Summary Report\2020\Queue Summary Report 01.01.20 a 07.01.2020.xlsx</t>
  </si>
  <si>
    <t>9120efdf-9886-4769-a3bb-b4f4a348e774.tmp</t>
  </si>
  <si>
    <t>\\acsfs\profiles$\KARENJSS\Downloads\9120efdf-9886-4769-a3bb-b4f4a348e774.tmp</t>
  </si>
  <si>
    <t>f8c73a43-f144-4711-932b-90d6448cfa3b.tmp</t>
  </si>
  <si>
    <t>\\acsfs\profiles$\laurandos\Downloads\f8c73a43-f144-4711-932b-90d6448cfa3b.tmp</t>
  </si>
  <si>
    <t>0cce64bc-2606-468a-abaf-f29cd661961b.tmp</t>
  </si>
  <si>
    <t>\\acsfs\profiles$\laurandos\Downloads\0cce64bc-2606-468a-abaf-f29cd661961b.tmp</t>
  </si>
  <si>
    <t>b76b2427-12b2-4b06-90f2-13fcce09d64a.tmp</t>
  </si>
  <si>
    <t>\\acsfs\profiles$\gabrielaff\Downloads\b76b2427-12b2-4b06-90f2-13fcce09d64a.tmp</t>
  </si>
  <si>
    <t>e81e021e-9f36-4835-a1e5-a1b439d99594.tmp</t>
  </si>
  <si>
    <t>\\acsfs\profiles$\andreapdsg\Downloads\e81e021e-9f36-4835-a1e5-a1b439d99594.tmp</t>
  </si>
  <si>
    <t>115abef7-8d00-42dc-b1de-bb20f75e25da.tmp</t>
  </si>
  <si>
    <t>\\acsfs\profiles$\andreapdsg\Downloads\115abef7-8d00-42dc-b1de-bb20f75e25da.tmp</t>
  </si>
  <si>
    <t>ee18bc22-2856-4ea8-9107-4c103bd70bed.tmp</t>
  </si>
  <si>
    <t>\\acsfs\profiles$\gabrielamdp\Downloads\ee18bc22-2856-4ea8-9107-4c103bd70bed.tmp</t>
  </si>
  <si>
    <t>https://udpmailboxap01.acs.com.br:8443/h/search?si=0&amp;so=0&amp;sc=69856&amp;sfi=2&amp;st=conversation&amp;action=compose</t>
  </si>
  <si>
    <t>fe7265f7-d333-47da-81d3-33f0d1f5bc1c.tmp</t>
  </si>
  <si>
    <t>\\acsfs\profiles$\anafsb\Downloads\fe7265f7-d333-47da-81d3-33f0d1f5bc1c.tmp</t>
  </si>
  <si>
    <t>mail.google.com/sync/u/0/i/s?hl=pt-BR&amp;c=2701</t>
  </si>
  <si>
    <t>mail.google.com/sync/u/0/i/s?hl=pt-BR&amp;c=2704</t>
  </si>
  <si>
    <t>Agent utilization 01.01.2020 a 08.01.2020.xlsx</t>
  </si>
  <si>
    <t>\\acsfs\deptos\Operacao\PCP\5 - Comum\PLANEJAMENTO BV\23 - EXTRAÇÕES\Agent utilization\2020\Agent utilization 01.01.2020 a 08.01.2020.xlsx</t>
  </si>
  <si>
    <t>eff57a6d-fe73-4be1-8812-516e634ca1f8.tmp</t>
  </si>
  <si>
    <t>\\acsfs\profiles$\edicarlosdl\Downloads\eff57a6d-fe73-4be1-8812-516e634ca1f8.tmp</t>
  </si>
  <si>
    <t>\\acsfs\ACS\Gabriel da Silva\Contemporânea\Comissão e Incentivo\95715236.tmp\</t>
  </si>
  <si>
    <t>\\acsfs\ACS\Gabriel da Silva\Contemporânea\Comissão e Incentivo\95715236.tmp\:Zone.Identifier:$DATA</t>
  </si>
  <si>
    <t>Incentivo BV - CRBV.xlsx</t>
  </si>
  <si>
    <t>\\acsfs\ACS\Gabriel da Silva\Contemporânea\Comissão e Incentivo\Incentivo BV - CRBV.xlsx</t>
  </si>
  <si>
    <t>\\acsfs\ACS\Gabriel da Silva\Contemporânea\Comissão e Incentivo\DAE2B825.tmp\</t>
  </si>
  <si>
    <t>\\acsfs\ACS\Gabriel da Silva\Contemporânea\Comissão e Incentivo\DAE2B825.tmp\:Zone.Identifier:$DATA</t>
  </si>
  <si>
    <t>\\acsfs\ACS\Gabriel da Silva\Contemporânea\Comissão e Incentivo\26056240.tmp\</t>
  </si>
  <si>
    <t>\\acsfs\ACS\Gabriel da Silva\Contemporânea\Comissão e Incentivo\26056240.tmp\:Zone.Identifier:$DATA</t>
  </si>
  <si>
    <t>120b3394-339c-41ad-aed4-1bbb9fbe1ff8.tmp</t>
  </si>
  <si>
    <t>\\acsfs\profiles$\anafsb\Downloads\120b3394-339c-41ad-aed4-1bbb9fbe1ff8.tmp</t>
  </si>
  <si>
    <t>a50a1668-2e82-49d3-9fc9-0ca285b5dd56.tmp</t>
  </si>
  <si>
    <t>\\acsfs\profiles$\anafsb\Downloads\a50a1668-2e82-49d3-9fc9-0ca285b5dd56.tmp</t>
  </si>
  <si>
    <t>ea3bc7de-ddec-4784-9bd1-1518a2d93c82.tmp</t>
  </si>
  <si>
    <t>\\acsfs\profiles$\anafsb\Downloads\ea3bc7de-ddec-4784-9bd1-1518a2d93c82.tmp</t>
  </si>
  <si>
    <t>b150ea4d-a034-4f60-9bf4-a8981bbf8d29.tmp</t>
  </si>
  <si>
    <t>\\acsfs\profiles$\ayalabfi\Downloads\b150ea4d-a034-4f60-9bf4-a8981bbf8d29.tmp</t>
  </si>
  <si>
    <t>e5e2882a-1abf-4f18-94f6-feb3672978d8.tmp</t>
  </si>
  <si>
    <t>\\acsfs\profiles$\gabrielhca\Downloads\e5e2882a-1abf-4f18-94f6-feb3672978d8.tmp</t>
  </si>
  <si>
    <t>548294fe-93b6-404a-86c9-f69fa8cbab74.tmp</t>
  </si>
  <si>
    <t>\\acsfs\profiles$\KARENDSR\Downloads\548294fe-93b6-404a-86c9-f69fa8cbab74.tmp</t>
  </si>
  <si>
    <t>a232829b-51c4-4fae-bd5f-acba17f0a282.tmp</t>
  </si>
  <si>
    <t>\\acsfs\profiles$\inarajst\Downloads\a232829b-51c4-4fae-bd5f-acba17f0a282.tmp</t>
  </si>
  <si>
    <t>lu39408721mmc.tmp</t>
  </si>
  <si>
    <t>\\acsfs\profiles$\jalilebds\Downloads\lu39408721mmc.tmp</t>
  </si>
  <si>
    <t>953ce8e0-1635-4e80-8d71-302ab21227a3.tmp</t>
  </si>
  <si>
    <t>\\acsfs\profiles$\myllenardl\Downloads\953ce8e0-1635-4e80-8d71-302ab21227a3.tmp</t>
  </si>
  <si>
    <t>55edb813-524c-4144-936a-73b5e6a418d0.tmp</t>
  </si>
  <si>
    <t>\\acsfs\profiles$\myllenardl\Downloads\55edb813-524c-4144-936a-73b5e6a418d0.tmp</t>
  </si>
  <si>
    <t>e9f3f606-d023-4d4b-8dda-c6a120452b17.tmp</t>
  </si>
  <si>
    <t>\\acsfs\profiles$\myllenardl\Downloads\e9f3f606-d023-4d4b-8dda-c6a120452b17.tmp</t>
  </si>
  <si>
    <t>\\acsfs\ACS\Gabriel da Silva\Contemporânea\Comissão e Incentivo\328A71F7.tmp\</t>
  </si>
  <si>
    <t>\\acsfs\ACS\Gabriel da Silva\Contemporânea\Comissão e Incentivo\328A71F7.tmp\:Zone.Identifier:$DATA</t>
  </si>
  <si>
    <t>\\acsfs\ACS\Gabriel da Silva\Contemporânea\Comissão e Incentivo\42C8BD7A.tmp\</t>
  </si>
  <si>
    <t>\\acsfs\ACS\Gabriel da Silva\Contemporânea\Comissão e Incentivo\42C8BD7A.tmp\:Zone.Identifier:$DATA</t>
  </si>
  <si>
    <t>Relatorio de Vendas - Auditoria BV Cartoes (Janeiro)...50 - Cópia - Cópia (2).xlsx</t>
  </si>
  <si>
    <t>\\acsfs\DEPTOS\Operacao\Banco_Votorantim\Qualidade\Anderson\Jose\Atualizado\Relatorio de Vendas - Auditoria BV Cartoes (Janeiro)...50 - Cópia - Cópia (2).xlsx</t>
  </si>
  <si>
    <t>5eaf9714-78cd-4d8b-89ff-fdf5a0a19a0c.tmp</t>
  </si>
  <si>
    <t>\\acsfs\profiles$\welidicdj\Downloads\5eaf9714-78cd-4d8b-89ff-fdf5a0a19a0c.tmp</t>
  </si>
  <si>
    <t>15/03/1960;</t>
  </si>
  <si>
    <t>https://15/03/1960</t>
  </si>
  <si>
    <t>chamados service desk.txt</t>
  </si>
  <si>
    <t>\\acsfs\Deptos\Operacao\Banco_Votorantim\Supervisao\Maristela\CRBV vendas\Desligamento\chamados service desk.txt</t>
  </si>
  <si>
    <t>\\acsfs\Deptos\Operacao\Banco_Votorantim\Supervisao\Maristela\CRBV vendas\</t>
  </si>
  <si>
    <t>\\acsfs\Deptos\Operacao\Banco_Votorantim\Supervisao\Maristela\CRBV vendas\Dados associados.xlsx</t>
  </si>
  <si>
    <t>794d77e9-a907-426d-906d-c2d443cb27c6.tmp</t>
  </si>
  <si>
    <t>\\acsfs\profiles$\henriquehmdo\Downloads\794d77e9-a907-426d-906d-c2d443cb27c6.tmp</t>
  </si>
  <si>
    <t>lu39408721mmf.tmp</t>
  </si>
  <si>
    <t>\\acsfs\profiles$\jalilebds\Downloads\lu39408721mmf.tmp</t>
  </si>
  <si>
    <t>Comunicado Alice OK.zip</t>
  </si>
  <si>
    <t>C:\Users\adilsonloj\Downloads\Comunicado Alice OK.zip\</t>
  </si>
  <si>
    <t>Carta Digitalizada.JPG</t>
  </si>
  <si>
    <t>https://algar.folhasinergyrh.com.br/rescisao/upload?id=0&amp;idsolicitacao=20160&amp;idprerescisao=0</t>
  </si>
  <si>
    <t>529343cd-81c1-4e12-9a5e-efc99c7ce27e.tmp</t>
  </si>
  <si>
    <t>\\acsfs\profiles$\andressamf\Downloads\529343cd-81c1-4e12-9a5e-efc99c7ce27e.tmp</t>
  </si>
  <si>
    <t>8b4ddcc6-32c4-4084-9edf-ee8d006d0b5e.tmp</t>
  </si>
  <si>
    <t>\\acsfs\profiles$\Adrieledgc\Downloads\8b4ddcc6-32c4-4084-9edf-ee8d006d0b5e.tmp</t>
  </si>
  <si>
    <t>lu142764zi0ga0.tmp</t>
  </si>
  <si>
    <t>\\acsfs\DEPTOS\Operacao\Banco_Votorantim\Supervisao\SUPERS BV CARTÕES\ANA VITORIA\APOIO\lu142764zi0ga0.tmp</t>
  </si>
  <si>
    <t>lu142764zi0ga3.tmp</t>
  </si>
  <si>
    <t>\\acsfs\DEPTOS\Operacao\Banco_Votorantim\Supervisao\SUPERS BV CARTÕES\ANA VITORIA\APOIO\lu142764zi0ga3.tmp</t>
  </si>
  <si>
    <t>\\acsfs\DEPTOS\Operacao\Banco_Votorantim\Supervisao\SUPERS BV CARTÕES\ANA VITORIA\APOIO\lu142764zi0ga3.tmp\</t>
  </si>
  <si>
    <t>\\acsfs\DEPTOS\Operacao\Banco_Votorantim\Supervisao\SUPERS BV CARTÕES\ANA VITORIA\APOIO\lu142764zi0ga3.tmp\META-INF\</t>
  </si>
  <si>
    <t>\\acsfs\DEPTOS\Operacao\Banco_Votorantim\Supervisao\SUPERS BV CARTÕES\ANA VITORIA\APOIO\lu142764zi0ga3.tmp\Thumbnails\</t>
  </si>
  <si>
    <t>498fee6c-b55f-4763-ab23-640f3f7cf3e8.tmp</t>
  </si>
  <si>
    <t>\\acsfs\profiles$\gabrielamdp\Downloads\498fee6c-b55f-4763-ab23-640f3f7cf3e8.tmp</t>
  </si>
  <si>
    <t>e4c27bea-094d-401e-8386-1d59c13a46e4.tmp</t>
  </si>
  <si>
    <t>\\acsfs\profiles$\inarajst\Downloads\e4c27bea-094d-401e-8386-1d59c13a46e4.tmp</t>
  </si>
  <si>
    <t>adc1fc4e-49d7-4a2b-989d-73eaf53b3b55.tmp</t>
  </si>
  <si>
    <t>\\acsfs\profiles$\inarajst\Downloads\adc1fc4e-49d7-4a2b-989d-73eaf53b3b55.tmp</t>
  </si>
  <si>
    <t>5c5032f5-091a-40d7-bf98-7c4db5fabd4e.tmp</t>
  </si>
  <si>
    <t>\\acsfs\profiles$\joycemmdl\Downloads\5c5032f5-091a-40d7-bf98-7c4db5fabd4e.tmp</t>
  </si>
  <si>
    <t>073bbc6a-d7a0-45e3-afed-cb0088f8670b.tmp</t>
  </si>
  <si>
    <t>\\acsfs\profiles$\joycemmdl\Downloads\073bbc6a-d7a0-45e3-afed-cb0088f8670b.tmp</t>
  </si>
  <si>
    <t>78cb23e3-ac69-4d5e-9a92-7fc6f38aa5dc.tmp</t>
  </si>
  <si>
    <t>\\acsfs\profiles$\Adrieledgc\Downloads\78cb23e3-ac69-4d5e-9a92-7fc6f38aa5dc.tmp</t>
  </si>
  <si>
    <t>lu39408721mmi.tmp</t>
  </si>
  <si>
    <t>\\acsfs\profiles$\jalilebds\Downloads\lu39408721mmi.tmp</t>
  </si>
  <si>
    <t>0deca7b1-afdf-414b-9e97-cd212617f278.tmp</t>
  </si>
  <si>
    <t>\\acsfs\profiles$\andressamf\Downloads\0deca7b1-afdf-414b-9e97-cd212617f278.tmp</t>
  </si>
  <si>
    <t>lu39408721mml.tmp</t>
  </si>
  <si>
    <t>\\acsfs\profiles$\jalilebds\Downloads\lu39408721mml.tmp</t>
  </si>
  <si>
    <t>lu39408721mmo.tmp</t>
  </si>
  <si>
    <t>\\acsfs\profiles$\jalilebds\Downloads\lu39408721mmo.tmp</t>
  </si>
  <si>
    <t>25ba0bac-ef03-4d5f-bc02-98f67aa50586.tmp</t>
  </si>
  <si>
    <t>\\acsfs\profiles$\quindaizaagds\Downloads\25ba0bac-ef03-4d5f-bc02-98f67aa50586.tmp</t>
  </si>
  <si>
    <t>53f86b8a-1d05-467d-8326-95c2c900bc51.tmp</t>
  </si>
  <si>
    <t>\\acsfs\profiles$\quindaizaagds\Downloads\53f86b8a-1d05-467d-8326-95c2c900bc51.tmp</t>
  </si>
  <si>
    <t>9e07c1e1-d3a0-4659-8ce9-43f55d54331c.tmp</t>
  </si>
  <si>
    <t>\\acsfs\profiles$\quindaizaagds\Downloads\9e07c1e1-d3a0-4659-8ce9-43f55d54331c.tmp</t>
  </si>
  <si>
    <t>Relatorio de Vendas - Auditoria BV Cartoes (Janeiro)...50 - CLIENTE.xlsx</t>
  </si>
  <si>
    <t>\\acsfs\DEPTOS\Operacao\Banco_Votorantim\Qualidade\Anderson\Jose\Atualizado\Relatorio de Vendas - Auditoria BV Cartoes (Janeiro)...50 - CLIENTE.xlsx</t>
  </si>
  <si>
    <t>Relatorio de Vendas - Auditoria BV Cartoes (Janeiro)...50 - CLIENTE - Cópia.xlsx</t>
  </si>
  <si>
    <t>\\acsfs\DEPTOS\Operacao\Banco_Votorantim\Qualidade\Anderson\Jose\Atualizado\Relatorio de Vendas - Auditoria BV Cartoes (Janeiro)...50 - CLIENTE - Cópia.xlsx</t>
  </si>
  <si>
    <t>100016016412308;andrelpsa@algartech.com;joaogvc@algartech.com;josiascdsj@algartech.com;leonardoao@algartech.com;marianadjc@algartech.com;maristelavodq@bv.algartech.com;paulacn@algartech.com;qualidadealgarbv@algartech.com;ricardodfm@algartech.com;ricardodfm@algartech.com.br;supervisaobancovotorantim@algartech.com;taysdss@algartech.com;thiagolrc@bv.algartech.com;viniciussg@algartech.com;</t>
  </si>
  <si>
    <t>100016016412308,andrelpsa@algartech.com,joaogvc@algartech.com,josiascdsj@algartech.com,leonardoao@algartech.com,marianadjc@algartech.com,maristelavodq@bv.algartech.com,paulacn@algartech.com,qualidadealgarbv@algartech.com,ricardodfm@algartech.com,ricardodfm@algartech.com.br,supervisaobancovotorantim@algartech.com,taysdss@algartech.com,thiagolrc@bv.algartech.com,viniciussg@algartech.com</t>
  </si>
  <si>
    <t>09-01 RELATORIO DE LOGIN AVON - Cópia.xlsm</t>
  </si>
  <si>
    <t>\\acsfs\deptos\Operacao\PCP\5 - Comum\CONTROL DESK\2 - DAC2\Control Desk AVON\Relatorios\Status de login\2020\09-01 RELATORIO DE LOGIN AVON - Cópia.xlsm</t>
  </si>
  <si>
    <t>6db04f4d-cd76-4990-9d4f-ae3fde0d4f7b.tmp</t>
  </si>
  <si>
    <t>\\acsfs\profiles$\laurandos\Downloads\6db04f4d-cd76-4990-9d4f-ae3fde0d4f7b.tmp</t>
  </si>
  <si>
    <t>0f267109-fac6-4913-b3df-6bee6ac01646.tmp</t>
  </si>
  <si>
    <t>\\acsfs\profiles$\gabrielamdp\Downloads\0f267109-fac6-4913-b3df-6bee6ac01646.tmp</t>
  </si>
  <si>
    <t>2b3acaea-4f8c-41b3-a5d8-7960b01d2238.tmp</t>
  </si>
  <si>
    <t>\\acsfs\profiles$\quindaizaagds\Downloads\2b3acaea-4f8c-41b3-a5d8-7960b01d2238.tmp</t>
  </si>
  <si>
    <t>3ee1dc69-7878-4b0f-ae21-f511b3d6a7c1.tmp</t>
  </si>
  <si>
    <t>\\acsfs\profiles$\quindaizaagds\Downloads\3ee1dc69-7878-4b0f-ae21-f511b3d6a7c1.tmp</t>
  </si>
  <si>
    <t>3980cde4-1e32-49e2-be2c-52b822088ff9.tmp</t>
  </si>
  <si>
    <t>\\acsfs\profiles$\quindaizaagds\Downloads\3980cde4-1e32-49e2-be2c-52b822088ff9.tmp</t>
  </si>
  <si>
    <t>11aac4cd-69e0-4a7a-83af-f2a9035f589e.tmp</t>
  </si>
  <si>
    <t>\\acsfs\profiles$\quindaizaagds\Downloads\11aac4cd-69e0-4a7a-83af-f2a9035f589e.tmp</t>
  </si>
  <si>
    <t>Relatorio de Vendas - Auditoria BV Cartoes (Janeiro)...50 - Supervisão.xlsx</t>
  </si>
  <si>
    <t>\\acsfs\DEPTOS\Operacao\Banco_Votorantim\Qualidade\Anderson\Jose\Atualizado\Relatorio de Vendas - Auditoria BV Cartoes (Janeiro)...50 - Supervisão.xlsx</t>
  </si>
  <si>
    <t>c4c1d7ba-f0f7-476e-9bac-1e599ef2bb8f.tmp</t>
  </si>
  <si>
    <t>\\acsfs\profiles$\laurandos\Downloads\c4c1d7ba-f0f7-476e-9bac-1e599ef2bb8f.tmp</t>
  </si>
  <si>
    <t>XLOG_vanessacgs_10012020_121237.log</t>
  </si>
  <si>
    <t>\\acsfs\profiles$\vanessacgs\My Documents\xworkcenter\logs\XLOG_vanessacgs_10012020_121237.log</t>
  </si>
  <si>
    <t>58fb618b-6f5e-49fc-8e37-5cda8b9f34dd.tmp</t>
  </si>
  <si>
    <t>\\acsfs\profiles$\welidicdj\Downloads\58fb618b-6f5e-49fc-8e37-5cda8b9f34dd.tmp</t>
  </si>
  <si>
    <t>48bc714f-782c-4067-a82f-1ed0b3ed9d45.tmp</t>
  </si>
  <si>
    <t>\\acsfs\profiles$\wenderbnm\Downloads\48bc714f-782c-4067-a82f-1ed0b3ed9d45.tmp</t>
  </si>
  <si>
    <t>864366f7-a55a-4bc2-b572-4691de7e90cc.tmp</t>
  </si>
  <si>
    <t>\\acsfs\profiles$\gabrielaff\Downloads\864366f7-a55a-4bc2-b572-4691de7e90cc.tmp</t>
  </si>
  <si>
    <t>457c953a-22ef-4420-923c-ae1d5e72298d.tmp</t>
  </si>
  <si>
    <t>\\acsfs\profiles$\gabrielaff\Downloads\457c953a-22ef-4420-923c-ae1d5e72298d.tmp</t>
  </si>
  <si>
    <t>0dade449-9e77-4805-93c7-d6ff09ceb82c.tmp</t>
  </si>
  <si>
    <t>\\acsfs\profiles$\andrezacapf\Downloads\0dade449-9e77-4805-93c7-d6ff09ceb82c.tmp</t>
  </si>
  <si>
    <t>46e2f13c-7f9b-4d92-ae22-67af3388e2c2.tmp</t>
  </si>
  <si>
    <t>\\acsfs\profiles$\geovannasm\Downloads\46e2f13c-7f9b-4d92-ae22-67af3388e2c2.tmp</t>
  </si>
  <si>
    <t>0117a368-4f1a-42af-8929-0d8a74bfc3e8.tmp</t>
  </si>
  <si>
    <t>\\acsfs\profiles$\geovannasm\Downloads\0117a368-4f1a-42af-8929-0d8a74bfc3e8.tmp</t>
  </si>
  <si>
    <t>568fc936-52b1-4ea0-8bee-0f9524161771.tmp</t>
  </si>
  <si>
    <t>\\acsfs\profiles$\gabrielsma\Downloads\568fc936-52b1-4ea0-8bee-0f9524161771.tmp</t>
  </si>
  <si>
    <t>\\acsfs\ACS\Gabriel da Silva\Contemporânea\Comissão e Incentivo\Histórico\</t>
  </si>
  <si>
    <t>Não confirmado 290151.crdownload</t>
  </si>
  <si>
    <t>\\acsfs\ACS\Gabriel da Silva\Contemporânea\Comissão e Incentivo\Histórico\Não confirmado 290151.crdownload</t>
  </si>
  <si>
    <t>a1b7bbd3-58a2-4144-a0d8-60be8648b3a3.tmp</t>
  </si>
  <si>
    <t>\\acsfs\profiles$\gabrielsma\Downloads\a1b7bbd3-58a2-4144-a0d8-60be8648b3a3.tmp</t>
  </si>
  <si>
    <t>10-01 RELATORIO DE LOGIN AVON -.xlsm</t>
  </si>
  <si>
    <t>\\acsfs\deptos\Operacao\PCP\5 - Comum\CONTROL DESK\2 - DAC2\Control Desk AVON\Relatorios\Status de login\2020\10-01 RELATORIO DE LOGIN AVON -.xlsm</t>
  </si>
  <si>
    <t>\\acsfs\profiles$\thamiresbds\My Documents\$RECYCLE.BIN\</t>
  </si>
  <si>
    <t>$I0VNYU8.txt</t>
  </si>
  <si>
    <t>\\acsfs\profiles$\thamiresbds\My Documents\$RECYCLE.BIN\$I0VNYU8.txt</t>
  </si>
  <si>
    <t>cabe7760-72a2-4d21-88ce-413a9dd62273.tmp</t>
  </si>
  <si>
    <t>\\acsfs\profiles$\Angelicacldr\Downloads\cabe7760-72a2-4d21-88ce-413a9dd62273.tmp</t>
  </si>
  <si>
    <t>88a458e4-46f4-4254-998f-0c70d68d792e.tmp</t>
  </si>
  <si>
    <t>\\acsfs\profiles$\Angelicacldr\Downloads\88a458e4-46f4-4254-998f-0c70d68d792e.tmp</t>
  </si>
  <si>
    <t>d5561424-dac7-44e2-a3af-25e3d0e7884f.tmp</t>
  </si>
  <si>
    <t>\\acsfs\profiles$\gabrielsma\Downloads\d5561424-dac7-44e2-a3af-25e3d0e7884f.tmp</t>
  </si>
  <si>
    <t>\\acsfs\profiles$\gabrielsma\Downloads\d5561424-dac7-44e2-a3af-25e3d0e7884f.tmp\xl\charts\</t>
  </si>
  <si>
    <t>chart1.xml</t>
  </si>
  <si>
    <t>chart10.xml</t>
  </si>
  <si>
    <t>chart11.xml</t>
  </si>
  <si>
    <t>chart12.xml</t>
  </si>
  <si>
    <t>chart13.xml</t>
  </si>
  <si>
    <t>chart14.xml</t>
  </si>
  <si>
    <t>chart15.xml</t>
  </si>
  <si>
    <t>chart16.xml</t>
  </si>
  <si>
    <t>chart17.xml</t>
  </si>
  <si>
    <t>chart18.xml</t>
  </si>
  <si>
    <t>chart19.xml</t>
  </si>
  <si>
    <t>chart2.xml</t>
  </si>
  <si>
    <t>chart20.xml</t>
  </si>
  <si>
    <t>chart21.xml</t>
  </si>
  <si>
    <t>0e192523-1b53-4182-9647-c05e7b255aa1.tmp</t>
  </si>
  <si>
    <t>\\acsfs\profiles$\adelvinsonle\Downloads\0e192523-1b53-4182-9647-c05e7b255aa1.tmp</t>
  </si>
  <si>
    <t>19bc16d7-43f8-4705-95a1-aa09ca567392.tmp</t>
  </si>
  <si>
    <t>\\acsfs\profiles$\adelvinsonle\Downloads\19bc16d7-43f8-4705-95a1-aa09ca567392.tmp</t>
  </si>
  <si>
    <t>chart22.xml</t>
  </si>
  <si>
    <t>chart3.xml</t>
  </si>
  <si>
    <t>chart4.xml</t>
  </si>
  <si>
    <t>chart5.xml</t>
  </si>
  <si>
    <t>chart6.xml</t>
  </si>
  <si>
    <t>chart7.xml</t>
  </si>
  <si>
    <t>chart8.xml</t>
  </si>
  <si>
    <t>chart9.xml</t>
  </si>
  <si>
    <t>colors1.xml</t>
  </si>
  <si>
    <t>colors10.xml</t>
  </si>
  <si>
    <t>colors11.xml</t>
  </si>
  <si>
    <t>colors12.xml</t>
  </si>
  <si>
    <t>colors13.xml</t>
  </si>
  <si>
    <t>colors14.xml</t>
  </si>
  <si>
    <t>colors15.xml</t>
  </si>
  <si>
    <t>colors16.xml</t>
  </si>
  <si>
    <t>colors17.xml</t>
  </si>
  <si>
    <t>colors18.xml</t>
  </si>
  <si>
    <t>colors19.xml</t>
  </si>
  <si>
    <t>colors2.xml</t>
  </si>
  <si>
    <t>colors20.xml</t>
  </si>
  <si>
    <t>colors21.xml</t>
  </si>
  <si>
    <t>colors22.xml</t>
  </si>
  <si>
    <t>colors3.xml</t>
  </si>
  <si>
    <t>colors4.xml</t>
  </si>
  <si>
    <t>colors5.xml</t>
  </si>
  <si>
    <t>colors6.xml</t>
  </si>
  <si>
    <t>colors7.xml</t>
  </si>
  <si>
    <t>colors8.xml</t>
  </si>
  <si>
    <t>colors9.xml</t>
  </si>
  <si>
    <t>style1.xml</t>
  </si>
  <si>
    <t>style10.xml</t>
  </si>
  <si>
    <t>style11.xml</t>
  </si>
  <si>
    <t>style12.xml</t>
  </si>
  <si>
    <t>style13.xml</t>
  </si>
  <si>
    <t>style14.xml</t>
  </si>
  <si>
    <t>style15.xml</t>
  </si>
  <si>
    <t>style16.xml</t>
  </si>
  <si>
    <t>style17.xml</t>
  </si>
  <si>
    <t>style18.xml</t>
  </si>
  <si>
    <t>style19.xml</t>
  </si>
  <si>
    <t>style2.xml</t>
  </si>
  <si>
    <t>style20.xml</t>
  </si>
  <si>
    <t>style21.xml</t>
  </si>
  <si>
    <t>style22.xml</t>
  </si>
  <si>
    <t>style3.xml</t>
  </si>
  <si>
    <t>style4.xml</t>
  </si>
  <si>
    <t>style5.xml</t>
  </si>
  <si>
    <t>style6.xml</t>
  </si>
  <si>
    <t>style7.xml</t>
  </si>
  <si>
    <t>style8.xml</t>
  </si>
  <si>
    <t>style9.xml</t>
  </si>
  <si>
    <t>\\acsfs\profiles$\gabrielsma\Downloads\d5561424-dac7-44e2-a3af-25e3d0e7884f.tmp\xl\charts\_rels\</t>
  </si>
  <si>
    <t>chart15.xml.rels</t>
  </si>
  <si>
    <t>chart24.xml.rels</t>
  </si>
  <si>
    <t>\\acsfs\profiles$\gabrielsma\Downloads\d5561424-dac7-44e2-a3af-25e3d0e7884f.tmp\xl\drawings\</t>
  </si>
  <si>
    <t>drawing1.xml</t>
  </si>
  <si>
    <t>drawing2.xml</t>
  </si>
  <si>
    <t>drawing3.xml</t>
  </si>
  <si>
    <t>drawing4.xml</t>
  </si>
  <si>
    <t>\\acsfs\profiles$\gabrielsma\Downloads\d5561424-dac7-44e2-a3af-25e3d0e7884f.tmp\xl\drawings\_rels\</t>
  </si>
  <si>
    <t>drawing10.xml.rels</t>
  </si>
  <si>
    <t>drawing11.xml.rels</t>
  </si>
  <si>
    <t>drawing12.xml.rels</t>
  </si>
  <si>
    <t>drawing13.xml.rels</t>
  </si>
  <si>
    <t>\\acsfs\profiles$\gabrielsma\Downloads\d5561424-dac7-44e2-a3af-25e3d0e7884f.tmp\xl\media\</t>
  </si>
  <si>
    <t>image2.png</t>
  </si>
  <si>
    <t>\\acsfs\profiles$\gabrielsma\Downloads\d5561424-dac7-44e2-a3af-25e3d0e7884f.tmp\xl\</t>
  </si>
  <si>
    <t>sharedStrings.xml</t>
  </si>
  <si>
    <t>\\acsfs\profiles$\gabrielsma\Downloads\d5561424-dac7-44e2-a3af-25e3d0e7884f.tmp\xl\slicerCaches\</t>
  </si>
  <si>
    <t>slicerCache1.xml</t>
  </si>
  <si>
    <t>slicerCache2.xml</t>
  </si>
  <si>
    <t>slicerCache3.xml</t>
  </si>
  <si>
    <t>slicerCache4.xml</t>
  </si>
  <si>
    <t>slicerCache5.xml</t>
  </si>
  <si>
    <t>\\acsfs\profiles$\gabrielsma\Downloads\d5561424-dac7-44e2-a3af-25e3d0e7884f.tmp\xl\slicers\</t>
  </si>
  <si>
    <t>slicer1.xml</t>
  </si>
  <si>
    <t>slicer2.xml</t>
  </si>
  <si>
    <t>\\acsfs\profiles$\gabrielsma\Downloads\d5561424-dac7-44e2-a3af-25e3d0e7884f.tmp\xl\theme\</t>
  </si>
  <si>
    <t>workbook.xml</t>
  </si>
  <si>
    <t>\\acsfs\profiles$\gabrielsma\Downloads\d5561424-dac7-44e2-a3af-25e3d0e7884f.tmp\xl\worksheets\</t>
  </si>
  <si>
    <t>sheet1.xml</t>
  </si>
  <si>
    <t>sheet10.xml</t>
  </si>
  <si>
    <t>sheet11.xml</t>
  </si>
  <si>
    <t>sheet12.xml</t>
  </si>
  <si>
    <t>sheet13.xml</t>
  </si>
  <si>
    <t>sheet14.xml</t>
  </si>
  <si>
    <t>sheet15.xml</t>
  </si>
  <si>
    <t>sheet16.xml</t>
  </si>
  <si>
    <t>sheet17.xml</t>
  </si>
  <si>
    <t>sheet18.xml</t>
  </si>
  <si>
    <t>sheet19.xml</t>
  </si>
  <si>
    <t>sheet2.xml</t>
  </si>
  <si>
    <t>sheet3.xml</t>
  </si>
  <si>
    <t>sheet4.xml</t>
  </si>
  <si>
    <t>sheet5.xml</t>
  </si>
  <si>
    <t>sheet6.xml</t>
  </si>
  <si>
    <t>sheet7.xml</t>
  </si>
  <si>
    <t>sheet8.xml</t>
  </si>
  <si>
    <t>sheet9.xml</t>
  </si>
  <si>
    <t>\\acsfs\profiles$\gabrielsma\Downloads\d5561424-dac7-44e2-a3af-25e3d0e7884f.tmp\xl\_rels\</t>
  </si>
  <si>
    <t>workbook.xml.rels</t>
  </si>
  <si>
    <t>\\acsfs\profiles$\gabrielsma\Downloads\d5561424-dac7-44e2-a3af-25e3d0e7884f.tmp\</t>
  </si>
  <si>
    <t>\\acsfs\profiles$\gabrielsma\Downloads\d5561424-dac7-44e2-a3af-25e3d0e7884f.tmp\_rels\</t>
  </si>
  <si>
    <t>Não confirmado 924035.crdownload</t>
  </si>
  <si>
    <t>\\acsfs\ACS\Gabriel da Silva\Contemporânea\Gen\Não confirmado 924035.crdownload</t>
  </si>
  <si>
    <t>\\acsfs\ACS\Gabriel da Silva\Contemporânea\Gen\Não confirmado 924035.crdownload\xl\charts\</t>
  </si>
  <si>
    <t>\\acsfs\ACS\Gabriel da Silva\Contemporânea\Gen\Não confirmado 924035.crdownload\xl\charts\_rels\</t>
  </si>
  <si>
    <t>\\acsfs\ACS\Gabriel da Silva\Contemporânea\Gen\Não confirmado 924035.crdownload\xl\drawings\</t>
  </si>
  <si>
    <t>\\acsfs\ACS\Gabriel da Silva\Contemporânea\Gen\Não confirmado 924035.crdownload\xl\drawings\_rels\</t>
  </si>
  <si>
    <t>\\acsfs\ACS\Gabriel da Silva\Contemporânea\Gen\Não confirmado 924035.crdownload\xl\media\</t>
  </si>
  <si>
    <t>\\acsfs\ACS\Gabriel da Silva\Contemporânea\Gen\Não confirmado 924035.crdownload\xl\</t>
  </si>
  <si>
    <t>\\acsfs\ACS\Gabriel da Silva\Contemporânea\Gen\Não confirmado 924035.crdownload\xl\slicerCaches\</t>
  </si>
  <si>
    <t>\\acsfs\ACS\Gabriel da Silva\Contemporânea\Gen\Não confirmado 924035.crdownload\xl\slicers\</t>
  </si>
  <si>
    <t>\\acsfs\ACS\Gabriel da Silva\Contemporânea\Gen\Não confirmado 924035.crdownload\xl\theme\</t>
  </si>
  <si>
    <t>\\acsfs\ACS\Gabriel da Silva\Contemporânea\Gen\Não confirmado 924035.crdownload\xl\worksheets\</t>
  </si>
  <si>
    <t>\\acsfs\ACS\Gabriel da Silva\Contemporânea\Gen\Não confirmado 924035.crdownload\xl\_rels\</t>
  </si>
  <si>
    <t>\\acsfs\ACS\Gabriel da Silva\Contemporânea\Gen\Não confirmado 924035.crdownload\</t>
  </si>
  <si>
    <t>\\acsfs\ACS\Gabriel da Silva\Contemporânea\Gen\Não confirmado 924035.crdownload\_rels\</t>
  </si>
  <si>
    <t>\\acsfs\ACS\Gabriel da Silva\Contemporânea\Comissão e Incentivo\Histórico\Thumbs.db</t>
  </si>
  <si>
    <t>\\acsfs\ACS\Gabriel da Silva\Contemporânea\Comissão e Incentivo\9E84F31.tmp\</t>
  </si>
  <si>
    <t>\\acsfs\ACS\Gabriel da Silva\Contemporânea\Comissão e Incentivo\9E84F31.tmp\:Zone.Identifier:$DATA</t>
  </si>
  <si>
    <t>outlook.office.com/owa/service.svc?action=CreateItem&amp;app=Mail&amp;n=111</t>
  </si>
  <si>
    <t>outlook.office.com/owa/service.svc?action=CreateItem&amp;app=Mail&amp;n=137</t>
  </si>
  <si>
    <t>outlook.office.com/owa/service.svc?action=CreateItem&amp;app=Mail&amp;n=152</t>
  </si>
  <si>
    <t>outlook.office.com/owa/service.svc?action=CreateItem&amp;app=Mail&amp;n=163</t>
  </si>
  <si>
    <t>ef22aefd-11fc-4cd7-b3ed-13f33506a951.tmp</t>
  </si>
  <si>
    <t>\\acsfs\profiles$\andreapdsg\Downloads\ef22aefd-11fc-4cd7-b3ed-13f33506a951.tmp</t>
  </si>
  <si>
    <t>378071c5-dfab-4c72-9553-dfdbdd2705de.tmp</t>
  </si>
  <si>
    <t>\\acsfs\profiles$\geovannasm\Downloads\378071c5-dfab-4c72-9553-dfdbdd2705de.tmp</t>
  </si>
  <si>
    <t>d4373135-73e4-4c39-b59c-44903ccca42e.tmp</t>
  </si>
  <si>
    <t>\\acsfs\profiles$\rafaelacdoc\Downloads\d4373135-73e4-4c39-b59c-44903ccca42e.tmp</t>
  </si>
  <si>
    <t>\\acsfs\profiles$\gabrielsma\Desktop\Meu Arquivo de Dados do Outlook(1).pst\</t>
  </si>
  <si>
    <t>[1] 1624-5e18d005000a9308.tmp.pst -] Root Folder_Início do arquivo de dados do Outlook_Contatos_IPM.Microsoft2a1723dad2d36f1d.msg</t>
  </si>
  <si>
    <t>[2] 1624-5e18d005000a9308.tmp.pst -] Root Folder_Início do arquivo de dados do Outlook_Contatos_IPM.Configurac494ec199c81525b.msg</t>
  </si>
  <si>
    <t>[3] 1624-5e18d005000a9308.tmp.pst -] Root Folder_Início do arquivo de dados do Outlook_Calendário_IPM.Configu3e79dbd26800e3b4.msg</t>
  </si>
  <si>
    <t>[4] 1624-5e18d005000a9308.tmp.pst -] Root Folder_Início do arquivo de dados do Outlook_Calendário_IPM.Configu14a463405c04c905.msg</t>
  </si>
  <si>
    <t>[5] 1624-5e18d005000a9308.tmp.pst -] Root Folder_Início do arquivo de dados do Outlook_Calendário_IPM.Configu9d9c5c603bf0c7cb.msg</t>
  </si>
  <si>
    <t>[6] 1624-5e18d005000a9308.tmp.pst -] Root Folder_Início do arquivo de dados do Outlook_Caixa de Entrada_IPM.Ca4897321d6f2502a.msg</t>
  </si>
  <si>
    <t>[7] 1624-5e18d005000a9308.tmp.pst -] Root Folder_Início do arquivo de dados do Outlook_Caixa de Entrada_IPM.C04167bc3cdf955c6.msg</t>
  </si>
  <si>
    <t>[8] 1624-5e18d005000a9308.tmp.pst -] Root Folder_Início do arquivo de dados do Outlook_Caixa de Entrada_IPM.C21c1bfb5d7ba9ee1.msg</t>
  </si>
  <si>
    <t>[9] 1624-5e18d005000a9308.tmp.pst -] Root Folder_Início do arquivo de dados do Outlook_Caixa de Entrada_IPM.C0da2e5631dd17d12.msg</t>
  </si>
  <si>
    <t>165dc22b-4b92-47b3-be7c-154ffcbf2af1.tmp</t>
  </si>
  <si>
    <t>\\acsfs\profiles$\gabrielsma\Downloads\165dc22b-4b92-47b3-be7c-154ffcbf2af1.tmp</t>
  </si>
  <si>
    <t>Não confirmado 647698.crdownload</t>
  </si>
  <si>
    <t>\\acsfs\ACS\Gabriel da Silva\Contemporânea\Comissão e Incentivo\Histórico\Não confirmado 647698.crdownload</t>
  </si>
  <si>
    <t>1efa0b33-b53d-4000-a6f5-0c1cf1545e3f.tmp</t>
  </si>
  <si>
    <t>\\acsfs\profiles$\gabrielsma\Downloads\1efa0b33-b53d-4000-a6f5-0c1cf1545e3f.tmp</t>
  </si>
  <si>
    <t>Não confirmado 873277.crdownload</t>
  </si>
  <si>
    <t>\\acsfs\ACS\Gabriel da Silva\Contemporânea\Comissão e Incentivo\Histórico\Não confirmado 873277.crdownload</t>
  </si>
  <si>
    <t>004351e0-5bf6-491d-852b-813d355eaf39.tmp</t>
  </si>
  <si>
    <t>\\acsfs\profiles$\gabrielsma\Downloads\004351e0-5bf6-491d-852b-813d355eaf39.tmp</t>
  </si>
  <si>
    <t>Não confirmado 540662.crdownload</t>
  </si>
  <si>
    <t>\\acsfs\ACS\Gabriel da Silva\Contemporânea\Comissão e Incentivo\Histórico\Não confirmado 540662.crdownload</t>
  </si>
  <si>
    <t>a26fc33e-572b-46e7-9c8c-0d06fba09ce3.tmp</t>
  </si>
  <si>
    <t>\\acsfs\profiles$\gabrielhca\Downloads\a26fc33e-572b-46e7-9c8c-0d06fba09ce3.tmp</t>
  </si>
  <si>
    <t>100016016412308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6016412308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100016016412308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;ricardodfm@algartech.com.br;supervisaobancovotorantim@algartech.com;taysdss@algartech.com;thiagolrc@bv.algartech.com;viniciussg@algartech.com;</t>
  </si>
  <si>
    <t>100016016412308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,ricardodfm@algartech.com.br,supervisaobancovotorantim@algartech.com,taysdss@algartech.com,thiagolrc@bv.algartech.com,viniciussg@algartech.com</t>
  </si>
  <si>
    <t>100016016412308;cpc-controldeskavon@algartech.com;joseasn@algartech.com;</t>
  </si>
  <si>
    <t>100016016412308,cpc-controldeskavon@algartech.com,joseasn@algartech.com</t>
  </si>
  <si>
    <t>lu39408721mmr.tmp</t>
  </si>
  <si>
    <t>\\acsfs\profiles$\jalilebds\Downloads\lu39408721mmr.tmp</t>
  </si>
  <si>
    <t>d5c043a9-909e-493e-8395-082aaf150526.tmp</t>
  </si>
  <si>
    <t>\\acsfs\profiles$\Angelicacldr\Downloads\d5c043a9-909e-493e-8395-082aaf150526.tmp</t>
  </si>
  <si>
    <t>c:\users\marianerdo\appdata\local\google\chrome\user data\default\file system\000\t\</t>
  </si>
  <si>
    <t>57e86eb4-5190-4f14-96af-15ef2c26a246.tmp</t>
  </si>
  <si>
    <t>\\acsfs\profiles$\ingridsm\Downloads\57e86eb4-5190-4f14-96af-15ef2c26a246.tmp</t>
  </si>
  <si>
    <t>bvcartes-supervisores@algarnet.onmicrosoft.com;thiagord@algartech.com;</t>
  </si>
  <si>
    <t>bvcartes-supervisores@algarnet.onmicrosoft.com,thiagord@algartech.com</t>
  </si>
  <si>
    <t>Inclusão Metlife Dependente Dezembro.xlsx</t>
  </si>
  <si>
    <t>\\acsfs\DEPTOS\Operacao\Banco_Votorantim\Supervisao\SUPERS BV CARTÕES\ADILSON\Inclusão Metlife Dependente Dezembro.xlsx</t>
  </si>
  <si>
    <t>94741519-2c71-4e73-a110-099f2c853a62.tmp</t>
  </si>
  <si>
    <t>\\acsfs\profiles$\inarajst\Downloads\94741519-2c71-4e73-a110-099f2c853a62.tmp</t>
  </si>
  <si>
    <t>9205f837-4e06-4ae5-a6ae-67f2f3fdeab0.tmp</t>
  </si>
  <si>
    <t>\\acsfs\profiles$\larissaad\Downloads\9205f837-4e06-4ae5-a6ae-67f2f3fdeab0.tmp</t>
  </si>
  <si>
    <t>lu39408721mmu.tmp</t>
  </si>
  <si>
    <t>\\acsfs\profiles$\jalilebds\Downloads\lu39408721mmu.tmp</t>
  </si>
  <si>
    <t>434ba769-e56d-4dc7-99bb-1156001daab6.tmp</t>
  </si>
  <si>
    <t>\\acsfs\profiles$\Angelicacldr\Downloads\434ba769-e56d-4dc7-99bb-1156001daab6.tmp</t>
  </si>
  <si>
    <t>4eff7590-b5cd-4d6d-9cc0-7e2920413712.tmp</t>
  </si>
  <si>
    <t>\\acsfs\profiles$\alinepp\Downloads\4eff7590-b5cd-4d6d-9cc0-7e2920413712.tmp</t>
  </si>
  <si>
    <t>49bedc5b-7f58-42eb-bea6-791f94dbd3f1.tmp</t>
  </si>
  <si>
    <t>\\acsfs\profiles$\alinepp\Downloads\49bedc5b-7f58-42eb-bea6-791f94dbd3f1.tmp</t>
  </si>
  <si>
    <t>a2efeceb-6210-4bf3-9ce8-624cdbc8f4b9.tmp</t>
  </si>
  <si>
    <t>\\acsfs\profiles$\victorgl\Downloads\a2efeceb-6210-4bf3-9ce8-624cdbc8f4b9.tmp</t>
  </si>
  <si>
    <t>6a7ad8e6-a709-4d4e-aab7-ba777ab61ca1.tmp</t>
  </si>
  <si>
    <t>\\acsfs\profiles$\gabrielamdp\Downloads\6a7ad8e6-a709-4d4e-aab7-ba777ab61ca1.tmp</t>
  </si>
  <si>
    <t>lu94972ee4oin.tmp</t>
  </si>
  <si>
    <t>\\acsfs\profiles$\LORRAYNEVAM\lu94972ee4oin.tmp</t>
  </si>
  <si>
    <t>\\acsfs\profiles$\LORRAYNEVAM\lu94972ee4oin.tmp\</t>
  </si>
  <si>
    <t>\\acsfs\profiles$\LORRAYNEVAM\lu94972ee4oin.tmp\META-INF\</t>
  </si>
  <si>
    <t>\\acsfs\profiles$\LORRAYNEVAM\lu94972ee4oin.tmp\Thumbnails\</t>
  </si>
  <si>
    <t>f7637676-a02c-4a77-ae12-9eda71eea5d8.tmp</t>
  </si>
  <si>
    <t>\\acsfs\profiles$\Angelicacldr\Downloads\f7637676-a02c-4a77-ae12-9eda71eea5d8.tmp</t>
  </si>
  <si>
    <t>6e1f7712-a261-4b31-80ff-99c5cc090ca1.tmp</t>
  </si>
  <si>
    <t>\\acsfs\profiles$\ingridsm\Downloads\6e1f7712-a261-4b31-80ff-99c5cc090ca1.tmp</t>
  </si>
  <si>
    <t>80bed20b-3c35-478c-bb5d-17f6e443f699.tmp</t>
  </si>
  <si>
    <t>\\acsfs\profiles$\ingridsm\Downloads\80bed20b-3c35-478c-bb5d-17f6e443f699.tmp</t>
  </si>
  <si>
    <t>Ranking SAC.xlsx</t>
  </si>
  <si>
    <t>\\acsfs\ACS\Gabriel da Silva\Contemporânea\Gen\Ranking SAC.xlsx</t>
  </si>
  <si>
    <t>982c8287-7b9e-44ab-8579-a6e72d884eeb.tmp</t>
  </si>
  <si>
    <t>\\acsfs\profiles$\gabrielsma\Downloads\982c8287-7b9e-44ab-8579-a6e72d884eeb.tmp</t>
  </si>
  <si>
    <t>\\acsfs\ACS\Gabriel da Silva\Contemporânea\Comissão e Incentivo\Histórico\Q29udHJvbGxlci5BQ09NLVNvdUJWXzE-.ica.crdownload</t>
  </si>
  <si>
    <t>2ff1d43d-07f2-4b6d-a1d0-7adc8b79744c.tmp</t>
  </si>
  <si>
    <t>\\acsfs\profiles$\gabrielsma\Downloads\2ff1d43d-07f2-4b6d-a1d0-7adc8b79744c.tmp</t>
  </si>
  <si>
    <t>e986981a-de0b-4c63-a5c3-60a67e8ffc1f.tmp</t>
  </si>
  <si>
    <t>\\acsfs\profiles$\alinepp\Downloads\e986981a-de0b-4c63-a5c3-60a67e8ffc1f.tmp</t>
  </si>
  <si>
    <t>9946ade6-5d1d-4d7b-9d70-4ee3cef18105.tmp</t>
  </si>
  <si>
    <t>\\acsfs\profiles$\victorgl\Downloads\9946ade6-5d1d-4d7b-9d70-4ee3cef18105.tmp</t>
  </si>
  <si>
    <t>lu39408721mmx.tmp</t>
  </si>
  <si>
    <t>\\acsfs\profiles$\jalilebds\Downloads\lu39408721mmx.tmp</t>
  </si>
  <si>
    <t>XLOG_Angelicacldr_10012020_085135.log</t>
  </si>
  <si>
    <t>\\acsfs\profiles$\Angelicacldr\My Documents\xworkcenter\logs\XLOG_Angelicacldr_10012020_085135.log</t>
  </si>
  <si>
    <t>e5bae0bd-20f3-4f70-b275-eb08f0c3561f.tmp</t>
  </si>
  <si>
    <t>\\acsfs\profiles$\brunalas\Downloads\e5bae0bd-20f3-4f70-b275-eb08f0c3561f.tmp</t>
  </si>
  <si>
    <t>212f352a-1320-41e0-a9d6-2771c15fd4a2.tmp</t>
  </si>
  <si>
    <t>\\acsfs\profiles$\ingridsm\Downloads\212f352a-1320-41e0-a9d6-2771c15fd4a2.tmp</t>
  </si>
  <si>
    <t>safagfrwar.xlsx</t>
  </si>
  <si>
    <t>\\acsfs\ACS\Gabriel da Silva\Contemporânea\Acessos\safagfrwar.xlsx</t>
  </si>
  <si>
    <t>be406528-7abc-4642-876f-e916f4a13f7c.tmp</t>
  </si>
  <si>
    <t>\\acsfs\profiles$\gabrielsma\Downloads\be406528-7abc-4642-876f-e916f4a13f7c.tmp</t>
  </si>
  <si>
    <t>63a4bfd2-bcd1-483a-a73f-230ba050d4d6.tmp</t>
  </si>
  <si>
    <t>\\acsfs\profiles$\andreapdsg\Downloads\63a4bfd2-bcd1-483a-a73f-230ba050d4d6.tmp</t>
  </si>
  <si>
    <t>c63e4685-3280-4a9f-8670-310cf70bbbaa.tmp</t>
  </si>
  <si>
    <t>\\acsfs\profiles$\andreapdsg\Downloads\c63e4685-3280-4a9f-8670-310cf70bbbaa.tmp</t>
  </si>
  <si>
    <t>5597082a-f5bc-44fe-a4b5-fddf88a52bd6.tmp</t>
  </si>
  <si>
    <t>\\acsfs\profiles$\leonardobb\Downloads\5597082a-f5bc-44fe-a4b5-fddf88a52bd6.tmp</t>
  </si>
  <si>
    <t>f1b6f915-edaa-45db-96d1-9f7878358ecd.tmp</t>
  </si>
  <si>
    <t>\\acsfs\profiles$\leonardobb\Downloads\f1b6f915-edaa-45db-96d1-9f7878358ecd.tmp</t>
  </si>
  <si>
    <t>ac18876e-213b-4b6d-a147-051148be6c5d.tmp</t>
  </si>
  <si>
    <t>\\acsfs\profiles$\anafaes\Downloads\ac18876e-213b-4b6d-a147-051148be6c5d.tmp</t>
  </si>
  <si>
    <t>bcdfd95b-86c6-4d77-a1ac-09fa8cbb6461.tmp</t>
  </si>
  <si>
    <t>\\acsfs\profiles$\anafaes\Downloads\bcdfd95b-86c6-4d77-a1ac-09fa8cbb6461.tmp</t>
  </si>
  <si>
    <t>c35a5a22-3279-4cfe-a930-908978309bd0.tmp</t>
  </si>
  <si>
    <t>\\acsfs\profiles$\anafaes\Downloads\c35a5a22-3279-4cfe-a930-908978309bd0.tmp</t>
  </si>
  <si>
    <t>160013c7-a361-43e1-b1af-a36dcd6e2fa2.tmp</t>
  </si>
  <si>
    <t>\\acsfs\profiles$\anafaes\Downloads\160013c7-a361-43e1-b1af-a36dcd6e2fa2.tmp</t>
  </si>
  <si>
    <t>3aad2498-4a62-407d-83b1-4901d24cd142.tmp</t>
  </si>
  <si>
    <t>\\acsfs\profiles$\alinepp\Downloads\3aad2498-4a62-407d-83b1-4901d24cd142.tmp</t>
  </si>
  <si>
    <t>7d97cb50-3692-406f-9b22-55341be3f0de.tmp</t>
  </si>
  <si>
    <t>\\acsfs\profiles$\alinepp\Downloads\7d97cb50-3692-406f-9b22-55341be3f0de.tmp</t>
  </si>
  <si>
    <t>6c5b884e-2514-4ddd-ad10-696889fce8b8.tmp</t>
  </si>
  <si>
    <t>\\acsfs\profiles$\alinepp\Downloads\6c5b884e-2514-4ddd-ad10-696889fce8b8.tmp</t>
  </si>
  <si>
    <t>f751f045-05ed-4ae3-bc6b-34acf0e43d73.tmp</t>
  </si>
  <si>
    <t>\\acsfs\profiles$\marcosvnds\Downloads\f751f045-05ed-4ae3-bc6b-34acf0e43d73.tmp</t>
  </si>
  <si>
    <t>faf2b220-54b4-4a8c-b7c2-fb858fac4e11.tmp</t>
  </si>
  <si>
    <t>\\acsfs\profiles$\edicarlosdl\Downloads\faf2b220-54b4-4a8c-b7c2-fb858fac4e11.tmp</t>
  </si>
  <si>
    <t>95b7d3e3-6418-4e5f-b829-1d7a3f3445b9.tmp</t>
  </si>
  <si>
    <t>\\acsfs\profiles$\ingridsm\Downloads\95b7d3e3-6418-4e5f-b829-1d7a3f3445b9.tmp</t>
  </si>
  <si>
    <t>d3cd3fd8-033c-4088-a180-4baa0f3eec72.tmp</t>
  </si>
  <si>
    <t>\\acsfs\profiles$\maxmillianosv\Downloads\d3cd3fd8-033c-4088-a180-4baa0f3eec72.tmp</t>
  </si>
  <si>
    <t>lu29016162sk2.tmp</t>
  </si>
  <si>
    <t>\\acsfs\profiles$\LUISPLS\My Documents\Nova pasta\lu29016162sk2.tmp</t>
  </si>
  <si>
    <t>\\acsfs\profiles$\LUISPLS\My Documents\Nova pasta\lu29016162sk2.tmp\</t>
  </si>
  <si>
    <t>\\acsfs\profiles$\LUISPLS\My Documents\Nova pasta\lu29016162sk2.tmp\META-INF\</t>
  </si>
  <si>
    <t>\\acsfs\profiles$\LUISPLS\My Documents\Nova pasta\lu29016162sk2.tmp\Thumbnails\</t>
  </si>
  <si>
    <t>6acbfa2b-2a30-4299-9d3e-6c86c18967cb.tmp</t>
  </si>
  <si>
    <t>\\acsfs\profiles$\alinepp\Downloads\6acbfa2b-2a30-4299-9d3e-6c86c18967cb.tmp</t>
  </si>
  <si>
    <t>4a93f7a6-2546-4ee3-898a-1d46661ccdcb.tmp</t>
  </si>
  <si>
    <t>\\acsfs\profiles$\alinepp\Downloads\4a93f7a6-2546-4ee3-898a-1d46661ccdcb.tmp</t>
  </si>
  <si>
    <t>e40d9369-677a-4cc6-b484-8b86b3d121f4.tmp</t>
  </si>
  <si>
    <t>\\acsfs\profiles$\nathaliaos\Downloads\e40d9369-677a-4cc6-b484-8b86b3d121f4.tmp</t>
  </si>
  <si>
    <t>lu27588187ua5.tmp</t>
  </si>
  <si>
    <t>\\acsfs\profiles$\LUISPLS\My Documents\Nova pasta\lu27588187ua5.tmp</t>
  </si>
  <si>
    <t>\\acsfs\profiles$\LUISPLS\My Documents\Nova pasta\lu27588187ua5.tmp\</t>
  </si>
  <si>
    <t>\\acsfs\profiles$\LUISPLS\My Documents\Nova pasta\lu27588187ua5.tmp\META-INF\</t>
  </si>
  <si>
    <t>\\acsfs\profiles$\LUISPLS\My Documents\Nova pasta\lu27588187ua5.tmp\Thumbnails\</t>
  </si>
  <si>
    <t>\\acsfs\Deptos\Operacao\Banco_Votorantim\Supervisao\Maristela\CRBV vendas\Desligamento\importante.txt</t>
  </si>
  <si>
    <t>lu39408721mn4.tmp</t>
  </si>
  <si>
    <t>\\acsfs\profiles$\jalilebds\Downloads\lu39408721mn4.tmp</t>
  </si>
  <si>
    <t>\\acsfs\profiles$\janaynatro\My Documents\My Pictures\</t>
  </si>
  <si>
    <t>\\acsfs\profiles$\janaynatro\My Documents\My Videos\desktop.ini</t>
  </si>
  <si>
    <t>\\acsfs\profiles$\janaynatro\My Documents\My Videos\</t>
  </si>
  <si>
    <t>f7cae6ee-6f7d-4696-8230-c16958c41274.tmp</t>
  </si>
  <si>
    <t>\\acsfs\profiles$\nathaliaos\Downloads\f7cae6ee-6f7d-4696-8230-c16958c41274.tmp</t>
  </si>
  <si>
    <t>8269d83e-6180-4554-8029-8430539242da.tmp</t>
  </si>
  <si>
    <t>\\acsfs\profiles$\marcosvnds\Downloads\8269d83e-6180-4554-8029-8430539242da.tmp</t>
  </si>
  <si>
    <t>df1dcb55-5ecc-4c35-b1f4-ad32df639b55.tmp</t>
  </si>
  <si>
    <t>\\acsfs\profiles$\marcosvnds\Downloads\df1dcb55-5ecc-4c35-b1f4-ad32df639b55.tmp</t>
  </si>
  <si>
    <t>\\acsfs\profiles$\janaynatro\My Documents\My Music\</t>
  </si>
  <si>
    <t>\\acsfs\profiles$\janaynatro\My Documents\My Pictures\desktop.ini</t>
  </si>
  <si>
    <t>\\acsfs\profiles$\janaynatro\Contacts\</t>
  </si>
  <si>
    <t>\\acsfs\profiles$\janaynatro\Contacts\desktop.ini</t>
  </si>
  <si>
    <t>\\acsfs\profiles$\janaynatro\My Documents\</t>
  </si>
  <si>
    <t>\\acsfs\profiles$\janaynatro\Favorites\desktop.ini</t>
  </si>
  <si>
    <t>\\acsfs\profiles$\janaynatro\My Documents\My Music\desktop.ini</t>
  </si>
  <si>
    <t>\\acsfs\profiles$\janaynatro\Searches\</t>
  </si>
  <si>
    <t>\\acsfs\profiles$\janaynatro\Searches\desktop.ini</t>
  </si>
  <si>
    <t>\\acsfs\profiles$\janaynatro\Downloads\desktop.ini</t>
  </si>
  <si>
    <t>\\acsfs\profiles$\janaynatro\Favorites\</t>
  </si>
  <si>
    <t>\\acsfs\profiles$\janaynatro\My Documents\desktop.ini</t>
  </si>
  <si>
    <t>\\acsfs\profiles$\janaynatro\Saved Games\desktop.ini</t>
  </si>
  <si>
    <t>winrt--{S-1-5-21-602162358-764733703-839522115-358554}-.searchconnector-ms</t>
  </si>
  <si>
    <t>\\acsfs\profiles$\janaynatro\Searches\winrt--{S-1-5-21-602162358-764733703-839522115-358554}-.searchconnector-ms</t>
  </si>
  <si>
    <t>ae6f79d0-cb4a-4ba7-9c54-fa757788abe9.tmp</t>
  </si>
  <si>
    <t>\\acsfs\profiles$\fabianobmf\Downloads\ae6f79d0-cb4a-4ba7-9c54-fa757788abe9.tmp</t>
  </si>
  <si>
    <t>\\acsfs\ACS\Gabriel da Silva\Contemporânea\Comissão e Incentivo\760EDEF8.tmp\</t>
  </si>
  <si>
    <t>\\acsfs\ACS\Gabriel da Silva\Contemporânea\Comissão e Incentivo\760EDEF8.tmp\:Zone.Identifier:$DATA</t>
  </si>
  <si>
    <t>100014122394468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https://100014122394468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dcf90e69-dd88-4782-b531-af0357d02aca.tmp</t>
  </si>
  <si>
    <t>\\acsfs\profiles$\KARENJSS\Downloads\dcf90e69-dd88-4782-b531-af0357d02aca.tmp</t>
  </si>
  <si>
    <t>\\acsfs\ACS\Gabriel da Silva\Contemporânea\Comissão e Incentivo\2B70DFC4.tmp\</t>
  </si>
  <si>
    <t>\\acsfs\ACS\Gabriel da Silva\Contemporânea\Comissão e Incentivo\2B70DFC4.tmp\:Zone.Identifier:$DATA</t>
  </si>
  <si>
    <t>37a11c37-2557-4d5f-a216-a8b69ead45b6.tmp</t>
  </si>
  <si>
    <t>\\acsfs\profiles$\rosileiam\Downloads\37a11c37-2557-4d5f-a216-a8b69ead45b6.tmp</t>
  </si>
  <si>
    <t>5515f586-9225-4693-b73b-f2ee9994e3e6.tmp</t>
  </si>
  <si>
    <t>\\acsfs\profiles$\rosileiam\Downloads\5515f586-9225-4693-b73b-f2ee9994e3e6.tmp</t>
  </si>
  <si>
    <t>100014122394468;100016016412308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4122394468,100016016412308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c83e6d73-d088-4e73-badd-2bda86ae5eb1.tmp</t>
  </si>
  <si>
    <t>\\acsfs\profiles$\fabianobmf\Downloads\c83e6d73-d088-4e73-badd-2bda86ae5eb1.tmp</t>
  </si>
  <si>
    <t>824dc7de-6c34-4bd6-9d4b-772da3ef70dd.tmp</t>
  </si>
  <si>
    <t>\\acsfs\profiles$\leonardocb\Downloads\824dc7de-6c34-4bd6-9d4b-772da3ef70dd.tmp</t>
  </si>
  <si>
    <t>lu39408721mnb.tmp</t>
  </si>
  <si>
    <t>\\acsfs\profiles$\jalilebds\Downloads\lu39408721mnb.tmp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,viniciussg@algartech.com</t>
  </si>
  <si>
    <t>TAYLA ELIAS DE OLIVEIRA ALVES (16).contact</t>
  </si>
  <si>
    <t>\\acsfs\profiles$\taylaedoa\Contacts\TAYLA ELIAS DE OLIVEIRA ALVES (16).contact</t>
  </si>
  <si>
    <t>e1484e51-589d-4db8-9109-b2dfb77744c5.tmp</t>
  </si>
  <si>
    <t>\\acsfs\profiles$\taylaedoa\Downloads\e1484e51-589d-4db8-9109-b2dfb77744c5.tmp</t>
  </si>
  <si>
    <t>69efd2ca-f8fe-4db7-a9a4-a005d7050289.tmp</t>
  </si>
  <si>
    <t>\\acsfs\profiles$\rosileiam\Downloads\69efd2ca-f8fe-4db7-a9a4-a005d7050289.tmp</t>
  </si>
  <si>
    <t>603c4eb6-0314-4a30-b3d3-e197a06afcf0.tmp</t>
  </si>
  <si>
    <t>\\acsfs\profiles$\leonardocb\Downloads\603c4eb6-0314-4a30-b3d3-e197a06afcf0.tmp</t>
  </si>
  <si>
    <t>alessandroam@algartech.com;daniela.ribeiro@bv.com.br;eliane.martins@bv.com.br;flora.lira@bv.com.br;jose.gomes@bv.com.br;katia.lee@bv.com.br;maria.patrocinia@bv.com.br;marianesg@algartech.com;regis.costa@bv.com.br;samantha.cheque@bv.com.br;taysdss@algartech.com;thiagordu@algartech.com;</t>
  </si>
  <si>
    <t>alessandroam@algartech.com,daniela.ribeiro@bv.com.br,eliane.martins@bv.com.br,flora.lira@bv.com.br,jose.gomes@bv.com.br,katia.lee@bv.com.br,maria.patrocinia@bv.com.br,marianesg@algartech.com,regis.costa@bv.com.br,samantha.cheque@bv.com.br,taysdss@algartech.com,thiagordu@algartech.com</t>
  </si>
  <si>
    <t>mail.google.com/sync/u/0/i/s?hl=pt-BR&amp;c=603</t>
  </si>
  <si>
    <t>f9beb988-cd63-4250-86b4-e60b7c592a51.tmp</t>
  </si>
  <si>
    <t>\\acsfs\profiles$\taylaedoa\Downloads\f9beb988-cd63-4250-86b4-e60b7c592a51.tmp</t>
  </si>
  <si>
    <t>5a55415b-3091-4f30-8f8f-6c5f9e6dc5bd.tmp</t>
  </si>
  <si>
    <t>\\acsfs\profiles$\edicarlosdl\Downloads\5a55415b-3091-4f30-8f8f-6c5f9e6dc5bd.tmp</t>
  </si>
  <si>
    <t>ceee8e0a-57c0-4030-95fa-9320e010c338.tmp</t>
  </si>
  <si>
    <t>\\acsfs\profiles$\rosileiam\Downloads\ceee8e0a-57c0-4030-95fa-9320e010c338.tmp</t>
  </si>
  <si>
    <t>63d07241-5b28-4fb7-8757-ec6305e28399.tmp</t>
  </si>
  <si>
    <t>\\acsfs\profiles$\rosileiam\Downloads\63d07241-5b28-4fb7-8757-ec6305e28399.tmp</t>
  </si>
  <si>
    <t>XLOG_kamilamrc_10012020_101505.log</t>
  </si>
  <si>
    <t>\\acsfs\profiles$\kamilamrc\My Documents\xworkcenter\logs\XLOG_kamilamrc_10012020_101505.log</t>
  </si>
  <si>
    <t>df6d45f9-e1e5-4f82-b3dd-1fd167381f02.tmp</t>
  </si>
  <si>
    <t>\\acsfs\profiles$\welidicdj\Downloads\df6d45f9-e1e5-4f82-b3dd-1fd167381f02.tmp</t>
  </si>
  <si>
    <t>86159b03-6ef5-4495-8795-f0331dae6866.tmp</t>
  </si>
  <si>
    <t>\\acsfs\profiles$\Adrieledgc\Downloads\86159b03-6ef5-4495-8795-f0331dae6866.tmp</t>
  </si>
  <si>
    <t>f83666ac-4467-413a-879b-1ca8211caa3d.tmp</t>
  </si>
  <si>
    <t>\\acsfs\profiles$\Adrieledgc\Downloads\f83666ac-4467-413a-879b-1ca8211caa3d.tmp</t>
  </si>
  <si>
    <t>alefl@algartech.com;alessandroam@algartech.com;daniela.ribeiro@bv.com.br;eliane.martins@bv.com.br;flora.lira@bv.com.br;jose.gomes@bv.com.br;katia.lee@bv.com.br;maria.patrocinia@bv.com.br;marianesg@algartech.com;regis.costa@bv.com.br;samantha.cheque@bv.com.br;taysdss@algartech.com;thiagordu@algartech.com;</t>
  </si>
  <si>
    <t>alefl@algartech.com,alessandroam@algartech.com,daniela.ribeiro@bv.com.br,eliane.martins@bv.com.br,flora.lira@bv.com.br,jose.gomes@bv.com.br,katia.lee@bv.com.br,maria.patrocinia@bv.com.br,marianesg@algartech.com,regis.costa@bv.com.br,samantha.cheque@bv.com.br,taysdss@algartech.com,thiagordu@algartech.com</t>
  </si>
  <si>
    <t>07112e0e-59ec-4c28-a646-1fb0d0450932.tmp</t>
  </si>
  <si>
    <t>\\acsfs\profiles$\julianeas\Downloads\07112e0e-59ec-4c28-a646-1fb0d0450932.tmp</t>
  </si>
  <si>
    <t>0704b841-987f-43d3-8a0b-03a5774f47ad.tmp</t>
  </si>
  <si>
    <t>\\acsfs\profiles$\rafaelacdoc\Downloads\0704b841-987f-43d3-8a0b-03a5774f47ad.tmp</t>
  </si>
  <si>
    <t>37780b96-daf5-431f-86a0-9f64f06ea4d0.tmp</t>
  </si>
  <si>
    <t>\\acsfs\profiles$\andreapdsg\Downloads\37780b96-daf5-431f-86a0-9f64f06ea4d0.tmp</t>
  </si>
  <si>
    <t>40e147b3-907c-46a3-8da0-d19abe1522a4.tmp</t>
  </si>
  <si>
    <t>\\acsfs\profiles$\gabrielamdp\Downloads\40e147b3-907c-46a3-8da0-d19abe1522a4.tmp</t>
  </si>
  <si>
    <t>https://andrelpsa@algartech.com,joaogvc@algartech.com,leonardoao@algartech.com,marianadjc@algartech.com,maristelavodq@bv.algartech.com,paulacn@algartech.com,rafaelggs@algartech.com,ricardodfm@algartech.com.br,taysdss@algartech.com,viniciussg@algartech.com</t>
  </si>
  <si>
    <t>7b882c4d-9565-474b-8d18-c77bd424bbc2.tmp</t>
  </si>
  <si>
    <t>\\acsfs\profiles$\ingridsm\Downloads\7b882c4d-9565-474b-8d18-c77bd424bbc2.tmp</t>
  </si>
  <si>
    <t>e13dca26-9534-46c5-9712-2bf88cc00cb7.tmp</t>
  </si>
  <si>
    <t>\\acsfs\profiles$\paulohaf\Downloads\e13dca26-9534-46c5-9712-2bf88cc00cb7.tmp</t>
  </si>
  <si>
    <t>bdc1fa6c-45d9-4496-a6c0-3df2978391b4.tmp</t>
  </si>
  <si>
    <t>\\acsfs\profiles$\gabrielamdp\Downloads\bdc1fa6c-45d9-4496-a6c0-3df2978391b4.tmp</t>
  </si>
  <si>
    <t>35d8e5af-4ddf-4c9b-a2c2-1c15a26b1943.tmp</t>
  </si>
  <si>
    <t>\\acsfs\profiles$\ingridsm\Downloads\35d8e5af-4ddf-4c9b-a2c2-1c15a26b1943.tmp</t>
  </si>
  <si>
    <t>3f1a0aa3-25ac-4400-ad8b-1086f5c0cbe9.tmp</t>
  </si>
  <si>
    <t>\\acsfs\profiles$\fernandofs\Downloads\3f1a0aa3-25ac-4400-ad8b-1086f5c0cbe9.tmp</t>
  </si>
  <si>
    <t>20545527-4f3e-4b77-8dde-3104fd59b814.tmp</t>
  </si>
  <si>
    <t>\\acsfs\profiles$\victorgl\Downloads\20545527-4f3e-4b77-8dde-3104fd59b814.tmp</t>
  </si>
  <si>
    <t>e40f02c6-38bb-4b0a-9d76-f0b193bb80fd.tmp</t>
  </si>
  <si>
    <t>\\acsfs\profiles$\victorgl\Downloads\e40f02c6-38bb-4b0a-9d76-f0b193bb80fd.tmp</t>
  </si>
  <si>
    <t>9ef270d9-4e27-459d-ba92-c6cf33d6de4e.tmp</t>
  </si>
  <si>
    <t>\\acsfs\profiles$\victorgl\Downloads\9ef270d9-4e27-459d-ba92-c6cf33d6de4e.tmp</t>
  </si>
  <si>
    <t>2ea142ef-bf49-403e-81d0-382ecdd3ceb6.tmp</t>
  </si>
  <si>
    <t>\\acsfs\profiles$\leonardobb\Downloads\2ea142ef-bf49-403e-81d0-382ecdd3ceb6.tmp</t>
  </si>
  <si>
    <t>3b28ded7-974f-41b2-8d17-0d425dd2adaf.tmp</t>
  </si>
  <si>
    <t>\\acsfs\profiles$\leonardobb\Downloads\3b28ded7-974f-41b2-8d17-0d425dd2adaf.tmp</t>
  </si>
  <si>
    <t>5b925681-b305-4386-b69f-dfcbffab0cf8.tmp</t>
  </si>
  <si>
    <t>\\acsfs\profiles$\leonardobb\Downloads\5b925681-b305-4386-b69f-dfcbffab0cf8.tmp</t>
  </si>
  <si>
    <t>28a22139-7599-4ee6-a3ef-cec508adbb8f.tmp</t>
  </si>
  <si>
    <t>\\acsfs\profiles$\victorgl\Downloads\28a22139-7599-4ee6-a3ef-cec508adbb8f.tmp</t>
  </si>
  <si>
    <t>b87b3b7b-d28c-4e45-b20d-b5c48b058a00.tmp</t>
  </si>
  <si>
    <t>\\acsfs\profiles$\victorgl\Downloads\b87b3b7b-d28c-4e45-b20d-b5c48b058a00.tmp</t>
  </si>
  <si>
    <t>ab93b640-f585-4a47-ae0e-e947911fe27d.tmp</t>
  </si>
  <si>
    <t>\\acsfs\profiles$\laurandos\Downloads\ab93b640-f585-4a47-ae0e-e947911fe27d.tmp</t>
  </si>
  <si>
    <t>7f948f74-c6e2-41f9-b00a-4a49391e5cc8.tmp</t>
  </si>
  <si>
    <t>\\acsfs\profiles$\taylaedoa\Downloads\7f948f74-c6e2-41f9-b00a-4a49391e5cc8.tmp</t>
  </si>
  <si>
    <t>3330dfeb-254d-4f1f-b0cd-ee1f0dfc2879.tmp</t>
  </si>
  <si>
    <t>\\acsfs\profiles$\laurandos\Downloads\3330dfeb-254d-4f1f-b0cd-ee1f0dfc2879.tmp</t>
  </si>
  <si>
    <t>lu39408721mne.tmp</t>
  </si>
  <si>
    <t>\\acsfs\profiles$\jalilebds\Downloads\lu39408721mne.tmp</t>
  </si>
  <si>
    <t>http://sdcatalogo.algartech.com:8080/usm/documents?&amp;sh=mktpkhysxnb72pyal33rmshmvhg=&amp;portal=true&amp;sp=rriif</t>
  </si>
  <si>
    <t>doc daniel.pdf</t>
  </si>
  <si>
    <t>35919db7-8bff-4784-90fd-2cba3cd7ad4d.tmp</t>
  </si>
  <si>
    <t>\\acsfs\profiles$\andressamf\Downloads\35919db7-8bff-4784-90fd-2cba3cd7ad4d.tmp</t>
  </si>
  <si>
    <t>e461dc7a-4a83-4111-a0ba-aecedc99e254.tmp</t>
  </si>
  <si>
    <t>\\acsfs\profiles$\alinepp\Downloads\e461dc7a-4a83-4111-a0ba-aecedc99e254.tmp</t>
  </si>
  <si>
    <t>2218491c-16d7-4690-a216-d1feed4187ed.tmp</t>
  </si>
  <si>
    <t>\\acsfs\profiles$\julianeas\Downloads\2218491c-16d7-4690-a216-d1feed4187ed.tmp</t>
  </si>
  <si>
    <t>ceab56a6-adb7-4a88-bd3b-115507bc1ad0.tmp</t>
  </si>
  <si>
    <t>\\acsfs\profiles$\marcosvnds\Downloads\ceab56a6-adb7-4a88-bd3b-115507bc1ad0.tmp</t>
  </si>
  <si>
    <t>https://andrelpsa@algartech.com,joaogvc@algartech.com,leonardoao@algartech.com,marianadjc@algartech.com,planejamentodeoperacoesetrafego@bv.com.br,ricardodfm@algartech.com.br,sofiamses@algartech.com,taysdss@algartech.com,viniciussg@algartech.com</t>
  </si>
  <si>
    <t>7ca8bc4f-261d-455a-9f85-7b47848def2d.tmp</t>
  </si>
  <si>
    <t>\\acsfs\profiles$\andressamf\Downloads\7ca8bc4f-261d-455a-9f85-7b47848def2d.tmp</t>
  </si>
  <si>
    <t>bd5e6b4d-c7e3-49e9-8611-8ca4185ed0c2.tmp</t>
  </si>
  <si>
    <t>\\acsfs\profiles$\fabianobmf\Downloads\bd5e6b4d-c7e3-49e9-8611-8ca4185ed0c2.tmp</t>
  </si>
  <si>
    <t>dfecda6d-157a-4896-9d9f-77288452ad6c.tmp</t>
  </si>
  <si>
    <t>\\acsfs\profiles$\fabianafv\Downloads\dfecda6d-157a-4896-9d9f-77288452ad6c.tmp</t>
  </si>
  <si>
    <t>8ef79919-f78e-4ec6-ab5c-3148c053ff82.tmp</t>
  </si>
  <si>
    <t>\\acsfs\profiles$\rosileiam\Downloads\8ef79919-f78e-4ec6-ab5c-3148c053ff82.tmp</t>
  </si>
  <si>
    <t>db712d2b-1b20-45de-9659-a4c9b71e45e2.tmp</t>
  </si>
  <si>
    <t>\\acsfs\profiles$\rafaelacdoc\Downloads\db712d2b-1b20-45de-9659-a4c9b71e45e2.tmp</t>
  </si>
  <si>
    <t>d40b4dc8-cc76-4930-9d57-6c3003088cee.tmp</t>
  </si>
  <si>
    <t>\\acsfs\profiles$\fabianafv\Downloads\d40b4dc8-cc76-4930-9d57-6c3003088cee.tmp</t>
  </si>
  <si>
    <t>lu39408721mnp.tmp</t>
  </si>
  <si>
    <t>\\acsfs\profiles$\jalilebds\Downloads\lu39408721mnp.tmp</t>
  </si>
  <si>
    <t>lu39408721mns.tmp</t>
  </si>
  <si>
    <t>\\acsfs\profiles$\jalilebds\Downloads\lu39408721mns.tmp</t>
  </si>
  <si>
    <t>e7f0e70d-3cf4-423a-81c7-cdc010c92dac.tmp</t>
  </si>
  <si>
    <t>\\acsfs\profiles$\alinepp\Downloads\e7f0e70d-3cf4-423a-81c7-cdc010c92dac.tmp</t>
  </si>
  <si>
    <t>101b64eb-cdf6-4d9f-ab83-182a7465b62e.tmp</t>
  </si>
  <si>
    <t>\\acsfs\profiles$\nathaliaos\Downloads\101b64eb-cdf6-4d9f-ab83-182a7465b62e.tmp</t>
  </si>
  <si>
    <t>aab05513-4fd1-402f-ba54-0711e3c5837e.tmp</t>
  </si>
  <si>
    <t>\\acsfs\profiles$\gabrielaff\Downloads\aab05513-4fd1-402f-ba54-0711e3c5837e.tmp</t>
  </si>
  <si>
    <t>637c77b3-77bb-44a4-a16d-439d755d6bef.tmp</t>
  </si>
  <si>
    <t>\\acsfs\profiles$\gabrielamdp\Downloads\637c77b3-77bb-44a4-a16d-439d755d6bef.tmp</t>
  </si>
  <si>
    <t>1edf07bf-fa57-430d-b513-82f87f9c2740.tmp</t>
  </si>
  <si>
    <t>\\acsfs\profiles$\taylaedoa\Downloads\1edf07bf-fa57-430d-b513-82f87f9c2740.tmp</t>
  </si>
  <si>
    <t>965e531a-34bd-4639-bed8-363aaffb9939.tmp</t>
  </si>
  <si>
    <t>\\acsfs\profiles$\nathaliaos\Downloads\965e531a-34bd-4639-bed8-363aaffb9939.tmp</t>
  </si>
  <si>
    <t>291e20ed-ba19-4274-95d3-1ca432e75ee0.tmp</t>
  </si>
  <si>
    <t>\\acsfs\profiles$\laurandos\Downloads\291e20ed-ba19-4274-95d3-1ca432e75ee0.tmp</t>
  </si>
  <si>
    <t>969d37ca-2d6f-4778-8439-285e1d1d9c83.tmp</t>
  </si>
  <si>
    <t>\\acsfs\profiles$\ingridsm\Downloads\969d37ca-2d6f-4778-8439-285e1d1d9c83.tmp</t>
  </si>
  <si>
    <t>d7338bde-9b01-4b5c-b7b3-9ab51ff83fcf.tmp</t>
  </si>
  <si>
    <t>\\acsfs\profiles$\ingridsm\Downloads\d7338bde-9b01-4b5c-b7b3-9ab51ff83fcf.tmp</t>
  </si>
  <si>
    <t>b1afe258-7591-46f9-9853-dbf863e7d6cc.tmp</t>
  </si>
  <si>
    <t>\\acsfs\profiles$\ingridsm\Downloads\b1afe258-7591-46f9-9853-dbf863e7d6cc.tmp</t>
  </si>
  <si>
    <t>be3f26bd-4559-47e6-b827-fc275d175c7c.tmp</t>
  </si>
  <si>
    <t>\\acsfs\profiles$\rafaelacdoc\Downloads\be3f26bd-4559-47e6-b827-fc275d175c7c.tmp</t>
  </si>
  <si>
    <t>XLOG_marcosvnds_10012020_131303.log</t>
  </si>
  <si>
    <t>\\acsfs\profiles$\marcosvnds\My Documents\xworkcenter\logs\XLOG_marcosvnds_10012020_131303.log</t>
  </si>
  <si>
    <t>https://parceiro.metlife.com.br/cotadorml/implantador/propostas/cadproposta.aspx?idproposta=1879282</t>
  </si>
  <si>
    <t>9b7e117a-3dbc-4c60-8ff6-c7efcb38bc1f.tmp</t>
  </si>
  <si>
    <t>\\acsfs\profiles$\marcosvnds\Downloads\9b7e117a-3dbc-4c60-8ff6-c7efcb38bc1f.tmp</t>
  </si>
  <si>
    <t>dd4183bf-16e0-4a24-9210-747bdde2a745.tmp</t>
  </si>
  <si>
    <t>\\acsfs\profiles$\marcosvnds\Downloads\dd4183bf-16e0-4a24-9210-747bdde2a745.tmp</t>
  </si>
  <si>
    <t>436f5ca9-3530-4599-9ea0-e39f096b265b.tmp</t>
  </si>
  <si>
    <t>\\acsfs\profiles$\anafaes\Downloads\436f5ca9-3530-4599-9ea0-e39f096b265b.tmp</t>
  </si>
  <si>
    <t>19787f36-a389-4c40-849a-3c7f7969fcaf.tmp</t>
  </si>
  <si>
    <t>\\acsfs\profiles$\brendadsl\Downloads\19787f36-a389-4c40-849a-3c7f7969fcaf.tmp</t>
  </si>
  <si>
    <t>ccd0ed5a-d07d-40df-aed8-bcd93d41218c.tmp</t>
  </si>
  <si>
    <t>\\acsfs\profiles$\myllenardl\Downloads\ccd0ed5a-d07d-40df-aed8-bcd93d41218c.tmp</t>
  </si>
  <si>
    <t>42618428-b98c-409c-8baa-672c1d11c573.tmp</t>
  </si>
  <si>
    <t>\\acsfs\profiles$\alinepp\Downloads\42618428-b98c-409c-8baa-672c1d11c573.tmp</t>
  </si>
  <si>
    <t>ba21027f-7bd7-48de-b31b-2f3688a52ff9.tmp</t>
  </si>
  <si>
    <t>\\acsfs\profiles$\ingridsm\Downloads\ba21027f-7bd7-48de-b31b-2f3688a52ff9.tmp</t>
  </si>
  <si>
    <t>9a55b7d8-8bb5-4a87-83c0-5d58cf4e9ed4.tmp</t>
  </si>
  <si>
    <t>\\acsfs\profiles$\julianeas\Downloads\9a55b7d8-8bb5-4a87-83c0-5d58cf4e9ed4.tmp</t>
  </si>
  <si>
    <t>fd8bb73f-5211-4440-b1bb-745ad37d04a5.tmp</t>
  </si>
  <si>
    <t>\\acsfs\profiles$\brunalas\Downloads\fd8bb73f-5211-4440-b1bb-745ad37d04a5.tmp</t>
  </si>
  <si>
    <t>fa4c694d-4a98-4c49-952d-949a02b9b18f.tmp</t>
  </si>
  <si>
    <t>\\acsfs\profiles$\brunalas\Downloads\fa4c694d-4a98-4c49-952d-949a02b9b18f.tmp</t>
  </si>
  <si>
    <t>9dc34344-7815-4da5-97f3-3e264b44c0b4.tmp</t>
  </si>
  <si>
    <t>\\acsfs\profiles$\laurandos\Downloads\9dc34344-7815-4da5-97f3-3e264b44c0b4.tmp</t>
  </si>
  <si>
    <t>e9d80754-081a-463f-8d72-ed3f097fef0b.tmp</t>
  </si>
  <si>
    <t>\\acsfs\profiles$\edicarlosdl\Downloads\e9d80754-081a-463f-8d72-ed3f097fef0b.tmp</t>
  </si>
  <si>
    <t>8f5f977a-b2ac-4090-b3fd-7dfb56581cdf.tmp</t>
  </si>
  <si>
    <t>\\acsfs\profiles$\ingridsm\Downloads\8f5f977a-b2ac-4090-b3fd-7dfb56581cdf.tmp</t>
  </si>
  <si>
    <t>742b2c5b-b328-4206-a72d-9746ff44091e.tmp</t>
  </si>
  <si>
    <t>\\acsfs\profiles$\rafaelacdoc\Downloads\742b2c5b-b328-4206-a72d-9746ff44091e.tmp</t>
  </si>
  <si>
    <t>348eaff2-c909-402c-a940-c8e6eb7558c5.tmp</t>
  </si>
  <si>
    <t>\\acsfs\profiles$\anafaes\Downloads\348eaff2-c909-402c-a940-c8e6eb7558c5.tmp</t>
  </si>
  <si>
    <t>f92a73c3-e49e-4e78-b8af-7ab5fd51dcf2.tmp</t>
  </si>
  <si>
    <t>\\acsfs\profiles$\leonardocb\Downloads\f92a73c3-e49e-4e78-b8af-7ab5fd51dcf2.tmp</t>
  </si>
  <si>
    <t>91269305-a480-44ad-a038-a50c9b49f421.tmp</t>
  </si>
  <si>
    <t>\\acsfs\profiles$\myllenardl\Downloads\91269305-a480-44ad-a038-a50c9b49f421.tmp</t>
  </si>
  <si>
    <t>http://api.viglink.com/api/optimize</t>
  </si>
  <si>
    <t>XLOG_anakcs_10012020_123848.log</t>
  </si>
  <si>
    <t>\\acsfs\profiles$\anakcs\My Documents\xworkcenter\logs\XLOG_anakcs_10012020_123848.log</t>
  </si>
  <si>
    <t>251020c3-1d39-4b9e-b74f-5c0732d5502f.tmp</t>
  </si>
  <si>
    <t>\\acsfs\profiles$\gabrielamdp\Downloads\251020c3-1d39-4b9e-b74f-5c0732d5502f.tmp</t>
  </si>
  <si>
    <t>616114b8-1c3b-453f-af65-197fbb5de4d4.tmp</t>
  </si>
  <si>
    <t>\\acsfs\profiles$\leonardocb\Downloads\616114b8-1c3b-453f-af65-197fbb5de4d4.tmp</t>
  </si>
  <si>
    <t>http://api.viglink.com/api/click</t>
  </si>
  <si>
    <t>06534432-29cd-4285-a39b-9b0b2a342d11.tmp</t>
  </si>
  <si>
    <t>\\acsfs\profiles$\alinepp\Downloads\06534432-29cd-4285-a39b-9b0b2a342d11.tmp</t>
  </si>
  <si>
    <t>1315a65c-7ebd-4155-9028-79d8908af99b.tmp</t>
  </si>
  <si>
    <t>\\acsfs\profiles$\taylaedoa\Downloads\1315a65c-7ebd-4155-9028-79d8908af99b.tmp</t>
  </si>
  <si>
    <t>image2020-01-10-205909.pdf</t>
  </si>
  <si>
    <t>lu39408721mnz.tmp</t>
  </si>
  <si>
    <t>\\acsfs\profiles$\jalilebds\Downloads\lu39408721mnz.tmp</t>
  </si>
  <si>
    <t>fcc8f303-d7a0-448d-8224-472e72bd953d.tmp</t>
  </si>
  <si>
    <t>\\acsfs\profiles$\cintiadjl\Downloads\fcc8f303-d7a0-448d-8224-472e72bd953d.tmp</t>
  </si>
  <si>
    <t>9e84a06c-2b67-4891-85a3-1f17ff3f4b97.tmp</t>
  </si>
  <si>
    <t>\\acsfs\profiles$\myllenardl\Downloads\9e84a06c-2b67-4891-85a3-1f17ff3f4b97.tmp</t>
  </si>
  <si>
    <t>84d5bae5-ee98-4bad-b0fb-4fe963a3c613.tmp</t>
  </si>
  <si>
    <t>\\acsfs\profiles$\myllenardl\Downloads\84d5bae5-ee98-4bad-b0fb-4fe963a3c613.tmp</t>
  </si>
  <si>
    <t>da698b27-2826-4df3-83af-d3e82377d4b6.tmp</t>
  </si>
  <si>
    <t>\\acsfs\profiles$\taylaedoa\Downloads\da698b27-2826-4df3-83af-d3e82377d4b6.tmp</t>
  </si>
  <si>
    <t>e4155bb9-241e-4d5a-962d-3fc671b87807.tmp</t>
  </si>
  <si>
    <t>\\acsfs\profiles$\gabrielamdp\Downloads\e4155bb9-241e-4d5a-962d-3fc671b87807.tmp</t>
  </si>
  <si>
    <t>a22683eb-0177-4961-bf3d-ecabad92a3f0.tmp</t>
  </si>
  <si>
    <t>\\acsfs\profiles$\ingridsm\Downloads\a22683eb-0177-4961-bf3d-ecabad92a3f0.tmp</t>
  </si>
  <si>
    <t>lu39408721mo6.tmp</t>
  </si>
  <si>
    <t>\\acsfs\profiles$\jalilebds\Downloads\lu39408721mo6.tmp</t>
  </si>
  <si>
    <t>lu39408721mo9.tmp</t>
  </si>
  <si>
    <t>\\acsfs\profiles$\jalilebds\Downloads\lu39408721mo9.tmp</t>
  </si>
  <si>
    <t>e3346e28-bf33-4968-90f1-fed0ee0c541d.tmp</t>
  </si>
  <si>
    <t>\\acsfs\profiles$\nathaliaos\Downloads\e3346e28-bf33-4968-90f1-fed0ee0c541d.tmp</t>
  </si>
  <si>
    <t>cde51fbd-5fdc-4ad3-8dfa-80e8877387c2.tmp</t>
  </si>
  <si>
    <t>\\acsfs\profiles$\joycemmdl\Downloads\cde51fbd-5fdc-4ad3-8dfa-80e8877387c2.tmp</t>
  </si>
  <si>
    <t>0094fd7b-154b-414c-b228-e8737e3077e2.tmp</t>
  </si>
  <si>
    <t>\\acsfs\profiles$\ROBERTM\Downloads\0094fd7b-154b-414c-b228-e8737e3077e2.tmp</t>
  </si>
  <si>
    <t>9cc3b6e5-ce63-48c4-a766-272de166465d.tmp</t>
  </si>
  <si>
    <t>\\acsfs\profiles$\alinepp\Downloads\9cc3b6e5-ce63-48c4-a766-272de166465d.tmp</t>
  </si>
  <si>
    <t>XLOG_andrezacapf_10012020_135201.log</t>
  </si>
  <si>
    <t>\\acsfs\profiles$\andrezacapf\My Documents\xworkcenter\logs\XLOG_andrezacapf_10012020_135201.log</t>
  </si>
  <si>
    <t>f15264a5-c1c2-4afa-9874-b292ee84ffca.tmp</t>
  </si>
  <si>
    <t>\\acsfs\profiles$\ROBERTM\Downloads\f15264a5-c1c2-4afa-9874-b292ee84ffca.tmp</t>
  </si>
  <si>
    <t>aeb7d8e9-bc45-488e-b34f-4ab643db64b7.tmp</t>
  </si>
  <si>
    <t>\\acsfs\profiles$\ROBERTM\Downloads\aeb7d8e9-bc45-488e-b34f-4ab643db64b7.tmp</t>
  </si>
  <si>
    <t>568b5b0c-b89b-4162-b22c-278381c0d85e.tmp</t>
  </si>
  <si>
    <t>\\acsfs\profiles$\ROBERTM\Downloads\568b5b0c-b89b-4162-b22c-278381c0d85e.tmp</t>
  </si>
  <si>
    <t>b2be1288-435a-4bea-9ec3-ccad94e7cc18.tmp</t>
  </si>
  <si>
    <t>\\acsfs\profiles$\ROBERTM\Downloads\b2be1288-435a-4bea-9ec3-ccad94e7cc18.tmp</t>
  </si>
  <si>
    <t>be3d8499-4344-4723-ae3f-023f82023009.tmp</t>
  </si>
  <si>
    <t>\\acsfs\profiles$\ROBERTM\Downloads\be3d8499-4344-4723-ae3f-023f82023009.tmp</t>
  </si>
  <si>
    <t>cd77b053-41e9-402d-95bc-7b70c24fb266.tmp</t>
  </si>
  <si>
    <t>\\acsfs\profiles$\ROBERTM\Downloads\cd77b053-41e9-402d-95bc-7b70c24fb266.tmp</t>
  </si>
  <si>
    <t>50ad434f-3080-4daa-82c0-d63742f0b555.tmp</t>
  </si>
  <si>
    <t>\\acsfs\profiles$\ROBERTM\Downloads\50ad434f-3080-4daa-82c0-d63742f0b555.tmp</t>
  </si>
  <si>
    <t>0b39d7b8-17dd-4501-8c82-6ee5e3fd5d7d.tmp</t>
  </si>
  <si>
    <t>\\acsfs\profiles$\ROBERTM\Downloads\0b39d7b8-17dd-4501-8c82-6ee5e3fd5d7d.tmp</t>
  </si>
  <si>
    <t>lu220801e83jq.tmp</t>
  </si>
  <si>
    <t>\\acsfs\profiles$\ALYNYA\My Documents\lu220801e83jq.tmp</t>
  </si>
  <si>
    <t>\\acsfs\profiles$\ALYNYA\My Documents\lu220801e83jq.tmp\</t>
  </si>
  <si>
    <t>\\acsfs\profiles$\ALYNYA\My Documents\lu220801e83jq.tmp\META-INF\</t>
  </si>
  <si>
    <t>\\acsfs\profiles$\ALYNYA\My Documents\lu220801e83jq.tmp\Thumbnails\</t>
  </si>
  <si>
    <t>32f04a72-578e-47d5-895b-5b329cbbbe47.tmp</t>
  </si>
  <si>
    <t>\\acsfs\profiles$\ALYNYA\Downloads\32f04a72-578e-47d5-895b-5b329cbbbe47.tmp</t>
  </si>
  <si>
    <t>9ef12f29-8ad6-42ee-9b58-b4aacf810633.tmp</t>
  </si>
  <si>
    <t>\\acsfs\profiles$\ALYNYA\Downloads\9ef12f29-8ad6-42ee-9b58-b4aacf810633.tmp</t>
  </si>
  <si>
    <t>e4b5fcfe-2b06-4e2e-ab22-443151cf29de.tmp</t>
  </si>
  <si>
    <t>\\acsfs\profiles$\lucasqdss\Downloads\e4b5fcfe-2b06-4e2e-ab22-443151cf29de.tmp</t>
  </si>
  <si>
    <t>912a698e-0a6e-4297-bd3b-dfec5c5d4949.tmp</t>
  </si>
  <si>
    <t>\\acsfs\profiles$\lucasqdss\Downloads\912a698e-0a6e-4297-bd3b-dfec5c5d4949.tmp</t>
  </si>
  <si>
    <t>7d8e9f85-340d-4594-a4ae-6528916b2ad6.tmp</t>
  </si>
  <si>
    <t>\\acsfs\profiles$\danielac\Downloads\7d8e9f85-340d-4594-a4ae-6528916b2ad6.tmp</t>
  </si>
  <si>
    <t>fb6cf8b8-7497-4b06-b21e-26154830029a.tmp</t>
  </si>
  <si>
    <t>\\acsfs\profiles$\danielac\Downloads\fb6cf8b8-7497-4b06-b21e-26154830029a.tmp</t>
  </si>
  <si>
    <t>7b130a4c-f447-4dbe-b343-b3ed3d7a7b76.tmp</t>
  </si>
  <si>
    <t>\\acsfs\profiles$\danielac\Downloads\7b130a4c-f447-4dbe-b343-b3ed3d7a7b76.tmp</t>
  </si>
  <si>
    <t>30f0ae6d-e1b6-4e60-ba5d-ef26a1713999.tmp</t>
  </si>
  <si>
    <t>\\acsfs\profiles$\ALYNYA\Downloads\30f0ae6d-e1b6-4e60-ba5d-ef26a1713999.tmp</t>
  </si>
  <si>
    <t>f248f39b-9b23-4432-bdfd-6441cd66a7c3.tmp</t>
  </si>
  <si>
    <t>\\acsfs\profiles$\cintiadcf\Downloads\f248f39b-9b23-4432-bdfd-6441cd66a7c3.tmp</t>
  </si>
  <si>
    <t>d698fc4e-6beb-4bb4-9fae-6a662c549e66.tmp</t>
  </si>
  <si>
    <t>\\acsfs\profiles$\cintiadcf\Downloads\d698fc4e-6beb-4bb4-9fae-6a662c549e66.tmp</t>
  </si>
  <si>
    <t>9b9a057e-50af-4de1-8b5b-1473581b6177.tmp</t>
  </si>
  <si>
    <t>\\acsfs\profiles$\lucasgpe\Downloads\9b9a057e-50af-4de1-8b5b-1473581b6177.tmp</t>
  </si>
  <si>
    <t>6f352aeb-035a-479f-89a4-7d751e0a9bb0.tmp</t>
  </si>
  <si>
    <t>\\acsfs\profiles$\cintiadcf\Downloads\6f352aeb-035a-479f-89a4-7d751e0a9bb0.tmp</t>
  </si>
  <si>
    <t>f9f1a06f-18dd-41e6-941d-4f65733b865e.tmp</t>
  </si>
  <si>
    <t>\\acsfs\profiles$\lucasgpe\Downloads\f9f1a06f-18dd-41e6-941d-4f65733b865e.tmp</t>
  </si>
  <si>
    <t>100021783966654;</t>
  </si>
  <si>
    <t>https://100021783966654</t>
  </si>
  <si>
    <t>69acb59d-4ec8-482e-ba50-3b739ed5042f.tmp</t>
  </si>
  <si>
    <t>\\acsfs\profiles$\ALYNYA\Downloads\69acb59d-4ec8-482e-ba50-3b739ed5042f.tmp</t>
  </si>
  <si>
    <t>23e9a9ca-5842-48e5-b2d5-e700041a55ae.tmp</t>
  </si>
  <si>
    <t>\\acsfs\profiles$\claudiajca\Downloads\23e9a9ca-5842-48e5-b2d5-e700041a55ae.tmp</t>
  </si>
  <si>
    <t>b9ac3f63-3fee-4a7f-8db1-35016030a960.tmp</t>
  </si>
  <si>
    <t>\\acsfs\profiles$\claudiajca\Downloads\b9ac3f63-3fee-4a7f-8db1-35016030a960.tmp</t>
  </si>
  <si>
    <t>https://algar.workplace.com/ajax/groups/mall/post_menu/?group_id=384236438960502&amp;post_id=470869776963834&amp;feed_location=2&amp;story_dom_id=mall_post_470869776963834:6:0&amp;entstory_context={"last_view_time":0,"fbfeed_context":true,"location_type":2,"outer_object_element_id":"mall_post_470869776963834:6:0","object_element_id":"mall_post_470869776963834:6:0","is_ad_preview":false,"is_editable":false,"mall_how_many_post_comments":2,"bump_reason":0,"enable_comment":false,"has_preclick_auto_pivot_unit":false,"story_width":502,"frtp_eligible":false,"tn-str":"-r"}&amp;story_token=s:_i100014206742392:vk:470869776963834&amp;button_id=u_fetchstream_8_27</t>
  </si>
  <si>
    <t>C:\Users\martala\AppData\Roaming\Adobe\LogTransport2\Logs\</t>
  </si>
  <si>
    <t>ulog_Acrobat12_Reader_e573a9b3-0763-4d09-af06-33186133c39c_97000548-4414-4136-ae47-97ab00f8578a_0.log</t>
  </si>
  <si>
    <t>C:\Users\martala\AppData\Roaming\Adobe\LogTransport2\Logs\ulog_Acrobat12_Reader_e573a9b3-0763-4d09-af06-33186133c39c_97000548-4414-4136-ae47-97ab00f8578a_0.log\</t>
  </si>
  <si>
    <t>10.200.67.121</t>
  </si>
  <si>
    <t>Camila Lemos Borges (3).contact</t>
  </si>
  <si>
    <t>\\acsfs\profiles$\camillaleb\Contacts\Camila Lemos Borges (3).contact</t>
  </si>
  <si>
    <t>b11bffed-d297-4af2-924d-ade10ff2b7d4.tmp</t>
  </si>
  <si>
    <t>\\acsfs\profiles$\nathaliarmr\Downloads\b11bffed-d297-4af2-924d-ade10ff2b7d4.tmp</t>
  </si>
  <si>
    <t>ulog_Acrobat12_Reader_e573a9b3-0763-4d09-af06-33186133c39c_81b649ab-3a70-4133-85ed-b8683c63dfa7_0.log</t>
  </si>
  <si>
    <t>C:\Users\martala\AppData\Roaming\Adobe\LogTransport2\Logs\ulog_Acrobat12_Reader_e573a9b3-0763-4d09-af06-33186133c39c_81b649ab-3a70-4133-85ed-b8683c63dfa7_0.log\</t>
  </si>
  <si>
    <t>C:\Users\martala\Desktop\</t>
  </si>
  <si>
    <t>Licenciamneto IPVA.pdf</t>
  </si>
  <si>
    <t>9963e40f-132a-41f3-ae29-0c285d3186a9.tmp</t>
  </si>
  <si>
    <t>\\acsfs\profiles$\nathaliarmr\Downloads\9963e40f-132a-41f3-ae29-0c285d3186a9.tmp</t>
  </si>
  <si>
    <t>407801c3-493a-4be4-a486-976dae4ec616.tmp</t>
  </si>
  <si>
    <t>\\acsfs\profiles$\marcellewdl\Downloads\407801c3-493a-4be4-a486-976dae4ec616.tmp</t>
  </si>
  <si>
    <t>03824cfc-719d-4d76-adea-e3be062464d4.tmp</t>
  </si>
  <si>
    <t>\\acsfs\profiles$\luanarda\Downloads\03824cfc-719d-4d76-adea-e3be062464d4.tmp</t>
  </si>
  <si>
    <t>02fa3c47-bfb9-451b-afd7-b5050a184d67.tmp</t>
  </si>
  <si>
    <t>\\acsfs\profiles$\luanarda\Downloads\02fa3c47-bfb9-451b-afd7-b5050a184d67.tmp</t>
  </si>
  <si>
    <t>f4b4947e-e1d4-46f7-98f5-9662b8c9fcee.tmp</t>
  </si>
  <si>
    <t>\\acsfs\profiles$\felipetds\Downloads\f4b4947e-e1d4-46f7-98f5-9662b8c9fcee.tmp</t>
  </si>
  <si>
    <t>9655f18b-9a0d-4d81-9775-7194801292ad.tmp</t>
  </si>
  <si>
    <t>\\acsfs\profiles$\felipetds\Downloads\9655f18b-9a0d-4d81-9775-7194801292ad.tmp</t>
  </si>
  <si>
    <t>5a2261a5-d358-48a2-823a-04bfbab0073e.tmp</t>
  </si>
  <si>
    <t>\\acsfs\profiles$\marcellewdl\Downloads\5a2261a5-d358-48a2-823a-04bfbab0073e.tmp</t>
  </si>
  <si>
    <t>ulog_HeadlightsOptinProductFamily_HeadlightsOptinProduct_00000000-0000-0000-0000-000000000000_b82f2131-6504-4ea3-9eba-826aefdb29e1.log</t>
  </si>
  <si>
    <t>C:\Users\martala\AppData\Roaming\Adobe\LogTransport2\Logs\ulog_HeadlightsOptinProductFamily_HeadlightsOptinProduct_00000000-0000-0000-0000-000000000000_b82f2131-6504-4ea3-9eba-826aefdb29e1.log\</t>
  </si>
  <si>
    <t>andrelpsa@algartech.com;josiascdsj@algartech.com;leonardoao@algartech.com;marianadjc@algartech.com;paulacn@algartech.com;ricardodfm@algartech.com.br;taysdss@algartech.com;viniciussg@algartech.com;</t>
  </si>
  <si>
    <t>andrelpsa@algartech.com,josiascdsj@algartech.com,leonardoao@algartech.com,marianadjc@algartech.com,paulacn@algartech.com,ricardodfm@algartech.com.br,taysdss@algartech.com,viniciussg@algartech.com</t>
  </si>
  <si>
    <t>c2e265a5-3329-49fb-bffd-c1be7f158ad4.tmp</t>
  </si>
  <si>
    <t>\\acsfs\profiles$\lucasqdss\Downloads\c2e265a5-3329-49fb-bffd-c1be7f158ad4.tmp</t>
  </si>
  <si>
    <t>5fba20a9-a376-46f7-9cca-d77e7170d65e.tmp</t>
  </si>
  <si>
    <t>\\acsfs\profiles$\marcellewdl\Downloads\5fba20a9-a376-46f7-9cca-d77e7170d65e.tmp</t>
  </si>
  <si>
    <t>1926ac1f-4b4f-4336-a6c0-1efa560facbf.tmp</t>
  </si>
  <si>
    <t>\\acsfs\profiles$\marcellewdl\Downloads\1926ac1f-4b4f-4336-a6c0-1efa560facbf.tmp</t>
  </si>
  <si>
    <t>9c5237de-fdd3-40b8-ae25-cb2a71d5a5b1.tmp</t>
  </si>
  <si>
    <t>\\acsfs\profiles$\ALYNYA\Downloads\9c5237de-fdd3-40b8-ae25-cb2a71d5a5b1.tmp</t>
  </si>
  <si>
    <t>6f3aa013-c6fd-4324-970c-12ed8e5852be.tmp</t>
  </si>
  <si>
    <t>\\acsfs\profiles$\ALYNYA\Downloads\6f3aa013-c6fd-4324-970c-12ed8e5852be.tmp</t>
  </si>
  <si>
    <t>7e5963cb-3843-4608-8169-00d685eb06fc.tmp</t>
  </si>
  <si>
    <t>\\acsfs\profiles$\nataliacsl\Downloads\7e5963cb-3843-4608-8169-00d685eb06fc.tmp</t>
  </si>
  <si>
    <t>8d389a42-43ff-4aef-a2f3-6eb0ff77d18c.tmp</t>
  </si>
  <si>
    <t>\\acsfs\profiles$\nataliacsl\Downloads\8d389a42-43ff-4aef-a2f3-6eb0ff77d18c.tmp</t>
  </si>
  <si>
    <t>8194b879-a062-4f46-8fa5-843f6576a3fe.tmp</t>
  </si>
  <si>
    <t>\\acsfs\profiles$\nataliacsl\Downloads\8194b879-a062-4f46-8fa5-843f6576a3fe.tmp</t>
  </si>
  <si>
    <t>f1b9a3df-85e4-4b01-ac2d-3723235897ad.tmp</t>
  </si>
  <si>
    <t>\\acsfs\profiles$\nataliacsl\Downloads\f1b9a3df-85e4-4b01-ac2d-3723235897ad.tmp</t>
  </si>
  <si>
    <t>eca48aa2-6078-4b2b-a6e4-80d84dbca902.tmp</t>
  </si>
  <si>
    <t>\\acsfs\profiles$\isabellegtds\Downloads\eca48aa2-6078-4b2b-a6e4-80d84dbca902.tmp</t>
  </si>
  <si>
    <t>a23b92a3-cbc5-44b4-ba57-0db5ab3a40d2.tmp</t>
  </si>
  <si>
    <t>\\acsfs\profiles$\marcellewdl\Downloads\a23b92a3-cbc5-44b4-ba57-0db5ab3a40d2.tmp</t>
  </si>
  <si>
    <t>64a80279-6446-4087-94d2-143c74a5cd3c.tmp</t>
  </si>
  <si>
    <t>\\acsfs\profiles$\isabellegtds\Downloads\64a80279-6446-4087-94d2-143c74a5cd3c.tmp</t>
  </si>
  <si>
    <t>26d415f6-2f0b-45da-a9b1-d01f901088fb.tmp</t>
  </si>
  <si>
    <t>\\acsfs\profiles$\LAISLG\Downloads\26d415f6-2f0b-45da-a9b1-d01f901088fb.tmp</t>
  </si>
  <si>
    <t>2bf72683-64be-4f7b-a1b2-6e55124ac2c9.tmp</t>
  </si>
  <si>
    <t>\\acsfs\profiles$\LAISLG\Downloads\2bf72683-64be-4f7b-a1b2-6e55124ac2c9.tmp</t>
  </si>
  <si>
    <t>d026a33a-5b63-459f-9a7a-7367ddbee91d.tmp</t>
  </si>
  <si>
    <t>\\acsfs\profiles$\gabrielaff\Downloads\d026a33a-5b63-459f-9a7a-7367ddbee91d.tmp</t>
  </si>
  <si>
    <t>51bab189-c78a-4ea1-a913-8e47fefa2498.tmp</t>
  </si>
  <si>
    <t>\\acsfs\profiles$\gabrielaff\Downloads\51bab189-c78a-4ea1-a913-8e47fefa2498.tmp</t>
  </si>
  <si>
    <t>d7f52336-0f58-472e-96e2-2adb15c62ef2.tmp</t>
  </si>
  <si>
    <t>\\acsfs\profiles$\isabellegtds\Downloads\d7f52336-0f58-472e-96e2-2adb15c62ef2.tmp</t>
  </si>
  <si>
    <t>a0169631-0e2c-4980-bbfa-bc2c4114ea85.tmp</t>
  </si>
  <si>
    <t>\\acsfs\profiles$\gabrielaff\Downloads\a0169631-0e2c-4980-bbfa-bc2c4114ea85.tmp</t>
  </si>
  <si>
    <t>12809d22-de47-4df4-b2b1-59d6fb5ff778.tmp</t>
  </si>
  <si>
    <t>\\acsfs\profiles$\ALYNYA\Downloads\12809d22-de47-4df4-b2b1-59d6fb5ff778.tmp</t>
  </si>
  <si>
    <t>f9234474-a3ef-429e-88bd-eb6b61233e4a.tmp</t>
  </si>
  <si>
    <t>\\acsfs\profiles$\kellzylenneasr\Downloads\f9234474-a3ef-429e-88bd-eb6b61233e4a.tmp</t>
  </si>
  <si>
    <t>9de0d514-3b77-4dc6-8f06-dbabcfe23dcc.tmp</t>
  </si>
  <si>
    <t>\\acsfs\profiles$\kellzylenneasr\Downloads\9de0d514-3b77-4dc6-8f06-dbabcfe23dcc.tmp</t>
  </si>
  <si>
    <t>5af6d61c-6f5d-4e22-b77d-b3feec69cfc3.tmp</t>
  </si>
  <si>
    <t>\\acsfs\profiles$\felipetds\Downloads\5af6d61c-6f5d-4e22-b77d-b3feec69cfc3.tmp</t>
  </si>
  <si>
    <t>lu1691210wym9.tmp</t>
  </si>
  <si>
    <t>\\acsfs\profiles$\CLAUDIAJCA\lu1691210wym9.tmp</t>
  </si>
  <si>
    <t>\\acsfs\profiles$\CLAUDIAJCA\lu1691210wym9.tmp\</t>
  </si>
  <si>
    <t>\\acsfs\profiles$\CLAUDIAJCA\lu1691210wym9.tmp\META-INF\</t>
  </si>
  <si>
    <t>\\acsfs\profiles$\CLAUDIAJCA\lu1691210wym9.tmp\Thumbnails\</t>
  </si>
  <si>
    <t>REPORT ACOMPANHAMENTO - BV - JANEIRO2.xlsb</t>
  </si>
  <si>
    <t>\\acsfs\deptos\Operacao\PCP\5 - Comum\PLANEJAMENTO BV\14 - ACOMPANHAMENTO\1 - REPORT ACOMPANHAMENTO\2020\1 - JANEIRO\FINANCEIRA\REPORT ACOMPANHAMENTO - BV - JANEIRO2.xlsb</t>
  </si>
  <si>
    <t>andrelpsa@algartech.com;josiascdsj@algartech.com;leonardoao@algartech.com;marianadjc@algartech.com;paulacn@algartech.com;rafaelggs@algartech.com;ricardodfm@algartech.com.br;taysdss@algartech.com;viniciussg@algartech.com;</t>
  </si>
  <si>
    <t>andrelpsa@algartech.com,josiascdsj@algartech.com,leonardoao@algartech.com,marianadjc@algartech.com,paulacn@algartech.com,rafaelggs@algartech.com,ricardodfm@algartech.com.br,taysdss@algartech.com,viniciussg@algartech.com</t>
  </si>
  <si>
    <t>cd195eca-a4cd-497e-818e-d0ec6ad90ddf.tmp</t>
  </si>
  <si>
    <t>\\acsfs\profiles$\lucasgpe\Downloads\cd195eca-a4cd-497e-818e-d0ec6ad90ddf.tmp</t>
  </si>
  <si>
    <t>f53034a0-b60e-4ed1-a29f-131d534a3f01.tmp</t>
  </si>
  <si>
    <t>\\acsfs\profiles$\marcellewdl\Downloads\f53034a0-b60e-4ed1-a29f-131d534a3f01.tmp</t>
  </si>
  <si>
    <t>81aca8a0-e3db-4843-a25a-28a7e0e6f26b.tmp</t>
  </si>
  <si>
    <t>\\acsfs\profiles$\luanarda\Downloads\81aca8a0-e3db-4843-a25a-28a7e0e6f26b.tmp</t>
  </si>
  <si>
    <t>82a9bcdf-052b-4749-b5d2-9c095aa7e19b.tmp</t>
  </si>
  <si>
    <t>\\acsfs\profiles$\marcellewdl\Downloads\82a9bcdf-052b-4749-b5d2-9c095aa7e19b.tmp</t>
  </si>
  <si>
    <t>9b18c2ef-17bf-43b5-80a9-35aa9724e74f.tmp</t>
  </si>
  <si>
    <t>\\acsfs\profiles$\lucasgpe\Downloads\9b18c2ef-17bf-43b5-80a9-35aa9724e74f.tmp</t>
  </si>
  <si>
    <t>7c7c973c-4e70-4c26-a201-e87a0cd1ec7c.tmp</t>
  </si>
  <si>
    <t>\\acsfs\profiles$\nathaliarmr\Downloads\7c7c973c-4e70-4c26-a201-e87a0cd1ec7c.tmp</t>
  </si>
  <si>
    <t>72117c48-c4a2-4921-99da-d3fa4f9437c5.tmp</t>
  </si>
  <si>
    <t>\\acsfs\profiles$\nathaliarmr\Downloads\72117c48-c4a2-4921-99da-d3fa4f9437c5.tmp</t>
  </si>
  <si>
    <t>02a16af4-63ed-4223-8121-248facf7b433.tmp</t>
  </si>
  <si>
    <t>\\acsfs\profiles$\nataliacsl\Downloads\02a16af4-63ed-4223-8121-248facf7b433.tmp</t>
  </si>
  <si>
    <t>9e7afabb-0ab0-4a4e-8741-7a041d922eb0.tmp</t>
  </si>
  <si>
    <t>\\acsfs\profiles$\nataliacsl\Downloads\9e7afabb-0ab0-4a4e-8741-7a041d922eb0.tmp</t>
  </si>
  <si>
    <t>43f9e7e6-fb96-4d16-87d8-77745461252e.tmp</t>
  </si>
  <si>
    <t>\\acsfs\profiles$\ALYNYA\Downloads\43f9e7e6-fb96-4d16-87d8-77745461252e.tmp</t>
  </si>
  <si>
    <t>091677ba-eaaf-4a9f-bd82-3871b6f478fa.tmp</t>
  </si>
  <si>
    <t>\\acsfs\profiles$\nathaliarmr\Downloads\091677ba-eaaf-4a9f-bd82-3871b6f478fa.tmp</t>
  </si>
  <si>
    <t>Not available</t>
  </si>
  <si>
    <t>b2fcbc9a-c05b-46dd-ac94-535578c7b219.tmp</t>
  </si>
  <si>
    <t>\\acsfs\profiles$\isabellegtds\Downloads\b2fcbc9a-c05b-46dd-ac94-535578c7b219.tmp</t>
  </si>
  <si>
    <t>0c2b6fc9-601b-488c-b894-3391a7d73ed8.tmp</t>
  </si>
  <si>
    <t>\\acsfs\profiles$\ALYNYA\Downloads\0c2b6fc9-601b-488c-b894-3391a7d73ed8.tmp</t>
  </si>
  <si>
    <t>VOTORANT-CA067</t>
  </si>
  <si>
    <t>fd262672-130b-4a61-963b-c372f412c5f6.tmp</t>
  </si>
  <si>
    <t>\\acsfs\profiles$\lucasgpe\Downloads\fd262672-130b-4a61-963b-c372f412c5f6.tmp</t>
  </si>
  <si>
    <t>fefd7c4a-98d8-402d-a88b-3dc0384277e4.tmp</t>
  </si>
  <si>
    <t>\\acsfs\profiles$\lucasgpe\Downloads\fefd7c4a-98d8-402d-a88b-3dc0384277e4.tmp</t>
  </si>
  <si>
    <t>a41375c0-04de-443a-93c8-d1fc9d90c089.tmp</t>
  </si>
  <si>
    <t>\\acsfs\profiles$\lucasgpe\Downloads\a41375c0-04de-443a-93c8-d1fc9d90c089.tmp</t>
  </si>
  <si>
    <t>d3e2b163-00fc-43fd-90b8-85e9af9fa63f.tmp</t>
  </si>
  <si>
    <t>\\acsfs\profiles$\lucasgpe\Downloads\d3e2b163-00fc-43fd-90b8-85e9af9fa63f.tmp</t>
  </si>
  <si>
    <t>0ab2b031-fca2-46a9-88fc-0f59c5bd4880.tmp</t>
  </si>
  <si>
    <t>\\acsfs\profiles$\nathaliarmr\Downloads\0ab2b031-fca2-46a9-88fc-0f59c5bd4880.tmp</t>
  </si>
  <si>
    <t>f1fe8eb4-2a00-4f73-b76d-4f8d745f98ad.tmp</t>
  </si>
  <si>
    <t>\\acsfs\profiles$\danielac\Downloads\f1fe8eb4-2a00-4f73-b76d-4f8d745f98ad.tmp</t>
  </si>
  <si>
    <t>536da2cd-f39b-454c-8d19-9fe80a05274b.tmp</t>
  </si>
  <si>
    <t>\\acsfs\profiles$\lucasgpe\Downloads\536da2cd-f39b-454c-8d19-9fe80a05274b.tmp</t>
  </si>
  <si>
    <t>bdc0ec36-50e9-4d3b-8d2a-0f2f5dbe1254.tmp</t>
  </si>
  <si>
    <t>\\acsfs\profiles$\kellzylenneasr\Downloads\bdc0ec36-50e9-4d3b-8d2a-0f2f5dbe1254.tmp</t>
  </si>
  <si>
    <t>5318499f-b5c0-434f-bc17-04f1e17d62f8.tmp</t>
  </si>
  <si>
    <t>\\acsfs\profiles$\luanarda\Downloads\5318499f-b5c0-434f-bc17-04f1e17d62f8.tmp</t>
  </si>
  <si>
    <t>c14e0a39-d92b-46fa-a8ed-5b6929b222b7.tmp</t>
  </si>
  <si>
    <t>\\acsfs\profiles$\nathaliarmr\Downloads\c14e0a39-d92b-46fa-a8ed-5b6929b222b7.tmp</t>
  </si>
  <si>
    <t>cd8c51ec-c952-43ba-ab28-f8a4ce613ab1.tmp</t>
  </si>
  <si>
    <t>\\acsfs\profiles$\nathaliarmr\Downloads\cd8c51ec-c952-43ba-ab28-f8a4ce613ab1.tmp</t>
  </si>
  <si>
    <t>f1f18972-16aa-4ca5-91e8-c31f653554c0.tmp</t>
  </si>
  <si>
    <t>\\acsfs\profiles$\claudiajca\Downloads\f1f18972-16aa-4ca5-91e8-c31f653554c0.tmp</t>
  </si>
  <si>
    <t>ff6d28f5-0fa9-4e37-9192-cb047fb91e62.tmp</t>
  </si>
  <si>
    <t>\\acsfs\profiles$\ALYNYA\Downloads\ff6d28f5-0fa9-4e37-9192-cb047fb91e62.tmp</t>
  </si>
  <si>
    <t>9988266b-0f8b-4f15-be71-2f4f9c860801.tmp</t>
  </si>
  <si>
    <t>\\acsfs\profiles$\ALYNYA\Downloads\9988266b-0f8b-4f15-be71-2f4f9c860801.tmp</t>
  </si>
  <si>
    <t>aa1676b2-7fe6-4675-9918-7953cfd944cd.tmp</t>
  </si>
  <si>
    <t>\\acsfs\profiles$\danielac\Downloads\aa1676b2-7fe6-4675-9918-7953cfd944cd.tmp</t>
  </si>
  <si>
    <t>88a3e35f-67ad-4914-82b9-6a2c872c2a2a.tmp</t>
  </si>
  <si>
    <t>\\acsfs\profiles$\felipetds\Downloads\88a3e35f-67ad-4914-82b9-6a2c872c2a2a.tmp</t>
  </si>
  <si>
    <t>8b80959b-7468-4665-82d0-933ea4c8e50f.tmp</t>
  </si>
  <si>
    <t>\\acsfs\profiles$\gabrielaff\Downloads\8b80959b-7468-4665-82d0-933ea4c8e50f.tmp</t>
  </si>
  <si>
    <t>2036e92d-b5e3-403c-a8a6-907960a3bd18.tmp</t>
  </si>
  <si>
    <t>\\acsfs\profiles$\ALYNYA\Downloads\2036e92d-b5e3-403c-a8a6-907960a3bd18.tmp</t>
  </si>
  <si>
    <t>fbf52385-e6c7-4a95-8c2d-b7e03c49bed3.tmp</t>
  </si>
  <si>
    <t>\\acsfs\profiles$\nathaliarmr\Downloads\fbf52385-e6c7-4a95-8c2d-b7e03c49bed3.tmp</t>
  </si>
  <si>
    <t>ebef3cc2-e44d-4bff-888a-ea598bc153ea.tmp</t>
  </si>
  <si>
    <t>\\acsfs\profiles$\luanarda\Downloads\ebef3cc2-e44d-4bff-888a-ea598bc153ea.tmp</t>
  </si>
  <si>
    <t>06201c8c-0a8b-4a0c-9bf4-a36b71d9cba8.tmp</t>
  </si>
  <si>
    <t>\\acsfs\profiles$\gabrielaff\Downloads\06201c8c-0a8b-4a0c-9bf4-a36b71d9cba8.tmp</t>
  </si>
  <si>
    <t>8d2b9c8c-0922-43bb-bc3c-9fbddb994009.tmp</t>
  </si>
  <si>
    <t>\\acsfs\profiles$\gabrielaff\Downloads\8d2b9c8c-0922-43bb-bc3c-9fbddb994009.tmp</t>
  </si>
  <si>
    <t>320adf5f-6afc-4079-b578-9a148a3c9ec0.tmp</t>
  </si>
  <si>
    <t>\\acsfs\profiles$\luanarda\Downloads\320adf5f-6afc-4079-b578-9a148a3c9ec0.tmp</t>
  </si>
  <si>
    <t>b3278741-9be2-4b40-9e54-32e5d9151d3b.tmp</t>
  </si>
  <si>
    <t>\\acsfs\profiles$\luanarda\Downloads\b3278741-9be2-4b40-9e54-32e5d9151d3b.tmp</t>
  </si>
  <si>
    <t>10.200.67.16</t>
  </si>
  <si>
    <t>80028e8c-9020-4483-aff4-fbe01b1ddf7e.tmp</t>
  </si>
  <si>
    <t>\\acsfs\profiles$\welidicdj\Downloads\80028e8c-9020-4483-aff4-fbe01b1ddf7e.tmp</t>
  </si>
  <si>
    <t>9d6e6286-f4da-46ff-bdb8-82bcb5e4bfb0.tmp</t>
  </si>
  <si>
    <t>\\acsfs\profiles$\claudiajca\Downloads\9d6e6286-f4da-46ff-bdb8-82bcb5e4bfb0.tmp</t>
  </si>
  <si>
    <t>39f7216d-606b-4333-853d-05d52d7465ee.tmp</t>
  </si>
  <si>
    <t>\\acsfs\profiles$\claudiajca\Downloads\39f7216d-606b-4333-853d-05d52d7465ee.tmp</t>
  </si>
  <si>
    <t>96c80925-f5de-43af-afbf-f7dd487dffce.tmp</t>
  </si>
  <si>
    <t>\\acsfs\profiles$\welidicdj\Downloads\96c80925-f5de-43af-afbf-f7dd487dffce.tmp</t>
  </si>
  <si>
    <t>lu292481dgtqn.tmp</t>
  </si>
  <si>
    <t>\\acsfs\profiles$\lucasgpe\Desktop\lu292481dgtqn.tmp</t>
  </si>
  <si>
    <t>\\acsfs\profiles$\lucasgpe\Desktop\lu292481dgtqn.tmp\</t>
  </si>
  <si>
    <t>\\acsfs\profiles$\lucasgpe\Desktop\lu292481dgtqn.tmp\META-INF\</t>
  </si>
  <si>
    <t>\\acsfs\profiles$\lucasgpe\Desktop\lu292481dgtqn.tmp\Thumbnails\</t>
  </si>
  <si>
    <t>9ef2145d-71b2-4982-9bac-597457784176.tmp</t>
  </si>
  <si>
    <t>\\acsfs\profiles$\felipetds\Downloads\9ef2145d-71b2-4982-9bac-597457784176.tmp</t>
  </si>
  <si>
    <t>b119b666-94a3-41e8-8643-a9f5866250cf.tmp</t>
  </si>
  <si>
    <t>\\acsfs\profiles$\isabellegtds\Downloads\b119b666-94a3-41e8-8643-a9f5866250cf.tmp</t>
  </si>
  <si>
    <t>29004bf8-c9f1-41c2-8cc8-ba53a35a8295.tmp</t>
  </si>
  <si>
    <t>\\acsfs\profiles$\isabellegtds\Downloads\29004bf8-c9f1-41c2-8cc8-ba53a35a8295.tmp</t>
  </si>
  <si>
    <t>967e0bad-22e8-4ae1-8a22-b7fe4e8d4e24.tmp</t>
  </si>
  <si>
    <t>\\acsfs\profiles$\welidicdj\Downloads\967e0bad-22e8-4ae1-8a22-b7fe4e8d4e24.tmp</t>
  </si>
  <si>
    <t>c4d2b51d-e005-49fe-a44a-05eb1a6ca3dd.tmp</t>
  </si>
  <si>
    <t>\\acsfs\profiles$\welidicdj\Downloads\c4d2b51d-e005-49fe-a44a-05eb1a6ca3dd.tmp</t>
  </si>
  <si>
    <t>0ec72a3b-4bd6-4c84-91f8-8891238ecacf.tmp</t>
  </si>
  <si>
    <t>\\acsfs\profiles$\welidicdj\Downloads\0ec72a3b-4bd6-4c84-91f8-8891238ecacf.tmp</t>
  </si>
  <si>
    <t>5df88dc1-ba5e-43cb-ab96-dd1cc4a5b2fd.tmp</t>
  </si>
  <si>
    <t>\\acsfs\profiles$\welidicdj\Downloads\5df88dc1-ba5e-43cb-ab96-dd1cc4a5b2fd.tmp</t>
  </si>
  <si>
    <t>0cd52495-cec9-4525-a8bc-7b50cb7673a2.tmp</t>
  </si>
  <si>
    <t>\\acsfs\profiles$\isabellegtds\Downloads\0cd52495-cec9-4525-a8bc-7b50cb7673a2.tmp</t>
  </si>
  <si>
    <t>d7a0680b-9b06-4a15-bae2-5c80cde84faa.tmp</t>
  </si>
  <si>
    <t>\\acsfs\profiles$\kellzylenneasr\Downloads\d7a0680b-9b06-4a15-bae2-5c80cde84faa.tmp</t>
  </si>
  <si>
    <t>134f89fc-56ca-432a-9f63-2e351d28289f.tmp</t>
  </si>
  <si>
    <t>\\acsfs\profiles$\brunalas\Downloads\134f89fc-56ca-432a-9f63-2e351d28289f.tmp</t>
  </si>
  <si>
    <t>lu1922411glqe.tmp</t>
  </si>
  <si>
    <t>\\acsfs\profiles$\marcellewdl\My Documents\lu1922411glqe.tmp</t>
  </si>
  <si>
    <t>\\acsfs\profiles$\marcellewdl\My Documents\lu1922411glqe.tmp\</t>
  </si>
  <si>
    <t>\\acsfs\profiles$\marcellewdl\My Documents\lu1922411glqe.tmp\META-INF\</t>
  </si>
  <si>
    <t>\\acsfs\profiles$\marcellewdl\My Documents\lu1922411glqe.tmp\Thumbnails\</t>
  </si>
  <si>
    <t>92f786d3-7dcc-4e13-9e37-a32201f03107.tmp</t>
  </si>
  <si>
    <t>\\acsfs\profiles$\matheushds\Downloads\92f786d3-7dcc-4e13-9e37-a32201f03107.tmp</t>
  </si>
  <si>
    <t>13ae2327-6045-4030-8f05-7ada0b5072ec.tmp</t>
  </si>
  <si>
    <t>\\acsfs\profiles$\matheushds\Downloads\13ae2327-6045-4030-8f05-7ada0b5072ec.tmp</t>
  </si>
  <si>
    <t>77845490-8522-4afd-9960-55239ce47d02.tmp</t>
  </si>
  <si>
    <t>\\acsfs\profiles$\matheushds\Downloads\77845490-8522-4afd-9960-55239ce47d02.tmp</t>
  </si>
  <si>
    <t>7b8861e8-0ee2-4d68-86ab-50072fbc2c11.tmp</t>
  </si>
  <si>
    <t>\\acsfs\profiles$\matheushds\Downloads\7b8861e8-0ee2-4d68-86ab-50072fbc2c11.tmp</t>
  </si>
  <si>
    <t>ccad4a83-4d43-4da4-be11-d76f0eba5046.tmp</t>
  </si>
  <si>
    <t>\\acsfs\profiles$\brunalas\Downloads\ccad4a83-4d43-4da4-be11-d76f0eba5046.tmp</t>
  </si>
  <si>
    <t>lu12268n782c.tmp</t>
  </si>
  <si>
    <t>\\acsfs\profiles$\luanarda\lu12268n782c.tmp</t>
  </si>
  <si>
    <t>\\acsfs\profiles$\luanarda\lu12268n782c.tmp\</t>
  </si>
  <si>
    <t>\\acsfs\profiles$\luanarda\lu12268n782c.tmp\META-INF\</t>
  </si>
  <si>
    <t>\\acsfs\profiles$\luanarda\lu12268n782c.tmp\Thumbnails\</t>
  </si>
  <si>
    <t>378e4b42-f392-49cf-aad9-f3952b25538d.tmp</t>
  </si>
  <si>
    <t>\\acsfs\profiles$\isabellegtds\Downloads\378e4b42-f392-49cf-aad9-f3952b25538d.tmp</t>
  </si>
  <si>
    <t>dcb7c921-4400-4e56-8006-eb0578ae57ca.tmp</t>
  </si>
  <si>
    <t>\\acsfs\profiles$\fabianafv\Downloads\dcb7c921-4400-4e56-8006-eb0578ae57ca.tmp</t>
  </si>
  <si>
    <t>637e29f1-e329-4e0f-a72b-9de7cda46df6.tmp</t>
  </si>
  <si>
    <t>\\acsfs\profiles$\fabianafv\Downloads\637e29f1-e329-4e0f-a72b-9de7cda46df6.tmp</t>
  </si>
  <si>
    <t>ac9d4045-26e9-4e3c-bbce-fab4b95947a3.tmp</t>
  </si>
  <si>
    <t>\\acsfs\profiles$\erichds\Downloads\ac9d4045-26e9-4e3c-bbce-fab4b95947a3.tmp</t>
  </si>
  <si>
    <t>4a24dd0d-fbfd-4397-81a0-ce4742f23ce5.tmp</t>
  </si>
  <si>
    <t>\\acsfs\profiles$\isabellegtds\Downloads\4a24dd0d-fbfd-4397-81a0-ce4742f23ce5.tmp</t>
  </si>
  <si>
    <t>f1cb705c-de5a-47c2-991f-b20d71a8f1b3.tmp</t>
  </si>
  <si>
    <t>\\acsfs\profiles$\fabianafv\Downloads\f1cb705c-de5a-47c2-991f-b20d71a8f1b3.tmp</t>
  </si>
  <si>
    <t>94e5b736-509b-49a1-a07d-4c56a6f4d12c.tmp</t>
  </si>
  <si>
    <t>\\acsfs\profiles$\cintiadjl\Downloads\94e5b736-509b-49a1-a07d-4c56a6f4d12c.tmp</t>
  </si>
  <si>
    <t>7b537537-5edd-4f3b-817b-76575bcabc99.tmp</t>
  </si>
  <si>
    <t>\\acsfs\profiles$\cintiadjl\Downloads\7b537537-5edd-4f3b-817b-76575bcabc99.tmp</t>
  </si>
  <si>
    <t>2480a77b-b9dc-4db9-b367-ec3472c0cc38.tmp</t>
  </si>
  <si>
    <t>\\acsfs\profiles$\rosileiam\Downloads\2480a77b-b9dc-4db9-b367-ec3472c0cc38.tmp</t>
  </si>
  <si>
    <t>7dd9f92e-3cdf-4b2f-a422-602b6debc2a4.tmp</t>
  </si>
  <si>
    <t>\\acsfs\profiles$\rosileiam\Downloads\7dd9f92e-3cdf-4b2f-a422-602b6debc2a4.tmp</t>
  </si>
  <si>
    <t>\\acsfs\profiles$\FERNANDOFS\</t>
  </si>
  <si>
    <t>\\acsfs\profiles$\FERNANDOFS\Novo Documento de Texto.txt</t>
  </si>
  <si>
    <t>d77f6646-2114-4d05-92ba-fadbedcdca9d.tmp</t>
  </si>
  <si>
    <t>\\acsfs\profiles$\fernandofs\Downloads\d77f6646-2114-4d05-92ba-fadbedcdca9d.tmp</t>
  </si>
  <si>
    <t>31b4f783-1394-48ed-a4f7-ec515dd59419.tmp</t>
  </si>
  <si>
    <t>\\acsfs\profiles$\fernandofs\Downloads\31b4f783-1394-48ed-a4f7-ec515dd59419.tmp</t>
  </si>
  <si>
    <t>winrt--{S-1-5-21-602162358-764733703-839522115-358586}-.searchconnector-ms</t>
  </si>
  <si>
    <t>\\acsfs\profiles$\rafaelacdoc\Searches\winrt--{S-1-5-21-602162358-764733703-839522115-358586}-.searchconnector-ms</t>
  </si>
  <si>
    <t>10.200.66.182</t>
  </si>
  <si>
    <t>d58a807a-d4c8-4460-b58c-581c25dd4149.tmp</t>
  </si>
  <si>
    <t>\\acsfs\profiles$\rafaelacdoc\Downloads\d58a807a-d4c8-4460-b58c-581c25dd4149.tmp</t>
  </si>
  <si>
    <t>3f784fc8-fd0a-4846-ba81-ed7628993218.tmp</t>
  </si>
  <si>
    <t>\\acsfs\profiles$\rafaelacdoc\Downloads\3f784fc8-fd0a-4846-ba81-ed7628993218.tmp</t>
  </si>
  <si>
    <t>Q29udHJvbGxlci5JRS1JbmZvQlY- (36).ica</t>
  </si>
  <si>
    <t>\\acsfs\profiles$\rafaelacdoc\Downloads\Q29udHJvbGxlci5JRS1JbmZvQlY- (36).ica</t>
  </si>
  <si>
    <t>92bd72c0-c51e-41fc-a30e-a72ed81d36a8.tmp</t>
  </si>
  <si>
    <t>\\acsfs\profiles$\isabellegtds\Downloads\92bd72c0-c51e-41fc-a30e-a72ed81d36a8.tmp</t>
  </si>
  <si>
    <t>ea8eb739-6c3a-4eb5-9115-d4b428d629dc.tmp</t>
  </si>
  <si>
    <t>\\acsfs\profiles$\laurandos\Downloads\ea8eb739-6c3a-4eb5-9115-d4b428d629dc.tmp</t>
  </si>
  <si>
    <t>75fd1b1c-8b7f-41f4-9625-55644191f2b4.tmp</t>
  </si>
  <si>
    <t>\\acsfs\profiles$\laurandos\Downloads\75fd1b1c-8b7f-41f4-9625-55644191f2b4.tmp</t>
  </si>
  <si>
    <t>e9ebe132-e616-46d7-8ae8-8cde95af2f80.tmp</t>
  </si>
  <si>
    <t>\\acsfs\profiles$\welidicdj\Downloads\e9ebe132-e616-46d7-8ae8-8cde95af2f80.tmp</t>
  </si>
  <si>
    <t>28836764-85ed-47e8-9ae0-e13ba5bbb0c8.tmp</t>
  </si>
  <si>
    <t>\\acsfs\profiles$\fabianafv\Downloads\28836764-85ed-47e8-9ae0-e13ba5bbb0c8.tmp</t>
  </si>
  <si>
    <t>493e27bc-50a8-4ccf-ad91-d8120805b482.tmp</t>
  </si>
  <si>
    <t>\\acsfs\profiles$\myllenardl\Downloads\493e27bc-50a8-4ccf-ad91-d8120805b482.tmp</t>
  </si>
  <si>
    <t>9ad90a0d-0877-4b52-a972-37927f518071.tmp</t>
  </si>
  <si>
    <t>\\acsfs\profiles$\myllenardl\Downloads\9ad90a0d-0877-4b52-a972-37927f518071.tmp</t>
  </si>
  <si>
    <t>5efd80fe-342d-4297-ad4a-e5a09426aa74.tmp</t>
  </si>
  <si>
    <t>\\acsfs\profiles$\welidicdj\Downloads\5efd80fe-342d-4297-ad4a-e5a09426aa74.tmp</t>
  </si>
  <si>
    <t>ca408d4f-684a-43b9-85dd-9ccfddcf6ba6.tmp</t>
  </si>
  <si>
    <t>\\acsfs\profiles$\paulohaf\Downloads\ca408d4f-684a-43b9-85dd-9ccfddcf6ba6.tmp</t>
  </si>
  <si>
    <t>93d449a4-aadf-4754-b40d-66ce8d53af43.tmp</t>
  </si>
  <si>
    <t>\\acsfs\profiles$\paulohaf\Downloads\93d449a4-aadf-4754-b40d-66ce8d53af43.tmp</t>
  </si>
  <si>
    <t>80b81faf-7e88-4413-a4f6-95ee250f7444.tmp</t>
  </si>
  <si>
    <t>\\acsfs\profiles$\paulohaf\Downloads\80b81faf-7e88-4413-a4f6-95ee250f7444.tmp</t>
  </si>
  <si>
    <t>1579417212&amp;gjid=311475631&amp;cid=847816909.1578768687&amp;tid=ua-76641-8&amp;_gid=772970490.1578768687&amp;_r=1&amp;gtm=2wg121rbkk&amp;cd1=logged_out&amp;cd2=none&amp;cd3=pt&amp;cd4=875257527.533498762&amp;cd8=search&amp;cd12=0&amp;cd20=none&amp;cd17=847816909.1578768687&amp;z=945603262 http</t>
  </si>
  <si>
    <t>https://fresnel.vimeocdn.com/add/player-stats?beacon=1&amp;session-id=e51c4e7eb3fb1d42573dc8c4f35254172f4972e81578770891</t>
  </si>
  <si>
    <t>1bb83f4b-34ab-4542-b65c-dce01f5007b3.tmp</t>
  </si>
  <si>
    <t>\\acsfs\profiles$\fernandofs\Downloads\1bb83f4b-34ab-4542-b65c-dce01f5007b3.tmp</t>
  </si>
  <si>
    <t>ae4a9f75-5a94-4bab-a36d-07faac9aafa2.tmp</t>
  </si>
  <si>
    <t>\\acsfs\profiles$\erichds\Downloads\ae4a9f75-5a94-4bab-a36d-07faac9aafa2.tmp</t>
  </si>
  <si>
    <t>796ea49c-cd3e-46f0-b3a8-a01328767a0d.tmp</t>
  </si>
  <si>
    <t>\\acsfs\profiles$\erichds\Downloads\796ea49c-cd3e-46f0-b3a8-a01328767a0d.tmp</t>
  </si>
  <si>
    <t>cef0ee11-7e76-4699-8bcd-bef8c8d7d87f.tmp</t>
  </si>
  <si>
    <t>\\acsfs\profiles$\paulohaf\Downloads\cef0ee11-7e76-4699-8bcd-bef8c8d7d87f.tmp</t>
  </si>
  <si>
    <t>6251858c-6681-46ec-a80e-5d2162e15e93.tmp</t>
  </si>
  <si>
    <t>\\acsfs\profiles$\rosileiam\Downloads\6251858c-6681-46ec-a80e-5d2162e15e93.tmp</t>
  </si>
  <si>
    <t>03e8eba8-c34d-42f4-a8c0-8c39a6022ae2.tmp</t>
  </si>
  <si>
    <t>\\acsfs\profiles$\adrieledgc\Downloads\03e8eba8-c34d-42f4-a8c0-8c39a6022ae2.tmp</t>
  </si>
  <si>
    <t>d579d9e6-969a-47f8-9e3f-3a4366b6f2c3.tmp</t>
  </si>
  <si>
    <t>\\acsfs\profiles$\adrieledgc\Downloads\d579d9e6-969a-47f8-9e3f-3a4366b6f2c3.tmp</t>
  </si>
  <si>
    <t>5f8d83c5-47db-418c-a65f-df542b3e50d7.tmp</t>
  </si>
  <si>
    <t>\\acsfs\profiles$\brunalas\Downloads\5f8d83c5-47db-418c-a65f-df542b3e50d7.tmp</t>
  </si>
  <si>
    <t>da219f2f-4e89-4462-99ca-d1ecb76b25d9.tmp</t>
  </si>
  <si>
    <t>\\acsfs\profiles$\adrieledgc\Downloads\da219f2f-4e89-4462-99ca-d1ecb76b25d9.tmp</t>
  </si>
  <si>
    <t>91123e0c-89ed-4f48-b13d-0176012b7d4e.tmp</t>
  </si>
  <si>
    <t>\\acsfs\profiles$\taylaedoa\Downloads\91123e0c-89ed-4f48-b13d-0176012b7d4e.tmp</t>
  </si>
  <si>
    <t>abce5c6d-163f-4bfc-bb63-61982d8d559c.tmp</t>
  </si>
  <si>
    <t>\\acsfs\profiles$\taylaedoa\Downloads\abce5c6d-163f-4bfc-bb63-61982d8d559c.tmp</t>
  </si>
  <si>
    <t>dfece56d-bae3-446e-89d1-885b7156bc88.tmp</t>
  </si>
  <si>
    <t>\\acsfs\profiles$\taylaedoa\Downloads\dfece56d-bae3-446e-89d1-885b7156bc88.tmp</t>
  </si>
  <si>
    <t>c520037e-f0ff-4dbf-97c7-582ab87c18fd.tmp</t>
  </si>
  <si>
    <t>\\acsfs\profiles$\leonardocb\Downloads\c520037e-f0ff-4dbf-97c7-582ab87c18fd.tmp</t>
  </si>
  <si>
    <t>9cefbeb5-6547-45cb-a67e-2b1a237002e4.tmp</t>
  </si>
  <si>
    <t>\\acsfs\profiles$\leonardocb\Downloads\9cefbeb5-6547-45cb-a67e-2b1a237002e4.tmp</t>
  </si>
  <si>
    <t>c88c6d38-5779-4aef-b515-ac0f8057361c.tmp</t>
  </si>
  <si>
    <t>\\acsfs\profiles$\adrieledgc\Downloads\c88c6d38-5779-4aef-b515-ac0f8057361c.tmp</t>
  </si>
  <si>
    <t>3993e84a-a9f6-4b0f-a7c2-b6613798e11e.tmp</t>
  </si>
  <si>
    <t>\\acsfs\profiles$\fernandofs\Downloads\3993e84a-a9f6-4b0f-a7c2-b6613798e11e.tmp</t>
  </si>
  <si>
    <t>38028b9d-2c1b-4faa-a972-5a146863cdab.tmp</t>
  </si>
  <si>
    <t>\\acsfs\profiles$\taylaedoa\Downloads\38028b9d-2c1b-4faa-a972-5a146863cdab.tmp</t>
  </si>
  <si>
    <t>&amp;gjid=&amp;cid=2111195730.1578780202&amp;tid=ua-76641-8&amp;_gid=1583815489.1578780202&amp;gtm=2wg121rbkk&amp;cd1=logged_out&amp;cd2=none&amp;cd3=pt&amp;cd4=1019294979.804055&amp;cd8=search&amp;cd12=0&amp;cd20=none&amp;cd17=2111195730.1578780202&amp;z=86111013 http</t>
  </si>
  <si>
    <t>881132f0-384e-4496-8aa2-af75370fabef.tmp</t>
  </si>
  <si>
    <t>\\acsfs\profiles$\taylaedoa\Downloads\881132f0-384e-4496-8aa2-af75370fabef.tmp</t>
  </si>
  <si>
    <t>426ae1c5-d3b1-4ac7-9040-73e2ce51aaaa.tmp</t>
  </si>
  <si>
    <t>\\acsfs\profiles$\taylaedoa\Downloads\426ae1c5-d3b1-4ac7-9040-73e2ce51aaaa.tmp</t>
  </si>
  <si>
    <t>8100e2b2-ecc1-4723-bcd1-a0bcc9a78b43.tmp</t>
  </si>
  <si>
    <t>\\acsfs\profiles$\taylaedoa\Downloads\8100e2b2-ecc1-4723-bcd1-a0bcc9a78b43.tmp</t>
  </si>
  <si>
    <t>f215e1b9-3a4d-49b9-921c-a113df4e29dd.tmp</t>
  </si>
  <si>
    <t>\\acsfs\profiles$\rosileiam\Downloads\f215e1b9-3a4d-49b9-921c-a113df4e29dd.tmp</t>
  </si>
  <si>
    <t>ae985ab0-c10e-4e91-ae8b-278cb02a40e0.tmp</t>
  </si>
  <si>
    <t>\\acsfs\profiles$\rafaelacdoc\Downloads\ae985ab0-c10e-4e91-ae8b-278cb02a40e0.tmp</t>
  </si>
  <si>
    <t>d0704180-fc26-4edc-8418-908e43f3d248.tmp</t>
  </si>
  <si>
    <t>\\acsfs\profiles$\myllenardl\Downloads\d0704180-fc26-4edc-8418-908e43f3d248.tmp</t>
  </si>
  <si>
    <t>94d21f92-7e8c-4d9c-9bb0-9f7937e9a6c2.tmp</t>
  </si>
  <si>
    <t>\\acsfs\profiles$\myllenardl\Downloads\94d21f92-7e8c-4d9c-9bb0-9f7937e9a6c2.tmp</t>
  </si>
  <si>
    <t>3cb63a2f-37a6-4439-9126-022e0c47321a.tmp</t>
  </si>
  <si>
    <t>\\acsfs\profiles$\myllenardl\Downloads\3cb63a2f-37a6-4439-9126-022e0c47321a.tmp</t>
  </si>
  <si>
    <t>eb447af6-3036-4bfc-b16e-cd9d4e8f7bb4.tmp</t>
  </si>
  <si>
    <t>\\acsfs\profiles$\fabianafv\Downloads\eb447af6-3036-4bfc-b16e-cd9d4e8f7bb4.tmp</t>
  </si>
  <si>
    <t>4400e903-acc8-4e22-8122-0a0accd163db.tmp</t>
  </si>
  <si>
    <t>\\acsfs\profiles$\fabianafv\Downloads\4400e903-acc8-4e22-8122-0a0accd163db.tmp</t>
  </si>
  <si>
    <t>c582bc42-2931-4d43-bc72-b960f8e8a92d.tmp</t>
  </si>
  <si>
    <t>\\acsfs\profiles$\marlyannegdls\Downloads\c582bc42-2931-4d43-bc72-b960f8e8a92d.tmp</t>
  </si>
  <si>
    <t>Q29udHJvbGxlci5QYXl3YXJlLU5vaXRl (8).ica</t>
  </si>
  <si>
    <t>\\acsfs\profiles$\marlyannegdls\Downloads\Q29udHJvbGxlci5QYXl3YXJlLU5vaXRl (8).ica</t>
  </si>
  <si>
    <t>770910e3-8f85-4cc4-803b-ea0a2e8dcef5.tmp</t>
  </si>
  <si>
    <t>\\acsfs\profiles$\leonardocb\Downloads\770910e3-8f85-4cc4-803b-ea0a2e8dcef5.tmp</t>
  </si>
  <si>
    <t>5e16ac47-f525-414a-a680-ea2dee22acc0.tmp</t>
  </si>
  <si>
    <t>\\acsfs\profiles$\adrieledgc\Downloads\5e16ac47-f525-414a-a680-ea2dee22acc0.tmp</t>
  </si>
  <si>
    <t>83f220f4-7978-483f-81e3-59c41ded08e8.tmp</t>
  </si>
  <si>
    <t>\\acsfs\profiles$\taylaedoa\Downloads\83f220f4-7978-483f-81e3-59c41ded08e8.tmp</t>
  </si>
  <si>
    <t>10.200.67.108</t>
  </si>
  <si>
    <t>D0-94-66-B5-52-C1</t>
  </si>
  <si>
    <t>VOTORANT-RB017</t>
  </si>
  <si>
    <t>10.200.67.221</t>
  </si>
  <si>
    <t>D0-94-66-B5-4D-33</t>
  </si>
  <si>
    <t>VOTORANT-SB013</t>
  </si>
  <si>
    <t>10.200.67.198</t>
  </si>
  <si>
    <t>D0-94-66-B5-7E-A3</t>
  </si>
  <si>
    <t>VOTORANT-RB015</t>
  </si>
  <si>
    <t>lu207002sh3ie.tmp</t>
  </si>
  <si>
    <t>\\acsfs\profiles$\ALYNYA\My Documents\lu207002sh3ie.tmp</t>
  </si>
  <si>
    <t>\\acsfs\profiles$\ALYNYA\My Documents\lu207002sh3ie.tmp\</t>
  </si>
  <si>
    <t>\\acsfs\profiles$\ALYNYA\My Documents\lu207002sh3ie.tmp\META-INF\</t>
  </si>
  <si>
    <t>\\acsfs\profiles$\ALYNYA\My Documents\lu207002sh3ie.tmp\Thumbnails\</t>
  </si>
  <si>
    <t>Reneg - Vcto 28-12.xlsx</t>
  </si>
  <si>
    <t>\\acsfs\DEPTOS\Operacao\Banco_Votorantim\Comum\00 - COMUM - BV CARTÕES\EQUIPE ADILSON\Reneg\Reneg - Vcto 28-12.xlsx</t>
  </si>
  <si>
    <t>\\acsfs\DEPTOS\Operacao\Banco_Votorantim\Comum\00 - COMUM - BV CARTÕES\EQUIPE ADILSON\Reneg\Base RENEG\</t>
  </si>
  <si>
    <t>\\acsfs\DEPTOS\Operacao\Banco_Votorantim\Comum\00 - COMUM - BV CARTÕES\EQUIPE ADILSON\Reneg\Base RENEG\Reneg - Vcto 28-12.xlsx</t>
  </si>
  <si>
    <t>\\acsfs\DEPTOS\Operacao\Banco_Votorantim\Comum\00 - COMUM - BV CARTÕES\EQUIPE ADILSON\Reneg\Base RENEG\Reneg - Vcto 01-01-20.xlsx</t>
  </si>
  <si>
    <t>Reneg - Vcto 03 e 05-01-20.xlsx</t>
  </si>
  <si>
    <t>\\acsfs\DEPTOS\Operacao\Banco_Votorantim\Comum\00 - COMUM - BV CARTÕES\EQUIPE ADILSON\Reneg\Base RENEG\Reneg - Vcto 03 e 05-01-20.xlsx</t>
  </si>
  <si>
    <t>Reneg - Vcto 09-01-20.xlsx</t>
  </si>
  <si>
    <t>\\acsfs\DEPTOS\Operacao\Banco_Votorantim\Comum\00 - COMUM - BV CARTÕES\EQUIPE ADILSON\Reneg\Base RENEG\Reneg - Vcto 09-01-20.xlsx</t>
  </si>
  <si>
    <t>\\acsfs\DEPTOS\Operacao\Banco_Votorantim\Comum\00 - COMUM - BV CARTÕES\EQUIPE ADILSON\Reneg\Base RENEG\Reneg - Vcto 08-01-20.xlsx</t>
  </si>
  <si>
    <t>\\acsfs\DEPTOS\Operacao\Banco_Votorantim\Comum\00 - COMUM - BV CARTÕES\EQUIPE ADILSON\Reneg\Base RENEG\Reneg - Vcto 11-01-20.xlsx</t>
  </si>
  <si>
    <t>Tabulações Reneg Cartões.xlsx</t>
  </si>
  <si>
    <t>\\acsfs\DEPTOS\Operacao\Banco_Votorantim\Comum\00 - COMUM - BV CARTÕES\EQUIPE ADILSON\Reneg\Base RENEG\Tabulações Reneg Cartões.xlsx</t>
  </si>
  <si>
    <t>Reneg - Vcto 20-12.xlsx</t>
  </si>
  <si>
    <t>\\acsfs\DEPTOS\Operacao\Banco_Votorantim\Comum\00 - COMUM - BV CARTÕES\EQUIPE ADILSON\Reneg\Base RENEG\Reneg - Vcto 20-12.xlsx</t>
  </si>
  <si>
    <t>\\acsfs\DEPTOS\Operacao\Banco_Votorantim\Comum\00 - COMUM - BV CARTÕES\EQUIPE ADILSON\Reneg\Base RENEG\Reneg - Vcto 26-12.xlsx</t>
  </si>
  <si>
    <t>modelo preenchimento tabulação.xlsx</t>
  </si>
  <si>
    <t>\\acsfs\DEPTOS\Operacao\Banco_Votorantim\Comum\00 - COMUM - BV CARTÕES\EQUIPE ADILSON\Reneg\Base RENEG\modelo preenchimento tabulação.xlsx</t>
  </si>
  <si>
    <t>\\acsfs\DEPTOS\Operacao\Banco_Votorantim\Comum\00 - COMUM - BV CARTÕES\EQUIPE ADILSON\Reneg\Base RENEG OFICIAL\</t>
  </si>
  <si>
    <t>mail.google.com/_/upload?authuser=0&amp;dcp=asu-n&amp;upload_id=AEnB2UrWFRTNRberm5qjYOVYYboaNdaLgJwm9TCadpV4JqYfggXl34qmg2zgYSLogb-YHRQrmG0lgOIUYffRFkeuv9qpfyDalwo6xb1bZRWq7_HGozC6TiI&amp;upload_protocol=resumable</t>
  </si>
  <si>
    <t>lu37068bezx4x.tmp</t>
  </si>
  <si>
    <t>\\acsfs\profiles$\regisedsj\My Documents\lu37068bezx4x.tmp</t>
  </si>
  <si>
    <t>\\acsfs\profiles$\regisedsj\My Documents\lu37068bezx4x.tmp\</t>
  </si>
  <si>
    <t>\\acsfs\profiles$\regisedsj\My Documents\lu37068bezx4x.tmp\META-INF\</t>
  </si>
  <si>
    <t>\\acsfs\profiles$\regisedsj\My Documents\lu37068bezx4x.tmp\Thumbnails\</t>
  </si>
  <si>
    <t>79751c9a-101e-4c79-a4ef-3b3870105f25.tmp</t>
  </si>
  <si>
    <t>\\acsfs\profiles$\leonardocb\Downloads\79751c9a-101e-4c79-a4ef-3b3870105f25.tmp</t>
  </si>
  <si>
    <t>e3294046-dfb1-42a8-80ec-ba7bdb5c7e32.tmp</t>
  </si>
  <si>
    <t>\\acsfs\profiles$\adrieledgc\Downloads\e3294046-dfb1-42a8-80ec-ba7bdb5c7e32.tmp</t>
  </si>
  <si>
    <t>b1cb6e66-a39e-40bc-844c-c0ed8afc59ee.tmp</t>
  </si>
  <si>
    <t>\\acsfs\profiles$\adrieledgc\Downloads\b1cb6e66-a39e-40bc-844c-c0ed8afc59ee.tmp</t>
  </si>
  <si>
    <t>385d6b23-ca4c-4a14-ba0e-9b48bf952025.tmp</t>
  </si>
  <si>
    <t>\\acsfs\profiles$\adrieledgc\Downloads\385d6b23-ca4c-4a14-ba0e-9b48bf952025.tmp</t>
  </si>
  <si>
    <t>1e0009e3-d511-49b9-9324-f1375599f7a5.tmp</t>
  </si>
  <si>
    <t>\\acsfs\profiles$\adrieledgc\Downloads\1e0009e3-d511-49b9-9324-f1375599f7a5.tmp</t>
  </si>
  <si>
    <t>478f477b-d273-4d7b-90ba-2f1093568ea2.tmp</t>
  </si>
  <si>
    <t>\\acsfs\profiles$\adrieledgc\Downloads\478f477b-d273-4d7b-90ba-2f1093568ea2.tmp</t>
  </si>
  <si>
    <t>839c2d40-9714-48b0-bb7e-dfd7f120281b.tmp</t>
  </si>
  <si>
    <t>\\acsfs\profiles$\adrieledgc\Downloads\839c2d40-9714-48b0-bb7e-dfd7f120281b.tmp</t>
  </si>
  <si>
    <t>dc7ffddc-01dc-445c-8331-cc40d7218af6.tmp</t>
  </si>
  <si>
    <t>\\acsfs\profiles$\taylaedoa\Downloads\dc7ffddc-01dc-445c-8331-cc40d7218af6.tmp</t>
  </si>
  <si>
    <t>23ba0133-9dff-47e4-8293-225fe516080f.tmp</t>
  </si>
  <si>
    <t>\\acsfs\profiles$\taylaedoa\Downloads\23ba0133-9dff-47e4-8293-225fe516080f.tmp</t>
  </si>
  <si>
    <t>41d111e5-dd0d-4a29-a4ce-ff5fd3663972.tmp</t>
  </si>
  <si>
    <t>\\acsfs\profiles$\rogeriofd\Downloads\41d111e5-dd0d-4a29-a4ce-ff5fd3663972.tmp</t>
  </si>
  <si>
    <t>e9cebc17-b57a-47ed-8a28-d3b01467c7d8.tmp</t>
  </si>
  <si>
    <t>\\acsfs\profiles$\marlyannegdls\Downloads\e9cebc17-b57a-47ed-8a28-d3b01467c7d8.tmp</t>
  </si>
  <si>
    <t>48a55f1e-767e-46c1-9b20-f8cba31a77b7.tmp</t>
  </si>
  <si>
    <t>\\acsfs\profiles$\marlyannegdls\Downloads\48a55f1e-767e-46c1-9b20-f8cba31a77b7.tmp</t>
  </si>
  <si>
    <t>97816a46-ddcd-46cc-abc5-3f1915dc7310.tmp</t>
  </si>
  <si>
    <t>\\acsfs\profiles$\rogeriofd\Downloads\97816a46-ddcd-46cc-abc5-3f1915dc7310.tmp</t>
  </si>
  <si>
    <t>730f9f3f-0d88-40ae-865b-56e3df7ab72d.tmp</t>
  </si>
  <si>
    <t>\\acsfs\profiles$\marlyannegdls\Downloads\730f9f3f-0d88-40ae-865b-56e3df7ab72d.tmp</t>
  </si>
  <si>
    <t>61f135f8-eecd-4096-abb1-13c4bd28a026.tmp</t>
  </si>
  <si>
    <t>\\acsfs\profiles$\marlyannegdls\Downloads\61f135f8-eecd-4096-abb1-13c4bd28a026.tmp</t>
  </si>
  <si>
    <t>5bfec95f-4b99-467b-b4c3-03ace4777529.tmp</t>
  </si>
  <si>
    <t>\\acsfs\profiles$\marlyannegdls\Downloads\5bfec95f-4b99-467b-b4c3-03ace4777529.tmp</t>
  </si>
  <si>
    <t>lu2356049yc9y.tmp</t>
  </si>
  <si>
    <t>\\acsfs\DEPTOS\Operacao\Banco_Votorantim\Supervisao\SUPERS BV CARTÕES\LAYOUT TV´S\lu2356049yc9y.tmp</t>
  </si>
  <si>
    <t>anapn</t>
  </si>
  <si>
    <t>https://www.youtube.com/error_204?a=logerror&amp;t=jserror&amp;type=syntaxerror&amp;msg=unexpected token &lt; in json at position 0&amp;line=not available&amp;level=warning&amp;client.name=1</t>
  </si>
  <si>
    <t>7b45bfff-65e0-41b7-bc8b-12773b159aa5.tmp</t>
  </si>
  <si>
    <t>\\acsfs\profiles$\ROZENCAM\Downloads\7b45bfff-65e0-41b7-bc8b-12773b159aa5.tmp</t>
  </si>
  <si>
    <t>aa9004a2-afa5-4995-a28f-7cd764180086.tmp</t>
  </si>
  <si>
    <t>\\acsfs\profiles$\ROZENCAM\Downloads\aa9004a2-afa5-4995-a28f-7cd764180086.tmp</t>
  </si>
  <si>
    <t>289be7a4-f2f2-4a52-adec-5a9973ee5a31.tmp</t>
  </si>
  <si>
    <t>\\acsfs\profiles$\ROZENCAM\Downloads\289be7a4-f2f2-4a52-adec-5a9973ee5a31.tmp</t>
  </si>
  <si>
    <t>cf41706e-4deb-48cd-98fb-44df85817a4c.tmp</t>
  </si>
  <si>
    <t>\\acsfs\profiles$\ROZENCAM\Downloads\cf41706e-4deb-48cd-98fb-44df85817a4c.tmp</t>
  </si>
  <si>
    <t>7de0dac9-2ef1-4da7-b5d2-0f679e34ac91.tmp</t>
  </si>
  <si>
    <t>\\acsfs\profiles$\BRUNAAR\Downloads\7de0dac9-2ef1-4da7-b5d2-0f679e34ac91.tmp</t>
  </si>
  <si>
    <t>e70d08a3-f519-4f0e-a8bd-09cbd519234d.tmp</t>
  </si>
  <si>
    <t>\\acsfs\profiles$\BRUNAAR\Downloads\e70d08a3-f519-4f0e-a8bd-09cbd519234d.tmp</t>
  </si>
  <si>
    <t>lu14096gsnw3.tmp</t>
  </si>
  <si>
    <t>\\acsfs\profiles$\BRUNAAR\Numero\lu14096gsnw3.tmp</t>
  </si>
  <si>
    <t>0f51e25c-13fd-4a4e-90f3-aeb6ddcbac65.tmp</t>
  </si>
  <si>
    <t>\\acsfs\profiles$\monicargds\Downloads\0f51e25c-13fd-4a4e-90f3-aeb6ddcbac65.tmp</t>
  </si>
  <si>
    <t>d58da6ef-11c9-46bf-a4fb-c2a230f45b5f.tmp</t>
  </si>
  <si>
    <t>\\acsfs\profiles$\monicargds\Downloads\d58da6ef-11c9-46bf-a4fb-c2a230f45b5f.tmp</t>
  </si>
  <si>
    <t>e60e8cc5-4695-4178-ae7f-521c8c92483e.tmp</t>
  </si>
  <si>
    <t>\\acsfs\profiles$\vivianalds\Downloads\e60e8cc5-4695-4178-ae7f-521c8c92483e.tmp</t>
  </si>
  <si>
    <t>91d736d5-6f7c-4d2e-974e-6ac8a997b471.tmp</t>
  </si>
  <si>
    <t>\\acsfs\profiles$\vivianalds\Downloads\91d736d5-6f7c-4d2e-974e-6ac8a997b471.tmp</t>
  </si>
  <si>
    <t>8d159103-409f-4716-ba9d-2c5367846352.tmp</t>
  </si>
  <si>
    <t>\\acsfs\profiles$\vivianalds\Downloads\8d159103-409f-4716-ba9d-2c5367846352.tmp</t>
  </si>
  <si>
    <t>lu14096gsnw8.tmp</t>
  </si>
  <si>
    <t>\\acsfs\profiles$\BRUNAAR\Numero\lu14096gsnw8.tmp</t>
  </si>
  <si>
    <t>aa50e3ed-d406-44f1-9ad2-81b1aaca1ef6.tmp</t>
  </si>
  <si>
    <t>\\acsfs\profiles$\rafaelamsv\Downloads\aa50e3ed-d406-44f1-9ad2-81b1aaca1ef6.tmp</t>
  </si>
  <si>
    <t>97fb1537-a3df-455d-9213-dc18045223dd.tmp</t>
  </si>
  <si>
    <t>\\acsfs\profiles$\rafaelamsv\Downloads\97fb1537-a3df-455d-9213-dc18045223dd.tmp</t>
  </si>
  <si>
    <t>6bcb7843-c2f6-4b94-ada5-f61470533ba0.tmp</t>
  </si>
  <si>
    <t>\\acsfs\profiles$\ANAPDSB\Downloads\6bcb7843-c2f6-4b94-ada5-f61470533ba0.tmp</t>
  </si>
  <si>
    <t>d26f01b0-68f5-48dd-8f39-02ac91279693.tmp</t>
  </si>
  <si>
    <t>\\acsfs\profiles$\ANAPDSB\Downloads\d26f01b0-68f5-48dd-8f39-02ac91279693.tmp</t>
  </si>
  <si>
    <t>lu15576izhps.tmp</t>
  </si>
  <si>
    <t>\\acsfs\profiles$\VIVIANALDS\My Documents\lu15576izhps.tmp</t>
  </si>
  <si>
    <t>\\acsfs\profiles$\VIVIANALDS\My Documents\lu15576izhps.tmp\</t>
  </si>
  <si>
    <t>\\acsfs\profiles$\VIVIANALDS\My Documents\lu15576izhps.tmp\META-INF\</t>
  </si>
  <si>
    <t>\\acsfs\profiles$\VIVIANALDS\My Documents\lu15576izhps.tmp\Thumbnails\</t>
  </si>
  <si>
    <t>lu15576izhpw.tmp</t>
  </si>
  <si>
    <t>\\acsfs\profiles$\VIVIANALDS\My Documents\lu15576izhpw.tmp</t>
  </si>
  <si>
    <t>\\acsfs\profiles$\VIVIANALDS\My Documents\lu15576izhpw.tmp\</t>
  </si>
  <si>
    <t>\\acsfs\profiles$\VIVIANALDS\My Documents\lu15576izhpw.tmp\META-INF\</t>
  </si>
  <si>
    <t>\\acsfs\profiles$\VIVIANALDS\My Documents\lu15576izhpw.tmp\Thumbnails\</t>
  </si>
  <si>
    <t>lu518122vj3mb.tmp</t>
  </si>
  <si>
    <t>\\acsfs\profiles$\ALEXANDREMM\lu518122vj3mb.tmp</t>
  </si>
  <si>
    <t>\\acsfs\profiles$\ALEXANDREMM\lu518122vj3mb.tmp\</t>
  </si>
  <si>
    <t>\\acsfs\profiles$\ALEXANDREMM\lu518122vj3mb.tmp\META-INF\</t>
  </si>
  <si>
    <t>\\acsfs\profiles$\ALEXANDREMM\lu518122vj3mb.tmp\Thumbnails\</t>
  </si>
  <si>
    <t>lu518122vj3mf.tmp</t>
  </si>
  <si>
    <t>\\acsfs\profiles$\ALEXANDREMM\lu518122vj3mf.tmp</t>
  </si>
  <si>
    <t>\\acsfs\profiles$\ALEXANDREMM\lu518122vj3mf.tmp\</t>
  </si>
  <si>
    <t>\\acsfs\profiles$\ALEXANDREMM\lu518122vj3mf.tmp\META-INF\</t>
  </si>
  <si>
    <t>\\acsfs\profiles$\ALEXANDREMM\lu518122vj3mf.tmp\Thumbnails\</t>
  </si>
  <si>
    <t>lu14096gsnwc.tmp</t>
  </si>
  <si>
    <t>\\acsfs\profiles$\BRUNAAR\Numero\lu14096gsnwc.tmp</t>
  </si>
  <si>
    <t>0ee53c42-663e-4506-b6da-bf5e8c2d14fc.tmp</t>
  </si>
  <si>
    <t>\\acsfs\profiles$\monicargds\Downloads\0ee53c42-663e-4506-b6da-bf5e8c2d14fc.tmp</t>
  </si>
  <si>
    <t>winrt--{S-1-5-21-602162358-764733703-839522115-352963}-.searchconnector-ms</t>
  </si>
  <si>
    <t>\\acsfs\profiles$\PEDROHAB\Searches\winrt--{S-1-5-21-602162358-764733703-839522115-352963}-.searchconnector-ms</t>
  </si>
  <si>
    <t>lu518122vj3mm.tmp</t>
  </si>
  <si>
    <t>\\acsfs\profiles$\ALEXANDREMM\lu518122vj3mm.tmp</t>
  </si>
  <si>
    <t>\\acsfs\profiles$\ALEXANDREMM\lu518122vj3mm.tmp\</t>
  </si>
  <si>
    <t>\\acsfs\profiles$\ALEXANDREMM\lu518122vj3mm.tmp\META-INF\</t>
  </si>
  <si>
    <t>\\acsfs\profiles$\ALEXANDREMM\lu518122vj3mm.tmp\Thumbnails\</t>
  </si>
  <si>
    <t>f63b4d74-4e8c-4ccb-b886-7f1d9051b3d1.tmp</t>
  </si>
  <si>
    <t>\\acsfs\profiles$\Flaviojmm\Downloads\f63b4d74-4e8c-4ccb-b886-7f1d9051b3d1.tmp</t>
  </si>
  <si>
    <t>e5751826-3634-430a-9423-ef0bcf685361.tmp</t>
  </si>
  <si>
    <t>\\acsfs\profiles$\Flaviojmm\Downloads\e5751826-3634-430a-9423-ef0bcf685361.tmp</t>
  </si>
  <si>
    <t>b4b4d980-8ea0-4433-8d48-e61b6012b247.tmp</t>
  </si>
  <si>
    <t>\\acsfs\profiles$\danielmlds\Downloads\b4b4d980-8ea0-4433-8d48-e61b6012b247.tmp</t>
  </si>
  <si>
    <t>499a5887-b460-4075-adeb-21317112816b.tmp</t>
  </si>
  <si>
    <t>\\acsfs\profiles$\danielmlds\Downloads\499a5887-b460-4075-adeb-21317112816b.tmp</t>
  </si>
  <si>
    <t>0b548e70-69d6-460b-a3de-0ce57d852dad.tmp</t>
  </si>
  <si>
    <t>\\acsfs\profiles$\monicargds\Downloads\0b548e70-69d6-460b-a3de-0ce57d852dad.tmp</t>
  </si>
  <si>
    <t>d1ceb018-757b-457a-b975-c154d9e7639d.tmp</t>
  </si>
  <si>
    <t>\\acsfs\profiles$\PEDROHAB\Downloads\d1ceb018-757b-457a-b975-c154d9e7639d.tmp</t>
  </si>
  <si>
    <t>be916bd5-383a-461e-90ac-a64d5a738916.tmp</t>
  </si>
  <si>
    <t>\\acsfs\profiles$\PEDROHAB\Downloads\be916bd5-383a-461e-90ac-a64d5a738916.tmp</t>
  </si>
  <si>
    <t>c7d9ffd6-8855-405f-91ba-3ede315c0164.tmp</t>
  </si>
  <si>
    <t>\\acsfs\profiles$\PEDROHAB\Downloads\c7d9ffd6-8855-405f-91ba-3ede315c0164.tmp</t>
  </si>
  <si>
    <t>cbfffb8a-2000-46c8-a3dd-cd25ac3f779d.tmp</t>
  </si>
  <si>
    <t>\\acsfs\profiles$\Flaviojmm\Downloads\cbfffb8a-2000-46c8-a3dd-cd25ac3f779d.tmp</t>
  </si>
  <si>
    <t>lu518122vj3mt.tmp</t>
  </si>
  <si>
    <t>\\acsfs\profiles$\ALEXANDREMM\lu518122vj3mt.tmp</t>
  </si>
  <si>
    <t>\\acsfs\profiles$\ALEXANDREMM\lu518122vj3mt.tmp\</t>
  </si>
  <si>
    <t>\\acsfs\profiles$\ALEXANDREMM\lu518122vj3mt.tmp\META-INF\</t>
  </si>
  <si>
    <t>\\acsfs\profiles$\ALEXANDREMM\lu518122vj3mt.tmp\Thumbnails\</t>
  </si>
  <si>
    <t>lu14096gsnwf.tmp</t>
  </si>
  <si>
    <t>\\acsfs\profiles$\BRUNAAR\Numero\lu14096gsnwf.tmp</t>
  </si>
  <si>
    <t>lu14096gsnwi.tmp</t>
  </si>
  <si>
    <t>\\acsfs\profiles$\BRUNAAR\Numero\lu14096gsnwi.tmp</t>
  </si>
  <si>
    <t>3623727c-3d99-47f8-a474-bbaf0eab7f1c.tmp</t>
  </si>
  <si>
    <t>\\acsfs\profiles$\francislayneads\Downloads\3623727c-3d99-47f8-a474-bbaf0eab7f1c.tmp</t>
  </si>
  <si>
    <t>28953f98-f0fc-4043-a147-4a94e59c6311.tmp</t>
  </si>
  <si>
    <t>\\acsfs\profiles$\francislayneads\Downloads\28953f98-f0fc-4043-a147-4a94e59c6311.tmp</t>
  </si>
  <si>
    <t>055a397b-824c-48b3-876b-50e3398a2352.tmp</t>
  </si>
  <si>
    <t>\\acsfs\profiles$\jessicafc\Downloads\055a397b-824c-48b3-876b-50e3398a2352.tmp</t>
  </si>
  <si>
    <t>ca076b25-d567-4575-9047-d6feaa2ac09e.tmp</t>
  </si>
  <si>
    <t>\\acsfs\profiles$\mariagsg\Downloads\ca076b25-d567-4575-9047-d6feaa2ac09e.tmp</t>
  </si>
  <si>
    <t>07f3d942-f852-42ba-add5-c7b0d166641e.tmp</t>
  </si>
  <si>
    <t>\\acsfs\profiles$\mariagsg\Downloads\07f3d942-f852-42ba-add5-c7b0d166641e.tmp</t>
  </si>
  <si>
    <t>ba38c28e-e477-43c2-90b0-3189a08ca5ea.tmp</t>
  </si>
  <si>
    <t>\\acsfs\profiles$\jessicafc\Downloads\ba38c28e-e477-43c2-90b0-3189a08ca5ea.tmp</t>
  </si>
  <si>
    <t>6d442576-1bff-4137-b906-993228d1d4b3.tmp</t>
  </si>
  <si>
    <t>\\acsfs\profiles$\danielmlds\Downloads\6d442576-1bff-4137-b906-993228d1d4b3.tmp</t>
  </si>
  <si>
    <t>0242aa0b-033b-4a09-b00e-1379f9b0a1bb.tmp</t>
  </si>
  <si>
    <t>\\acsfs\profiles$\ANAPDSB\Downloads\0242aa0b-033b-4a09-b00e-1379f9b0a1bb.tmp</t>
  </si>
  <si>
    <t>51627bec-3255-49a7-b9e2-c1f6d4299a6e.tmp</t>
  </si>
  <si>
    <t>\\acsfs\profiles$\rafaelamsv\Downloads\51627bec-3255-49a7-b9e2-c1f6d4299a6e.tmp</t>
  </si>
  <si>
    <t>100014229572201;joaogvc@algartech.com;marianadjc@algartech.com;planejamentodeoperacoesetrafego@bv.com.br;ricardodfm@algartech.com.br;taysdss@algartech.com;viniciussg@algartech.com;</t>
  </si>
  <si>
    <t>https://100014229572201,joaogvc@algartech.com,marianadjc@algartech.com,planejamentodeoperacoesetrafego@bv.com.br,ricardodfm@algartech.com.br,taysdss@algartech.com,viniciussg@algartech.com</t>
  </si>
  <si>
    <t>100014229572201;</t>
  </si>
  <si>
    <t>https://100014229572201</t>
  </si>
  <si>
    <t>d77480e1-4fc0-4af6-8f2f-cd29dd46f38b.tmp</t>
  </si>
  <si>
    <t>\\acsfs\profiles$\PEDROHAB\Downloads\d77480e1-4fc0-4af6-8f2f-cd29dd46f38b.tmp</t>
  </si>
  <si>
    <t>lu14096gsnwl.tmp</t>
  </si>
  <si>
    <t>\\acsfs\profiles$\BRUNAAR\Numero\lu14096gsnwl.tmp</t>
  </si>
  <si>
    <t>lu14096gsnwo.tmp</t>
  </si>
  <si>
    <t>\\acsfs\profiles$\BRUNAAR\Numero\lu14096gsnwo.tmp</t>
  </si>
  <si>
    <t>lu2408lgr2z.tmp</t>
  </si>
  <si>
    <t>\\acsfs\DEPTOS\Operacao\Banco_Votorantim\Supervisao\SUPERS BV CARTÕES\ANA VITORIA\APOIO\lu2408lgr2z.tmp</t>
  </si>
  <si>
    <t>\\acsfs\DEPTOS\Operacao\Banco_Votorantim\Supervisao\SUPERS BV CARTÕES\ANA VITORIA\APOIO\lu2408lgr2z.tmp\</t>
  </si>
  <si>
    <t>\\acsfs\DEPTOS\Operacao\Banco_Votorantim\Supervisao\SUPERS BV CARTÕES\ANA VITORIA\APOIO\lu2408lgr2z.tmp\META-INF\</t>
  </si>
  <si>
    <t>\\acsfs\DEPTOS\Operacao\Banco_Votorantim\Supervisao\SUPERS BV CARTÕES\ANA VITORIA\APOIO\lu2408lgr2z.tmp\Thumbnails\</t>
  </si>
  <si>
    <t>rafaelrf@bv.algartech.com</t>
  </si>
  <si>
    <t>https://algarmail/h/search;jsessionid=18dfng0u9riz31ghb17qunswd7?si=0&amp;so=0&amp;sc=70569&amp;st=message&amp;action=compose</t>
  </si>
  <si>
    <t>adilsonloj@algartech.com;</t>
  </si>
  <si>
    <t>https://adilsonloj@algartech.com</t>
  </si>
  <si>
    <t>fb2b74c8-7f51-4060-9e2f-ad6cc98afd50.tmp</t>
  </si>
  <si>
    <t>\\acsfs\profiles$\mariagsg\Downloads\fb2b74c8-7f51-4060-9e2f-ad6cc98afd50.tmp</t>
  </si>
  <si>
    <t>lu518122vj3n0.tmp</t>
  </si>
  <si>
    <t>\\acsfs\profiles$\ALEXANDREMM\lu518122vj3n0.tmp</t>
  </si>
  <si>
    <t>\\acsfs\profiles$\ALEXANDREMM\lu518122vj3n0.tmp\</t>
  </si>
  <si>
    <t>\\acsfs\profiles$\ALEXANDREMM\lu518122vj3n0.tmp\META-INF\</t>
  </si>
  <si>
    <t>\\acsfs\profiles$\ALEXANDREMM\lu518122vj3n0.tmp\Thumbnails\</t>
  </si>
  <si>
    <t>7b27e8b7-3e70-4f78-bf28-41f19e4aa805.tmp</t>
  </si>
  <si>
    <t>\\acsfs\profiles$\rafaelamsv\Downloads\7b27e8b7-3e70-4f78-bf28-41f19e4aa805.tmp</t>
  </si>
  <si>
    <t>bedcbe51-ae72-4b8f-b35a-a32611d0af95.tmp</t>
  </si>
  <si>
    <t>\\acsfs\profiles$\mariagsg\Downloads\bedcbe51-ae72-4b8f-b35a-a32611d0af95.tmp</t>
  </si>
  <si>
    <t>8b165b4f-3b86-4884-9d92-6242087ebb70.tmp</t>
  </si>
  <si>
    <t>\\acsfs\profiles$\jessicafc\Downloads\8b165b4f-3b86-4884-9d92-6242087ebb70.tmp</t>
  </si>
  <si>
    <t>lu14096gsnwt.tmp</t>
  </si>
  <si>
    <t>\\acsfs\profiles$\BRUNAAR\Numero\lu14096gsnwt.tmp</t>
  </si>
  <si>
    <t>lu14096gsnww.tmp</t>
  </si>
  <si>
    <t>\\acsfs\profiles$\BRUNAAR\Numero\lu14096gsnww.tmp</t>
  </si>
  <si>
    <t>lu14096gsnwz.tmp</t>
  </si>
  <si>
    <t>\\acsfs\profiles$\BRUNAAR\Numero\lu14096gsnwz.tmp</t>
  </si>
  <si>
    <t>1b221237-8c83-42c1-85a1-48d0a9b66d57.tmp</t>
  </si>
  <si>
    <t>\\acsfs\profiles$\vivianalds\Downloads\1b221237-8c83-42c1-85a1-48d0a9b66d57.tmp</t>
  </si>
  <si>
    <t>joaogvc@algartech.com;marianadjc@algartech.com;planejamentodeoperacoesetrafego@bv.com.br;rafaelggs@algartech.com;ricardodfm@algartech.com.br;taysdss@algartech.com;viniciussg@algartech.com;</t>
  </si>
  <si>
    <t>joaogvc@algartech.com,marianadjc@algartech.com,planejamentodeoperacoesetrafego@bv.com.br,rafaelggs@algartech.com,ricardodfm@algartech.com.br,taysdss@algartech.com,viniciussg@algartech.com</t>
  </si>
  <si>
    <t>lu518122vj3n7.tmp</t>
  </si>
  <si>
    <t>\\acsfs\profiles$\ALEXANDREMM\lu518122vj3n7.tmp</t>
  </si>
  <si>
    <t>\\acsfs\profiles$\ALEXANDREMM\lu518122vj3n7.tmp\</t>
  </si>
  <si>
    <t>\\acsfs\profiles$\ALEXANDREMM\lu518122vj3n7.tmp\META-INF\</t>
  </si>
  <si>
    <t>\\acsfs\profiles$\ALEXANDREMM\lu518122vj3n7.tmp\Thumbnails\</t>
  </si>
  <si>
    <t>704002f8-2261-489e-a07a-3f2906f47dce.tmp</t>
  </si>
  <si>
    <t>\\acsfs\profiles$\vivianalds\Downloads\704002f8-2261-489e-a07a-3f2906f47dce.tmp</t>
  </si>
  <si>
    <t>lu15576izhq3.tmp</t>
  </si>
  <si>
    <t>\\acsfs\profiles$\VIVIANALDS\My Documents\lu15576izhq3.tmp</t>
  </si>
  <si>
    <t>\\acsfs\profiles$\VIVIANALDS\My Documents\lu15576izhq3.tmp\</t>
  </si>
  <si>
    <t>\\acsfs\profiles$\VIVIANALDS\My Documents\lu15576izhq3.tmp\META-INF\</t>
  </si>
  <si>
    <t>\\acsfs\profiles$\VIVIANALDS\My Documents\lu15576izhq3.tmp\Thumbnails\</t>
  </si>
  <si>
    <t>lu518122vj3nb.tmp</t>
  </si>
  <si>
    <t>\\acsfs\profiles$\ALEXANDREMM\lu518122vj3nb.tmp</t>
  </si>
  <si>
    <t>\\acsfs\profiles$\ALEXANDREMM\lu518122vj3nb.tmp\</t>
  </si>
  <si>
    <t>\\acsfs\profiles$\ALEXANDREMM\lu518122vj3nb.tmp\META-INF\</t>
  </si>
  <si>
    <t>\\acsfs\profiles$\ALEXANDREMM\lu518122vj3nb.tmp\Thumbnails\</t>
  </si>
  <si>
    <t>aae361c1-82a9-4b3c-8fd7-220f65d25f18.tmp</t>
  </si>
  <si>
    <t>\\acsfs\profiles$\matheusmax\Downloads\aae361c1-82a9-4b3c-8fd7-220f65d25f18.tmp</t>
  </si>
  <si>
    <t>Unconfirmed 681786.crdownload</t>
  </si>
  <si>
    <t>\\acsfs\profiles$\matheusmax\Downloads\Unconfirmed 681786.crdownload</t>
  </si>
  <si>
    <t>c7d7a058-6f38-436f-beec-9d203705a916.tmp</t>
  </si>
  <si>
    <t>\\acsfs\profiles$\matheusmax\Downloads\c7d7a058-6f38-436f-beec-9d203705a916.tmp</t>
  </si>
  <si>
    <t>34a4dfbf-3ebb-4306-977b-ce59385b689c.tmp</t>
  </si>
  <si>
    <t>\\acsfs\profiles$\matheusmax\Downloads\34a4dfbf-3ebb-4306-977b-ce59385b689c.tmp</t>
  </si>
  <si>
    <t>Novas Anotações.txt</t>
  </si>
  <si>
    <t>\\acsfs\profiles$\jonathanwap\Novas Anotações.txt</t>
  </si>
  <si>
    <t>e485cc6c-8d26-4b04-927f-838cdacbcb1a.tmp</t>
  </si>
  <si>
    <t>\\acsfs\profiles$\jessicafc\Downloads\e485cc6c-8d26-4b04-927f-838cdacbcb1a.tmp</t>
  </si>
  <si>
    <t>7b1f058b-db89-4c2e-bca5-95fa8408eafb.tmp</t>
  </si>
  <si>
    <t>\\acsfs\profiles$\fabianobmf\Downloads\7b1f058b-db89-4c2e-bca5-95fa8408eafb.tmp</t>
  </si>
  <si>
    <t>8589185a-41bd-4d3a-bac0-4010fada8f97.tmp</t>
  </si>
  <si>
    <t>\\acsfs\profiles$\laylaams\Downloads\8589185a-41bd-4d3a-bac0-4010fada8f97.tmp</t>
  </si>
  <si>
    <t>Unconfirmed 895520.crdownload</t>
  </si>
  <si>
    <t>\\acsfs\profiles$\laylaams\Downloads\Unconfirmed 895520.crdownload</t>
  </si>
  <si>
    <t>aa109443-77c3-4578-8e22-93b0bdcc254e.tmp</t>
  </si>
  <si>
    <t>\\acsfs\profiles$\laylaams\Downloads\aa109443-77c3-4578-8e22-93b0bdcc254e.tmp</t>
  </si>
  <si>
    <t>d117c83a-f7e3-4b41-a048-14d2bd6f1a69.tmp</t>
  </si>
  <si>
    <t>\\acsfs\profiles$\laylaams\Downloads\d117c83a-f7e3-4b41-a048-14d2bd6f1a69.tmp</t>
  </si>
  <si>
    <t>joaogvc@algartech.com;marianadjc@algartech.com;planejamentodeoperacoesetrafego@bv.com.br;raphaelmco@algartech.com.br;ricardodfm@algartech.com.br;taysdss@algartech.com;viniciussg@algartech.com;</t>
  </si>
  <si>
    <t>joaogvc@algartech.com,marianadjc@algartech.com,planejamentodeoperacoesetrafego@bv.com.br,raphaelmco@algartech.com.br,ricardodfm@algartech.com.br,taysdss@algartech.com,viniciussg@algartech.com</t>
  </si>
  <si>
    <t>31f41824-9aec-4301-bb1b-18ae4efe1d2e.tmp</t>
  </si>
  <si>
    <t>\\acsfs\profiles$\philipegsf\Downloads\31f41824-9aec-4301-bb1b-18ae4efe1d2e.tmp</t>
  </si>
  <si>
    <t>Unconfirmed 68011.crdownload</t>
  </si>
  <si>
    <t>\\acsfs\profiles$\philipegsf\Downloads\Unconfirmed 68011.crdownload</t>
  </si>
  <si>
    <t>08ee8b36-ff7d-4b55-8380-16592054e271.tmp</t>
  </si>
  <si>
    <t>\\acsfs\profiles$\philipegsf\Downloads\08ee8b36-ff7d-4b55-8380-16592054e271.tmp</t>
  </si>
  <si>
    <t>a5dc462f-83c2-403a-bf03-6cfaecaa9b66.tmp</t>
  </si>
  <si>
    <t>\\acsfs\profiles$\philipegsf\Downloads\a5dc462f-83c2-403a-bf03-6cfaecaa9b66.tmp</t>
  </si>
  <si>
    <t>b62f7f6a-d6ad-46ce-ba17-269abfd204f8.tmp</t>
  </si>
  <si>
    <t>\\acsfs\profiles$\fabianobmf\Downloads\b62f7f6a-d6ad-46ce-ba17-269abfd204f8.tmp</t>
  </si>
  <si>
    <t>\\acsfs\profiles$\andreapdsg\My Documents\My Pictures\</t>
  </si>
  <si>
    <t>\\acsfs\profiles$\andreapdsg\My Documents\My Videos\desktop.ini</t>
  </si>
  <si>
    <t>\\acsfs\profiles$\andreapdsg\My Documents\My Videos\</t>
  </si>
  <si>
    <t>\\acsfs\profiles$\andreapdsg\My Documents\My Music\</t>
  </si>
  <si>
    <t>\\acsfs\profiles$\andreapdsg\My Documents\My Pictures\desktop.ini</t>
  </si>
  <si>
    <t>\\acsfs\profiles$\andreapdsg\Contacts\</t>
  </si>
  <si>
    <t>\\acsfs\profiles$\andreapdsg\Contacts\desktop.ini</t>
  </si>
  <si>
    <t>\\acsfs\profiles$\andreapdsg\My Documents\</t>
  </si>
  <si>
    <t>\\acsfs\profiles$\andreapdsg\Favorites\desktop.ini</t>
  </si>
  <si>
    <t>\\acsfs\profiles$\andreapdsg\My Documents\My Music\desktop.ini</t>
  </si>
  <si>
    <t>\\acsfs\profiles$\andreapdsg\Searches\</t>
  </si>
  <si>
    <t>\\acsfs\profiles$\andreapdsg\Searches\desktop.ini</t>
  </si>
  <si>
    <t>\\acsfs\profiles$\andreapdsg\Downloads\desktop.ini</t>
  </si>
  <si>
    <t>\\acsfs\profiles$\andreapdsg\Favorites\</t>
  </si>
  <si>
    <t>\\acsfs\profiles$\andreapdsg\My Documents\desktop.ini</t>
  </si>
  <si>
    <t>\\acsfs\profiles$\andreapdsg\Saved Games\desktop.ini</t>
  </si>
  <si>
    <t>f9e21219-4a4d-49c4-b8de-2fde84046e70.tmp</t>
  </si>
  <si>
    <t>\\acsfs\profiles$\andreapdsg\Downloads\f9e21219-4a4d-49c4-b8de-2fde84046e70.tmp</t>
  </si>
  <si>
    <t>29457373-934e-4081-b7c0-e55f52d3589e.tmp</t>
  </si>
  <si>
    <t>\\acsfs\profiles$\andreapdsg\Downloads\29457373-934e-4081-b7c0-e55f52d3589e.tmp</t>
  </si>
  <si>
    <t>gustavok</t>
  </si>
  <si>
    <t>.~lock.eventos.odt#</t>
  </si>
  <si>
    <t>\\acsfs\profiles$\laylaams\My Documents\.~lock.eventos.odt#</t>
  </si>
  <si>
    <t>augustohs</t>
  </si>
  <si>
    <t>e8bccce6-b6a9-4d62-b6a6-3121decd11b7.tmp</t>
  </si>
  <si>
    <t>\\acsfs\profiles$\nathaliaos\Downloads\e8bccce6-b6a9-4d62-b6a6-3121decd11b7.tmp</t>
  </si>
  <si>
    <t>03394a57-39d9-48b3-b67b-5b88a9f1b9b0.tmp</t>
  </si>
  <si>
    <t>\\acsfs\profiles$\nathaliaos\Downloads\03394a57-39d9-48b3-b67b-5b88a9f1b9b0.tmp</t>
  </si>
  <si>
    <t>571e9ea8-0810-438c-8cff-4bbf56d373c7.tmp</t>
  </si>
  <si>
    <t>\\acsfs\profiles$\nathaliaos\Downloads\571e9ea8-0810-438c-8cff-4bbf56d373c7.tmp</t>
  </si>
  <si>
    <t>16bc2757-6017-4c13-9967-9cdacb1185e3.tmp</t>
  </si>
  <si>
    <t>\\acsfs\profiles$\mariajaf\Downloads\16bc2757-6017-4c13-9967-9cdacb1185e3.tmp</t>
  </si>
  <si>
    <t>7330951f-91be-4bff-a18d-e6e1106785b5.tmp</t>
  </si>
  <si>
    <t>\\acsfs\profiles$\mariajaf\Downloads\7330951f-91be-4bff-a18d-e6e1106785b5.tmp</t>
  </si>
  <si>
    <t>f94e7822-6e79-44b3-8b7c-c238c1d09c9d.tmp</t>
  </si>
  <si>
    <t>\\acsfs\profiles$\philipegsf\Downloads\f94e7822-6e79-44b3-8b7c-c238c1d09c9d.tmp</t>
  </si>
  <si>
    <t>3b77429d-4be8-4f34-9e33-bcd708ec0510.tmp</t>
  </si>
  <si>
    <t>\\acsfs\profiles$\andreapdsg\Downloads\3b77429d-4be8-4f34-9e33-bcd708ec0510.tmp</t>
  </si>
  <si>
    <t>d97e6852-02b7-48c7-b243-9dc537ae71af.tmp</t>
  </si>
  <si>
    <t>\\acsfs\profiles$\laylaams\Downloads\d97e6852-02b7-48c7-b243-9dc537ae71af.tmp</t>
  </si>
  <si>
    <t>fdc52192-ba7b-4460-9bdd-2b0eb1f15210.tmp</t>
  </si>
  <si>
    <t>\\acsfs\profiles$\laylaams\Downloads\fdc52192-ba7b-4460-9bdd-2b0eb1f15210.tmp</t>
  </si>
  <si>
    <t>e5697854-829c-4d37-ab39-4d2b204b889a.tmp</t>
  </si>
  <si>
    <t>\\acsfs\profiles$\laylaams\Downloads\e5697854-829c-4d37-ab39-4d2b204b889a.tmp</t>
  </si>
  <si>
    <t>703309f4-6534-4766-a252-a84f884b194e.tmp</t>
  </si>
  <si>
    <t>\\acsfs\profiles$\fabianobmf\Downloads\703309f4-6534-4766-a252-a84f884b194e.tmp</t>
  </si>
  <si>
    <t>5e4ffe7f-c0a2-41d4-acf6-0bc01ad0864f.tmp</t>
  </si>
  <si>
    <t>\\acsfs\profiles$\matheusmax\Downloads\5e4ffe7f-c0a2-41d4-acf6-0bc01ad0864f.tmp</t>
  </si>
  <si>
    <t>60d7ef67-3080-4d47-b94f-fec51ad1e093.tmp</t>
  </si>
  <si>
    <t>\\acsfs\profiles$\philipegsf\Downloads\60d7ef67-3080-4d47-b94f-fec51ad1e093.tmp</t>
  </si>
  <si>
    <t>fc0f0e06-1a0f-4949-8902-837fb2ee1265.tmp</t>
  </si>
  <si>
    <t>\\acsfs\profiles$\nathaliaos\Downloads\fc0f0e06-1a0f-4949-8902-837fb2ee1265.tmp</t>
  </si>
  <si>
    <t>8c7effbc-f9f5-427c-9139-ab75497c6818.tmp</t>
  </si>
  <si>
    <t>\\acsfs\profiles$\nathaliaos\Downloads\8c7effbc-f9f5-427c-9139-ab75497c6818.tmp</t>
  </si>
  <si>
    <t>46d63a87-61b9-47de-a5dc-229a1effb6a3.tmp</t>
  </si>
  <si>
    <t>\\acsfs\profiles$\nathaliaos\Downloads\46d63a87-61b9-47de-a5dc-229a1effb6a3.tmp</t>
  </si>
  <si>
    <t>\\acsfs\profiles$\ROBERTM\Contacts\</t>
  </si>
  <si>
    <t>ROBERT MOREIRA (9).contact</t>
  </si>
  <si>
    <t>\\acsfs\profiles$\ROBERTM\Contacts\ROBERT MOREIRA (9).contact</t>
  </si>
  <si>
    <t>\\acsfs\profiles$\ROBERTM\My Documents\My Videos\</t>
  </si>
  <si>
    <t>\\acsfs\profiles$\ROBERTM\My Documents\My Videos\desktop.ini</t>
  </si>
  <si>
    <t>\\acsfs\profiles$\ROBERTM\My Documents\My Pictures\</t>
  </si>
  <si>
    <t>\\acsfs\profiles$\ROBERTM\My Documents\My Pictures\desktop.ini</t>
  </si>
  <si>
    <t>\\acsfs\profiles$\ROBERTM\Contacts\desktop.ini</t>
  </si>
  <si>
    <t>\\acsfs\profiles$\ROBERTM\Favorites\</t>
  </si>
  <si>
    <t>\\acsfs\profiles$\ROBERTM\Favorites\desktop.ini</t>
  </si>
  <si>
    <t>\\acsfs\profiles$\ROBERTM\My Documents\My Music\</t>
  </si>
  <si>
    <t>\\acsfs\profiles$\ROBERTM\My Documents\My Music\desktop.ini</t>
  </si>
  <si>
    <t>\\acsfs\profiles$\ROBERTM\Searches\</t>
  </si>
  <si>
    <t>\\acsfs\profiles$\ROBERTM\Searches\desktop.ini</t>
  </si>
  <si>
    <t>\\acsfs\profiles$\ROBERTM\Downloads\desktop.ini</t>
  </si>
  <si>
    <t>\\acsfs\profiles$\ROBERTM\My Documents\</t>
  </si>
  <si>
    <t>\\acsfs\profiles$\ROBERTM\My Documents\desktop.ini</t>
  </si>
  <si>
    <t>\\acsfs\profiles$\ROBERTM\Saved Games\</t>
  </si>
  <si>
    <t>\\acsfs\profiles$\ROBERTM\Saved Games\desktop.ini</t>
  </si>
  <si>
    <t>\\acsfs\profiles$\ROBERTM\Favorites\Links for Brasil\</t>
  </si>
  <si>
    <t>\\acsfs\profiles$\ROBERTM\Favorites\Links for Brasil\desktop.ini</t>
  </si>
  <si>
    <t>\\acsfs\profiles$\ROBERTM\Favorites\Links for Brasil\Microsoft Brasil.url</t>
  </si>
  <si>
    <t>\\acsfs\profiles$\ROBERTM\Favorites\Links for Brasil\Windows Brasil.url</t>
  </si>
  <si>
    <t>\\acsfs\profiles$\ROBERTM\Favorites\Links for Brasil\MSN Brasil.url</t>
  </si>
  <si>
    <t>c859881d-8d53-4e6e-8e9b-e2b552576b8c.tmp</t>
  </si>
  <si>
    <t>\\acsfs\profiles$\ROBERTM\Downloads\c859881d-8d53-4e6e-8e9b-e2b552576b8c.tmp</t>
  </si>
  <si>
    <t>1f81b08e-10a5-4545-b0ec-3802d734e83b.tmp</t>
  </si>
  <si>
    <t>\\acsfs\profiles$\ROBERTM\Downloads\1f81b08e-10a5-4545-b0ec-3802d734e83b.tmp</t>
  </si>
  <si>
    <t>8df06229-723f-4e35-9949-282b450fae6e.tmp</t>
  </si>
  <si>
    <t>\\acsfs\profiles$\rogeriofd\Downloads\8df06229-723f-4e35-9949-282b450fae6e.tmp</t>
  </si>
  <si>
    <t>01/13/2020 00:00:25</t>
  </si>
  <si>
    <t>d6311afd-02d2-4dd8-8901-4b5a757b6dfb.tmp</t>
  </si>
  <si>
    <t>\\acsfs\profiles$\marlyannegdls\Downloads\d6311afd-02d2-4dd8-8901-4b5a757b6dfb.tmp</t>
  </si>
  <si>
    <t>ce6fd1bb-6848-480b-a063-fb2b102f42c4.tmp</t>
  </si>
  <si>
    <t>\\acsfs\profiles$\marlyannegdls\Downloads\ce6fd1bb-6848-480b-a063-fb2b102f42c4.tmp</t>
  </si>
  <si>
    <t>01/13/2020 00:00:49</t>
  </si>
  <si>
    <t>01/13/2020 00:04:25</t>
  </si>
  <si>
    <t>01/13/2020 00:01:34</t>
  </si>
  <si>
    <t>01/13/2020 00:01:17</t>
  </si>
  <si>
    <t>01/13/2020 00:01:56</t>
  </si>
  <si>
    <t>01/13/2020 00:02:35</t>
  </si>
  <si>
    <t>01/13/2020 00:01:31</t>
  </si>
  <si>
    <t>01/13/2020 00:05:24</t>
  </si>
  <si>
    <t>01/13/2020 00:03:38</t>
  </si>
  <si>
    <t>01/13/2020 00:02:41</t>
  </si>
  <si>
    <t>01/13/2020 00:03:17</t>
  </si>
  <si>
    <t>01/13/2020 00:04:27</t>
  </si>
  <si>
    <t>01/13/2020 00:06:25</t>
  </si>
  <si>
    <t>2221e4db-c1b9-49e7-a8df-5fc7e4897896.tmp</t>
  </si>
  <si>
    <t>\\acsfs\profiles$\rogeriofd\Downloads\2221e4db-c1b9-49e7-a8df-5fc7e4897896.tmp</t>
  </si>
  <si>
    <t>01/13/2020 00:04:16</t>
  </si>
  <si>
    <t>01/13/2020 00:02:47</t>
  </si>
  <si>
    <t>01/13/2020 00:03:34</t>
  </si>
  <si>
    <t>01/13/2020 00:02:50</t>
  </si>
  <si>
    <t>01/13/2020 00:04:24</t>
  </si>
  <si>
    <t>01/13/2020 00:07:25</t>
  </si>
  <si>
    <t>01/13/2020 00:05:06</t>
  </si>
  <si>
    <t>01/13/2020 00:04:06</t>
  </si>
  <si>
    <t>01/13/2020 00:06:32</t>
  </si>
  <si>
    <t>01/13/2020 00:04:54</t>
  </si>
  <si>
    <t>01/13/2020 00:06:58</t>
  </si>
  <si>
    <t>01/13/2020 00:08:25</t>
  </si>
  <si>
    <t>01/13/2020 00:03:57</t>
  </si>
  <si>
    <t>01/13/2020 00:05:28</t>
  </si>
  <si>
    <t>01/13/2020 00:08:02</t>
  </si>
  <si>
    <t>01/13/2020 00:09:25</t>
  </si>
  <si>
    <t>01/13/2020 00:08:33</t>
  </si>
  <si>
    <t>01/13/2020 00:07:53</t>
  </si>
  <si>
    <t>01/13/2020 00:09:30</t>
  </si>
  <si>
    <t>01/13/2020 00:10:25</t>
  </si>
  <si>
    <t>01/13/2020 00:09:31</t>
  </si>
  <si>
    <t>01/13/2020 00:11:25</t>
  </si>
  <si>
    <t>01/13/2020 00:10:45</t>
  </si>
  <si>
    <t>01/13/2020 00:12:24</t>
  </si>
  <si>
    <t>01/13/2020 00:11:36</t>
  </si>
  <si>
    <t>01/13/2020 00:11:29</t>
  </si>
  <si>
    <t>01/13/2020 00:13:25</t>
  </si>
  <si>
    <t>01/13/2020 00:12:21</t>
  </si>
  <si>
    <t>01/13/2020 00:11:56</t>
  </si>
  <si>
    <t>01/13/2020 00:14:24</t>
  </si>
  <si>
    <t>01/13/2020 00:12:53</t>
  </si>
  <si>
    <t>01/13/2020 00:12:56</t>
  </si>
  <si>
    <t>01/13/2020 00:12:39</t>
  </si>
  <si>
    <t>01/13/2020 00:15:25</t>
  </si>
  <si>
    <t>01/13/2020 00:14:09</t>
  </si>
  <si>
    <t>01/13/2020 00:13:38</t>
  </si>
  <si>
    <t>01/13/2020 00:14:16</t>
  </si>
  <si>
    <t>01/13/2020 00:13:30</t>
  </si>
  <si>
    <t>01/13/2020 00:14:25</t>
  </si>
  <si>
    <t>01/13/2020 00:16:25</t>
  </si>
  <si>
    <t>01/13/2020 00:15:48</t>
  </si>
  <si>
    <t>01/13/2020 00:17:24</t>
  </si>
  <si>
    <t>01/13/2020 00:16:56</t>
  </si>
  <si>
    <t>01/13/2020 00:14:36</t>
  </si>
  <si>
    <t>01/13/2020 00:18:25</t>
  </si>
  <si>
    <t>01/13/2020 00:14:07</t>
  </si>
  <si>
    <t>01/13/2020 00:17:39</t>
  </si>
  <si>
    <t>01/13/2020 00:15:31</t>
  </si>
  <si>
    <t>01/13/2020 00:15:54</t>
  </si>
  <si>
    <t>01/13/2020 00:19:25</t>
  </si>
  <si>
    <t>01/13/2020 00:15:58</t>
  </si>
  <si>
    <t>01/13/2020 00:17:01</t>
  </si>
  <si>
    <t>01/13/2020 00:21:25</t>
  </si>
  <si>
    <t>01/13/2020 00:17:46</t>
  </si>
  <si>
    <t>01/13/2020 00:18:26</t>
  </si>
  <si>
    <t>01/13/2020 00:22:25</t>
  </si>
  <si>
    <t>01/13/2020 00:19:30</t>
  </si>
  <si>
    <t>01/13/2020 00:22:14</t>
  </si>
  <si>
    <t>01/13/2020 00:25:25</t>
  </si>
  <si>
    <t>01/13/2020 00:28:00</t>
  </si>
  <si>
    <t>01/13/2020 00:28:25</t>
  </si>
  <si>
    <t>01/13/2020 00:27:44</t>
  </si>
  <si>
    <t>01/13/2020 00:29:26</t>
  </si>
  <si>
    <t>01/13/2020 00:26:35</t>
  </si>
  <si>
    <t>01/13/2020 00:28:09</t>
  </si>
  <si>
    <t>01/13/2020 00:30:25</t>
  </si>
  <si>
    <t>01/13/2020 00:32:08</t>
  </si>
  <si>
    <t>01/13/2020 00:34:26</t>
  </si>
  <si>
    <t>01/13/2020 00:32:38</t>
  </si>
  <si>
    <t>01/13/2020 00:32:47</t>
  </si>
  <si>
    <t>01/13/2020 00:35:25</t>
  </si>
  <si>
    <t>01/13/2020 00:39:37</t>
  </si>
  <si>
    <t>01/13/2020 00:42:25</t>
  </si>
  <si>
    <t>01/13/2020 00:42:36</t>
  </si>
  <si>
    <t>01/13/2020 00:45:25</t>
  </si>
  <si>
    <t>01/13/2020 00:39:57</t>
  </si>
  <si>
    <t>01/13/2020 00:47:31</t>
  </si>
  <si>
    <t>01/13/2020 00:48:25</t>
  </si>
  <si>
    <t>01/13/2020 00:46:36</t>
  </si>
  <si>
    <t>01/13/2020 00:49:25</t>
  </si>
  <si>
    <t>01/13/2020 00:46:43</t>
  </si>
  <si>
    <t>01/13/2020 00:47:54</t>
  </si>
  <si>
    <t>01/13/2020 00:50:26</t>
  </si>
  <si>
    <t>01/13/2020 00:51:52</t>
  </si>
  <si>
    <t>01/13/2020 00:57:26</t>
  </si>
  <si>
    <t>01/13/2020 00:54:22</t>
  </si>
  <si>
    <t>01/13/2020 00:55:03</t>
  </si>
  <si>
    <t>01/13/2020 00:58:25</t>
  </si>
  <si>
    <t>01/13/2020 01:01:31</t>
  </si>
  <si>
    <t>01/13/2020 01:06:25</t>
  </si>
  <si>
    <t>01/13/2020 01:04:08</t>
  </si>
  <si>
    <t>01/13/2020 01:08:25</t>
  </si>
  <si>
    <t>01/13/2020 01:10:05</t>
  </si>
  <si>
    <t>01/13/2020 01:13:25</t>
  </si>
  <si>
    <t>01/13/2020 01:13:41</t>
  </si>
  <si>
    <t>01/13/2020 01:17:26</t>
  </si>
  <si>
    <t>01/13/2020 01:19:09</t>
  </si>
  <si>
    <t>01/13/2020 01:23:25</t>
  </si>
  <si>
    <t>01/13/2020 01:22:17</t>
  </si>
  <si>
    <t>01/13/2020 01:24:25</t>
  </si>
  <si>
    <t>01/13/2020 01:23:33</t>
  </si>
  <si>
    <t>01/13/2020 01:27:25</t>
  </si>
  <si>
    <t>01/13/2020 01:26:55</t>
  </si>
  <si>
    <t>01/13/2020 01:29:25</t>
  </si>
  <si>
    <t>01/13/2020 01:31:54</t>
  </si>
  <si>
    <t>01/13/2020 01:35:25</t>
  </si>
  <si>
    <t>01/13/2020 01:30:57</t>
  </si>
  <si>
    <t>01/13/2020 01:35:10</t>
  </si>
  <si>
    <t>01/13/2020 01:39:25</t>
  </si>
  <si>
    <t>01/13/2020 01:34:54</t>
  </si>
  <si>
    <t>01/13/2020 01:37:44</t>
  </si>
  <si>
    <t>01/13/2020 01:42:26</t>
  </si>
  <si>
    <t>01/13/2020 01:46:02</t>
  </si>
  <si>
    <t>01/13/2020 01:49:26</t>
  </si>
  <si>
    <t>01/13/2020 01:46:11</t>
  </si>
  <si>
    <t>01/13/2020 01:50:25</t>
  </si>
  <si>
    <t>01/13/2020 01:46:41</t>
  </si>
  <si>
    <t>01/13/2020 01:49:50</t>
  </si>
  <si>
    <t>01/13/2020 01:51:26</t>
  </si>
  <si>
    <t>01/13/2020 01:53:15</t>
  </si>
  <si>
    <t>01/13/2020 01:54:25</t>
  </si>
  <si>
    <t>01/13/2020 01:50:41</t>
  </si>
  <si>
    <t>01/13/2020 01:55:26</t>
  </si>
  <si>
    <t>01/13/2020 01:56:56</t>
  </si>
  <si>
    <t>01/13/2020 02:01:26</t>
  </si>
  <si>
    <t>01/13/2020 01:59:23</t>
  </si>
  <si>
    <t>01/13/2020 02:02:25</t>
  </si>
  <si>
    <t>01/13/2020 02:00:50</t>
  </si>
  <si>
    <t>01/13/2020 02:05:26</t>
  </si>
  <si>
    <t>01/13/2020 02:06:47</t>
  </si>
  <si>
    <t>01/13/2020 02:07:26</t>
  </si>
  <si>
    <t>01/13/2020 02:16:53</t>
  </si>
  <si>
    <t>01/13/2020 02:20:26</t>
  </si>
  <si>
    <t>01/13/2020 02:17:32</t>
  </si>
  <si>
    <t>01/13/2020 02:21:26</t>
  </si>
  <si>
    <t>01/13/2020 02:17:06</t>
  </si>
  <si>
    <t>01/13/2020 02:22:26</t>
  </si>
  <si>
    <t>01/13/2020 02:20:41</t>
  </si>
  <si>
    <t>01/13/2020 02:26:26</t>
  </si>
  <si>
    <t>01/13/2020 02:24:08</t>
  </si>
  <si>
    <t>01/13/2020 02:28:26</t>
  </si>
  <si>
    <t>01/13/2020 02:27:17</t>
  </si>
  <si>
    <t>01/13/2020 02:34:02</t>
  </si>
  <si>
    <t>01/13/2020 02:35:26</t>
  </si>
  <si>
    <t>01/13/2020 02:37:08</t>
  </si>
  <si>
    <t>01/13/2020 02:42:26</t>
  </si>
  <si>
    <t>01/13/2020 02:46:09</t>
  </si>
  <si>
    <t>01/13/2020 02:49:27</t>
  </si>
  <si>
    <t>01/13/2020 02:49:09</t>
  </si>
  <si>
    <t>01/13/2020 02:52:26</t>
  </si>
  <si>
    <t>01/13/2020 02:50:25</t>
  </si>
  <si>
    <t>01/13/2020 02:53:26</t>
  </si>
  <si>
    <t>01/13/2020 02:56:24</t>
  </si>
  <si>
    <t>01/13/2020 02:57:26</t>
  </si>
  <si>
    <t>01/13/2020 02:54:47</t>
  </si>
  <si>
    <t>01/13/2020 02:59:26</t>
  </si>
  <si>
    <t>01/13/2020 03:06:26</t>
  </si>
  <si>
    <t>01/13/2020 03:07:26</t>
  </si>
  <si>
    <t>01/13/2020 03:03:11</t>
  </si>
  <si>
    <t>01/13/2020 03:08:26</t>
  </si>
  <si>
    <t>01/13/2020 03:05:30</t>
  </si>
  <si>
    <t>01/13/2020 03:09:26</t>
  </si>
  <si>
    <t>01/13/2020 03:05:57</t>
  </si>
  <si>
    <t>01/13/2020 03:10:27</t>
  </si>
  <si>
    <t>01/13/2020 03:10:55</t>
  </si>
  <si>
    <t>01/13/2020 03:14:26</t>
  </si>
  <si>
    <t>01/13/2020 03:12:45</t>
  </si>
  <si>
    <t>01/13/2020 03:15:25</t>
  </si>
  <si>
    <t>01/13/2020 03:12:43</t>
  </si>
  <si>
    <t>01/13/2020 03:17:26</t>
  </si>
  <si>
    <t>01/13/2020 03:16:55</t>
  </si>
  <si>
    <t>01/13/2020 03:19:26</t>
  </si>
  <si>
    <t>01/13/2020 03:15:42</t>
  </si>
  <si>
    <t>01/13/2020 03:17:13</t>
  </si>
  <si>
    <t>01/13/2020 03:21:26</t>
  </si>
  <si>
    <t>01/13/2020 03:19:23</t>
  </si>
  <si>
    <t>01/13/2020 03:22:26</t>
  </si>
  <si>
    <t>01/13/2020 03:21:48</t>
  </si>
  <si>
    <t>01/13/2020 03:25:26</t>
  </si>
  <si>
    <t>01/13/2020 03:22:58</t>
  </si>
  <si>
    <t>01/13/2020 03:26:44</t>
  </si>
  <si>
    <t>01/13/2020 03:27:26</t>
  </si>
  <si>
    <t>01/13/2020 03:25:53</t>
  </si>
  <si>
    <t>01/13/2020 03:28:26</t>
  </si>
  <si>
    <t>01/13/2020 03:23:17</t>
  </si>
  <si>
    <t>01/13/2020 03:25:24</t>
  </si>
  <si>
    <t>01/13/2020 03:29:25</t>
  </si>
  <si>
    <t>01/13/2020 03:28:23</t>
  </si>
  <si>
    <t>01/13/2020 03:30:26</t>
  </si>
  <si>
    <t>01/13/2020 03:28:33</t>
  </si>
  <si>
    <t>01/13/2020 03:31:26</t>
  </si>
  <si>
    <t>01/13/2020 03:30:13</t>
  </si>
  <si>
    <t>01/13/2020 03:33:27</t>
  </si>
  <si>
    <t>01/13/2020 03:31:01</t>
  </si>
  <si>
    <t>01/13/2020 03:35:26</t>
  </si>
  <si>
    <t>01/13/2020 03:31:53</t>
  </si>
  <si>
    <t>01/13/2020 03:35:46</t>
  </si>
  <si>
    <t>01/13/2020 03:37:26</t>
  </si>
  <si>
    <t>01/13/2020 03:34:21</t>
  </si>
  <si>
    <t>01/13/2020 03:39:27</t>
  </si>
  <si>
    <t>01/13/2020 03:35:11</t>
  </si>
  <si>
    <t>01/13/2020 03:35:53</t>
  </si>
  <si>
    <t>01/13/2020 03:36:21</t>
  </si>
  <si>
    <t>01/13/2020 03:36:29</t>
  </si>
  <si>
    <t>01/13/2020 03:41:27</t>
  </si>
  <si>
    <t>01/13/2020 03:39:07</t>
  </si>
  <si>
    <t>01/13/2020 03:43:27</t>
  </si>
  <si>
    <t>01/13/2020 03:42:49</t>
  </si>
  <si>
    <t>01/13/2020 03:45:27</t>
  </si>
  <si>
    <t>01/13/2020 03:43:24</t>
  </si>
  <si>
    <t>01/13/2020 03:47:27</t>
  </si>
  <si>
    <t>01/13/2020 03:44:13</t>
  </si>
  <si>
    <t>01/13/2020 03:48:27</t>
  </si>
  <si>
    <t>01/13/2020 03:43:57</t>
  </si>
  <si>
    <t>01/13/2020 03:49:26</t>
  </si>
  <si>
    <t>01/13/2020 03:47:22</t>
  </si>
  <si>
    <t>01/13/2020 03:47:09</t>
  </si>
  <si>
    <t>01/13/2020 03:50:27</t>
  </si>
  <si>
    <t>01/13/2020 03:46:59</t>
  </si>
  <si>
    <t>01/13/2020 03:48:53</t>
  </si>
  <si>
    <t>01/13/2020 03:51:26</t>
  </si>
  <si>
    <t>01/13/2020 03:50:03</t>
  </si>
  <si>
    <t>01/13/2020 03:54:26</t>
  </si>
  <si>
    <t>01/13/2020 03:54:46</t>
  </si>
  <si>
    <t>01/13/2020 03:58:26</t>
  </si>
  <si>
    <t>01/13/2020 03:59:11</t>
  </si>
  <si>
    <t>01/13/2020 04:00:27</t>
  </si>
  <si>
    <t>01/13/2020 03:58:03</t>
  </si>
  <si>
    <t>01/13/2020 04:03:26</t>
  </si>
  <si>
    <t>01/13/2020 04:00:15</t>
  </si>
  <si>
    <t>01/13/2020 04:05:26</t>
  </si>
  <si>
    <t>01/13/2020 04:08:27</t>
  </si>
  <si>
    <t>01/13/2020 04:03:04</t>
  </si>
  <si>
    <t>01/13/2020 04:04:59</t>
  </si>
  <si>
    <t>01/13/2020 04:09:14</t>
  </si>
  <si>
    <t>01/13/2020 04:10:26</t>
  </si>
  <si>
    <t>01/13/2020 04:06:38</t>
  </si>
  <si>
    <t>01/13/2020 04:08:46</t>
  </si>
  <si>
    <t>01/13/2020 04:11:27</t>
  </si>
  <si>
    <t>01/13/2020 04:11:42</t>
  </si>
  <si>
    <t>01/13/2020 04:14:26</t>
  </si>
  <si>
    <t>01/13/2020 04:14:46</t>
  </si>
  <si>
    <t>01/13/2020 04:16:26</t>
  </si>
  <si>
    <t>01/13/2020 04:16:59</t>
  </si>
  <si>
    <t>01/13/2020 04:19:27</t>
  </si>
  <si>
    <t>01/13/2020 04:16:03</t>
  </si>
  <si>
    <t>01/13/2020 04:20:26</t>
  </si>
  <si>
    <t>01/13/2020 04:15:20</t>
  </si>
  <si>
    <t>01/13/2020 04:18:12</t>
  </si>
  <si>
    <t>01/13/2020 04:19:26</t>
  </si>
  <si>
    <t>01/13/2020 04:22:27</t>
  </si>
  <si>
    <t>01/13/2020 04:21:13</t>
  </si>
  <si>
    <t>01/13/2020 04:23:27</t>
  </si>
  <si>
    <t>01/13/2020 04:21:01</t>
  </si>
  <si>
    <t>01/13/2020 04:24:27</t>
  </si>
  <si>
    <t>01/13/2020 04:22:39</t>
  </si>
  <si>
    <t>01/13/2020 04:21:52</t>
  </si>
  <si>
    <t>01/13/2020 04:25:27</t>
  </si>
  <si>
    <t>01/13/2020 04:22:06</t>
  </si>
  <si>
    <t>01/13/2020 04:26:26</t>
  </si>
  <si>
    <t>01/13/2020 04:22:56</t>
  </si>
  <si>
    <t>01/13/2020 04:27:27</t>
  </si>
  <si>
    <t>01/13/2020 04:23:21</t>
  </si>
  <si>
    <t>01/13/2020 04:28:27</t>
  </si>
  <si>
    <t>01/13/2020 04:27:14</t>
  </si>
  <si>
    <t>01/13/2020 04:29:27</t>
  </si>
  <si>
    <t>01/13/2020 04:28:10</t>
  </si>
  <si>
    <t>01/13/2020 04:30:26</t>
  </si>
  <si>
    <t>01/13/2020 04:31:27</t>
  </si>
  <si>
    <t>01/13/2020 04:31:03</t>
  </si>
  <si>
    <t>01/13/2020 04:34:27</t>
  </si>
  <si>
    <t>01/13/2020 04:34:31</t>
  </si>
  <si>
    <t>01/13/2020 04:37:27</t>
  </si>
  <si>
    <t>01/13/2020 04:34:17</t>
  </si>
  <si>
    <t>01/13/2020 04:38:27</t>
  </si>
  <si>
    <t>01/13/2020 04:37:43</t>
  </si>
  <si>
    <t>01/13/2020 04:39:27</t>
  </si>
  <si>
    <t>01/13/2020 04:35:14</t>
  </si>
  <si>
    <t>01/13/2020 04:36:20</t>
  </si>
  <si>
    <t>01/13/2020 04:40:27</t>
  </si>
  <si>
    <t>01/13/2020 04:39:04</t>
  </si>
  <si>
    <t>01/13/2020 04:41:43</t>
  </si>
  <si>
    <t>01/13/2020 04:42:27</t>
  </si>
  <si>
    <t>01/13/2020 04:43:48</t>
  </si>
  <si>
    <t>01/13/2020 04:44:27</t>
  </si>
  <si>
    <t>01/13/2020 04:45:57</t>
  </si>
  <si>
    <t>01/13/2020 04:47:27</t>
  </si>
  <si>
    <t>01/13/2020 04:46:45</t>
  </si>
  <si>
    <t>01/13/2020 04:48:41</t>
  </si>
  <si>
    <t>01/13/2020 04:52:26</t>
  </si>
  <si>
    <t>01/13/2020 04:48:01</t>
  </si>
  <si>
    <t>01/13/2020 04:53:27</t>
  </si>
  <si>
    <t>01/13/2020 04:48:02</t>
  </si>
  <si>
    <t>01/13/2020 04:50:58</t>
  </si>
  <si>
    <t>01/13/2020 04:51:39</t>
  </si>
  <si>
    <t>01/13/2020 04:54:26</t>
  </si>
  <si>
    <t>01/13/2020 04:52:38</t>
  </si>
  <si>
    <t>01/13/2020 04:53:05</t>
  </si>
  <si>
    <t>01/13/2020 04:55:27</t>
  </si>
  <si>
    <t>01/13/2020 04:54:10</t>
  </si>
  <si>
    <t>01/13/2020 04:53:31</t>
  </si>
  <si>
    <t>01/13/2020 04:50:24</t>
  </si>
  <si>
    <t>01/13/2020 04:52:08</t>
  </si>
  <si>
    <t>01/13/2020 04:57:27</t>
  </si>
  <si>
    <t>01/13/2020 04:52:43</t>
  </si>
  <si>
    <t>01/13/2020 04:58:26</t>
  </si>
  <si>
    <t>01/13/2020 04:57:50</t>
  </si>
  <si>
    <t>01/13/2020 04:59:27</t>
  </si>
  <si>
    <t>01/13/2020 04:56:39</t>
  </si>
  <si>
    <t>01/13/2020 04:57:06</t>
  </si>
  <si>
    <t>01/13/2020 04:59:03</t>
  </si>
  <si>
    <t>01/13/2020 05:00:27</t>
  </si>
  <si>
    <t>01/13/2020 04:59:20</t>
  </si>
  <si>
    <t>01/13/2020 04:59:06</t>
  </si>
  <si>
    <t>01/13/2020 05:02:27</t>
  </si>
  <si>
    <t>01/13/2020 05:02:09</t>
  </si>
  <si>
    <t>01/13/2020 05:04:27</t>
  </si>
  <si>
    <t>01/13/2020 05:03:34</t>
  </si>
  <si>
    <t>01/13/2020 05:05:26</t>
  </si>
  <si>
    <t>01/13/2020 05:06:53</t>
  </si>
  <si>
    <t>01/13/2020 05:10:27</t>
  </si>
  <si>
    <t>01/13/2020 05:10:08</t>
  </si>
  <si>
    <t>01/13/2020 05:14:26</t>
  </si>
  <si>
    <t>01/13/2020 05:14:51</t>
  </si>
  <si>
    <t>01/13/2020 05:18:27</t>
  </si>
  <si>
    <t>01/13/2020 05:17:58</t>
  </si>
  <si>
    <t>01/13/2020 05:20:27</t>
  </si>
  <si>
    <t>01/13/2020 05:17:52</t>
  </si>
  <si>
    <t>01/13/2020 05:21:27</t>
  </si>
  <si>
    <t>dce20ef4-4f1f-4331-a1ad-20d75315ecea.tmp</t>
  </si>
  <si>
    <t>\\acsfs\profiles$\rogeriofd\Downloads\dce20ef4-4f1f-4331-a1ad-20d75315ecea.tmp</t>
  </si>
  <si>
    <t>01/13/2020 05:18:22</t>
  </si>
  <si>
    <t>6724ea60-bb0d-4bbb-808f-2209b95f67f9.tmp</t>
  </si>
  <si>
    <t>\\acsfs\profiles$\rogeriofd\Downloads\6724ea60-bb0d-4bbb-808f-2209b95f67f9.tmp</t>
  </si>
  <si>
    <t>01/13/2020 05:21:29</t>
  </si>
  <si>
    <t>01/13/2020 05:24:26</t>
  </si>
  <si>
    <t>01/13/2020 05:26:27</t>
  </si>
  <si>
    <t>01/13/2020 05:27:26</t>
  </si>
  <si>
    <t>01/13/2020 05:24:11</t>
  </si>
  <si>
    <t>01/13/2020 05:26:11</t>
  </si>
  <si>
    <t>01/13/2020 05:24:14</t>
  </si>
  <si>
    <t>01/13/2020 05:28:27</t>
  </si>
  <si>
    <t>01/13/2020 05:29:33</t>
  </si>
  <si>
    <t>01/13/2020 05:31:27</t>
  </si>
  <si>
    <t>01/13/2020 05:31:08</t>
  </si>
  <si>
    <t>01/13/2020 05:33:27</t>
  </si>
  <si>
    <t>01/13/2020 05:32:15</t>
  </si>
  <si>
    <t>01/13/2020 05:34:27</t>
  </si>
  <si>
    <t>01/13/2020 05:33:28</t>
  </si>
  <si>
    <t>01/13/2020 05:35:26</t>
  </si>
  <si>
    <t>01/13/2020 05:32:02</t>
  </si>
  <si>
    <t>c8661148-b697-40d5-8d0f-eeac4cfdb1de.tmp</t>
  </si>
  <si>
    <t>\\acsfs\profiles$\marlyannegdls\Downloads\c8661148-b697-40d5-8d0f-eeac4cfdb1de.tmp</t>
  </si>
  <si>
    <t>01/13/2020 05:33:09</t>
  </si>
  <si>
    <t>b2ed2dc7-97e0-4757-97a2-aeb8a730ca7d.tmp</t>
  </si>
  <si>
    <t>\\acsfs\profiles$\marlyannegdls\Downloads\b2ed2dc7-97e0-4757-97a2-aeb8a730ca7d.tmp</t>
  </si>
  <si>
    <t>01/13/2020 05:33:53</t>
  </si>
  <si>
    <t>01/13/2020 05:36:26</t>
  </si>
  <si>
    <t>01/13/2020 05:34:46</t>
  </si>
  <si>
    <t>01/13/2020 05:37:26</t>
  </si>
  <si>
    <t>01/13/2020 05:34:59</t>
  </si>
  <si>
    <t>01/13/2020 05:36:22</t>
  </si>
  <si>
    <t>01/13/2020 05:40:26</t>
  </si>
  <si>
    <t>01/13/2020 05:40:43</t>
  </si>
  <si>
    <t>01/13/2020 05:45:26</t>
  </si>
  <si>
    <t>01/13/2020 05:44:50</t>
  </si>
  <si>
    <t>01/13/2020 05:46:12</t>
  </si>
  <si>
    <t>01/13/2020 05:48:26</t>
  </si>
  <si>
    <t>639903b8-f168-4529-b3cb-189d33177eaf.tmp</t>
  </si>
  <si>
    <t>\\acsfs\profiles$\ROZENCAM\Downloads\639903b8-f168-4529-b3cb-189d33177eaf.tmp</t>
  </si>
  <si>
    <t>01/13/2020 05:47:00</t>
  </si>
  <si>
    <t>01/13/2020 05:48:16</t>
  </si>
  <si>
    <t>01/13/2020 05:49:27</t>
  </si>
  <si>
    <t>01/13/2020 05:46:49</t>
  </si>
  <si>
    <t>01/13/2020 05:49:46</t>
  </si>
  <si>
    <t>01/13/2020 05:52:26</t>
  </si>
  <si>
    <t>01/13/2020 05:53:07</t>
  </si>
  <si>
    <t>01/13/2020 05:54:26</t>
  </si>
  <si>
    <t>01/13/2020 05:57:42</t>
  </si>
  <si>
    <t>01/13/2020 05:59:26</t>
  </si>
  <si>
    <t>01/13/2020 05:55:32</t>
  </si>
  <si>
    <t>01/13/2020 06:00:26</t>
  </si>
  <si>
    <t>57aca0ec-e906-40e0-bf72-44385d851aa5.tmp</t>
  </si>
  <si>
    <t>\\acsfs\profiles$\lucasqdss\Downloads\57aca0ec-e906-40e0-bf72-44385d851aa5.tmp</t>
  </si>
  <si>
    <t>01/13/2020 05:57:37</t>
  </si>
  <si>
    <t>ca9fa8d7-e6bb-4312-99cb-db85439086a7.tmp</t>
  </si>
  <si>
    <t>\\acsfs\profiles$\lucasqdss\Downloads\ca9fa8d7-e6bb-4312-99cb-db85439086a7.tmp</t>
  </si>
  <si>
    <t>01/13/2020 06:00:29</t>
  </si>
  <si>
    <t>01/13/2020 06:02:27</t>
  </si>
  <si>
    <t>01/13/2020 05:59:35</t>
  </si>
  <si>
    <t>01/13/2020 06:03:26</t>
  </si>
  <si>
    <t>01/13/2020 06:01:03</t>
  </si>
  <si>
    <t>01/13/2020 06:04:26</t>
  </si>
  <si>
    <t>01/13/2020 06:10:14</t>
  </si>
  <si>
    <t>01/13/2020 06:12:26</t>
  </si>
  <si>
    <t>01/13/2020 06:14:36</t>
  </si>
  <si>
    <t>01/13/2020 06:18:27</t>
  </si>
  <si>
    <t>01/13/2020 06:16:37</t>
  </si>
  <si>
    <t>01/13/2020 06:17:47</t>
  </si>
  <si>
    <t>01/13/2020 06:19:26</t>
  </si>
  <si>
    <t>01/13/2020 06:18:21</t>
  </si>
  <si>
    <t>01/13/2020 06:20:27</t>
  </si>
  <si>
    <t>01/13/2020 06:18:03</t>
  </si>
  <si>
    <t>01/13/2020 06:21:26</t>
  </si>
  <si>
    <t>01/13/2020 06:19:01</t>
  </si>
  <si>
    <t>01/13/2020 06:22:26</t>
  </si>
  <si>
    <t>01/13/2020 06:18:43</t>
  </si>
  <si>
    <t>01/13/2020 06:23:37</t>
  </si>
  <si>
    <t>01/13/2020 06:25:27</t>
  </si>
  <si>
    <t>01/13/2020 06:24:04</t>
  </si>
  <si>
    <t>6d9b3dda-54ee-497e-800f-0eea871547ec.tmp</t>
  </si>
  <si>
    <t>\\acsfs\profiles$\BRUNAAR\Downloads\6d9b3dda-54ee-497e-800f-0eea871547ec.tmp</t>
  </si>
  <si>
    <t>01/13/2020 06:21:20</t>
  </si>
  <si>
    <t>01/13/2020 06:24:56</t>
  </si>
  <si>
    <t>01/13/2020 06:28:26</t>
  </si>
  <si>
    <t>01/13/2020 06:25:52</t>
  </si>
  <si>
    <t>01/13/2020 06:24:20</t>
  </si>
  <si>
    <t>01/13/2020 06:29:26</t>
  </si>
  <si>
    <t>01/13/2020 06:25:30</t>
  </si>
  <si>
    <t>16b53745-265f-4de1-8822-97d68d00439e.tmp</t>
  </si>
  <si>
    <t>\\acsfs\profiles$\danielac\Downloads\16b53745-265f-4de1-8822-97d68d00439e.tmp</t>
  </si>
  <si>
    <t>01/13/2020 06:25:43</t>
  </si>
  <si>
    <t>73da62d9-85cd-4e58-8a8b-b5d4eb121b2a.tmp</t>
  </si>
  <si>
    <t>\\acsfs\profiles$\danielac\Downloads\73da62d9-85cd-4e58-8a8b-b5d4eb121b2a.tmp</t>
  </si>
  <si>
    <t>01/13/2020 06:26:51</t>
  </si>
  <si>
    <t>452a643f-cf70-4a41-bc00-13211ab6ad64.tmp</t>
  </si>
  <si>
    <t>\\acsfs\profiles$\danielac\Downloads\452a643f-cf70-4a41-bc00-13211ab6ad64.tmp</t>
  </si>
  <si>
    <t>01/13/2020 06:26:36</t>
  </si>
  <si>
    <t>87efc8e9-95c9-4473-b0c6-a21c50cb70e9.tmp</t>
  </si>
  <si>
    <t>\\acsfs\profiles$\ALYNYA\Downloads\87efc8e9-95c9-4473-b0c6-a21c50cb70e9.tmp</t>
  </si>
  <si>
    <t>01/13/2020 06:28:35</t>
  </si>
  <si>
    <t>5c6a2000-4223-43dd-aa30-f125fe58fda6.tmp</t>
  </si>
  <si>
    <t>\\acsfs\profiles$\ALYNYA\Downloads\5c6a2000-4223-43dd-aa30-f125fe58fda6.tmp</t>
  </si>
  <si>
    <t>01/13/2020 06:25:33</t>
  </si>
  <si>
    <t>01/13/2020 06:30:27</t>
  </si>
  <si>
    <t>6d137273-5c26-476d-bee7-f04a14b89bf2.tmp</t>
  </si>
  <si>
    <t>\\acsfs\profiles$\BRUNAAR\Downloads\6d137273-5c26-476d-bee7-f04a14b89bf2.tmp</t>
  </si>
  <si>
    <t>01/13/2020 06:31:49</t>
  </si>
  <si>
    <t>01/13/2020 06:34:26</t>
  </si>
  <si>
    <t>01/13/2020 06:30:02</t>
  </si>
  <si>
    <t>01/13/2020 06:30:29</t>
  </si>
  <si>
    <t>b60a97d4-2d10-4e0b-8b12-6a8f7d5ff3c3.tmp</t>
  </si>
  <si>
    <t>\\acsfs\profiles$\ALYNYA\Downloads\b60a97d4-2d10-4e0b-8b12-6a8f7d5ff3c3.tmp</t>
  </si>
  <si>
    <t>01/13/2020 06:32:45</t>
  </si>
  <si>
    <t>01/13/2020 06:35:27</t>
  </si>
  <si>
    <t>01/13/2020 06:34:04</t>
  </si>
  <si>
    <t>01/13/2020 06:36:26</t>
  </si>
  <si>
    <t>01/13/2020 06:36:19</t>
  </si>
  <si>
    <t>01/13/2020 06:37:26</t>
  </si>
  <si>
    <t>01/13/2020 06:32:30</t>
  </si>
  <si>
    <t>01/13/2020 06:36:25</t>
  </si>
  <si>
    <t>01/13/2020 06:40:26</t>
  </si>
  <si>
    <t>01/13/2020 06:40:55</t>
  </si>
  <si>
    <t>01/13/2020 06:41:27</t>
  </si>
  <si>
    <t>01/13/2020 06:38:10</t>
  </si>
  <si>
    <t>01/13/2020 06:42:26</t>
  </si>
  <si>
    <t>01/13/2020 06:38:46</t>
  </si>
  <si>
    <t>01/13/2020 06:38:08</t>
  </si>
  <si>
    <t>01/13/2020 06:43:27</t>
  </si>
  <si>
    <t>01/13/2020 06:40:50</t>
  </si>
  <si>
    <t>01/13/2020 06:44:15</t>
  </si>
  <si>
    <t>01/13/2020 06:47:26</t>
  </si>
  <si>
    <t>01/13/2020 06:43:38</t>
  </si>
  <si>
    <t>01/13/2020 06:44:37</t>
  </si>
  <si>
    <t>01/13/2020 06:46:50</t>
  </si>
  <si>
    <t>01/13/2020 06:49:26</t>
  </si>
  <si>
    <t>01/13/2020 06:46:38</t>
  </si>
  <si>
    <t>01/13/2020 06:47:01</t>
  </si>
  <si>
    <t>01/13/2020 06:51:26</t>
  </si>
  <si>
    <t>01/13/2020 06:49:47</t>
  </si>
  <si>
    <t>01/13/2020 06:51:13</t>
  </si>
  <si>
    <t>01/13/2020 06:54:26</t>
  </si>
  <si>
    <t>97e678d4-1952-4766-9e16-0ed8aa134f93.tmp</t>
  </si>
  <si>
    <t>\\acsfs\profiles$\vivianealda\Downloads\97e678d4-1952-4766-9e16-0ed8aa134f93.tmp</t>
  </si>
  <si>
    <t>01/13/2020 06:52:00</t>
  </si>
  <si>
    <t>9466e710-9a76-489d-a0e8-78d643ab091b.tmp</t>
  </si>
  <si>
    <t>\\acsfs\profiles$\vivianealda\Downloads\9466e710-9a76-489d-a0e8-78d643ab091b.tmp</t>
  </si>
  <si>
    <t>01/13/2020 06:51:24</t>
  </si>
  <si>
    <t>01/13/2020 06:55:26</t>
  </si>
  <si>
    <t>01/13/2020 06:51:29</t>
  </si>
  <si>
    <t>01/13/2020 06:56:26</t>
  </si>
  <si>
    <t>01/13/2020 06:51:30</t>
  </si>
  <si>
    <t>01/13/2020 06:51:31</t>
  </si>
  <si>
    <t>01/13/2020 06:51:32</t>
  </si>
  <si>
    <t>01/13/2020 06:51:33</t>
  </si>
  <si>
    <t>01/13/2020 06:51:34</t>
  </si>
  <si>
    <t>01/13/2020 06:51:35</t>
  </si>
  <si>
    <t>01/13/2020 06:51:36</t>
  </si>
  <si>
    <t>01/13/2020 06:51:37</t>
  </si>
  <si>
    <t>01/13/2020 06:51:38</t>
  </si>
  <si>
    <t>01/13/2020 06:51:39</t>
  </si>
  <si>
    <t>01/13/2020 06:51:40</t>
  </si>
  <si>
    <t>01/13/2020 06:51:41</t>
  </si>
  <si>
    <t>01/13/2020 06:51:42</t>
  </si>
  <si>
    <t>01/13/2020 06:51:43</t>
  </si>
  <si>
    <t>01/13/2020 06:51:44</t>
  </si>
  <si>
    <t>01/13/2020 06:51:45</t>
  </si>
  <si>
    <t>01/13/2020 06:51:46</t>
  </si>
  <si>
    <t>01/13/2020 06:51:47</t>
  </si>
  <si>
    <t>01/13/2020 06:51:48</t>
  </si>
  <si>
    <t>01/13/2020 06:51:49</t>
  </si>
  <si>
    <t>01/13/2020 06:51:50</t>
  </si>
  <si>
    <t>01/13/2020 06:51:51</t>
  </si>
  <si>
    <t>01/13/2020 06:57:06</t>
  </si>
  <si>
    <t>01/13/2020 06:59:26</t>
  </si>
  <si>
    <t>1b8843ef-4611-4124-88a0-b178d2d47cb6.tmp</t>
  </si>
  <si>
    <t>\\acsfs\profiles$\vivianealda\Downloads\1b8843ef-4611-4124-88a0-b178d2d47cb6.tmp</t>
  </si>
  <si>
    <t>01/13/2020 06:57:20</t>
  </si>
  <si>
    <t>71a3c18c-e956-4bec-aaee-f17b0d3a69d6.tmp</t>
  </si>
  <si>
    <t>\\acsfs\profiles$\vivianealda\Downloads\71a3c18c-e956-4bec-aaee-f17b0d3a69d6.tmp</t>
  </si>
  <si>
    <t>10.200.66.115</t>
  </si>
  <si>
    <t>e3238da3-69f0-4c3b-b3d2-3c47de965f6b.tmp</t>
  </si>
  <si>
    <t>\\acsfs\profiles$\anafsb\Downloads\e3238da3-69f0-4c3b-b3d2-3c47de965f6b.tmp</t>
  </si>
  <si>
    <t>01/13/2020 06:55:27</t>
  </si>
  <si>
    <t>2397bf78-868d-4790-bd64-fa1b791960ff.tmp</t>
  </si>
  <si>
    <t>\\acsfs\profiles$\anafsb\Downloads\2397bf78-868d-4790-bd64-fa1b791960ff.tmp</t>
  </si>
  <si>
    <t>01/13/2020 06:55:30</t>
  </si>
  <si>
    <t>dfbfaddb-a1d7-48d0-a023-80136e115cfe.tmp</t>
  </si>
  <si>
    <t>\\acsfs\profiles$\anafsb\Downloads\dfbfaddb-a1d7-48d0-a023-80136e115cfe.tmp</t>
  </si>
  <si>
    <t>01/13/2020 06:56:11</t>
  </si>
  <si>
    <t>e0983637-9695-467a-b0e5-1a665dced079.tmp</t>
  </si>
  <si>
    <t>\\acsfs\profiles$\anafsb\Downloads\e0983637-9695-467a-b0e5-1a665dced079.tmp</t>
  </si>
  <si>
    <t>01/13/2020 06:56:27</t>
  </si>
  <si>
    <t>7c8fed1a-a9d0-4000-9813-c40e7433339f.tmp</t>
  </si>
  <si>
    <t>\\acsfs\profiles$\anafsb\Downloads\7c8fed1a-a9d0-4000-9813-c40e7433339f.tmp</t>
  </si>
  <si>
    <t>01/13/2020 06:55:13</t>
  </si>
  <si>
    <t>01/13/2020 07:00:26</t>
  </si>
  <si>
    <t>01/13/2020 06:55:57</t>
  </si>
  <si>
    <t>f12e0708-6a9e-44f7-bfbe-86a6f079cea8.tmp</t>
  </si>
  <si>
    <t>\\acsfs\profiles$\cintiadcf\Downloads\f12e0708-6a9e-44f7-bfbe-86a6f079cea8.tmp</t>
  </si>
  <si>
    <t>01/13/2020 06:56:03</t>
  </si>
  <si>
    <t>2656b3c1-1f1a-4437-94ab-05e29e76286b.tmp</t>
  </si>
  <si>
    <t>\\acsfs\profiles$\cintiadcf\Downloads\2656b3c1-1f1a-4437-94ab-05e29e76286b.tmp</t>
  </si>
  <si>
    <t>01/13/2020 06:57:12</t>
  </si>
  <si>
    <t>4d9c4a3e-4403-4b12-8d5b-6fb7772a4f9c.tmp</t>
  </si>
  <si>
    <t>\\acsfs\profiles$\cintiadcf\Downloads\4d9c4a3e-4403-4b12-8d5b-6fb7772a4f9c.tmp</t>
  </si>
  <si>
    <t>01/13/2020 06:59:42</t>
  </si>
  <si>
    <t>01/13/2020 07:02:26</t>
  </si>
  <si>
    <t>01/13/2020 07:00:48</t>
  </si>
  <si>
    <t>01/13/2020 07:03:27</t>
  </si>
  <si>
    <t>01/13/2020 07:01:03</t>
  </si>
  <si>
    <t>01/13/2020 07:04:26</t>
  </si>
  <si>
    <t>b1a09615-5ce0-4367-a75e-806ac4e8c2bc.tmp</t>
  </si>
  <si>
    <t>\\acsfs\profiles$\vivianealda\Downloads\b1a09615-5ce0-4367-a75e-806ac4e8c2bc.tmp</t>
  </si>
  <si>
    <t>01/13/2020 07:01:18</t>
  </si>
  <si>
    <t>a3460252-9113-4db3-8cce-b91d0bc5ab82.tmp</t>
  </si>
  <si>
    <t>\\acsfs\profiles$\vivianealda\Downloads\a3460252-9113-4db3-8cce-b91d0bc5ab82.tmp</t>
  </si>
  <si>
    <t>\\acsfs\profiles$\gustavoab\Downloads\</t>
  </si>
  <si>
    <t>8654484e-50db-4e26-a41d-d3477c1ff294.tmp</t>
  </si>
  <si>
    <t>\\acsfs\profiles$\gustavoab\Downloads\8654484e-50db-4e26-a41d-d3477c1ff294.tmp</t>
  </si>
  <si>
    <t>01/13/2020 07:01:56</t>
  </si>
  <si>
    <t>bf9c0ac7-cc5c-45e7-98f4-7512ee5cb418.tmp</t>
  </si>
  <si>
    <t>\\acsfs\profiles$\gustavoab\Downloads\bf9c0ac7-cc5c-45e7-98f4-7512ee5cb418.tmp</t>
  </si>
  <si>
    <t>01/13/2020 07:02:27</t>
  </si>
  <si>
    <t>c4f5e5b7-c13b-48a4-9cfa-860d65b6a742.tmp</t>
  </si>
  <si>
    <t>\\acsfs\profiles$\gustavoab\Downloads\c4f5e5b7-c13b-48a4-9cfa-860d65b6a742.tmp</t>
  </si>
  <si>
    <t>01/13/2020 07:02:29</t>
  </si>
  <si>
    <t>01/13/2020 07:05:27</t>
  </si>
  <si>
    <t>Gleyce Kelly Oliveira Silva (27).contact</t>
  </si>
  <si>
    <t>\\acsfs\profiles$\gleycekos\Contacts\Gleyce Kelly Oliveira Silva (27).contact</t>
  </si>
  <si>
    <t>01/13/2020 07:02:36</t>
  </si>
  <si>
    <t>01/13/2020 07:02:37</t>
  </si>
  <si>
    <t>01/13/2020 07:02:38</t>
  </si>
  <si>
    <t>01/13/2020 07:02:39</t>
  </si>
  <si>
    <t>01/13/2020 07:02:40</t>
  </si>
  <si>
    <t>01/13/2020 07:02:41</t>
  </si>
  <si>
    <t>01/13/2020 07:02:42</t>
  </si>
  <si>
    <t>01/13/2020 07:02:53</t>
  </si>
  <si>
    <t>01/13/2020 07:02:54</t>
  </si>
  <si>
    <t>01/13/2020 07:05:33</t>
  </si>
  <si>
    <t>01/13/2020 07:07:26</t>
  </si>
  <si>
    <t>01/13/2020 07:08:19</t>
  </si>
  <si>
    <t>01/13/2020 07:09:26</t>
  </si>
  <si>
    <t>ad543ae8-6547-49f7-b8c9-6af03b09903d.tmp</t>
  </si>
  <si>
    <t>\\acsfs\profiles$\anafsb\Downloads\ad543ae8-6547-49f7-b8c9-6af03b09903d.tmp</t>
  </si>
  <si>
    <t>01/13/2020 07:06:29</t>
  </si>
  <si>
    <t>a59ea196-bccc-4559-9645-2bcafcd5c9db.tmp</t>
  </si>
  <si>
    <t>\\acsfs\profiles$\eduardobb\Downloads\a59ea196-bccc-4559-9645-2bcafcd5c9db.tmp</t>
  </si>
  <si>
    <t>01/13/2020 07:07:48</t>
  </si>
  <si>
    <t>1de8d438-be17-4a3d-9cd2-dd400e8b455e.tmp</t>
  </si>
  <si>
    <t>\\acsfs\profiles$\eduardobb\Downloads\1de8d438-be17-4a3d-9cd2-dd400e8b455e.tmp</t>
  </si>
  <si>
    <t>01/13/2020 07:08:25</t>
  </si>
  <si>
    <t>82720fdb-6f07-4d74-a9b4-5ab7c7d0ccee.tmp</t>
  </si>
  <si>
    <t>\\acsfs\profiles$\eduardobb\Downloads\82720fdb-6f07-4d74-a9b4-5ab7c7d0ccee.tmp</t>
  </si>
  <si>
    <t>01/13/2020 07:08:59</t>
  </si>
  <si>
    <t>6dcd45b9-c7ea-486d-9257-0e24ffc01a82.tmp</t>
  </si>
  <si>
    <t>\\acsfs\profiles$\eduardobb\Downloads\6dcd45b9-c7ea-486d-9257-0e24ffc01a82.tmp</t>
  </si>
  <si>
    <t>01/13/2020 07:05:42</t>
  </si>
  <si>
    <t>01/13/2020 07:10:27</t>
  </si>
  <si>
    <t>01/13/2020 07:06:09</t>
  </si>
  <si>
    <t>01/13/2020 07:06:10</t>
  </si>
  <si>
    <t>01/13/2020 07:06:11</t>
  </si>
  <si>
    <t>01/13/2020 07:06:12</t>
  </si>
  <si>
    <t>01/13/2020 07:06:13</t>
  </si>
  <si>
    <t>01/13/2020 07:06:14</t>
  </si>
  <si>
    <t>01/13/2020 07:06:15</t>
  </si>
  <si>
    <t>01/13/2020 07:06:16</t>
  </si>
  <si>
    <t>01/13/2020 07:06:17</t>
  </si>
  <si>
    <t>01/13/2020 07:06:18</t>
  </si>
  <si>
    <t>01/13/2020 07:06:19</t>
  </si>
  <si>
    <t>01/13/2020 07:06:20</t>
  </si>
  <si>
    <t>01/13/2020 07:06:21</t>
  </si>
  <si>
    <t>01/13/2020 07:06:22</t>
  </si>
  <si>
    <t>01/13/2020 07:06:23</t>
  </si>
  <si>
    <t>01/13/2020 07:06:24</t>
  </si>
  <si>
    <t>01/13/2020 07:06:25</t>
  </si>
  <si>
    <t>01/13/2020 07:06:26</t>
  </si>
  <si>
    <t>01/13/2020 07:06:27</t>
  </si>
  <si>
    <t>01/13/2020 07:06:28</t>
  </si>
  <si>
    <t>01/13/2020 07:06:30</t>
  </si>
  <si>
    <t>01/13/2020 07:06:31</t>
  </si>
  <si>
    <t>01/13/2020 07:09:43</t>
  </si>
  <si>
    <t>01/13/2020 07:13:26</t>
  </si>
  <si>
    <t>01/13/2020 07:10:42</t>
  </si>
  <si>
    <t>01/13/2020 07:14:26</t>
  </si>
  <si>
    <t>69207f2b-4381-4b9f-b137-50da0369e749.tmp</t>
  </si>
  <si>
    <t>\\acsfs\profiles$\anafsb\Downloads\69207f2b-4381-4b9f-b137-50da0369e749.tmp</t>
  </si>
  <si>
    <t>01/13/2020 07:11:03</t>
  </si>
  <si>
    <t>fbef4911-aa9a-4d17-9ab4-8938b15f1c31.tmp</t>
  </si>
  <si>
    <t>\\acsfs\profiles$\anafsb\Downloads\fbef4911-aa9a-4d17-9ab4-8938b15f1c31.tmp</t>
  </si>
  <si>
    <t>01/13/2020 07:13:54</t>
  </si>
  <si>
    <t>01/13/2020 07:09:56</t>
  </si>
  <si>
    <t>48f22150-5a3a-47e6-a2fd-b66cfb59a669.tmp</t>
  </si>
  <si>
    <t>\\acsfs\profiles$\eduardobb\Downloads\48f22150-5a3a-47e6-a2fd-b66cfb59a669.tmp</t>
  </si>
  <si>
    <t>01/13/2020 07:11:54</t>
  </si>
  <si>
    <t>01/13/2020 07:15:26</t>
  </si>
  <si>
    <t>01/13/2020 07:12:11</t>
  </si>
  <si>
    <t>01/13/2020 07:12:28</t>
  </si>
  <si>
    <t>01/13/2020 07:12:42</t>
  </si>
  <si>
    <t>01/13/2020 07:12:47</t>
  </si>
  <si>
    <t>01/13/2020 07:12:51</t>
  </si>
  <si>
    <t>01/13/2020 07:12:55</t>
  </si>
  <si>
    <t>01/13/2020 07:13:00</t>
  </si>
  <si>
    <t>01/13/2020 07:13:19</t>
  </si>
  <si>
    <t>01/13/2020 07:13:25</t>
  </si>
  <si>
    <t>01/13/2020 07:13:41</t>
  </si>
  <si>
    <t>01/13/2020 07:14:01</t>
  </si>
  <si>
    <t>01/13/2020 07:14:08</t>
  </si>
  <si>
    <t>01/13/2020 07:14:12</t>
  </si>
  <si>
    <t>01/13/2020 07:11:40</t>
  </si>
  <si>
    <t>01/13/2020 07:11:33</t>
  </si>
  <si>
    <t>01/13/2020 07:12:35</t>
  </si>
  <si>
    <t>01/13/2020 07:12:36</t>
  </si>
  <si>
    <t>lu263961x8m70.tmp</t>
  </si>
  <si>
    <t>\\acsfs\profiles$\BRUNAAR\Numero\lu263961x8m70.tmp</t>
  </si>
  <si>
    <t>01/13/2020 07:10:16</t>
  </si>
  <si>
    <t>01/13/2020 07:11:43</t>
  </si>
  <si>
    <t>01/13/2020 07:11:44</t>
  </si>
  <si>
    <t>01/13/2020 07:11:45</t>
  </si>
  <si>
    <t>01/13/2020 07:11:46</t>
  </si>
  <si>
    <t>01/13/2020 07:11:47</t>
  </si>
  <si>
    <t>01/13/2020 07:11:48</t>
  </si>
  <si>
    <t>01/13/2020 07:11:49</t>
  </si>
  <si>
    <t>01/13/2020 07:11:50</t>
  </si>
  <si>
    <t>01/13/2020 07:11:51</t>
  </si>
  <si>
    <t>01/13/2020 07:11:52</t>
  </si>
  <si>
    <t>01/13/2020 07:11:53</t>
  </si>
  <si>
    <t>01/13/2020 07:11:55</t>
  </si>
  <si>
    <t>01/13/2020 07:11:56</t>
  </si>
  <si>
    <t>01/13/2020 07:11:57</t>
  </si>
  <si>
    <t>01/13/2020 07:11:58</t>
  </si>
  <si>
    <t>01/13/2020 07:11:59</t>
  </si>
  <si>
    <t>01/13/2020 07:12:00</t>
  </si>
  <si>
    <t>01/13/2020 07:12:01</t>
  </si>
  <si>
    <t>01/13/2020 07:12:02</t>
  </si>
  <si>
    <t>01/13/2020 07:12:03</t>
  </si>
  <si>
    <t>01/13/2020 07:12:04</t>
  </si>
  <si>
    <t>01/13/2020 07:12:05</t>
  </si>
  <si>
    <t>01/13/2020 07:12:06</t>
  </si>
  <si>
    <t>01/13/2020 07:16:20</t>
  </si>
  <si>
    <t>01/13/2020 07:17:27</t>
  </si>
  <si>
    <t>01/13/2020 07:16:21</t>
  </si>
  <si>
    <t>01/13/2020 07:16:35</t>
  </si>
  <si>
    <t>01/13/2020 07:19:27</t>
  </si>
  <si>
    <t>01/13/2020 07:14:51</t>
  </si>
  <si>
    <t>01/13/2020 07:20:26</t>
  </si>
  <si>
    <t>01/13/2020 07:14:55</t>
  </si>
  <si>
    <t>01/13/2020 07:19:59</t>
  </si>
  <si>
    <t>f14d8a14-695b-4aec-8a3a-054dc6c21669.tmp</t>
  </si>
  <si>
    <t>\\acsfs\profiles$\websondsa\Downloads\f14d8a14-695b-4aec-8a3a-054dc6c21669.tmp</t>
  </si>
  <si>
    <t>01/13/2020 07:20:04</t>
  </si>
  <si>
    <t>c690a600-cf66-4143-8e27-27a3b7613999.tmp</t>
  </si>
  <si>
    <t>\\acsfs\profiles$\websondsa\Downloads\c690a600-cf66-4143-8e27-27a3b7613999.tmp</t>
  </si>
  <si>
    <t>01/13/2020 07:15:50</t>
  </si>
  <si>
    <t>ec6f580a-63c4-45f3-939f-faced08774cf.tmp</t>
  </si>
  <si>
    <t>\\acsfs\profiles$\mariajra\Downloads\ec6f580a-63c4-45f3-939f-faced08774cf.tmp</t>
  </si>
  <si>
    <t>01/13/2020 07:18:13</t>
  </si>
  <si>
    <t>1e7eac25-638f-4a5b-9dd6-ef5c9a025b8e.tmp</t>
  </si>
  <si>
    <t>\\acsfs\profiles$\mariajra\Downloads\1e7eac25-638f-4a5b-9dd6-ef5c9a025b8e.tmp</t>
  </si>
  <si>
    <t>01/13/2020 07:19:20</t>
  </si>
  <si>
    <t>01/13/2020 07:22:26</t>
  </si>
  <si>
    <t>01/13/2020 07:19:05</t>
  </si>
  <si>
    <t>01/13/2020 07:23:27</t>
  </si>
  <si>
    <t>01/13/2020 07:20:00</t>
  </si>
  <si>
    <t>01/13/2020 07:20:55</t>
  </si>
  <si>
    <t>01/13/2020 07:19:11</t>
  </si>
  <si>
    <t>b21f5d97-29e2-44a3-9c74-7cc2c188515f.tmp</t>
  </si>
  <si>
    <t>\\acsfs\profiles$\inarajst\Downloads\b21f5d97-29e2-44a3-9c74-7cc2c188515f.tmp</t>
  </si>
  <si>
    <t>01/13/2020 07:19:15</t>
  </si>
  <si>
    <t>939eea68-d95e-443a-87d8-50e72c8b0f98.tmp</t>
  </si>
  <si>
    <t>\\acsfs\profiles$\inarajst\Downloads\939eea68-d95e-443a-87d8-50e72c8b0f98.tmp</t>
  </si>
  <si>
    <t>01/13/2020 07:19:34</t>
  </si>
  <si>
    <t>cd77adf5-a041-483c-a7fc-ac03bec95c30.tmp</t>
  </si>
  <si>
    <t>\\acsfs\profiles$\inarajst\Downloads\cd77adf5-a041-483c-a7fc-ac03bec95c30.tmp</t>
  </si>
  <si>
    <t>01/13/2020 07:20:13</t>
  </si>
  <si>
    <t>f7b29c89-fa85-429b-a2b1-189fcff01aa3.tmp</t>
  </si>
  <si>
    <t>\\acsfs\profiles$\inarajst\Downloads\f7b29c89-fa85-429b-a2b1-189fcff01aa3.tmp</t>
  </si>
  <si>
    <t>01/13/2020 07:22:36</t>
  </si>
  <si>
    <t>032d6cd4-fdb0-4118-9689-adde3e4ee537.tmp</t>
  </si>
  <si>
    <t>\\acsfs\profiles$\inarajst\Downloads\032d6cd4-fdb0-4118-9689-adde3e4ee537.tmp</t>
  </si>
  <si>
    <t>01/13/2020 07:19:17</t>
  </si>
  <si>
    <t>01/13/2020 07:24:26</t>
  </si>
  <si>
    <t>01/13/2020 07:22:03</t>
  </si>
  <si>
    <t>01/13/2020 07:25:26</t>
  </si>
  <si>
    <t>01/13/2020 07:22:28</t>
  </si>
  <si>
    <t>2ffecf33-84a4-4b8c-b430-546d71d5e8dd.tmp</t>
  </si>
  <si>
    <t>\\acsfs\profiles$\claudiajca\Downloads\2ffecf33-84a4-4b8c-b430-546d71d5e8dd.tmp</t>
  </si>
  <si>
    <t>01/13/2020 07:23:31</t>
  </si>
  <si>
    <t>7806b2c1-9022-4687-b09f-03fe0312147c.tmp</t>
  </si>
  <si>
    <t>\\acsfs\profiles$\claudiajca\Downloads\7806b2c1-9022-4687-b09f-03fe0312147c.tmp</t>
  </si>
  <si>
    <t>01/13/2020 07:20:32</t>
  </si>
  <si>
    <t>1785f352-f9ee-41bf-8adc-c7be4b512b2b.tmp</t>
  </si>
  <si>
    <t>\\acsfs\profiles$\websondsa\Downloads\1785f352-f9ee-41bf-8adc-c7be4b512b2b.tmp</t>
  </si>
  <si>
    <t>01/13/2020 07:20:57</t>
  </si>
  <si>
    <t>3d0920b1-d62f-4d4f-a103-13a2d04378c8.tmp</t>
  </si>
  <si>
    <t>\\acsfs\profiles$\websondsa\Downloads\3d0920b1-d62f-4d4f-a103-13a2d04378c8.tmp</t>
  </si>
  <si>
    <t>01/13/2020 07:23:06</t>
  </si>
  <si>
    <t>1e9e5976-8faf-4c8a-9629-899af9f2d647.tmp</t>
  </si>
  <si>
    <t>\\acsfs\profiles$\websondsa\Downloads\1e9e5976-8faf-4c8a-9629-899af9f2d647.tmp</t>
  </si>
  <si>
    <t>01/13/2020 07:23:07</t>
  </si>
  <si>
    <t>9c6e15ee-0dce-4be1-aa19-421bcd0f9954.tmp</t>
  </si>
  <si>
    <t>\\acsfs\profiles$\websondsa\Downloads\9c6e15ee-0dce-4be1-aa19-421bcd0f9954.tmp</t>
  </si>
  <si>
    <t>01/13/2020 07:21:31</t>
  </si>
  <si>
    <t>9fe714bb-09dd-4bcc-baea-db0d56dedf80.tmp</t>
  </si>
  <si>
    <t>\\acsfs\profiles$\mariajra\Downloads\9fe714bb-09dd-4bcc-baea-db0d56dedf80.tmp</t>
  </si>
  <si>
    <t>01/13/2020 07:23:09</t>
  </si>
  <si>
    <t>f1fb02d2-5c17-47ba-b7f3-87ec9cd10d10.tmp</t>
  </si>
  <si>
    <t>\\acsfs\profiles$\mariajra\Downloads\f1fb02d2-5c17-47ba-b7f3-87ec9cd10d10.tmp</t>
  </si>
  <si>
    <t>01/13/2020 07:25:17</t>
  </si>
  <si>
    <t>01/13/2020 07:26:26</t>
  </si>
  <si>
    <t>01/13/2020 07:23:32</t>
  </si>
  <si>
    <t>227bfda6-fd1b-44b3-a949-a074d451daf3.tmp</t>
  </si>
  <si>
    <t>\\acsfs\profiles$\sarahbal\Downloads\227bfda6-fd1b-44b3-a949-a074d451daf3.tmp</t>
  </si>
  <si>
    <t>01/13/2020 07:24:21</t>
  </si>
  <si>
    <t>67752631-7ca2-440e-aee1-f4ada9a2ea0b.tmp</t>
  </si>
  <si>
    <t>\\acsfs\profiles$\sarahbal\Downloads\67752631-7ca2-440e-aee1-f4ada9a2ea0b.tmp</t>
  </si>
  <si>
    <t>01/13/2020 07:25:07</t>
  </si>
  <si>
    <t>1bb5ddba-5ccf-4e96-b2c8-94129dea33ca.tmp</t>
  </si>
  <si>
    <t>\\acsfs\profiles$\sarahbal\Downloads\1bb5ddba-5ccf-4e96-b2c8-94129dea33ca.tmp</t>
  </si>
  <si>
    <t>01/13/2020 07:24:57</t>
  </si>
  <si>
    <t>01/13/2020 07:27:25</t>
  </si>
  <si>
    <t>01/13/2020 07:23:25</t>
  </si>
  <si>
    <t>01/13/2020 07:28:26</t>
  </si>
  <si>
    <t>635eb60e-f027-4274-945e-9a9127be4e07.tmp</t>
  </si>
  <si>
    <t>\\acsfs\profiles$\inarajst\Downloads\635eb60e-f027-4274-945e-9a9127be4e07.tmp</t>
  </si>
  <si>
    <t>01/13/2020 07:23:49</t>
  </si>
  <si>
    <t>49018c2b-e2d3-4644-820c-9a6f1d0c16f3.tmp</t>
  </si>
  <si>
    <t>\\acsfs\profiles$\inarajst\Downloads\49018c2b-e2d3-4644-820c-9a6f1d0c16f3.tmp</t>
  </si>
  <si>
    <t>01/13/2020 07:27:16</t>
  </si>
  <si>
    <t>01/13/2020 07:29:26</t>
  </si>
  <si>
    <t>01/13/2020 07:27:46</t>
  </si>
  <si>
    <t>01/13/2020 07:28:18</t>
  </si>
  <si>
    <t>mail.google.com/_/upload?authuser=0&amp;dcp=asu-n&amp;upload_id=AEnB2UrFv-dWJMEt0Sc8PN28PMQmqqVPwrJpyXmkVApNpikCjVPS5AJ1bNvfNxI7hFtMuD4wl1TMojTloZ-ss5RxgMS6mh2OXcIv9vr28C4T7xZW61aRfSc&amp;upload_protocol=resumable</t>
  </si>
  <si>
    <t>01/13/2020 07:28:42</t>
  </si>
  <si>
    <t>01/13/2020 07:28:52</t>
  </si>
  <si>
    <t>01/13/2020 07:29:01</t>
  </si>
  <si>
    <t>01/13/2020 07:29:07</t>
  </si>
  <si>
    <t>01/13/2020 07:25:58</t>
  </si>
  <si>
    <t>01/13/2020 07:30:26</t>
  </si>
  <si>
    <t>01/13/2020 07:25:57</t>
  </si>
  <si>
    <t>01/13/2020 07:26:22</t>
  </si>
  <si>
    <t>01/13/2020 07:31:26</t>
  </si>
  <si>
    <t>2b6e6624-58b3-4fad-ae0c-42e54cbe60d2.tmp</t>
  </si>
  <si>
    <t>\\acsfs\profiles$\sarahbal\Downloads\2b6e6624-58b3-4fad-ae0c-42e54cbe60d2.tmp</t>
  </si>
  <si>
    <t>01/13/2020 07:30:05</t>
  </si>
  <si>
    <t>01/13/2020 07:34:26</t>
  </si>
  <si>
    <t>01/13/2020 07:29:19</t>
  </si>
  <si>
    <t>01/13/2020 07:29:49</t>
  </si>
  <si>
    <t>01/13/2020 07:35:26</t>
  </si>
  <si>
    <t>01/13/2020 07:29:50</t>
  </si>
  <si>
    <t>1f1e66bf-a1ef-4333-9f7c-85b91073707b.tmp</t>
  </si>
  <si>
    <t>\\acsfs\profiles$\ERICALSR\Downloads\1f1e66bf-a1ef-4333-9f7c-85b91073707b.tmp</t>
  </si>
  <si>
    <t>01/13/2020 07:29:56</t>
  </si>
  <si>
    <t>2834764b-3abb-4497-bf7c-e2098e34e3e3.tmp</t>
  </si>
  <si>
    <t>\\acsfs\profiles$\ERICALSR\Downloads\2834764b-3abb-4497-bf7c-e2098e34e3e3.tmp</t>
  </si>
  <si>
    <t>01/13/2020 07:31:10</t>
  </si>
  <si>
    <t>23654553-f350-4867-a4f5-d7bfd7e0f51e.tmp</t>
  </si>
  <si>
    <t>\\acsfs\profiles$\ERICALSR\Downloads\23654553-f350-4867-a4f5-d7bfd7e0f51e.tmp</t>
  </si>
  <si>
    <t>01/13/2020 07:33:12</t>
  </si>
  <si>
    <t>01/13/2020 07:36:50</t>
  </si>
  <si>
    <t>01/13/2020 07:39:26</t>
  </si>
  <si>
    <t>eef5946d-5e9c-46c9-8e31-0e93f80efc02.tmp</t>
  </si>
  <si>
    <t>\\acsfs\profiles$\anafsb\Downloads\eef5946d-5e9c-46c9-8e31-0e93f80efc02.tmp</t>
  </si>
  <si>
    <t>01/13/2020 07:34:53</t>
  </si>
  <si>
    <t>01/13/2020 07:40:25</t>
  </si>
  <si>
    <t>lu130441buyb.tmp</t>
  </si>
  <si>
    <t>\\acsfs\profiles$\CINTIADCF\lu130441buyb.tmp</t>
  </si>
  <si>
    <t>\\acsfs\profiles$\CINTIADCF\lu130441buyb.tmp\</t>
  </si>
  <si>
    <t>\\acsfs\profiles$\CINTIADCF\lu130441buyb.tmp\META-INF\</t>
  </si>
  <si>
    <t>\\acsfs\profiles$\CINTIADCF\lu130441buyb.tmp\Thumbnails\</t>
  </si>
  <si>
    <t>01/13/2020 07:35:27</t>
  </si>
  <si>
    <t>lu263961x8m73.tmp</t>
  </si>
  <si>
    <t>\\acsfs\profiles$\BRUNAAR\Numero\lu263961x8m73.tmp</t>
  </si>
  <si>
    <t>01/13/2020 07:37:59</t>
  </si>
  <si>
    <t>01/13/2020 07:42:25</t>
  </si>
  <si>
    <t>01/13/2020 07:38:00</t>
  </si>
  <si>
    <t>01/13/2020 07:38:01</t>
  </si>
  <si>
    <t>01/13/2020 07:38:02</t>
  </si>
  <si>
    <t>01/13/2020 07:38:03</t>
  </si>
  <si>
    <t>01/13/2020 07:38:04</t>
  </si>
  <si>
    <t>01/13/2020 07:38:05</t>
  </si>
  <si>
    <t>01/13/2020 07:38:06</t>
  </si>
  <si>
    <t>01/13/2020 07:38:07</t>
  </si>
  <si>
    <t>01/13/2020 07:38:08</t>
  </si>
  <si>
    <t>01/13/2020 07:38:09</t>
  </si>
  <si>
    <t>01/13/2020 07:38:10</t>
  </si>
  <si>
    <t>01/13/2020 07:38:11</t>
  </si>
  <si>
    <t>01/13/2020 07:38:12</t>
  </si>
  <si>
    <t>01/13/2020 07:38:13</t>
  </si>
  <si>
    <t>01/13/2020 07:38:14</t>
  </si>
  <si>
    <t>01/13/2020 07:38:15</t>
  </si>
  <si>
    <t>01/13/2020 07:38:16</t>
  </si>
  <si>
    <t>01/13/2020 07:38:17</t>
  </si>
  <si>
    <t>01/13/2020 07:38:18</t>
  </si>
  <si>
    <t>01/13/2020 07:38:19</t>
  </si>
  <si>
    <t>01/13/2020 07:38:20</t>
  </si>
  <si>
    <t>01/13/2020 07:43:25</t>
  </si>
  <si>
    <t>01/13/2020 07:40:22</t>
  </si>
  <si>
    <t>d728c541-dff9-4de3-ac5b-c2ab7c800010.tmp</t>
  </si>
  <si>
    <t>\\acsfs\profiles$\ROZENCAM\Downloads\d728c541-dff9-4de3-ac5b-c2ab7c800010.tmp</t>
  </si>
  <si>
    <t>01/13/2020 07:38:43</t>
  </si>
  <si>
    <t>01/13/2020 07:44:26</t>
  </si>
  <si>
    <t>01/13/2020 07:39:33</t>
  </si>
  <si>
    <t>d573cead-985c-4000-b6b7-15e8b7bc8dc0.tmp</t>
  </si>
  <si>
    <t>\\acsfs\profiles$\marcellewdl\Downloads\d573cead-985c-4000-b6b7-15e8b7bc8dc0.tmp</t>
  </si>
  <si>
    <t>01/13/2020 07:43:10</t>
  </si>
  <si>
    <t>bd77c144-41d0-4bd9-8959-0b26d56bdf2a.tmp</t>
  </si>
  <si>
    <t>\\acsfs\profiles$\marcellewdl\Downloads\bd77c144-41d0-4bd9-8959-0b26d56bdf2a.tmp</t>
  </si>
  <si>
    <t>01/13/2020 07:39:29</t>
  </si>
  <si>
    <t>31abf696-392d-45aa-b8ed-4704cb4b7d6d.tmp</t>
  </si>
  <si>
    <t>\\acsfs\profiles$\anafsb\Downloads\31abf696-392d-45aa-b8ed-4704cb4b7d6d.tmp</t>
  </si>
  <si>
    <t>01/13/2020 07:40:01</t>
  </si>
  <si>
    <t>01/13/2020 07:45:26</t>
  </si>
  <si>
    <t>ed40b677-ac79-45cd-bbb2-ca1f06f8c654.tmp</t>
  </si>
  <si>
    <t>\\acsfs\profiles$\luanarda\Downloads\ed40b677-ac79-45cd-bbb2-ca1f06f8c654.tmp</t>
  </si>
  <si>
    <t>01/13/2020 07:41:14</t>
  </si>
  <si>
    <t>3ae18b4d-7b11-4e98-bb3b-5c5908ee1835.tmp</t>
  </si>
  <si>
    <t>\\acsfs\profiles$\luanarda\Downloads\3ae18b4d-7b11-4e98-bb3b-5c5908ee1835.tmp</t>
  </si>
  <si>
    <t>01/13/2020 07:42:19</t>
  </si>
  <si>
    <t>01/13/2020 07:43:58</t>
  </si>
  <si>
    <t>01/13/2020 07:45:27</t>
  </si>
  <si>
    <t>01/13/2020 07:49:27</t>
  </si>
  <si>
    <t>01/13/2020 07:45:23</t>
  </si>
  <si>
    <t>01/13/2020 07:46:19</t>
  </si>
  <si>
    <t>01/13/2020 07:46:02</t>
  </si>
  <si>
    <t>01/13/2020 07:46:10</t>
  </si>
  <si>
    <t>01/13/2020 07:50:27</t>
  </si>
  <si>
    <t>01/13/2020 07:48:47</t>
  </si>
  <si>
    <t>lu130441buyf.tmp</t>
  </si>
  <si>
    <t>\\acsfs\profiles$\CINTIADCF\lu130441buyf.tmp</t>
  </si>
  <si>
    <t>\\acsfs\profiles$\CINTIADCF\lu130441buyf.tmp\</t>
  </si>
  <si>
    <t>\\acsfs\profiles$\CINTIADCF\lu130441buyf.tmp\META-INF\</t>
  </si>
  <si>
    <t>\\acsfs\profiles$\CINTIADCF\lu130441buyf.tmp\Thumbnails\</t>
  </si>
  <si>
    <t>01/13/2020 07:46:53</t>
  </si>
  <si>
    <t>01/13/2020 07:51:27</t>
  </si>
  <si>
    <t>01/13/2020 07:50:01</t>
  </si>
  <si>
    <t>01/13/2020 07:52:27</t>
  </si>
  <si>
    <t>01/13/2020 07:51:40</t>
  </si>
  <si>
    <t>01/13/2020 07:53:27</t>
  </si>
  <si>
    <t>01/13/2020 07:51:23</t>
  </si>
  <si>
    <t>01/13/2020 07:54:27</t>
  </si>
  <si>
    <t>42c42077-6b32-4a11-af6f-fde2a617eea6.tmp</t>
  </si>
  <si>
    <t>\\acsfs\profiles$\nayarasds\Downloads\42c42077-6b32-4a11-af6f-fde2a617eea6.tmp</t>
  </si>
  <si>
    <t>01/13/2020 07:52:00</t>
  </si>
  <si>
    <t>517c27a4-9b77-4d20-b482-88a4b34364f7.tmp</t>
  </si>
  <si>
    <t>\\acsfs\profiles$\nayarasds\Downloads\517c27a4-9b77-4d20-b482-88a4b34364f7.tmp</t>
  </si>
  <si>
    <t>01/13/2020 07:52:24</t>
  </si>
  <si>
    <t>07ae7e1f-8cca-4a35-982e-90aa0b9efb17.tmp</t>
  </si>
  <si>
    <t>\\acsfs\profiles$\nayarasds\Downloads\07ae7e1f-8cca-4a35-982e-90aa0b9efb17.tmp</t>
  </si>
  <si>
    <t>01/13/2020 07:52:41</t>
  </si>
  <si>
    <t>6279b36c-d19a-465d-996e-5626673a5920.tmp</t>
  </si>
  <si>
    <t>\\acsfs\profiles$\nayarasds\Downloads\6279b36c-d19a-465d-996e-5626673a5920.tmp</t>
  </si>
  <si>
    <t>01/13/2020 07:53:32</t>
  </si>
  <si>
    <t>604ca04d-0950-49b6-b48d-8cbbbae3cf23.tmp</t>
  </si>
  <si>
    <t>\\acsfs\profiles$\nayarasds\Downloads\604ca04d-0950-49b6-b48d-8cbbbae3cf23.tmp</t>
  </si>
  <si>
    <t>01/13/2020 07:52:25</t>
  </si>
  <si>
    <t>01/13/2020 07:49:43</t>
  </si>
  <si>
    <t>01/13/2020 07:55:15</t>
  </si>
  <si>
    <t>01/13/2020 07:56:27</t>
  </si>
  <si>
    <t>01/13/2020 07:55:16</t>
  </si>
  <si>
    <t>lu2408lgr3m.tmp</t>
  </si>
  <si>
    <t>\\acsfs\DEPTOS\Operacao\Banco_Votorantim\Supervisao\SUPERS BV CARTÕES\ANA VITORIA\APOIO\lu2408lgr3m.tmp</t>
  </si>
  <si>
    <t>01/13/2020 07:55:28</t>
  </si>
  <si>
    <t>01/13/2020 07:57:27</t>
  </si>
  <si>
    <t>fb92271c-0ee0-4b46-b453-7a3ca6bb7e5b.tmp</t>
  </si>
  <si>
    <t>\\acsfs\profiles$\inarajst\Downloads\fb92271c-0ee0-4b46-b453-7a3ca6bb7e5b.tmp</t>
  </si>
  <si>
    <t>01/13/2020 07:56:32</t>
  </si>
  <si>
    <t>01/13/2020 07:58:27</t>
  </si>
  <si>
    <t>01/13/2020 07:56:35</t>
  </si>
  <si>
    <t>01/13/2020 07:57:20</t>
  </si>
  <si>
    <t>d4de6305-54d5-4d76-84be-300eee403fc0.tmp</t>
  </si>
  <si>
    <t>\\acsfs\profiles$\THYAGOSP\Downloads\d4de6305-54d5-4d76-84be-300eee403fc0.tmp</t>
  </si>
  <si>
    <t>01/13/2020 07:59:27</t>
  </si>
  <si>
    <t>01/13/2020 07:58:17</t>
  </si>
  <si>
    <t>7de034ed-4462-46ee-81fc-dfc3381b843b.tmp</t>
  </si>
  <si>
    <t>\\acsfs\profiles$\gabrielaff\Downloads\7de034ed-4462-46ee-81fc-dfc3381b843b.tmp</t>
  </si>
  <si>
    <t>01/13/2020 07:56:24</t>
  </si>
  <si>
    <t>01/13/2020 07:53:55</t>
  </si>
  <si>
    <t>f39b16b5-776f-4cbb-8604-2ac343d8aa74.tmp</t>
  </si>
  <si>
    <t>\\acsfs\profiles$\nayarasds\Downloads\f39b16b5-776f-4cbb-8604-2ac343d8aa74.tmp</t>
  </si>
  <si>
    <t>01/13/2020 07:55:40</t>
  </si>
  <si>
    <t>b8cb29fe-3477-4d38-9913-a95e1d678b5e.tmp</t>
  </si>
  <si>
    <t>\\acsfs\profiles$\felipetds\Downloads\b8cb29fe-3477-4d38-9913-a95e1d678b5e.tmp</t>
  </si>
  <si>
    <t>01/13/2020 07:57:03</t>
  </si>
  <si>
    <t>f34e5d5a-93e6-4e15-9082-a2a5e883ff18.tmp</t>
  </si>
  <si>
    <t>\\acsfs\profiles$\felipetds\Downloads\f34e5d5a-93e6-4e15-9082-a2a5e883ff18.tmp</t>
  </si>
  <si>
    <t>01/13/2020 07:58:54</t>
  </si>
  <si>
    <t>01/13/2020 08:00:27</t>
  </si>
  <si>
    <t>cfc8548b-f2de-488d-bfe1-8625ee920745.tmp</t>
  </si>
  <si>
    <t>\\acsfs\profiles$\henriquehmdo\Downloads\cfc8548b-f2de-488d-bfe1-8625ee920745.tmp</t>
  </si>
  <si>
    <t>01/13/2020 07:58:57</t>
  </si>
  <si>
    <t>01/13/2020 07:58:48</t>
  </si>
  <si>
    <t>01/13/2020 07:54:46</t>
  </si>
  <si>
    <t>01/13/2020 07:54:51</t>
  </si>
  <si>
    <t>01/13/2020 07:54:59</t>
  </si>
  <si>
    <t>01/13/2020 07:55:04</t>
  </si>
  <si>
    <t>bvcartes-supervisores@algarnet.onmicrosoft.com;joaogvc@algartech.com;leonardoao@algartech.com;marianadjc@algartech.com;paulacn@algartech.com;ricardodfm@algartech.com.br;taysdss@algartech.com;viniciussg@algartech.com;</t>
  </si>
  <si>
    <t>bvcartes-supervisores@algarnet.onmicrosoft.com,joaogvc@algartech.com,leonardoao@algartech.com,marianadjc@algartech.com,paulacn@algartech.com,ricardodfm@algartech.com.br,taysdss@algartech.com,viniciussg@algartech.com</t>
  </si>
  <si>
    <t>01/13/2020 07:55:07</t>
  </si>
  <si>
    <t>01/13/2020 07:55:14</t>
  </si>
  <si>
    <t>01/13/2020 07:55:33</t>
  </si>
  <si>
    <t>bvcartes-supervisores@algarnet.onmicrosoft.com;joaogvc@algartech.com;leonardoao@algartech.com;marianadjc@algartech.com;paulacn@algartech.com;ricardodfm@algartech.com.br;taysdss@algartech.com;</t>
  </si>
  <si>
    <t>bvcartes-supervisores@algarnet.onmicrosoft.com,joaogvc@algartech.com,leonardoao@algartech.com,marianadjc@algartech.com,paulacn@algartech.com,ricardodfm@algartech.com.br,taysdss@algartech.com</t>
  </si>
  <si>
    <t>01/13/2020 07:55:37</t>
  </si>
  <si>
    <t>01/13/2020 07:55:47</t>
  </si>
  <si>
    <t>01/13/2020 07:55:50</t>
  </si>
  <si>
    <t>bvcartes-supervisores@algarnet.onmicrosoft.com;joaogvc@algartech.com;leonardoao@algartech.com;marianadjc@algartech.com;paulacn@algartech.com;planejamentodeoperacoesetrafego@bv.com.br;raphaelmco@algartech.com.br;ricardodfm@algartech.com.br;taysdss@algartech.com;viniciussg@algartech.com;</t>
  </si>
  <si>
    <t>bvcartes-supervisores@algarnet.onmicrosoft.com,joaogvc@algartech.com,leonardoao@algartech.com,marianadjc@algartech.com,paulacn@algartech.com,planejamentodeoperacoesetrafego@bv.com.br,raphaelmco@algartech.com.br,ricardodfm@algartech.com.br,taysdss@algartech.com,viniciussg@algartech.com</t>
  </si>
  <si>
    <t>01/13/2020 07:55:53</t>
  </si>
  <si>
    <t>01/13/2020 07:56:03</t>
  </si>
  <si>
    <t>01/13/2020 07:56:20</t>
  </si>
  <si>
    <t>01/13/2020 07:56:26</t>
  </si>
  <si>
    <t>3e1ad507-2004-4447-b1ee-7004e8a515c4.tmp</t>
  </si>
  <si>
    <t>\\acsfs\profiles$\paulovadc\Downloads\3e1ad507-2004-4447-b1ee-7004e8a515c4.tmp</t>
  </si>
  <si>
    <t>01/13/2020 07:57:29</t>
  </si>
  <si>
    <t>3c356d62-a051-4670-9eca-87cf4b0eec51.tmp</t>
  </si>
  <si>
    <t>\\acsfs\profiles$\paulovadc\Downloads\3c356d62-a051-4670-9eca-87cf4b0eec51.tmp</t>
  </si>
  <si>
    <t>01/13/2020 07:58:26</t>
  </si>
  <si>
    <t>01/13/2020 08:01:27</t>
  </si>
  <si>
    <t>01/13/2020 07:58:31</t>
  </si>
  <si>
    <t>01/13/2020 08:02:27</t>
  </si>
  <si>
    <t>ulog_AcroARM2_Reader_22bb18ef-a0cc-4985-b2f1-d8449a05e1d0_f43c0e86-e11e-4ab7-8585-e2e4c8e7875b_0.log</t>
  </si>
  <si>
    <t>C:\Users\Jordanarb\AppData\Roaming\Adobe\LogTransport2\Logs\ulog_AcroARM2_Reader_22bb18ef-a0cc-4985-b2f1-d8449a05e1d0_f43c0e86-e11e-4ab7-8585-e2e4c8e7875b_0.log\</t>
  </si>
  <si>
    <t>01/13/2020 08:01:31</t>
  </si>
  <si>
    <t>e468c087-b1b2-4ba3-92f7-f582473c6b7f.tmp</t>
  </si>
  <si>
    <t>\\acsfs\profiles$\milenaas\Downloads\e468c087-b1b2-4ba3-92f7-f582473c6b7f.tmp</t>
  </si>
  <si>
    <t>01/13/2020 07:59:09</t>
  </si>
  <si>
    <t>197c2c92-46fa-416f-a52a-8b78e6a711b1.tmp</t>
  </si>
  <si>
    <t>\\acsfs\profiles$\inarajst\Downloads\197c2c92-46fa-416f-a52a-8b78e6a711b1.tmp</t>
  </si>
  <si>
    <t>01/13/2020 08:01:30</t>
  </si>
  <si>
    <t>01/13/2020 08:03:28</t>
  </si>
  <si>
    <t>01/13/2020 07:57:51</t>
  </si>
  <si>
    <t>01/13/2020 07:58:10</t>
  </si>
  <si>
    <t>0736ae6a-5f5a-44e7-8751-5f445dc2e629.tmp</t>
  </si>
  <si>
    <t>\\acsfs\profiles$\wenderbnm\Downloads\0736ae6a-5f5a-44e7-8751-5f445dc2e629.tmp</t>
  </si>
  <si>
    <t>01/13/2020 07:58:43</t>
  </si>
  <si>
    <t>6668ff84-9a7c-495e-aa82-60381dcd9182.tmp</t>
  </si>
  <si>
    <t>\\acsfs\profiles$\wenderbnm\Downloads\6668ff84-9a7c-495e-aa82-60381dcd9182.tmp</t>
  </si>
  <si>
    <t>01/13/2020 08:00:50</t>
  </si>
  <si>
    <t>c98ce7f6-002f-4bf8-8640-2a4510535270.tmp</t>
  </si>
  <si>
    <t>\\acsfs\profiles$\wenderbnm\Downloads\c98ce7f6-002f-4bf8-8640-2a4510535270.tmp</t>
  </si>
  <si>
    <t>01/13/2020 08:00:43</t>
  </si>
  <si>
    <t>01/13/2020 08:02:52</t>
  </si>
  <si>
    <t>c78ab148-1cdd-49d8-9e83-b2ce73400d02.tmp</t>
  </si>
  <si>
    <t>\\acsfs\profiles$\THYAGOSP\Downloads\c78ab148-1cdd-49d8-9e83-b2ce73400d02.tmp</t>
  </si>
  <si>
    <t>01/13/2020 07:59:11</t>
  </si>
  <si>
    <t>01/13/2020 08:04:26</t>
  </si>
  <si>
    <t>ae9067fb-4270-4c87-951d-f90ffc7c985d.tmp</t>
  </si>
  <si>
    <t>\\acsfs\profiles$\vivianealda\Downloads\ae9067fb-4270-4c87-951d-f90ffc7c985d.tmp</t>
  </si>
  <si>
    <t>01/13/2020 07:59:15</t>
  </si>
  <si>
    <t>9112c929-ad06-4fa6-8e07-b9f3cd2b497d.tmp</t>
  </si>
  <si>
    <t>\\acsfs\profiles$\gabrielaff\Downloads\9112c929-ad06-4fa6-8e07-b9f3cd2b497d.tmp</t>
  </si>
  <si>
    <t>01/13/2020 08:00:17</t>
  </si>
  <si>
    <t>786a47e3-1002-4175-8f68-29e4a2bba80c.tmp</t>
  </si>
  <si>
    <t>\\acsfs\profiles$\gabrielaff\Downloads\786a47e3-1002-4175-8f68-29e4a2bba80c.tmp</t>
  </si>
  <si>
    <t>01/13/2020 08:00:09</t>
  </si>
  <si>
    <t>01/13/2020 08:05:27</t>
  </si>
  <si>
    <t>381f9b61-393b-40a5-84ef-974ea9a1826a.tmp</t>
  </si>
  <si>
    <t>\\acsfs\profiles$\henriquehmdo\Downloads\381f9b61-393b-40a5-84ef-974ea9a1826a.tmp</t>
  </si>
  <si>
    <t>01/13/2020 08:02:55</t>
  </si>
  <si>
    <t>01/13/2020 08:03:43</t>
  </si>
  <si>
    <t>01/13/2020 08:04:10</t>
  </si>
  <si>
    <t>01/13/2020 08:04:21</t>
  </si>
  <si>
    <t>01/13/2020 08:04:29</t>
  </si>
  <si>
    <t>01/13/2020 08:04:31</t>
  </si>
  <si>
    <t>01/13/2020 08:00:55</t>
  </si>
  <si>
    <t>ddbc19e2-a0bf-48e4-8823-ef67202307ed.tmp</t>
  </si>
  <si>
    <t>\\acsfs\profiles$\vivianalds\Downloads\ddbc19e2-a0bf-48e4-8823-ef67202307ed.tmp</t>
  </si>
  <si>
    <t>01/13/2020 08:02:18</t>
  </si>
  <si>
    <t>2e0ac2fc-24f9-4e0b-8639-bb0cf47a2adc.tmp</t>
  </si>
  <si>
    <t>\\acsfs\profiles$\vivianalds\Downloads\2e0ac2fc-24f9-4e0b-8639-bb0cf47a2adc.tmp</t>
  </si>
  <si>
    <t>01/13/2020 08:04:50</t>
  </si>
  <si>
    <t>01/13/2020 08:06:27</t>
  </si>
  <si>
    <t>https://udpmailboxap01.acs.com.br:8443/h/search?si=0&amp;so=0&amp;sc=70615&amp;st=conversation&amp;action=compose&amp;paction=paneview</t>
  </si>
  <si>
    <t>01/13/2020 08:05:20</t>
  </si>
  <si>
    <t>01/13/2020 08:01:01</t>
  </si>
  <si>
    <t>https://algarmail/h/search?si=0&amp;so=0&amp;sc=70661&amp;sfi=2&amp;st=message&amp;action=compose&amp;paction=view</t>
  </si>
  <si>
    <t>01/13/2020 08:01:02</t>
  </si>
  <si>
    <t>01/13/2020 08:01:34</t>
  </si>
  <si>
    <t>01/13/2020 08:05:32</t>
  </si>
  <si>
    <t>01/13/2020 08:02:09</t>
  </si>
  <si>
    <t>01/13/2020 08:07:27</t>
  </si>
  <si>
    <t>0f279c1b-4d21-43f9-8a61-1922d4484120.tmp</t>
  </si>
  <si>
    <t>\\acsfs\profiles$\milenaas\Downloads\0f279c1b-4d21-43f9-8a61-1922d4484120.tmp</t>
  </si>
  <si>
    <t>01/13/2020 08:03:35</t>
  </si>
  <si>
    <t>44500e01-abb9-44d0-b137-1e1a679e44df.tmp</t>
  </si>
  <si>
    <t>\\acsfs\profiles$\milenaas\Downloads\44500e01-abb9-44d0-b137-1e1a679e44df.tmp</t>
  </si>
  <si>
    <t>01/13/2020 08:04:12</t>
  </si>
  <si>
    <t>d32112ba-d58e-42f3-86f4-23694905177e.tmp</t>
  </si>
  <si>
    <t>\\acsfs\profiles$\milenaas\Downloads\d32112ba-d58e-42f3-86f4-23694905177e.tmp</t>
  </si>
  <si>
    <t>01/13/2020 08:02:51</t>
  </si>
  <si>
    <t>01/13/2020 08:08:27</t>
  </si>
  <si>
    <t>01/13/2020 08:06:08</t>
  </si>
  <si>
    <t>b56ef35e-0d60-4edd-b586-102a3a638b98.tmp</t>
  </si>
  <si>
    <t>\\acsfs\profiles$\rafaelahpn\Downloads\b56ef35e-0d60-4edd-b586-102a3a638b98.tmp</t>
  </si>
  <si>
    <t>01/13/2020 08:07:32</t>
  </si>
  <si>
    <t>01/13/2020 08:09:27</t>
  </si>
  <si>
    <t>e32ae367-7ca4-4121-96b0-127ec0ed3ba0.tmp</t>
  </si>
  <si>
    <t>\\acsfs\profiles$\wedersonbadr\My Documents\My Music\e32ae367-7ca4-4121-96b0-127ec0ed3ba0.tmp</t>
  </si>
  <si>
    <t>01/13/2020 08:06:40</t>
  </si>
  <si>
    <t>01/13/2020 08:10:27</t>
  </si>
  <si>
    <t>joaogvc@algartech.com;leonardoao@algartech.com;marianadjc@algartech.com;paulacn@algartech.com;planejamentodeoperacoesetrafego@bv.com.br;rafaelggs@algartech.com;raphaelmco@algartech.com.br;ricardodfm@algartech.com.br;taysdss@algartech.com;thiagordu@algartech.com;viniciussg@algartech.com;</t>
  </si>
  <si>
    <t>joaogvc@algartech.com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3/2020 08:06:43</t>
  </si>
  <si>
    <t>01/13/2020 08:06:58</t>
  </si>
  <si>
    <t>01/13/2020 08:07:03</t>
  </si>
  <si>
    <t>01/13/2020 08:07:11</t>
  </si>
  <si>
    <t>01/13/2020 08:07:19</t>
  </si>
  <si>
    <t>01/13/2020 08:07:22</t>
  </si>
  <si>
    <t>01/13/2020 08:07:33</t>
  </si>
  <si>
    <t>01/13/2020 08:07:49</t>
  </si>
  <si>
    <t>01/13/2020 08:07:53</t>
  </si>
  <si>
    <t>01/13/2020 08:08:01</t>
  </si>
  <si>
    <t>01/13/2020 08:08:07</t>
  </si>
  <si>
    <t>01/13/2020 08:08:13</t>
  </si>
  <si>
    <t>01/13/2020 08:08:55</t>
  </si>
  <si>
    <t>01/13/2020 08:09:14</t>
  </si>
  <si>
    <t>mail.google.com/_/upload?authuser=0&amp;dcp=asu-n&amp;upload_id=AEnB2Ur7i_tXVAeBAsAE4uWtg9JDe7PB3oWqbWzkgst9NhNJlqKibq72dRFFN4Vt_h5P2oLlHZhUb7ElyvJR1Lh1wAcEGoPJv3t_tLHUKRYMnejV84mjEX8&amp;upload_protocol=resumable</t>
  </si>
  <si>
    <t>01/13/2020 08:06:23</t>
  </si>
  <si>
    <t>01/13/2020 08:07:40</t>
  </si>
  <si>
    <t>0fd64f58-c66a-4084-8257-e6337750a33e.tmp</t>
  </si>
  <si>
    <t>\\acsfs\profiles$\ANAPDSB\Downloads\0fd64f58-c66a-4084-8257-e6337750a33e.tmp</t>
  </si>
  <si>
    <t>01/13/2020 08:07:52</t>
  </si>
  <si>
    <t>01/13/2020 08:08:59</t>
  </si>
  <si>
    <t>36e4538d-7bc0-4189-8ec9-db302244e1a8.tmp</t>
  </si>
  <si>
    <t>\\acsfs\profiles$\ANAPDSB\Downloads\36e4538d-7bc0-4189-8ec9-db302244e1a8.tmp</t>
  </si>
  <si>
    <t>eb003dee-7624-460e-803e-feba2e3db94e.tmp</t>
  </si>
  <si>
    <t>\\acsfs\profiles$\paulovadc\Downloads\eb003dee-7624-460e-803e-feba2e3db94e.tmp</t>
  </si>
  <si>
    <t>01/13/2020 08:05:50</t>
  </si>
  <si>
    <t>01/13/2020 08:11:28</t>
  </si>
  <si>
    <t>01/13/2020 08:06:20</t>
  </si>
  <si>
    <t>01/13/2020 08:06:50</t>
  </si>
  <si>
    <t>01/13/2020 08:07:20</t>
  </si>
  <si>
    <t>01/13/2020 08:06:12</t>
  </si>
  <si>
    <t>01/13/2020 08:10:43</t>
  </si>
  <si>
    <t>01/13/2020 08:12:27</t>
  </si>
  <si>
    <t>290465a0-2bf3-4ed4-ace0-25d93d3f0ea2.tmp</t>
  </si>
  <si>
    <t>\\acsfs\profiles$\geovannasm\Downloads\290465a0-2bf3-4ed4-ace0-25d93d3f0ea2.tmp</t>
  </si>
  <si>
    <t>01/13/2020 08:12:30</t>
  </si>
  <si>
    <t>01/13/2020 08:13:27</t>
  </si>
  <si>
    <t>10.200.60.45</t>
  </si>
  <si>
    <t>\\acsfs\Deptos\Operacao\Banco_Votorantim\Supervisao\SUPERS BV CARTÕES\LAYOUT TV´S\</t>
  </si>
  <si>
    <t>.~lock.TV ANA E VITOR.ppt#</t>
  </si>
  <si>
    <t>\\acsfs\Deptos\Operacao\Banco_Votorantim\Supervisao\SUPERS BV CARTÕES\LAYOUT TV´S\.~lock.TV ANA E VITOR.ppt#</t>
  </si>
  <si>
    <t>978edb7e-556c-492a-af2f-04ebc13c18f6.tmp</t>
  </si>
  <si>
    <t>\\acsfs\profiles$\rafaelahpn\Downloads\978edb7e-556c-492a-af2f-04ebc13c18f6.tmp</t>
  </si>
  <si>
    <t>01/13/2020 08:08:49</t>
  </si>
  <si>
    <t>c16122b4-540f-4cb0-bae4-0993692baeae.tmp</t>
  </si>
  <si>
    <t>\\acsfs\profiles$\rafaelahpn\Downloads\c16122b4-540f-4cb0-bae4-0993692baeae.tmp</t>
  </si>
  <si>
    <t>01/13/2020 08:09:18</t>
  </si>
  <si>
    <t>f8ae88da-e5fe-470c-a1df-8b8a10524175.tmp</t>
  </si>
  <si>
    <t>\\acsfs\profiles$\rafaelahpn\Downloads\f8ae88da-e5fe-470c-a1df-8b8a10524175.tmp</t>
  </si>
  <si>
    <t>01/13/2020 08:10:06</t>
  </si>
  <si>
    <t>2b2e4c61-42ec-4e05-9ca4-f8bffdff51e4.tmp</t>
  </si>
  <si>
    <t>\\acsfs\profiles$\rafaelahpn\Downloads\2b2e4c61-42ec-4e05-9ca4-f8bffdff51e4.tmp</t>
  </si>
  <si>
    <t>01/13/2020 08:12:58</t>
  </si>
  <si>
    <t>01/13/2020 08:12:59</t>
  </si>
  <si>
    <t>01/13/2020 08:13:54</t>
  </si>
  <si>
    <t>01/13/2020 08:14:27</t>
  </si>
  <si>
    <t>99f913ca-43bd-44a7-b4db-0fd98f247854.tmp</t>
  </si>
  <si>
    <t>\\acsfs\profiles$\wedersonbadr\My Documents\My Music\99f913ca-43bd-44a7-b4db-0fd98f247854.tmp</t>
  </si>
  <si>
    <t>01/13/2020 08:13:24</t>
  </si>
  <si>
    <t>01/13/2020 08:16:27</t>
  </si>
  <si>
    <t>rafaelrf</t>
  </si>
  <si>
    <t>\\acsfs\profiles$\RAFAELRF\Downloads\</t>
  </si>
  <si>
    <t>f6a6e010-8666-450d-b64e-635bff7f4b7e.tmp</t>
  </si>
  <si>
    <t>\\acsfs\profiles$\RAFAELRF\Downloads\f6a6e010-8666-450d-b64e-635bff7f4b7e.tmp</t>
  </si>
  <si>
    <t>01/13/2020 08:14:05</t>
  </si>
  <si>
    <t>6e007795-b0c7-4b44-b970-4d2511add544.tmp</t>
  </si>
  <si>
    <t>\\acsfs\profiles$\RAFAELRF\Downloads\6e007795-b0c7-4b44-b970-4d2511add544.tmp</t>
  </si>
  <si>
    <t>01/13/2020 08:14:06</t>
  </si>
  <si>
    <t>31be9cee-cf7c-4dc0-a8a1-c065ad7bbf0b.tmp</t>
  </si>
  <si>
    <t>\\acsfs\profiles$\RAFAELRF\Downloads\31be9cee-cf7c-4dc0-a8a1-c065ad7bbf0b.tmp</t>
  </si>
  <si>
    <t>01/13/2020 08:14:08</t>
  </si>
  <si>
    <t>f1e496f1-a919-45f6-85e5-9a7c244029b8.tmp</t>
  </si>
  <si>
    <t>\\acsfs\profiles$\RAFAELRF\Downloads\f1e496f1-a919-45f6-85e5-9a7c244029b8.tmp</t>
  </si>
  <si>
    <t>\\acsfs\profiles$\RAFAELRF\Downloads\f1e496f1-a919-45f6-85e5-9a7c244029b8.tmp\</t>
  </si>
  <si>
    <t>\\acsfs\profiles$\RAFAELRF\Downloads\f1e496f1-a919-45f6-85e5-9a7c244029b8.tmp\META-INF\</t>
  </si>
  <si>
    <t>\\acsfs\profiles$\RAFAELRF\Downloads\f1e496f1-a919-45f6-85e5-9a7c244029b8.tmp\Thumbnails\</t>
  </si>
  <si>
    <t>01/13/2020 08:14:45</t>
  </si>
  <si>
    <t>2239420a-5989-4387-97a6-916a2192604e.tmp</t>
  </si>
  <si>
    <t>\\acsfs\profiles$\RAFAELRF\Downloads\2239420a-5989-4387-97a6-916a2192604e.tmp</t>
  </si>
  <si>
    <t>01/13/2020 08:16:12</t>
  </si>
  <si>
    <t>01/13/2020 08:16:13</t>
  </si>
  <si>
    <t>01/13/2020 08:16:14</t>
  </si>
  <si>
    <t>01/13/2020 08:16:15</t>
  </si>
  <si>
    <t>01/13/2020 08:16:16</t>
  </si>
  <si>
    <t>01/13/2020 08:17:27</t>
  </si>
  <si>
    <t>01/13/2020 08:16:17</t>
  </si>
  <si>
    <t>01/13/2020 08:14:26</t>
  </si>
  <si>
    <t>01/13/2020 08:18:27</t>
  </si>
  <si>
    <t>PRINT MET LIFE FLAVIA CRISTINE.png</t>
  </si>
  <si>
    <t>\\acsfs\DEPTOS\Operacao\Banco_Votorantim\Qualidade\Anderson\Jose\anderson\PRINT MET LIFE FLAVIA CRISTINE.png</t>
  </si>
  <si>
    <t>01/13/2020 08:13:37</t>
  </si>
  <si>
    <t>\\acsfs\Deptos\Operacao\Banco_Votorantim\Supervisao\SUPERS BV CARTÕES\LAYOUT TV´S\Thumbs.db</t>
  </si>
  <si>
    <t>01/13/2020 08:15:39</t>
  </si>
  <si>
    <t>e08c9007-d8f4-4868-8975-a9a4442ccb13.tmp</t>
  </si>
  <si>
    <t>\\acsfs\profiles$\rafaelahpn\Downloads\e08c9007-d8f4-4868-8975-a9a4442ccb13.tmp</t>
  </si>
  <si>
    <t>01/13/2020 08:14:13</t>
  </si>
  <si>
    <t>01/13/2020 08:19:27</t>
  </si>
  <si>
    <t>804a626b-cde8-400e-830a-a70e25528191.tmp</t>
  </si>
  <si>
    <t>\\acsfs\profiles$\vivianealda\Downloads\804a626b-cde8-400e-830a-a70e25528191.tmp</t>
  </si>
  <si>
    <t>01/13/2020 08:16:08</t>
  </si>
  <si>
    <t>01/13/2020 08:20:27</t>
  </si>
  <si>
    <t>01/13/2020 08:15:00</t>
  </si>
  <si>
    <t>XLOG_gleycekos_13012020_081442.log</t>
  </si>
  <si>
    <t>\\acsfs\profiles$\gleycekos\My Documents\xworkcenter\logs\XLOG_gleycekos_13012020_081442.log</t>
  </si>
  <si>
    <t>01/13/2020 08:17:21</t>
  </si>
  <si>
    <t>d9c89480-704a-4d57-8187-7bed3619cb42.tmp</t>
  </si>
  <si>
    <t>\\acsfs\profiles$\LUCASNS\Downloads\d9c89480-704a-4d57-8187-7bed3619cb42.tmp</t>
  </si>
  <si>
    <t>01/13/2020 08:17:35</t>
  </si>
  <si>
    <t>f1dffaa4-1d69-4124-aff6-189bd8f97fa1.tmp</t>
  </si>
  <si>
    <t>\\acsfs\profiles$\LUCASNS\Downloads\f1dffaa4-1d69-4124-aff6-189bd8f97fa1.tmp</t>
  </si>
  <si>
    <t>01/13/2020 08:16:42</t>
  </si>
  <si>
    <t>https://joaogvc@algartech.com,marianadjc@algartech.com,rafaelggs@algartech.com,taysdss@algartech.com,viniciussg@algartech.com</t>
  </si>
  <si>
    <t>01/13/2020 08:20:20</t>
  </si>
  <si>
    <t>1b59b3de-259d-4047-9db6-ba8722a92a0a.tmp</t>
  </si>
  <si>
    <t>\\acsfs\profiles$\mariajra\Downloads\1b59b3de-259d-4047-9db6-ba8722a92a0a.tmp</t>
  </si>
  <si>
    <t>01/13/2020 08:17:20</t>
  </si>
  <si>
    <t>01/13/2020 08:21:27</t>
  </si>
  <si>
    <t>01/13/2020 08:17:50</t>
  </si>
  <si>
    <t>01/13/2020 08:18:20</t>
  </si>
  <si>
    <t>01/13/2020 08:18:50</t>
  </si>
  <si>
    <t>01/13/2020 08:19:20</t>
  </si>
  <si>
    <t>01/13/2020 08:19:50</t>
  </si>
  <si>
    <t>bb0a7d9f-639d-4674-b828-30181727d4d6.tmp</t>
  </si>
  <si>
    <t>\\acsfs\profiles$\RAFAELRF\Downloads\bb0a7d9f-639d-4674-b828-30181727d4d6.tmp</t>
  </si>
  <si>
    <t>01/13/2020 08:19:46</t>
  </si>
  <si>
    <t>9b3ab568-f0d8-4c95-b8fa-76f00d276e11.tmp</t>
  </si>
  <si>
    <t>\\acsfs\profiles$\larissaad\Downloads\9b3ab568-f0d8-4c95-b8fa-76f00d276e11.tmp</t>
  </si>
  <si>
    <t>d5d3ab43-2012-4114-9037-58a4b876bf1e.tmp</t>
  </si>
  <si>
    <t>\\acsfs\profiles$\larissaad\Downloads\d5d3ab43-2012-4114-9037-58a4b876bf1e.tmp</t>
  </si>
  <si>
    <t>01/13/2020 08:20:35</t>
  </si>
  <si>
    <t>96e05a39-5ef2-4d00-83ad-66e436a085b9.tmp</t>
  </si>
  <si>
    <t>\\acsfs\profiles$\larissaad\Downloads\96e05a39-5ef2-4d00-83ad-66e436a085b9.tmp</t>
  </si>
  <si>
    <t>01/13/2020 08:20:42</t>
  </si>
  <si>
    <t>0d53d571-9135-480a-9ae3-a73ac615cadb.tmp</t>
  </si>
  <si>
    <t>\\acsfs\profiles$\larissaad\Downloads\0d53d571-9135-480a-9ae3-a73ac615cadb.tmp</t>
  </si>
  <si>
    <t>01/13/2020 08:18:57</t>
  </si>
  <si>
    <t>01/13/2020 08:22:27</t>
  </si>
  <si>
    <t>01/13/2020 08:16:18</t>
  </si>
  <si>
    <t>01/13/2020 08:16:19</t>
  </si>
  <si>
    <t>01/13/2020 08:19:42</t>
  </si>
  <si>
    <t>01/13/2020 08:16:20</t>
  </si>
  <si>
    <t>01/13/2020 08:16:21</t>
  </si>
  <si>
    <t>01/13/2020 08:16:22</t>
  </si>
  <si>
    <t>01/13/2020 08:16:23</t>
  </si>
  <si>
    <t>01/13/2020 08:16:24</t>
  </si>
  <si>
    <t>01/13/2020 08:20:53</t>
  </si>
  <si>
    <t>37878fc4-5916-41d0-94b7-55ef8ae616e5.tmp</t>
  </si>
  <si>
    <t>\\acsfs\profiles$\ayalabfi\Downloads\37878fc4-5916-41d0-94b7-55ef8ae616e5.tmp</t>
  </si>
  <si>
    <t>01/13/2020 08:20:54</t>
  </si>
  <si>
    <t>3fb7a952-4f69-46eb-a901-17ffd8bd7200.tmp</t>
  </si>
  <si>
    <t>\\acsfs\profiles$\ayalabfi\Downloads\3fb7a952-4f69-46eb-a901-17ffd8bd7200.tmp</t>
  </si>
  <si>
    <t>01/13/2020 08:20:57</t>
  </si>
  <si>
    <t>8b685ed7-63cb-48ab-b8de-89e418f42524.tmp</t>
  </si>
  <si>
    <t>\\acsfs\profiles$\ayalabfi\Downloads\8b685ed7-63cb-48ab-b8de-89e418f42524.tmp</t>
  </si>
  <si>
    <t>01/13/2020 08:22:06</t>
  </si>
  <si>
    <t>f6a36a83-be2e-4bf3-bc70-83d75bdb63de.tmp</t>
  </si>
  <si>
    <t>\\acsfs\profiles$\ayalabfi\Downloads\f6a36a83-be2e-4bf3-bc70-83d75bdb63de.tmp</t>
  </si>
  <si>
    <t>01/13/2020 08:22:15</t>
  </si>
  <si>
    <t>01/13/2020 08:23:27</t>
  </si>
  <si>
    <t>01/13/2020 08:18:14</t>
  </si>
  <si>
    <t>LIGAÇÃO FLAVIA MET LIFE_1_6766346926229104442_1_32.wav</t>
  </si>
  <si>
    <t>\\acsfs\DEPTOS\EDUCACAO EMPRESARIAL\2 - Operações\0 - BV\5 - QUALIDADE\Nova pasta\LIGAÇÃO FLAVIA MET LIFE_1_6766346926229104442_1_32.wav</t>
  </si>
  <si>
    <t>01/13/2020 08:22:47</t>
  </si>
  <si>
    <t>01/13/2020 08:20:11</t>
  </si>
  <si>
    <t>01/13/2020 08:24:27</t>
  </si>
  <si>
    <t>01/13/2020 08:22:38</t>
  </si>
  <si>
    <t>01/13/2020 08:22:44</t>
  </si>
  <si>
    <t>01/13/2020 08:22:56</t>
  </si>
  <si>
    <t>01/13/2020 08:23:04</t>
  </si>
  <si>
    <t>01/13/2020 08:23:21</t>
  </si>
  <si>
    <t>01/13/2020 08:23:34</t>
  </si>
  <si>
    <t>01/13/2020 08:22:39</t>
  </si>
  <si>
    <t>31f95535-e139-4eb7-a773-0a4e3e0338f2.tmp</t>
  </si>
  <si>
    <t>\\acsfs\profiles$\KARENDSR\Downloads\31f95535-e139-4eb7-a773-0a4e3e0338f2.tmp</t>
  </si>
  <si>
    <t>7db68f38-cfbc-48a6-9ef9-93a95daf8e5a.tmp</t>
  </si>
  <si>
    <t>\\acsfs\profiles$\KARENDSR\Downloads\7db68f38-cfbc-48a6-9ef9-93a95daf8e5a.tmp</t>
  </si>
  <si>
    <t>01/13/2020 08:19:21</t>
  </si>
  <si>
    <t>b626cf7e-0824-4505-ad4e-23b084364008.tmp</t>
  </si>
  <si>
    <t>\\acsfs\profiles$\quindaizaagds\Downloads\b626cf7e-0824-4505-ad4e-23b084364008.tmp</t>
  </si>
  <si>
    <t>01/13/2020 08:20:59</t>
  </si>
  <si>
    <t>e887dd51-a216-4676-8a2f-e7b7cf20220c.tmp</t>
  </si>
  <si>
    <t>\\acsfs\profiles$\quindaizaagds\Downloads\e887dd51-a216-4676-8a2f-e7b7cf20220c.tmp</t>
  </si>
  <si>
    <t>01/13/2020 08:23:07</t>
  </si>
  <si>
    <t>ea2d56f7-ceb6-4adb-9209-9aa47fa59456.tmp</t>
  </si>
  <si>
    <t>\\acsfs\profiles$\quindaizaagds\Downloads\ea2d56f7-ceb6-4adb-9209-9aa47fa59456.tmp</t>
  </si>
  <si>
    <t>01/13/2020 08:25:28</t>
  </si>
  <si>
    <t>01/13/2020 08:21:13</t>
  </si>
  <si>
    <t>01/13/2020 08:21:29</t>
  </si>
  <si>
    <t>01/13/2020 08:24:45</t>
  </si>
  <si>
    <t>01/13/2020 08:20:50</t>
  </si>
  <si>
    <t>01/13/2020 08:26:27</t>
  </si>
  <si>
    <t>01/13/2020 08:21:20</t>
  </si>
  <si>
    <t>01/13/2020 08:21:50</t>
  </si>
  <si>
    <t>01/13/2020 08:22:20</t>
  </si>
  <si>
    <t>01/13/2020 08:22:50</t>
  </si>
  <si>
    <t>01/13/2020 08:23:20</t>
  </si>
  <si>
    <t>01/13/2020 08:23:50</t>
  </si>
  <si>
    <t>01/13/2020 08:24:20</t>
  </si>
  <si>
    <t>01/13/2020 08:24:50</t>
  </si>
  <si>
    <t>01/13/2020 08:20:43</t>
  </si>
  <si>
    <t>\\acsfs\profiles$\RAFAELRF\Downloads\.~lock.BANCO DE DADOS - OPERAÇÃO.xlsx#</t>
  </si>
  <si>
    <t>01/13/2020 08:24:04</t>
  </si>
  <si>
    <t>01/13/2020 08:27:28</t>
  </si>
  <si>
    <t>b3fcab65-4895-442b-b5f2-ecc1bbc1fa62.tmp</t>
  </si>
  <si>
    <t>\\acsfs\profiles$\antoniosva\Downloads\b3fcab65-4895-442b-b5f2-ecc1bbc1fa62.tmp</t>
  </si>
  <si>
    <t>98ffc7bc-c63a-455f-a4b8-5325266c3e33.tmp</t>
  </si>
  <si>
    <t>\\acsfs\profiles$\antoniosva\Downloads\98ffc7bc-c63a-455f-a4b8-5325266c3e33.tmp</t>
  </si>
  <si>
    <t>01/13/2020 08:24:12</t>
  </si>
  <si>
    <t>af05b9f7-f433-4845-84ca-7183a348d55f.tmp</t>
  </si>
  <si>
    <t>\\acsfs\profiles$\antoniosva\Downloads\af05b9f7-f433-4845-84ca-7183a348d55f.tmp</t>
  </si>
  <si>
    <t>01/13/2020 08:24:15</t>
  </si>
  <si>
    <t>25d43451-f204-42c1-8ab4-b9604bb90548.tmp</t>
  </si>
  <si>
    <t>\\acsfs\profiles$\antoniosva\Downloads\25d43451-f204-42c1-8ab4-b9604bb90548.tmp</t>
  </si>
  <si>
    <t>01/13/2020 08:25:44</t>
  </si>
  <si>
    <t>47c8ac76-9264-4a74-835a-6bac9b145203.tmp</t>
  </si>
  <si>
    <t>\\acsfs\profiles$\antoniosva\Downloads\47c8ac76-9264-4a74-835a-6bac9b145203.tmp</t>
  </si>
  <si>
    <t>01/13/2020 08:24:17</t>
  </si>
  <si>
    <t>d372950b-36ee-451d-8a8f-9cbe826ccc33.tmp</t>
  </si>
  <si>
    <t>\\acsfs\profiles$\geovannasm\Downloads\d372950b-36ee-451d-8a8f-9cbe826ccc33.tmp</t>
  </si>
  <si>
    <t>01/13/2020 08:25:20</t>
  </si>
  <si>
    <t>7c981d29-b1de-45ad-9939-a12b98d8d384.tmp</t>
  </si>
  <si>
    <t>\\acsfs\profiles$\geovannasm\Downloads\7c981d29-b1de-45ad-9939-a12b98d8d384.tmp</t>
  </si>
  <si>
    <t>01/13/2020 08:26:07</t>
  </si>
  <si>
    <t>2d7e8eae-793c-4bf3-bb22-6639acf30310.tmp</t>
  </si>
  <si>
    <t>\\acsfs\profiles$\geovannasm\Downloads\2d7e8eae-793c-4bf3-bb22-6639acf30310.tmp</t>
  </si>
  <si>
    <t>01/13/2020 08:24:16</t>
  </si>
  <si>
    <t>5ef1f814-a566-418d-b57c-3178242bb12c.tmp</t>
  </si>
  <si>
    <t>\\acsfs\profiles$\ayalabfi\Downloads\5ef1f814-a566-418d-b57c-3178242bb12c.tmp</t>
  </si>
  <si>
    <t>01/13/2020 08:23:51</t>
  </si>
  <si>
    <t>01/13/2020 08:29:27</t>
  </si>
  <si>
    <t>01/13/2020 08:24:05</t>
  </si>
  <si>
    <t>01/13/2020 08:24:14</t>
  </si>
  <si>
    <t>01/13/2020 08:27:11</t>
  </si>
  <si>
    <t>01/13/2020 08:27:16</t>
  </si>
  <si>
    <t>01/13/2020 08:27:25</t>
  </si>
  <si>
    <t>01/13/2020 08:27:31</t>
  </si>
  <si>
    <t>01/13/2020 08:27:34</t>
  </si>
  <si>
    <t>01/13/2020 08:27:38</t>
  </si>
  <si>
    <t>01/13/2020 08:27:47</t>
  </si>
  <si>
    <t>01/13/2020 08:28:11</t>
  </si>
  <si>
    <t>01/13/2020 08:28:19</t>
  </si>
  <si>
    <t>01/13/2020 08:28:34</t>
  </si>
  <si>
    <t>01/13/2020 08:28:43</t>
  </si>
  <si>
    <t>01/13/2020 08:23:57</t>
  </si>
  <si>
    <t>d1b5e04e-b175-4327-9297-4f0c35229eba.tmp</t>
  </si>
  <si>
    <t>\\acsfs\profiles$\KARENDSR\Downloads\d1b5e04e-b175-4327-9297-4f0c35229eba.tmp</t>
  </si>
  <si>
    <t>01/13/2020 08:24:26</t>
  </si>
  <si>
    <t>a3a06ab5-3bab-48b8-9151-63fe89e472ef.tmp</t>
  </si>
  <si>
    <t>\\acsfs\profiles$\KARENDSR\Downloads\a3a06ab5-3bab-48b8-9151-63fe89e472ef.tmp</t>
  </si>
  <si>
    <t>01/13/2020 08:25:51</t>
  </si>
  <si>
    <t>01/13/2020 08:30:26</t>
  </si>
  <si>
    <t>https://joaogvc@algartech.com,marianadjc@algartech.com,planejamentodeoperacoesetrafego@bv.com.br,raphaelmco@algartech.com.br,ricardodfm@algartech.com.br,taysdss@algartech.com,viniciussg@algartech.com</t>
  </si>
  <si>
    <t>01/13/2020 08:28:33</t>
  </si>
  <si>
    <t>01/13/2020 08:25:08</t>
  </si>
  <si>
    <t>01/13/2020 08:27:12</t>
  </si>
  <si>
    <t>01/13/2020 08:26:20</t>
  </si>
  <si>
    <t>01/13/2020 08:31:27</t>
  </si>
  <si>
    <t>01/13/2020 08:27:20</t>
  </si>
  <si>
    <t>01/13/2020 08:27:50</t>
  </si>
  <si>
    <t>01/13/2020 08:28:20</t>
  </si>
  <si>
    <t>01/13/2020 08:29:52</t>
  </si>
  <si>
    <t>bd087640-b627-4c55-9db4-543e910eb4a8.tmp</t>
  </si>
  <si>
    <t>\\acsfs\profiles$\isabellegtds\Downloads\bd087640-b627-4c55-9db4-543e910eb4a8.tmp</t>
  </si>
  <si>
    <t>01/13/2020 08:30:23</t>
  </si>
  <si>
    <t>b69ef53e-a3d9-4e40-8648-3369074e43fc.tmp</t>
  </si>
  <si>
    <t>\\acsfs\profiles$\isabellegtds\Downloads\b69ef53e-a3d9-4e40-8648-3369074e43fc.tmp</t>
  </si>
  <si>
    <t>01/13/2020 08:30:10</t>
  </si>
  <si>
    <t>01/13/2020 08:32:27</t>
  </si>
  <si>
    <t>01/13/2020 08:30:55</t>
  </si>
  <si>
    <t>db5c1e89-d951-408c-8be9-8129f18cfed5.tmp</t>
  </si>
  <si>
    <t>\\acsfs\profiles$\victoriaksr\Downloads\db5c1e89-d951-408c-8be9-8129f18cfed5.tmp</t>
  </si>
  <si>
    <t>01/13/2020 08:30:15</t>
  </si>
  <si>
    <t>ee20da5a-3a89-4aea-b00c-f8217b397343.tmp</t>
  </si>
  <si>
    <t>\\acsfs\profiles$\Angelicacldr\Downloads\ee20da5a-3a89-4aea-b00c-f8217b397343.tmp</t>
  </si>
  <si>
    <t>01/13/2020 08:31:37</t>
  </si>
  <si>
    <t>017e17f5-6f92-4671-a51e-311e4bb47613.tmp</t>
  </si>
  <si>
    <t>\\acsfs\profiles$\Angelicacldr\Downloads\017e17f5-6f92-4671-a51e-311e4bb47613.tmp</t>
  </si>
  <si>
    <t>01/13/2020 08:28:30</t>
  </si>
  <si>
    <t>01/13/2020 08:29:30</t>
  </si>
  <si>
    <t>072fadf0-bc28-4b4f-9a16-153f9a763911.tmp</t>
  </si>
  <si>
    <t>\\acsfs\profiles$\lucasgpe\Downloads\072fadf0-bc28-4b4f-9a16-153f9a763911.tmp</t>
  </si>
  <si>
    <t>01/13/2020 08:31:28</t>
  </si>
  <si>
    <t>83a8e5a8-ff1d-4e91-87a6-2cf38c4d4522.tmp</t>
  </si>
  <si>
    <t>\\acsfs\profiles$\lucasgpe\Downloads\83a8e5a8-ff1d-4e91-87a6-2cf38c4d4522.tmp</t>
  </si>
  <si>
    <t>01/13/2020 08:27:01</t>
  </si>
  <si>
    <t>7558d83a-eb75-4ffd-adef-467464401ec7.tmp</t>
  </si>
  <si>
    <t>\\acsfs\profiles$\antoniosva\Downloads\7558d83a-eb75-4ffd-adef-467464401ec7.tmp</t>
  </si>
  <si>
    <t>01/13/2020 08:27:42</t>
  </si>
  <si>
    <t>01e5e40c-d2e6-48ef-abf5-5bcdabafe03e.tmp</t>
  </si>
  <si>
    <t>\\acsfs\profiles$\antoniosva\Downloads\01e5e40c-d2e6-48ef-abf5-5bcdabafe03e.tmp</t>
  </si>
  <si>
    <t>01/13/2020 08:30:22</t>
  </si>
  <si>
    <t>781129d9-a2f1-4132-8011-b6201fcd0ba0.tmp</t>
  </si>
  <si>
    <t>\\acsfs\profiles$\antoniosva\Downloads\781129d9-a2f1-4132-8011-b6201fcd0ba0.tmp</t>
  </si>
  <si>
    <t>01/13/2020 08:29:31</t>
  </si>
  <si>
    <t>01/13/2020 08:33:27</t>
  </si>
  <si>
    <t>01/13/2020 08:31:00</t>
  </si>
  <si>
    <t>01/13/2020 08:34:27</t>
  </si>
  <si>
    <t>6e8ae35c-a6ef-4d7a-a98b-1494cbc6401e.tmp</t>
  </si>
  <si>
    <t>\\acsfs\profiles$\gabrielaff\Downloads\6e8ae35c-a6ef-4d7a-a98b-1494cbc6401e.tmp</t>
  </si>
  <si>
    <t>01/13/2020 08:29:06</t>
  </si>
  <si>
    <t>01/13/2020 08:29:16</t>
  </si>
  <si>
    <t>01/13/2020 08:29:43</t>
  </si>
  <si>
    <t>01/13/2020 08:30:09</t>
  </si>
  <si>
    <t>01/13/2020 08:30:13</t>
  </si>
  <si>
    <t>01/13/2020 08:30:28</t>
  </si>
  <si>
    <t>01/13/2020 08:31:04</t>
  </si>
  <si>
    <t>01/13/2020 08:31:09</t>
  </si>
  <si>
    <t>01/13/2020 08:31:29</t>
  </si>
  <si>
    <t>01/13/2020 08:31:33</t>
  </si>
  <si>
    <t>01/13/2020 08:31:45</t>
  </si>
  <si>
    <t>01/13/2020 08:31:52</t>
  </si>
  <si>
    <t>bvcartes-supervisores@algarnet.onmicrosoft.com;bvs-centralcartoes@bv.com.br;eduardo.santana@bv.com.br;</t>
  </si>
  <si>
    <t>bvcartes-supervisores@algarnet.onmicrosoft.com,bvs-centralcartoes@bv.com.br,eduardo.santana@bv.com.br</t>
  </si>
  <si>
    <t>01/13/2020 08:33:41</t>
  </si>
  <si>
    <t>fc5c14a1-7cce-4453-a8b3-98b96b3d84f1.tmp</t>
  </si>
  <si>
    <t>\\acsfs\profiles$\quindaizaagds\Downloads\fc5c14a1-7cce-4453-a8b3-98b96b3d84f1.tmp</t>
  </si>
  <si>
    <t>01/13/2020 08:31:34</t>
  </si>
  <si>
    <t>61315373-839d-4c9b-906e-fd3ca6f8da31.tmp</t>
  </si>
  <si>
    <t>\\acsfs\profiles$\lorraynevam\Downloads\61315373-839d-4c9b-906e-fd3ca6f8da31.tmp</t>
  </si>
  <si>
    <t>01/13/2020 08:32:11</t>
  </si>
  <si>
    <t>1ff0a95e-c113-4200-a0d0-01b2244b8e2c.tmp</t>
  </si>
  <si>
    <t>\\acsfs\profiles$\lorraynevam\Downloads\1ff0a95e-c113-4200-a0d0-01b2244b8e2c.tmp</t>
  </si>
  <si>
    <t>01/13/2020 08:32:00</t>
  </si>
  <si>
    <t>01/13/2020 08:35:28</t>
  </si>
  <si>
    <t>dd56305b-b49f-4607-a8ff-a0dc047620ab.tmp</t>
  </si>
  <si>
    <t>\\acsfs\profiles$\luanarda\Downloads\dd56305b-b49f-4607-a8ff-a0dc047620ab.tmp</t>
  </si>
  <si>
    <t>01/13/2020 08:30:43</t>
  </si>
  <si>
    <t>01/13/2020 08:30:44</t>
  </si>
  <si>
    <t>01/13/2020 08:32:18</t>
  </si>
  <si>
    <t>01/13/2020 08:30:38</t>
  </si>
  <si>
    <t>01/13/2020 08:32:46</t>
  </si>
  <si>
    <t>01/13/2020 08:37:27</t>
  </si>
  <si>
    <t>$I8B7IRD.ica</t>
  </si>
  <si>
    <t>\\acsfs\profiles$\victoriaksr\Downloads\$RECYCLE.BIN\$I8B7IRD.ica</t>
  </si>
  <si>
    <t>01/13/2020 08:32:47</t>
  </si>
  <si>
    <t>9d52560c-f380-42f0-a556-0e7b9e643d2a.tmp</t>
  </si>
  <si>
    <t>\\acsfs\profiles$\Angelicacldr\Downloads\9d52560c-f380-42f0-a556-0e7b9e643d2a.tmp</t>
  </si>
  <si>
    <t>01/13/2020 08:33:31</t>
  </si>
  <si>
    <t>eeaa0064-7bd0-47d9-855a-f85df5c16c66.tmp</t>
  </si>
  <si>
    <t>\\acsfs\profiles$\Angelicacldr\Downloads\eeaa0064-7bd0-47d9-855a-f85df5c16c66.tmp</t>
  </si>
  <si>
    <t>01/13/2020 08:34:01</t>
  </si>
  <si>
    <t>087a23a0-dc77-424a-934c-57f1c40abaf3.tmp</t>
  </si>
  <si>
    <t>\\acsfs\profiles$\Angelicacldr\Downloads\087a23a0-dc77-424a-934c-57f1c40abaf3.tmp</t>
  </si>
  <si>
    <t>01/13/2020 08:34:13</t>
  </si>
  <si>
    <t>985c8b0b-5489-4e4c-b50d-f4352c983a44.tmp</t>
  </si>
  <si>
    <t>\\acsfs\profiles$\Angelicacldr\Downloads\985c8b0b-5489-4e4c-b50d-f4352c983a44.tmp</t>
  </si>
  <si>
    <t>01/13/2020 08:32:37</t>
  </si>
  <si>
    <t>01/13/2020 08:32:58</t>
  </si>
  <si>
    <t>01/13/2020 08:35:13</t>
  </si>
  <si>
    <t>01/13/2020 08:38:27</t>
  </si>
  <si>
    <t>e7cc6524-d973-4086-aa00-e5ee777cc67d.tmp</t>
  </si>
  <si>
    <t>\\acsfs\profiles$\rafaelahpn\Downloads\e7cc6524-d973-4086-aa00-e5ee777cc67d.tmp</t>
  </si>
  <si>
    <t>01/13/2020 08:37:30</t>
  </si>
  <si>
    <t>01/13/2020 08:37:31</t>
  </si>
  <si>
    <t>01/13/2020 08:36:19</t>
  </si>
  <si>
    <t>01/13/2020 08:39:27</t>
  </si>
  <si>
    <t>0c8a7d8e-5f1d-42fb-bf0e-66bf3f53cb81.tmp</t>
  </si>
  <si>
    <t>\\acsfs\profiles$\nataliacsl\Downloads\0c8a7d8e-5f1d-42fb-bf0e-66bf3f53cb81.tmp</t>
  </si>
  <si>
    <t>01/13/2020 08:37:59</t>
  </si>
  <si>
    <t>354b3c31-3b09-44a1-b1c0-5b20e2688dea.tmp</t>
  </si>
  <si>
    <t>\\acsfs\profiles$\nataliacsl\Downloads\354b3c31-3b09-44a1-b1c0-5b20e2688dea.tmp</t>
  </si>
  <si>
    <t>01/13/2020 08:35:58</t>
  </si>
  <si>
    <t>24b7ff34-56b4-4596-8d42-c7ce7beecc3f.tmp</t>
  </si>
  <si>
    <t>\\acsfs\profiles$\larissaad\Downloads\24b7ff34-56b4-4596-8d42-c7ce7beecc3f.tmp</t>
  </si>
  <si>
    <t>01/13/2020 08:36:01</t>
  </si>
  <si>
    <t>80070721-79ea-47a8-9789-6161167bfdad.tmp</t>
  </si>
  <si>
    <t>\\acsfs\profiles$\larissaad\Downloads\80070721-79ea-47a8-9789-6161167bfdad.tmp</t>
  </si>
  <si>
    <t>01/13/2020 08:36:07</t>
  </si>
  <si>
    <t>58378944-9f5e-49ef-ba81-f8de293e33f6.tmp</t>
  </si>
  <si>
    <t>\\acsfs\profiles$\larissaad\Downloads\58378944-9f5e-49ef-ba81-f8de293e33f6.tmp</t>
  </si>
  <si>
    <t>01/13/2020 08:34:50</t>
  </si>
  <si>
    <t>01/13/2020 08:34:24</t>
  </si>
  <si>
    <t>96117864-7c42-498a-a10d-072fd0c1fc55.tmp</t>
  </si>
  <si>
    <t>\\acsfs\profiles$\quindaizaagds\Downloads\96117864-7c42-498a-a10d-072fd0c1fc55.tmp</t>
  </si>
  <si>
    <t>01/13/2020 08:35:50</t>
  </si>
  <si>
    <t>01/13/2020 08:41:27</t>
  </si>
  <si>
    <t>01/13/2020 08:36:24</t>
  </si>
  <si>
    <t>19fb7cbc-942b-4858-a5c1-1d7196bf8285.tmp</t>
  </si>
  <si>
    <t>\\acsfs\profiles$\sarahbal\Downloads\19fb7cbc-942b-4858-a5c1-1d7196bf8285.tmp</t>
  </si>
  <si>
    <t>01/13/2020 08:38:31</t>
  </si>
  <si>
    <t>01/13/2020 08:37:10</t>
  </si>
  <si>
    <t>01/13/2020 08:42:28</t>
  </si>
  <si>
    <t>fb8ac774-e2e4-4f02-8fe4-8a2faf873034.tmp</t>
  </si>
  <si>
    <t>\\acsfs\profiles$\victoriaksr\Downloads\fb8ac774-e2e4-4f02-8fe4-8a2faf873034.tmp</t>
  </si>
  <si>
    <t>01/13/2020 08:38:19</t>
  </si>
  <si>
    <t>7bf0097c-230c-409d-8270-0e77d7ac32eb.tmp</t>
  </si>
  <si>
    <t>\\acsfs\profiles$\Angelicacldr\Downloads\7bf0097c-230c-409d-8270-0e77d7ac32eb.tmp</t>
  </si>
  <si>
    <t>01/13/2020 08:38:46</t>
  </si>
  <si>
    <t>01/13/2020 08:39:00</t>
  </si>
  <si>
    <t>01/13/2020 08:42:33</t>
  </si>
  <si>
    <t>01/13/2020 08:43:27</t>
  </si>
  <si>
    <t>0a88308d-57ce-4445-bf2e-a2648c18615b.tmp</t>
  </si>
  <si>
    <t>\\acsfs\profiles$\ROZENCAM\Downloads\0a88308d-57ce-4445-bf2e-a2648c18615b.tmp</t>
  </si>
  <si>
    <t>01/13/2020 08:39:15</t>
  </si>
  <si>
    <t>ae9d0b2c-660a-47d8-84fb-c8c2f0286937.tmp</t>
  </si>
  <si>
    <t>\\acsfs\profiles$\rafaelahpn\Downloads\ae9d0b2c-660a-47d8-84fb-c8c2f0286937.tmp</t>
  </si>
  <si>
    <t>01/13/2020 08:41:18</t>
  </si>
  <si>
    <t>01/13/2020 08:44:27</t>
  </si>
  <si>
    <t>01/13/2020 08:40:36</t>
  </si>
  <si>
    <t>946f71a9-7e0d-4427-b7b4-0de5b8f74a52.tmp</t>
  </si>
  <si>
    <t>\\acsfs\profiles$\gabrielaff\Downloads\946f71a9-7e0d-4427-b7b4-0de5b8f74a52.tmp</t>
  </si>
  <si>
    <t>01/13/2020 08:39:52</t>
  </si>
  <si>
    <t>01/13/2020 08:39:53</t>
  </si>
  <si>
    <t>01/13/2020 08:41:05</t>
  </si>
  <si>
    <t>c1eb3302-186d-4326-90cb-98ef970c30ec.tmp</t>
  </si>
  <si>
    <t>\\acsfs\profiles$\lorraynevam\Downloads\c1eb3302-186d-4326-90cb-98ef970c30ec.tmp</t>
  </si>
  <si>
    <t>01/13/2020 08:40:38</t>
  </si>
  <si>
    <t>01/13/2020 08:42:15</t>
  </si>
  <si>
    <t>01/13/2020 08:45:27</t>
  </si>
  <si>
    <t>lu130441buys.tmp</t>
  </si>
  <si>
    <t>\\acsfs\profiles$\CINTIADCF\lu130441buys.tmp</t>
  </si>
  <si>
    <t>\\acsfs\profiles$\CINTIADCF\lu130441buys.tmp\</t>
  </si>
  <si>
    <t>\\acsfs\profiles$\CINTIADCF\lu130441buys.tmp\META-INF\</t>
  </si>
  <si>
    <t>\\acsfs\profiles$\CINTIADCF\lu130441buys.tmp\Thumbnails\</t>
  </si>
  <si>
    <t>01/13/2020 08:42:21</t>
  </si>
  <si>
    <t>https://bvcartes-supervisores@algarnet.onmicrosoft.com,joaogvc@algartech.com,leonardoao@algartech.com,marianadjc@algartech.com,paulacn@algartech.com,ricardodfm@algartech.com.br,taysdss@algartech.com,viniciussg@algartech.com</t>
  </si>
  <si>
    <t>01/13/2020 08:42:45</t>
  </si>
  <si>
    <t>https://joaogvc@algartech.com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3/2020 08:41:49</t>
  </si>
  <si>
    <t>01/13/2020 08:47:27</t>
  </si>
  <si>
    <t>0eefc2ef-cfb2-4db4-8913-c268533f59a1.tmp</t>
  </si>
  <si>
    <t>\\acsfs\profiles$\Angelicacldr\Downloads\0eefc2ef-cfb2-4db4-8913-c268533f59a1.tmp</t>
  </si>
  <si>
    <t>01/13/2020 08:45:52</t>
  </si>
  <si>
    <t>01/13/2020 08:45:53</t>
  </si>
  <si>
    <t>01/13/2020 08:45:54</t>
  </si>
  <si>
    <t>01/13/2020 08:45:55</t>
  </si>
  <si>
    <t>01/13/2020 08:45:56</t>
  </si>
  <si>
    <t>01/13/2020 08:45:57</t>
  </si>
  <si>
    <t>01/13/2020 08:45:58</t>
  </si>
  <si>
    <t>01/13/2020 08:45:59</t>
  </si>
  <si>
    <t>01/13/2020 08:46:00</t>
  </si>
  <si>
    <t>01/13/2020 08:46:01</t>
  </si>
  <si>
    <t>01/13/2020 08:44:44</t>
  </si>
  <si>
    <t>01/13/2020 08:46:02</t>
  </si>
  <si>
    <t>01/13/2020 08:46:03</t>
  </si>
  <si>
    <t>01/13/2020 08:46:04</t>
  </si>
  <si>
    <t>01/13/2020 08:46:05</t>
  </si>
  <si>
    <t>01/13/2020 08:46:06</t>
  </si>
  <si>
    <t>01/13/2020 08:46:07</t>
  </si>
  <si>
    <t>01/13/2020 08:46:08</t>
  </si>
  <si>
    <t>01/13/2020 08:46:09</t>
  </si>
  <si>
    <t>01/13/2020 08:46:10</t>
  </si>
  <si>
    <t>01/13/2020 08:46:11</t>
  </si>
  <si>
    <t>01/13/2020 08:46:12</t>
  </si>
  <si>
    <t>01/13/2020 08:44:47</t>
  </si>
  <si>
    <t>http://clients2.google.com/domainreliability/upload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;permissionid;picture;thumbnailversion�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,permissionid,picture,thumbnailversion�,workspaceids</t>
  </si>
  <si>
    <t>01/13/2020 08:44:52</t>
  </si>
  <si>
    <t>http://clients4.google.com/rappor</t>
  </si>
  <si>
    <t>01/13/2020 08:44:53</t>
  </si>
  <si>
    <t>http:///batch?%24ct=multipart%2Fmixed%3B%20boundary%3D%22%3D%3D%3D%3D%3Dew8q9dsi6gga%3D%3D%3D%3D%3D%22&amp;key=AIzaSyAy9VVXHSpS2IJpptzYtGbLP3-3_l0aBk4</t>
  </si>
  <si>
    <t>01/13/2020 08:45:00</t>
  </si>
  <si>
    <t>http:///batch?%24ct=multipart%2Fmixed%3B%20boundary%3D%22%3D%3D%3D%3D%3D7kximv2mnf8d%3D%3D%3D%3D%3D%22&amp;key=AIzaSyAy9VVXHSpS2IJpptzYtGbLP3-3_l0aBk4</t>
  </si>
  <si>
    <t>01/13/2020 08:45:01</t>
  </si>
  <si>
    <t>http:///batch?%24ct=multipart%2Fmixed%3B%20boundary%3D%22%3D%3D%3D%3D%3Dkzjii9dde4q8%3D%3D%3D%3D%3D%22&amp;key=AIzaSyAy9VVXHSpS2IJpptzYtGbLP3-3_l0aBk4</t>
  </si>
  <si>
    <t>01/13/2020 08:45:10</t>
  </si>
  <si>
    <t>http:///batch?%24ct=multipart%2Fmixed%3B%20boundary%3D%22%3D%3D%3D%3D%3Dan2zz95kl6r4%3D%3D%3D%3D%3D%22&amp;key=AIzaSyAy9VVXHSpS2IJpptzYtGbLP3-3_l0aBk4</t>
  </si>
  <si>
    <t>01/13/2020 08:45:11</t>
  </si>
  <si>
    <t>http:///batch?%24ct=multipart%2Fmixed%3B%20boundary%3D%22%3D%3D%3D%3D%3Dnej1fy1butxz%3D%3D%3D%3D%3D%22&amp;key=AIzaSyAy9VVXHSpS2IJpptzYtGbLP3-3_l0aBk4</t>
  </si>
  <si>
    <t>01/13/2020 08:45:12</t>
  </si>
  <si>
    <t>http:///batch?%24ct=multipart%2Fmixed%3B%20boundary%3D%22%3D%3D%3D%3D%3D9pfk12rau33l%3D%3D%3D%3D%3D%22&amp;key=AIzaSyAy9VVXHSpS2IJpptzYtGbLP3-3_l0aBk4</t>
  </si>
  <si>
    <t>01/13/2020 08:47:28</t>
  </si>
  <si>
    <t>01/13/2020 08:48:27</t>
  </si>
  <si>
    <t>01/13/2020 08:47:17</t>
  </si>
  <si>
    <t>01/13/2020 08:51:27</t>
  </si>
  <si>
    <t>01/13/2020 08:47:09</t>
  </si>
  <si>
    <t>01/13/2020 08:52:27</t>
  </si>
  <si>
    <t>f420bb61-6efe-4939-9005-f707ba5414a8.tmp</t>
  </si>
  <si>
    <t>\\acsfs\profiles$\Angelicacldr\Downloads\f420bb61-6efe-4939-9005-f707ba5414a8.tmp</t>
  </si>
  <si>
    <t>01/13/2020 08:49:02</t>
  </si>
  <si>
    <t>01/13/2020 08:52:51</t>
  </si>
  <si>
    <t>01/13/2020 08:53:27</t>
  </si>
  <si>
    <t>01/13/2020 08:52:56</t>
  </si>
  <si>
    <t>01/13/2020 08:48:48</t>
  </si>
  <si>
    <t>eff3c182-3d02-41ce-931c-aaf0f993fa44.tmp</t>
  </si>
  <si>
    <t>\\acsfs\profiles$\rafaelamsv\Downloads\eff3c182-3d02-41ce-931c-aaf0f993fa44.tmp</t>
  </si>
  <si>
    <t>01/13/2020 08:49:31</t>
  </si>
  <si>
    <t>f582b32a-13d4-4f40-91d0-3dbff9beda73.tmp</t>
  </si>
  <si>
    <t>\\acsfs\profiles$\rafaelamsv\Downloads\f582b32a-13d4-4f40-91d0-3dbff9beda73.tmp</t>
  </si>
  <si>
    <t>01/13/2020 08:50:30</t>
  </si>
  <si>
    <t>01/13/2020 08:52:34</t>
  </si>
  <si>
    <t>01/13/2020 08:54:27</t>
  </si>
  <si>
    <t>299825c7-e541-4c81-9077-90d6c108664b.tmp</t>
  </si>
  <si>
    <t>\\acsfs\profiles$\gabrielaff\Downloads\299825c7-e541-4c81-9077-90d6c108664b.tmp</t>
  </si>
  <si>
    <t>01/13/2020 08:51:36</t>
  </si>
  <si>
    <t>01/13/2020 08:52:09</t>
  </si>
  <si>
    <t>c89b4d8c-f137-432e-a911-8c2eeac14f8e.tmp</t>
  </si>
  <si>
    <t>\\acsfs\profiles$\larissaad\Downloads\c89b4d8c-f137-432e-a911-8c2eeac14f8e.tmp</t>
  </si>
  <si>
    <t>01/13/2020 08:49:33</t>
  </si>
  <si>
    <t>01/13/2020 08:49:53</t>
  </si>
  <si>
    <t>01/13/2020 08:55:27</t>
  </si>
  <si>
    <t>01/13/2020 08:54:53</t>
  </si>
  <si>
    <t>01/13/2020 08:54:59</t>
  </si>
  <si>
    <t>01/13/2020 08:54:37</t>
  </si>
  <si>
    <t>4bd4970a-2b25-4716-852b-0e7e157d7a4d.tmp</t>
  </si>
  <si>
    <t>\\acsfs\profiles$\paulovadc\Downloads\4bd4970a-2b25-4716-852b-0e7e157d7a4d.tmp</t>
  </si>
  <si>
    <t>01/13/2020 08:52:41</t>
  </si>
  <si>
    <t>01/13/2020 08:57:28</t>
  </si>
  <si>
    <t>01/13/2020 08:56:00</t>
  </si>
  <si>
    <t>01/13/2020 08:58:27</t>
  </si>
  <si>
    <t>01/13/2020 08:56:08</t>
  </si>
  <si>
    <t>01/13/2020 08:56:40</t>
  </si>
  <si>
    <t>01/13/2020 08:56:46</t>
  </si>
  <si>
    <t>01/13/2020 08:54:19</t>
  </si>
  <si>
    <t>4961f1a7-cf50-4582-8609-9ab2eb49febd.tmp</t>
  </si>
  <si>
    <t>\\acsfs\profiles$\gabrielhca\Downloads\4961f1a7-cf50-4582-8609-9ab2eb49febd.tmp</t>
  </si>
  <si>
    <t>01/13/2020 08:54:25</t>
  </si>
  <si>
    <t>6ed87419-1d7d-456e-b59f-41d30e60b809.tmp</t>
  </si>
  <si>
    <t>\\acsfs\profiles$\gabrielhca\Downloads\6ed87419-1d7d-456e-b59f-41d30e60b809.tmp</t>
  </si>
  <si>
    <t>01/13/2020 08:54:47</t>
  </si>
  <si>
    <t>333758ff-a419-4894-88e7-a297e6a6b5b7.tmp</t>
  </si>
  <si>
    <t>\\acsfs\profiles$\gabrielhca\Downloads\333758ff-a419-4894-88e7-a297e6a6b5b7.tmp</t>
  </si>
  <si>
    <t>01/13/2020 08:55:53</t>
  </si>
  <si>
    <t>6733c5a1-46ae-41b8-831a-a50b1a9faa5a.tmp</t>
  </si>
  <si>
    <t>\\acsfs\profiles$\gabrielhca\Downloads\6733c5a1-46ae-41b8-831a-a50b1a9faa5a.tmp</t>
  </si>
  <si>
    <t>01/13/2020 08:53:00</t>
  </si>
  <si>
    <t>01/13/2020 08:56:42</t>
  </si>
  <si>
    <t>08ae5dc9-e7dd-44a7-b7fd-df76267f76e7.tmp</t>
  </si>
  <si>
    <t>\\acsfs\profiles$\gabrielhca\Downloads\08ae5dc9-e7dd-44a7-b7fd-df76267f76e7.tmp</t>
  </si>
  <si>
    <t>01/13/2020 08:53:49</t>
  </si>
  <si>
    <t>01/13/2020 08:54:00</t>
  </si>
  <si>
    <t>01/13/2020 08:54:10</t>
  </si>
  <si>
    <t>01/13/2020 08:54:32</t>
  </si>
  <si>
    <t>01/13/2020 08:54:50</t>
  </si>
  <si>
    <t>01/13/2020 08:55:08</t>
  </si>
  <si>
    <t>01/13/2020 08:55:20</t>
  </si>
  <si>
    <t>01/13/2020 08:55:30</t>
  </si>
  <si>
    <t>01/13/2020 08:56:06</t>
  </si>
  <si>
    <t>01/13/2020 08:56:30</t>
  </si>
  <si>
    <t>01/13/2020 08:56:57</t>
  </si>
  <si>
    <t>01/13/2020 08:57:00</t>
  </si>
  <si>
    <t>01/13/2020 08:57:05</t>
  </si>
  <si>
    <t>01/13/2020 08:57:11</t>
  </si>
  <si>
    <t>01/13/2020 08:57:22</t>
  </si>
  <si>
    <t>01/13/2020 08:57:31</t>
  </si>
  <si>
    <t>01/13/2020 08:57:47</t>
  </si>
  <si>
    <t>01/13/2020 08:53:40</t>
  </si>
  <si>
    <t>01/13/2020 08:53:41</t>
  </si>
  <si>
    <t>01/13/2020 08:54:51</t>
  </si>
  <si>
    <t>01/13/2020 08:59:27</t>
  </si>
  <si>
    <t>01/13/2020 08:57:15</t>
  </si>
  <si>
    <t>01/13/2020 09:00:27</t>
  </si>
  <si>
    <t>01/13/2020 08:58:16</t>
  </si>
  <si>
    <t>01/13/2020 08:55:02</t>
  </si>
  <si>
    <t>01/13/2020 08:55:03</t>
  </si>
  <si>
    <t>lu263961x8m76.tmp</t>
  </si>
  <si>
    <t>\\acsfs\profiles$\BRUNAAR\Numero\lu263961x8m76.tmp</t>
  </si>
  <si>
    <t>01/13/2020 08:55:45</t>
  </si>
  <si>
    <t>01/13/2020 08:55:51</t>
  </si>
  <si>
    <t>01/13/2020 08:55:52</t>
  </si>
  <si>
    <t>01/13/2020 08:56:09</t>
  </si>
  <si>
    <t>01/13/2020 08:56:11</t>
  </si>
  <si>
    <t>01/13/2020 08:56:13</t>
  </si>
  <si>
    <t>01/13/2020 08:56:49</t>
  </si>
  <si>
    <t>01/13/2020 08:56:51</t>
  </si>
  <si>
    <t>01/13/2020 08:57:04</t>
  </si>
  <si>
    <t>01/13/2020 08:57:14</t>
  </si>
  <si>
    <t>01/13/2020 08:57:42</t>
  </si>
  <si>
    <t>01/13/2020 08:57:48</t>
  </si>
  <si>
    <t>01/13/2020 08:57:51</t>
  </si>
  <si>
    <t>01/13/2020 08:57:59</t>
  </si>
  <si>
    <t>01/13/2020 08:58:24</t>
  </si>
  <si>
    <t>01/13/2020 08:58:36</t>
  </si>
  <si>
    <t>01/13/2020 08:58:37</t>
  </si>
  <si>
    <t>01/13/2020 08:58:59</t>
  </si>
  <si>
    <t>01/13/2020 08:59:05</t>
  </si>
  <si>
    <t>01/13/2020 08:59:29</t>
  </si>
  <si>
    <t>01/13/2020 08:59:43</t>
  </si>
  <si>
    <t>01/13/2020 08:59:48</t>
  </si>
  <si>
    <t>01/13/2020 08:59:55</t>
  </si>
  <si>
    <t>01/13/2020 08:59:59</t>
  </si>
  <si>
    <t>01/13/2020 09:01:27</t>
  </si>
  <si>
    <t>01/13/2020 08:56:50</t>
  </si>
  <si>
    <t>e2570830-4e7a-4235-a67e-3bf98abad565.tmp</t>
  </si>
  <si>
    <t>\\acsfs\profiles$\danielmlds\Downloads\e2570830-4e7a-4235-a67e-3bf98abad565.tmp</t>
  </si>
  <si>
    <t>01/13/2020 08:57:45</t>
  </si>
  <si>
    <t>508c6b97-7b81-4722-8481-8cac7a8bf7d3.tmp</t>
  </si>
  <si>
    <t>\\acsfs\profiles$\danielmlds\Downloads\508c6b97-7b81-4722-8481-8cac7a8bf7d3.tmp</t>
  </si>
  <si>
    <t>01/13/2020 08:55:50</t>
  </si>
  <si>
    <t>01/13/2020 08:58:20</t>
  </si>
  <si>
    <t>01/13/2020 08:58:50</t>
  </si>
  <si>
    <t>01/13/2020 08:59:50</t>
  </si>
  <si>
    <t>01/13/2020 08:58:05</t>
  </si>
  <si>
    <t>01/13/2020 09:02:27</t>
  </si>
  <si>
    <t>01/13/2020 09:02:13</t>
  </si>
  <si>
    <t>01/13/2020 09:03:27</t>
  </si>
  <si>
    <t>2b712816-bffd-4f1c-873b-e9449bbaadd7.tmp</t>
  </si>
  <si>
    <t>\\acsfs\profiles$\maxmillianosv\Downloads\2b712816-bffd-4f1c-873b-e9449bbaadd7.tmp</t>
  </si>
  <si>
    <t>01/13/2020 08:58:54</t>
  </si>
  <si>
    <t>01/13/2020 08:59:00</t>
  </si>
  <si>
    <t>01/13/2020 08:59:35</t>
  </si>
  <si>
    <t>01/13/2020 08:59:41</t>
  </si>
  <si>
    <t>01/13/2020 09:00:22</t>
  </si>
  <si>
    <t>01/13/2020 09:00:31</t>
  </si>
  <si>
    <t>01/13/2020 09:00:49</t>
  </si>
  <si>
    <t>01/13/2020 09:01:14</t>
  </si>
  <si>
    <t>01/13/2020 09:01:53</t>
  </si>
  <si>
    <t>01/13/2020 09:01:57</t>
  </si>
  <si>
    <t>01/13/2020 09:01:59</t>
  </si>
  <si>
    <t>01/13/2020 09:02:14</t>
  </si>
  <si>
    <t>01/13/2020 09:02:19</t>
  </si>
  <si>
    <t>01/13/2020 09:02:28</t>
  </si>
  <si>
    <t>01/13/2020 09:00:53</t>
  </si>
  <si>
    <t>01/13/2020 09:05:27</t>
  </si>
  <si>
    <t>70342472-7c8e-4713-a5f2-ffed6c05afc3.tmp</t>
  </si>
  <si>
    <t>\\acsfs\profiles$\cintiadcf\Downloads\70342472-7c8e-4713-a5f2-ffed6c05afc3.tmp</t>
  </si>
  <si>
    <t>01/13/2020 09:03:34</t>
  </si>
  <si>
    <t>lu263961x8m79.tmp</t>
  </si>
  <si>
    <t>\\acsfs\profiles$\BRUNAAR\Numero\lu263961x8m79.tmp</t>
  </si>
  <si>
    <t>01/13/2020 09:00:08</t>
  </si>
  <si>
    <t>01/13/2020 09:00:13</t>
  </si>
  <si>
    <t>01/13/2020 09:02:10</t>
  </si>
  <si>
    <t>01/13/2020 09:02:11</t>
  </si>
  <si>
    <t>01/13/2020 09:02:21</t>
  </si>
  <si>
    <t>01/13/2020 09:02:31</t>
  </si>
  <si>
    <t>01/13/2020 09:02:32</t>
  </si>
  <si>
    <t>01/13/2020 09:02:41</t>
  </si>
  <si>
    <t>01/13/2020 09:02:49</t>
  </si>
  <si>
    <t>01/13/2020 09:04:44</t>
  </si>
  <si>
    <t>01/13/2020 09:04:59</t>
  </si>
  <si>
    <t>01/13/2020 09:01:50</t>
  </si>
  <si>
    <t>bbafb421-22a0-4bd7-a7fe-9c813a6a2c37.tmp</t>
  </si>
  <si>
    <t>\\acsfs\profiles$\mariajra\Downloads\bbafb421-22a0-4bd7-a7fe-9c813a6a2c37.tmp</t>
  </si>
  <si>
    <t>fb54dadc-ba50-45f2-9522-15ea9636e2cd.tmp</t>
  </si>
  <si>
    <t>\\acsfs\profiles$\mariajra\Downloads\fb54dadc-ba50-45f2-9522-15ea9636e2cd.tmp</t>
  </si>
  <si>
    <t>01/13/2020 09:01:37</t>
  </si>
  <si>
    <t>01/13/2020 09:06:28</t>
  </si>
  <si>
    <t>01/13/2020 09:05:32</t>
  </si>
  <si>
    <t>01/13/2020 09:04:25</t>
  </si>
  <si>
    <t>01/13/2020 09:07:27</t>
  </si>
  <si>
    <t>e1a11fa3-6d1f-4b52-a4b7-6c5eb0719d71.tmp</t>
  </si>
  <si>
    <t>\\acsfs\profiles$\Flaviojmm\Downloads\e1a11fa3-6d1f-4b52-a4b7-6c5eb0719d71.tmp</t>
  </si>
  <si>
    <t>01/13/2020 09:05:21</t>
  </si>
  <si>
    <t>44be4fc4-fc04-4261-944b-bc00c4fdd218.tmp</t>
  </si>
  <si>
    <t>\\acsfs\profiles$\Flaviojmm\Downloads\44be4fc4-fc04-4261-944b-bc00c4fdd218.tmp</t>
  </si>
  <si>
    <t>01/13/2020 09:02:50</t>
  </si>
  <si>
    <t>c876bff3-0ae8-4654-9d5b-819146b67cc5.tmp</t>
  </si>
  <si>
    <t>\\acsfs\profiles$\geovannasm\Downloads\c876bff3-0ae8-4654-9d5b-819146b67cc5.tmp</t>
  </si>
  <si>
    <t>01/13/2020 09:03:06</t>
  </si>
  <si>
    <t>01/13/2020 09:08:27</t>
  </si>
  <si>
    <t>01/13/2020 09:04:06</t>
  </si>
  <si>
    <t>01/13/2020 09:08:28</t>
  </si>
  <si>
    <t>01/13/2020 09:04:56</t>
  </si>
  <si>
    <t>01/13/2020 09:04:57</t>
  </si>
  <si>
    <t>01/13/2020 09:05:48</t>
  </si>
  <si>
    <t>01/13/2020 09:10:27</t>
  </si>
  <si>
    <t>01/13/2020 09:09:24</t>
  </si>
  <si>
    <t>01/13/2020 09:05:10</t>
  </si>
  <si>
    <t>e8a7d134-b382-4adf-b1ff-0733154e55f2.tmp</t>
  </si>
  <si>
    <t>\\acsfs\profiles$\BRUNAAR\Downloads\e8a7d134-b382-4adf-b1ff-0733154e55f2.tmp</t>
  </si>
  <si>
    <t>01/13/2020 09:05:15</t>
  </si>
  <si>
    <t>b25f039b-adad-4652-925a-b31644704f32.tmp</t>
  </si>
  <si>
    <t>\\acsfs\profiles$\BRUNAAR\Downloads\b25f039b-adad-4652-925a-b31644704f32.tmp</t>
  </si>
  <si>
    <t>01/13/2020 09:06:47</t>
  </si>
  <si>
    <t>01/13/2020 09:08:51</t>
  </si>
  <si>
    <t>01/13/2020 09:08:52</t>
  </si>
  <si>
    <t>01/13/2020 09:08:29</t>
  </si>
  <si>
    <t>01/13/2020 09:08:37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09:09:19</t>
  </si>
  <si>
    <t>01/13/2020 09:09:34</t>
  </si>
  <si>
    <t>01/13/2020 09:09:36</t>
  </si>
  <si>
    <t>01/13/2020 09:09:53</t>
  </si>
  <si>
    <t>01/13/2020 09:10:02</t>
  </si>
  <si>
    <t>01/13/2020 09:05:50</t>
  </si>
  <si>
    <t>01/13/2020 09:11:27</t>
  </si>
  <si>
    <t>01/13/2020 09:06:20</t>
  </si>
  <si>
    <t>01/13/2020 09:06:51</t>
  </si>
  <si>
    <t>\\acsfs\profiles$\RAFAELRF\meu\</t>
  </si>
  <si>
    <t>\\acsfs\profiles$\RAFAELRF\meu\.~lock.Filas-ALGAR - JONATAN.xlsx#</t>
  </si>
  <si>
    <t>\\acsfs\profiles$\RAFAELRF\meu\.~lock.Filas Rafael.ods#</t>
  </si>
  <si>
    <t>01/13/2020 09:08:16</t>
  </si>
  <si>
    <t>01/13/2020 09:12:27</t>
  </si>
  <si>
    <t>c179b8e0-a086-42fa-9c22-96a5eb8a8661.tmp</t>
  </si>
  <si>
    <t>\\acsfs\profiles$\ayalabfi\Downloads\c179b8e0-a086-42fa-9c22-96a5eb8a8661.tmp</t>
  </si>
  <si>
    <t>01/13/2020 09:09:35</t>
  </si>
  <si>
    <t>01/13/2020 09:13:27</t>
  </si>
  <si>
    <t>01/13/2020 09:12:50</t>
  </si>
  <si>
    <t>01/13/2020 09:12:51</t>
  </si>
  <si>
    <t>01/13/2020 09:10:18</t>
  </si>
  <si>
    <t>b54d3c5e-92ee-4fe5-b240-9c0899beade9.tmp</t>
  </si>
  <si>
    <t>\\acsfs\profiles$\gabrielsma\Downloads\b54d3c5e-92ee-4fe5-b240-9c0899beade9.tmp</t>
  </si>
  <si>
    <t>01/13/2020 09:10:31</t>
  </si>
  <si>
    <t>\\acsfs\ACS\Gabriel da Silva\Contemporânea\Comissão e Incentivo\Histórico\Q29udHJvbGxlci5JbnRyYW5ldC1DaHJvbWU-.ica.crdownload</t>
  </si>
  <si>
    <t>01/13/2020 09:13:40</t>
  </si>
  <si>
    <t>01/13/2020 09:14:27</t>
  </si>
  <si>
    <t>01/13/2020 09:09:57</t>
  </si>
  <si>
    <t>01/13/2020 09:15:27</t>
  </si>
  <si>
    <t>01/13/2020 09:10:28</t>
  </si>
  <si>
    <t>https://bvcartes-supervisores@algarnet.onmicrosoft.com,joaogvc@algartech.com,leonardoao@algartech.com,marianadjc@algartech.com,paulacn@algartech.com,planejamentodeoperacoesetrafego@bv.com.br,raphaelmco@algartech.com.br,ricardodfm@algartech.com.br,taysdss@algartech.com,viniciussg@algartech.com</t>
  </si>
  <si>
    <t>01/13/2020 09:10:56</t>
  </si>
  <si>
    <t>01/13/2020 09:11:18</t>
  </si>
  <si>
    <t>f3edc8bc-d63d-4cfa-99d9-dda7faf39985.tmp</t>
  </si>
  <si>
    <t>\\acsfs\profiles$\claudiajca\Downloads\f3edc8bc-d63d-4cfa-99d9-dda7faf39985.tmp</t>
  </si>
  <si>
    <t>01/13/2020 09:10:33</t>
  </si>
  <si>
    <t>01/13/2020 09:11:10</t>
  </si>
  <si>
    <t>01/13/2020 09:11:15</t>
  </si>
  <si>
    <t>01/13/2020 09:11:43</t>
  </si>
  <si>
    <t>01/13/2020 09:11:49</t>
  </si>
  <si>
    <t>01/13/2020 09:12:33</t>
  </si>
  <si>
    <t>01/13/2020 09:13:03</t>
  </si>
  <si>
    <t>01/13/2020 09:13:15</t>
  </si>
  <si>
    <t>01/13/2020 09:13:20</t>
  </si>
  <si>
    <t>01/13/2020 09:13:37</t>
  </si>
  <si>
    <t>01/13/2020 09:13:42</t>
  </si>
  <si>
    <t>01/13/2020 09:13:48</t>
  </si>
  <si>
    <t>01/13/2020 09:13:52</t>
  </si>
  <si>
    <t>01/13/2020 09:14:03</t>
  </si>
  <si>
    <t>01/13/2020 09:14:12</t>
  </si>
  <si>
    <t>01/13/2020 09:14:19</t>
  </si>
  <si>
    <t>01/13/2020 09:14:36</t>
  </si>
  <si>
    <t>01/13/2020 09:14:49</t>
  </si>
  <si>
    <t>01/13/2020 09:15:07</t>
  </si>
  <si>
    <t>01/13/2020 09:12:20</t>
  </si>
  <si>
    <t>01/13/2020 09:16:27</t>
  </si>
  <si>
    <t>01/13/2020 09:14:50</t>
  </si>
  <si>
    <t>01/13/2020 09:14:58</t>
  </si>
  <si>
    <t>01/13/2020 09:17:27</t>
  </si>
  <si>
    <t>01/13/2020 09:15:13</t>
  </si>
  <si>
    <t>ba20d06d-e731-44be-8ed2-55130899e55d.tmp</t>
  </si>
  <si>
    <t>\\acsfs\profiles$\kellzylenneasr\Downloads\ba20d06d-e731-44be-8ed2-55130899e55d.tmp</t>
  </si>
  <si>
    <t>01/13/2020 09:15:19</t>
  </si>
  <si>
    <t>01/13/2020 09:17:02</t>
  </si>
  <si>
    <t>24feb296-c0d8-410a-b592-c862ea1c5c44.tmp</t>
  </si>
  <si>
    <t>\\acsfs\profiles$\kellzylenneasr\Downloads\24feb296-c0d8-410a-b592-c862ea1c5c44.tmp</t>
  </si>
  <si>
    <t>01/13/2020 09:13:06</t>
  </si>
  <si>
    <t>01/13/2020 09:18:27</t>
  </si>
  <si>
    <t>48e154b8-1a95-4122-aa4a-cd11c096b228.tmp</t>
  </si>
  <si>
    <t>\\acsfs\profiles$\maxmillianosv\Downloads\48e154b8-1a95-4122-aa4a-cd11c096b228.tmp</t>
  </si>
  <si>
    <t>01/13/2020 09:13:11</t>
  </si>
  <si>
    <t>580a3fbb-df52-4411-bba5-abfcddda8aed.tmp</t>
  </si>
  <si>
    <t>\\acsfs\profiles$\maxmillianosv\Downloads\580a3fbb-df52-4411-bba5-abfcddda8aed.tmp</t>
  </si>
  <si>
    <t>01/13/2020 09:13:19</t>
  </si>
  <si>
    <t>f015febb-ccbc-4cf7-8c2f-05015624eb4f.tmp</t>
  </si>
  <si>
    <t>\\acsfs\profiles$\maxmillianosv\Downloads\f015febb-ccbc-4cf7-8c2f-05015624eb4f.tmp</t>
  </si>
  <si>
    <t>04a0a110-93c5-4886-a5f4-4ca712a8be8b.tmp</t>
  </si>
  <si>
    <t>\\acsfs\profiles$\maxmillianosv\Downloads\04a0a110-93c5-4886-a5f4-4ca712a8be8b.tmp</t>
  </si>
  <si>
    <t>01/13/2020 09:15:42</t>
  </si>
  <si>
    <t>E04860A3.tmp</t>
  </si>
  <si>
    <t>\\acsfs\ACS\Gabriel da Silva\Contemporânea\NPS\NPS_Voz\Janeiro.20\E04860A3.tmp</t>
  </si>
  <si>
    <t>01/13/2020 09:15:44</t>
  </si>
  <si>
    <t>~$Pesquisa_Satisfação_0901_1201.xlsx</t>
  </si>
  <si>
    <t>\\acsfs\ACS\Gabriel da Silva\Contemporânea\NPS\NPS_Voz\Janeiro.20\~$Pesquisa_Satisfação_0901_1201.xlsx</t>
  </si>
  <si>
    <t>01/13/2020 09:17:15</t>
  </si>
  <si>
    <t>01/13/2020 09:19:27</t>
  </si>
  <si>
    <t>Não confirmado 592560.crdownload</t>
  </si>
  <si>
    <t>\\acsfs\ACS\Gabriel da Silva\Contemporânea\Gen\Não confirmado 592560.crdownload</t>
  </si>
  <si>
    <t>01/13/2020 09:16:33</t>
  </si>
  <si>
    <t>6bbc67e9-65e1-4c96-a7e6-2c6f0c9291d3.tmp</t>
  </si>
  <si>
    <t>\\acsfs\profiles$\larissaad\Downloads\6bbc67e9-65e1-4c96-a7e6-2c6f0c9291d3.tmp</t>
  </si>
  <si>
    <t>01/13/2020 09:16:37</t>
  </si>
  <si>
    <t>2bc4086d-3ed3-435d-9223-7b716c838440.tmp</t>
  </si>
  <si>
    <t>\\acsfs\profiles$\larissaad\Downloads\2bc4086d-3ed3-435d-9223-7b716c838440.tmp</t>
  </si>
  <si>
    <t>01/13/2020 09:18:33</t>
  </si>
  <si>
    <t>01/13/2020 09:17:17</t>
  </si>
  <si>
    <t>01/13/2020 09:20:27</t>
  </si>
  <si>
    <t>ff350218-1c1d-4b33-9be9-70a1bbb16d2c.tmp</t>
  </si>
  <si>
    <t>\\acsfs\profiles$\luanarda\Downloads\ff350218-1c1d-4b33-9be9-70a1bbb16d2c.tmp</t>
  </si>
  <si>
    <t>01/13/2020 09:15:52</t>
  </si>
  <si>
    <t>01/13/2020 09:15:53</t>
  </si>
  <si>
    <t>01/13/2020 09:15:57</t>
  </si>
  <si>
    <t>01/13/2020 09:16:03</t>
  </si>
  <si>
    <t>01/13/2020 09:16:41</t>
  </si>
  <si>
    <t>01/13/2020 09:16:48</t>
  </si>
  <si>
    <t>01/13/2020 09:17:18</t>
  </si>
  <si>
    <t>01/13/2020 09:18:02</t>
  </si>
  <si>
    <t>01/13/2020 09:18:09</t>
  </si>
  <si>
    <t>01/13/2020 09:19:16</t>
  </si>
  <si>
    <t>01/13/2020 09:19:25</t>
  </si>
  <si>
    <t>01/13/2020 09:19:32</t>
  </si>
  <si>
    <t>01/13/2020 09:19:37</t>
  </si>
  <si>
    <t>01/13/2020 09:19:41</t>
  </si>
  <si>
    <t>01/13/2020 09:19:51</t>
  </si>
  <si>
    <t>01/13/2020 09:19:57</t>
  </si>
  <si>
    <t>01/13/2020 09:20:02</t>
  </si>
  <si>
    <t>01/13/2020 09:20:06</t>
  </si>
  <si>
    <t>01/13/2020 09:15:30</t>
  </si>
  <si>
    <t>abbe46aa-738a-4860-98fb-f134efca5147.tmp</t>
  </si>
  <si>
    <t>\\acsfs\profiles$\mariajra\Downloads\abbe46aa-738a-4860-98fb-f134efca5147.tmp</t>
  </si>
  <si>
    <t>01/13/2020 09:17:50</t>
  </si>
  <si>
    <t>01/13/2020 09:21:27</t>
  </si>
  <si>
    <t>01/13/2020 09:18:20</t>
  </si>
  <si>
    <t>01/13/2020 09:18:50</t>
  </si>
  <si>
    <t>01/13/2020 09:19:20</t>
  </si>
  <si>
    <t>01/13/2020 09:19:50</t>
  </si>
  <si>
    <t>01/13/2020 09:16:30</t>
  </si>
  <si>
    <t>01/13/2020 09:21:16</t>
  </si>
  <si>
    <t>01/13/2020 09:22:27</t>
  </si>
  <si>
    <t>6a4558fc-a5f6-4237-8cdc-cddb73fad398.tmp</t>
  </si>
  <si>
    <t>\\acsfs\profiles$\PEDROHAB\Downloads\6a4558fc-a5f6-4237-8cdc-cddb73fad398.tmp</t>
  </si>
  <si>
    <t>01/13/2020 09:17:10</t>
  </si>
  <si>
    <t>01/13/2020 09:21:13</t>
  </si>
  <si>
    <t>ac72aada-aa70-45ec-a3f0-cc1f14bec9cb.tmp</t>
  </si>
  <si>
    <t>\\acsfs\profiles$\inarajst\Downloads\ac72aada-aa70-45ec-a3f0-cc1f14bec9cb.tmp</t>
  </si>
  <si>
    <t>01/13/2020 09:23:27</t>
  </si>
  <si>
    <t>01/13/2020 09:22:13</t>
  </si>
  <si>
    <t>\\acsfs\ACS\Gabriel da Silva\Contemporânea\NPS\C6493423.tmp\</t>
  </si>
  <si>
    <t>\\acsfs\ACS\Gabriel da Silva\Contemporânea\NPS\C6493423.tmp\:Zone.Identifier:$DATA</t>
  </si>
  <si>
    <t>01/13/2020 09:22:16</t>
  </si>
  <si>
    <t>01/13/2020 09:24:28</t>
  </si>
  <si>
    <t>\\acsfs\ACS\Gabriel da Silva\Contemporânea\NPS\C6493423.tmp</t>
  </si>
  <si>
    <t>C6493423.tmp</t>
  </si>
  <si>
    <t>01/13/2020 09:23:11</t>
  </si>
  <si>
    <t>\\acsfs\ACS\Gabriel da Silva\Contemporânea\NPS\3A7EA1F.tmp\</t>
  </si>
  <si>
    <t>\\acsfs\ACS\Gabriel da Silva\Contemporânea\NPS\3A7EA1F.tmp</t>
  </si>
  <si>
    <t>3A7EA1F.tmp</t>
  </si>
  <si>
    <t>01/13/2020 09:23:13</t>
  </si>
  <si>
    <t>01/13/2020 09:19:00</t>
  </si>
  <si>
    <t>15604c86-6ae0-4235-a032-83c298f15361.tmp</t>
  </si>
  <si>
    <t>\\acsfs\profiles$\gabrielaff\Downloads\15604c86-6ae0-4235-a032-83c298f15361.tmp</t>
  </si>
  <si>
    <t>01/13/2020 09:20:41</t>
  </si>
  <si>
    <t>19a634c4-996b-4fee-bd8f-e3e61b052e9a.tmp</t>
  </si>
  <si>
    <t>\\acsfs\profiles$\nathaliarmr\Downloads\19a634c4-996b-4fee-bd8f-e3e61b052e9a.tmp</t>
  </si>
  <si>
    <t>01/13/2020 09:18:58</t>
  </si>
  <si>
    <t>bedd4e62-cdca-4f55-b963-4704094db260.tmp</t>
  </si>
  <si>
    <t>\\acsfs\profiles$\quindaizaagds\Downloads\bedd4e62-cdca-4f55-b963-4704094db260.tmp</t>
  </si>
  <si>
    <t>01/13/2020 09:19:29</t>
  </si>
  <si>
    <t>37b10ade-7ffb-4c90-a10c-a2325503f4a1.tmp</t>
  </si>
  <si>
    <t>\\acsfs\profiles$\quindaizaagds\Downloads\37b10ade-7ffb-4c90-a10c-a2325503f4a1.tmp</t>
  </si>
  <si>
    <t>01/13/2020 09:19:52</t>
  </si>
  <si>
    <t>44d38bf9-a69c-4ca4-a230-0ecff2389fad.tmp</t>
  </si>
  <si>
    <t>\\acsfs\profiles$\quindaizaagds\Downloads\44d38bf9-a69c-4ca4-a230-0ecff2389fad.tmp</t>
  </si>
  <si>
    <t>01/13/2020 09:20:55</t>
  </si>
  <si>
    <t>4462b86d-fbb1-42fa-8bc2-6fdd52dd4097.tmp</t>
  </si>
  <si>
    <t>\\acsfs\profiles$\nathaliarmr\Downloads\4462b86d-fbb1-42fa-8bc2-6fdd52dd4097.tmp</t>
  </si>
  <si>
    <t>01/13/2020 09:21:03</t>
  </si>
  <si>
    <t>99c7ced8-0bde-40cf-bd8c-4cff63a620bb.tmp</t>
  </si>
  <si>
    <t>\\acsfs\profiles$\quindaizaagds\Downloads\99c7ced8-0bde-40cf-bd8c-4cff63a620bb.tmp</t>
  </si>
  <si>
    <t>01/13/2020 09:22:11</t>
  </si>
  <si>
    <t>0096ce63-f97d-4b57-a8bd-59bc19f1e174.tmp</t>
  </si>
  <si>
    <t>\\acsfs\profiles$\leticiala\Downloads\0096ce63-f97d-4b57-a8bd-59bc19f1e174.tmp</t>
  </si>
  <si>
    <t>01/13/2020 09:23:28</t>
  </si>
  <si>
    <t>48187832-8b83-434b-9ddc-f5ee0dcc6a94.tmp</t>
  </si>
  <si>
    <t>\\acsfs\profiles$\felipetds\Downloads\48187832-8b83-434b-9ddc-f5ee0dcc6a94.tmp</t>
  </si>
  <si>
    <t>01/13/2020 09:22:06</t>
  </si>
  <si>
    <t>01/13/2020 09:25:27</t>
  </si>
  <si>
    <t>01/13/2020 09:23:49</t>
  </si>
  <si>
    <t>https://bvcartes-supervisores@algarnet.onmicrosoft.com,joaogvc@algartech.com,leonardoao@algartech.com,marianadjc@algartech.com,paulacn@algartech.com,ricardodfm@algartech.com.br,taysdss@algartech.com</t>
  </si>
  <si>
    <t>01/13/2020 09:24:04</t>
  </si>
  <si>
    <t>01/13/2020 09:20:13</t>
  </si>
  <si>
    <t>mail.google.com/sync/u/0/i/s?hl=pt-BR&amp;c=687</t>
  </si>
  <si>
    <t>01/13/2020 09:20:18</t>
  </si>
  <si>
    <t>01/13/2020 09:20:50</t>
  </si>
  <si>
    <t>01/13/2020 09:20:52</t>
  </si>
  <si>
    <t>01/13/2020 09:20:53</t>
  </si>
  <si>
    <t>01/13/2020 09:20:59</t>
  </si>
  <si>
    <t>01/13/2020 09:21:08</t>
  </si>
  <si>
    <t>01/13/2020 09:21:24</t>
  </si>
  <si>
    <t>01/13/2020 09:22:21</t>
  </si>
  <si>
    <t>01/13/2020 09:25:06</t>
  </si>
  <si>
    <t>\\udpavonfs01\AVON\00 - ACOMPANHAMENTO AVON\04 - BACKOFFICE CORNERSTONE\2020\01.2020\RELATORIO\11.01.2020\Acompanhamento Backoffice Cornerstone JAN.20.xlsx</t>
  </si>
  <si>
    <t>01/13/2020 09:26:27</t>
  </si>
  <si>
    <t>01/13/2020 09:21:50</t>
  </si>
  <si>
    <t>01/13/2020 09:22:20</t>
  </si>
  <si>
    <t>01/13/2020 09:22:50</t>
  </si>
  <si>
    <t>01/13/2020 09:23:20</t>
  </si>
  <si>
    <t>01/13/2020 09:24:09</t>
  </si>
  <si>
    <t>01/13/2020 09:22:51</t>
  </si>
  <si>
    <t>01/13/2020 09:27:27</t>
  </si>
  <si>
    <t>fff42d24-6a23-494b-acc7-deec151ea188.tmp</t>
  </si>
  <si>
    <t>\\acsfs\profiles$\PEDROHAB\Downloads\fff42d24-6a23-494b-acc7-deec151ea188.tmp</t>
  </si>
  <si>
    <t>01/13/2020 09:24:35</t>
  </si>
  <si>
    <t>http:///batch?%24ct=multipart%2Fmixed%3B%20boundary%3D%22%3D%3D%3D%3D%3De7ynhs1du14b%3D%3D%3D%3D%3D%22&amp;key=AIzaSyAy9VVXHSpS2IJpptzYtGbLP3-3_l0aBk4</t>
  </si>
  <si>
    <t>01/13/2020 09:24:36</t>
  </si>
  <si>
    <t>http:///batch?%24ct=multipart%2Fmixed%3B%20boundary%3D%22%3D%3D%3D%3D%3D29gofxph87x2%3D%3D%3D%3D%3D%22&amp;key=AIzaSyAy9VVXHSpS2IJpptzYtGbLP3-3_l0aBk4</t>
  </si>
  <si>
    <t>01/13/2020 09:24:37</t>
  </si>
  <si>
    <t>http:///batch?%24ct=multipart%2Fmixed%3B%20boundary%3D%22%3D%3D%3D%3D%3Daqrajslw0wxa%3D%3D%3D%3D%3D%22&amp;key=AIzaSyAy9VVXHSpS2IJpptzYtGbLP3-3_l0aBk4</t>
  </si>
  <si>
    <t>01/13/2020 09:27:04</t>
  </si>
  <si>
    <t>01/13/2020 09:26:39</t>
  </si>
  <si>
    <t>01/13/2020 09:28:27</t>
  </si>
  <si>
    <t>c13fe6be-7b28-4452-a9e0-ce706d8bc4c9.tmp</t>
  </si>
  <si>
    <t>\\acsfs\profiles$\maxmillianosv\Downloads\c13fe6be-7b28-4452-a9e0-ce706d8bc4c9.tmp</t>
  </si>
  <si>
    <t>01/13/2020 09:26:12</t>
  </si>
  <si>
    <t>01/13/2020 09:27:37</t>
  </si>
  <si>
    <t>01/13/2020 09:24:31</t>
  </si>
  <si>
    <t>9f062aca-48fb-453f-942c-d82c14926873.tmp</t>
  </si>
  <si>
    <t>\\acsfs\profiles$\rafaelamsv\Downloads\9f062aca-48fb-453f-942c-d82c14926873.tmp</t>
  </si>
  <si>
    <t>01/13/2020 09:29:28</t>
  </si>
  <si>
    <t>~$Incentivo BV - Consignado.xlsx</t>
  </si>
  <si>
    <t>\\acsfs\ACS\Gabriel da Silva\Contemporânea\Comissão e Incentivo\~$Incentivo BV - Consignado.xlsx</t>
  </si>
  <si>
    <t>01/13/2020 09:27:57</t>
  </si>
  <si>
    <t>\\acsfs\ACS\Gabriel da Silva\Contemporânea\NPS\9C777E5A.tmp\</t>
  </si>
  <si>
    <t>\\acsfs\ACS\Gabriel da Silva\Contemporânea\NPS\9C777E5A.tmp\:Zone.Identifier:$DATA</t>
  </si>
  <si>
    <t>01/13/2020 09:28:01</t>
  </si>
  <si>
    <t>\\acsfs\ACS\Gabriel da Silva\Contemporânea\NPS\9C777E5A.tmp</t>
  </si>
  <si>
    <t>9C777E5A.tmp</t>
  </si>
  <si>
    <t>01/13/2020 09:28:11</t>
  </si>
  <si>
    <t>01/13/2020 09:26:46</t>
  </si>
  <si>
    <t>94bbd0d5-834a-450b-bdfd-e3cfe46fde9b.tmp</t>
  </si>
  <si>
    <t>\\acsfs\profiles$\larissaad\Downloads\94bbd0d5-834a-450b-bdfd-e3cfe46fde9b.tmp</t>
  </si>
  <si>
    <t>01/13/2020 09:25:14</t>
  </si>
  <si>
    <t>6d331170-5cfa-4e4d-9818-419a9601bc2a.tmp</t>
  </si>
  <si>
    <t>\\acsfs\profiles$\nathaliarmr\Downloads\6d331170-5cfa-4e4d-9818-419a9601bc2a.tmp</t>
  </si>
  <si>
    <t>01/13/2020 09:27:12</t>
  </si>
  <si>
    <t>e6d57974-71f2-4182-9a2a-b11974449967.tmp</t>
  </si>
  <si>
    <t>\\acsfs\profiles$\leticiala\Downloads\e6d57974-71f2-4182-9a2a-b11974449967.tmp</t>
  </si>
  <si>
    <t>acc4dae1-40d6-4ca3-b21f-599f44a83ad9.tmp</t>
  </si>
  <si>
    <t>\\acsfs\profiles$\leticiala\Downloads\acc4dae1-40d6-4ca3-b21f-599f44a83ad9.tmp</t>
  </si>
  <si>
    <t>01/13/2020 09:27:58</t>
  </si>
  <si>
    <t>01/13/2020 09:30:27</t>
  </si>
  <si>
    <t>01/13/2020 09:29:48</t>
  </si>
  <si>
    <t>01/13/2020 09:26:20</t>
  </si>
  <si>
    <t>01/13/2020 09:31:27</t>
  </si>
  <si>
    <t>01/13/2020 09:27:50</t>
  </si>
  <si>
    <t>01/13/2020 09:29:51</t>
  </si>
  <si>
    <t>01/13/2020 09:25:57</t>
  </si>
  <si>
    <t>GABRIELLA LEMES PEREIRA REIS (27481).contact</t>
  </si>
  <si>
    <t>\\acsfs\profiles$\gabriellalpr\Contacts\GABRIELLA LEMES PEREIRA REIS (27481).contact</t>
  </si>
  <si>
    <t>01/13/2020 09:26:14</t>
  </si>
  <si>
    <t>01/13/2020 09:26:15</t>
  </si>
  <si>
    <t>01/13/2020 09:26:16</t>
  </si>
  <si>
    <t>01/13/2020 09:26:17</t>
  </si>
  <si>
    <t>01/13/2020 09:26:18</t>
  </si>
  <si>
    <t>01/13/2020 09:26:19</t>
  </si>
  <si>
    <t>01/13/2020 09:26:21</t>
  </si>
  <si>
    <t>01/13/2020 09:26:22</t>
  </si>
  <si>
    <t>01/13/2020 09:26:23</t>
  </si>
  <si>
    <t>01/13/2020 09:26:24</t>
  </si>
  <si>
    <t>01/13/2020 09:26:57</t>
  </si>
  <si>
    <t>01/13/2020 09:26:58</t>
  </si>
  <si>
    <t>01/13/2020 09:28:33</t>
  </si>
  <si>
    <t>6d54be4a-dc35-4651-abbf-9114a411d442.tmp</t>
  </si>
  <si>
    <t>\\acsfs\profiles$\gabriellalpr\Downloads\6d54be4a-dc35-4651-abbf-9114a411d442.tmp</t>
  </si>
  <si>
    <t>01/13/2020 09:29:56</t>
  </si>
  <si>
    <t>01/13/2020 09:32:27</t>
  </si>
  <si>
    <t>01/13/2020 09:28:41</t>
  </si>
  <si>
    <t>055be141-a93f-4257-8bf8-cca163e66afa.tmp</t>
  </si>
  <si>
    <t>\\acsfs\profiles$\inarajst\Downloads\055be141-a93f-4257-8bf8-cca163e66afa.tmp</t>
  </si>
  <si>
    <t>01/13/2020 09:29:12</t>
  </si>
  <si>
    <t>3a3d48d9-3853-4f93-895a-35356ff37489.tmp</t>
  </si>
  <si>
    <t>\\acsfs\profiles$\inarajst\Downloads\3a3d48d9-3853-4f93-895a-35356ff37489.tmp</t>
  </si>
  <si>
    <t>01/13/2020 09:29:46</t>
  </si>
  <si>
    <t>01/13/2020 09:33:27</t>
  </si>
  <si>
    <t>https://udpwfmniceap02/pt_br/web/guest/home?p_auth=p0zsjvlg&amp;p_p_id=58&amp;p_p_lifecycle=1&amp;p_p_state=maximized&amp;p_p_mode=view&amp;savelastpath=0&amp;_58_struts_action=/login/forgot_password</t>
  </si>
  <si>
    <t>01/13/2020 09:29:57</t>
  </si>
  <si>
    <t>01/13/2020 09:30:35</t>
  </si>
  <si>
    <t>JOAO VITOR ALVES LIMA (22).contact</t>
  </si>
  <si>
    <t>\\acsfs\profiles$\JOAOVAL\Contacts\JOAO VITOR ALVES LIMA (22).contact</t>
  </si>
  <si>
    <t>01/13/2020 09:30:41</t>
  </si>
  <si>
    <t>01/13/2020 09:30:42</t>
  </si>
  <si>
    <t>01/13/2020 09:30:43</t>
  </si>
  <si>
    <t>01/13/2020 09:30:44</t>
  </si>
  <si>
    <t>01/13/2020 09:30:45</t>
  </si>
  <si>
    <t>01/13/2020 09:30:46</t>
  </si>
  <si>
    <t>01/13/2020 09:30:57</t>
  </si>
  <si>
    <t>01/13/2020 09:30:58</t>
  </si>
  <si>
    <t>01/13/2020 09:32:51</t>
  </si>
  <si>
    <t>01/13/2020 09:34:27</t>
  </si>
  <si>
    <t>\\acsfs\ACS\Gabriel da Silva\Contemporânea\NPS\3045BFD0.tmp\</t>
  </si>
  <si>
    <t>\\acsfs\ACS\Gabriel da Silva\Contemporânea\NPS\3045BFD0.tmp</t>
  </si>
  <si>
    <t>3045BFD0.tmp</t>
  </si>
  <si>
    <t>01/13/2020 09:31:51</t>
  </si>
  <si>
    <t>01/13/2020 09:32:59</t>
  </si>
  <si>
    <t>01/13/2020 09:33:12</t>
  </si>
  <si>
    <t>01/13/2020 09:35:27</t>
  </si>
  <si>
    <t>01/13/2020 09:32:10</t>
  </si>
  <si>
    <t>01/13/2020 09:32:55</t>
  </si>
  <si>
    <t>Erro fatal ALINE GUALBERTO SOARES.PNG</t>
  </si>
  <si>
    <t>\\acsfs\ACS\001 - Qualidade Lilian\PAULO\Pasta Tainara\Erro fatal ALINE GUALBERTO SOARES.PNG</t>
  </si>
  <si>
    <t>01/13/2020 09:34:49</t>
  </si>
  <si>
    <t>01/13/2020 09:36:28</t>
  </si>
  <si>
    <t>01/13/2020 09:33:22</t>
  </si>
  <si>
    <t>01/13/2020 09:33:38</t>
  </si>
  <si>
    <t>01/13/2020 09:32:21</t>
  </si>
  <si>
    <t>01/13/2020 09:33:51</t>
  </si>
  <si>
    <t>01/13/2020 09:34:21</t>
  </si>
  <si>
    <t>01/13/2020 09:34:51</t>
  </si>
  <si>
    <t>01/13/2020 09:33:03</t>
  </si>
  <si>
    <t>5f10b3bd-f5e5-47e1-b5be-a1941d3bef01.tmp</t>
  </si>
  <si>
    <t>\\acsfs\profiles$\sarahbal\Downloads\5f10b3bd-f5e5-47e1-b5be-a1941d3bef01.tmp</t>
  </si>
  <si>
    <t>01/13/2020 09:33:09</t>
  </si>
  <si>
    <t>327ab6cf-43fa-4765-8202-701fb95ec900.tmp</t>
  </si>
  <si>
    <t>\\acsfs\profiles$\sarahbal\Downloads\327ab6cf-43fa-4765-8202-701fb95ec900.tmp</t>
  </si>
  <si>
    <t>01/13/2020 09:32:25</t>
  </si>
  <si>
    <t>486a9bb6-b3e6-410a-a029-dd35f1347305.tmp</t>
  </si>
  <si>
    <t>\\acsfs\profiles$\gabriellalpr\Downloads\486a9bb6-b3e6-410a-a029-dd35f1347305.tmp</t>
  </si>
  <si>
    <t>01/13/2020 09:33:05</t>
  </si>
  <si>
    <t>3da47ac7-1622-47fd-98a1-319a56ae12af.tmp</t>
  </si>
  <si>
    <t>\\acsfs\profiles$\gabriellalpr\Downloads\3da47ac7-1622-47fd-98a1-319a56ae12af.tmp</t>
  </si>
  <si>
    <t>01/13/2020 09:34:01</t>
  </si>
  <si>
    <t>16a11b85-1fcd-4fc3-a8bf-ce456533d7e3.tmp</t>
  </si>
  <si>
    <t>\\acsfs\profiles$\gabriellalpr\Downloads\16a11b85-1fcd-4fc3-a8bf-ce456533d7e3.tmp</t>
  </si>
  <si>
    <t>01/13/2020 09:32:06</t>
  </si>
  <si>
    <t>6b52aa13-6a24-4b21-9ac4-891d77d09e3c.tmp</t>
  </si>
  <si>
    <t>\\acsfs\profiles$\jhonatadss\Downloads\6b52aa13-6a24-4b21-9ac4-891d77d09e3c.tmp</t>
  </si>
  <si>
    <t>01/13/2020 09:32:23</t>
  </si>
  <si>
    <t>Não confirmado 487722.crdownload</t>
  </si>
  <si>
    <t>\\acsfs\profiles$\jhonatadss\Downloads\Não confirmado 487722.crdownload</t>
  </si>
  <si>
    <t>00a5e16f-90af-4f88-b487-117af202ab8e.tmp</t>
  </si>
  <si>
    <t>\\acsfs\profiles$\jhonatadss\Downloads\00a5e16f-90af-4f88-b487-117af202ab8e.tmp</t>
  </si>
  <si>
    <t>b81dbb2a-5b9f-42d3-89f7-19b49b47972e.tmp</t>
  </si>
  <si>
    <t>\\acsfs\profiles$\jhonatadss\Downloads\b81dbb2a-5b9f-42d3-89f7-19b49b47972e.tmp</t>
  </si>
  <si>
    <t>01/13/2020 09:32:32</t>
  </si>
  <si>
    <t>Não confirmado 352392.crdownload</t>
  </si>
  <si>
    <t>\\acsfs\profiles$\jhonatadss\Downloads\Não confirmado 352392.crdownload</t>
  </si>
  <si>
    <t>bfa0ff20-bfa3-4067-8280-8fe64a97d8d8.tmp</t>
  </si>
  <si>
    <t>\\acsfs\profiles$\jhonatadss\Downloads\bfa0ff20-bfa3-4067-8280-8fe64a97d8d8.tmp</t>
  </si>
  <si>
    <t>01/13/2020 09:33:00</t>
  </si>
  <si>
    <t>01/13/2020 09:38:28</t>
  </si>
  <si>
    <t>ae92b4e4-ba8f-4e64-bb09-0a8406c83e2c.tmp</t>
  </si>
  <si>
    <t>\\acsfs\profiles$\JOAOVAL\Downloads\ae92b4e4-ba8f-4e64-bb09-0a8406c83e2c.tmp</t>
  </si>
  <si>
    <t>e52f4091-9c4e-42cb-b84e-89bd0b9fb18f.tmp</t>
  </si>
  <si>
    <t>\\acsfs\profiles$\JOAOVAL\Downloads\e52f4091-9c4e-42cb-b84e-89bd0b9fb18f.tmp</t>
  </si>
  <si>
    <t>e1319ec6-108a-49ad-acd1-c63f1a0ca0ec.tmp</t>
  </si>
  <si>
    <t>\\acsfs\profiles$\JOAOVAL\Downloads\e1319ec6-108a-49ad-acd1-c63f1a0ca0ec.tmp</t>
  </si>
  <si>
    <t>01/13/2020 09:34:31</t>
  </si>
  <si>
    <t>29bfa392-af04-45f1-aab2-b432aeee4afd.tmp</t>
  </si>
  <si>
    <t>\\acsfs\profiles$\JOAOVAL\Downloads\29bfa392-af04-45f1-aab2-b432aeee4afd.tmp</t>
  </si>
  <si>
    <t>01/13/2020 09:39:27</t>
  </si>
  <si>
    <t>~$Pesquisa_Satisfação_0801.xlsx</t>
  </si>
  <si>
    <t>\\acsfs\ACS\Gabriel da Silva\Contemporânea\NPS\NPS_Voz\Janeiro.20\~$Pesquisa_Satisfação_0801.xlsx</t>
  </si>
  <si>
    <t>01/13/2020 09:37:40</t>
  </si>
  <si>
    <t>\\acsfs\Deptos\Operacao\Banco_Votorantim\Supervisao\SUPERS BV CARTÕES\ADILSON\</t>
  </si>
  <si>
    <t>\\acsfs\Deptos\Operacao\Banco_Votorantim\Supervisao\SUPERS BV CARTÕES\ADILSON\Controle Equipe Adilson BV.xls</t>
  </si>
  <si>
    <t>01/13/2020 09:35:49</t>
  </si>
  <si>
    <t>01/13/2020 09:38:48</t>
  </si>
  <si>
    <t>01/13/2020 09:40:28</t>
  </si>
  <si>
    <t>01/13/2020 09:36:19</t>
  </si>
  <si>
    <t>5937622c-700d-4749-952b-2f39cca52a03.tmp</t>
  </si>
  <si>
    <t>\\acsfs\profiles$\vivianalds\Downloads\5937622c-700d-4749-952b-2f39cca52a03.tmp</t>
  </si>
  <si>
    <t>01/13/2020 09:38:13</t>
  </si>
  <si>
    <t>10.200.66.127</t>
  </si>
  <si>
    <t>74-86-7A-FB-1B-28</t>
  </si>
  <si>
    <t>VOTORANT-YB004</t>
  </si>
  <si>
    <t>WEDERSON BRUNO ALVES DOS REIS (30413).contact</t>
  </si>
  <si>
    <t>\\acsfs\profiles$\wedersonbadr\Contacts\WEDERSON BRUNO ALVES DOS REIS (30413).contact</t>
  </si>
  <si>
    <t>01/13/2020 09:38:30</t>
  </si>
  <si>
    <t>01/13/2020 09:38:31</t>
  </si>
  <si>
    <t>01/13/2020 09:38:32</t>
  </si>
  <si>
    <t>01/13/2020 09:38:33</t>
  </si>
  <si>
    <t>01/13/2020 09:38:34</t>
  </si>
  <si>
    <t>01/13/2020 09:38:35</t>
  </si>
  <si>
    <t>01/13/2020 09:38:36</t>
  </si>
  <si>
    <t>01/13/2020 09:38:37</t>
  </si>
  <si>
    <t>01/13/2020 09:38:38</t>
  </si>
  <si>
    <t>01/13/2020 09:38:39</t>
  </si>
  <si>
    <t>01/13/2020 09:36:40</t>
  </si>
  <si>
    <t>01/13/2020 09:38:40</t>
  </si>
  <si>
    <t>01/13/2020 09:39:35</t>
  </si>
  <si>
    <t>01/13/2020 09:39:36</t>
  </si>
  <si>
    <t>01/13/2020 09:40:21</t>
  </si>
  <si>
    <t>01/13/2020 09:41:27</t>
  </si>
  <si>
    <t>01/13/2020 09:40:19</t>
  </si>
  <si>
    <t>01/13/2020 09:42:28</t>
  </si>
  <si>
    <t>a27f43bd-737a-44f7-8a6d-c9cd0e344b3e.tmp</t>
  </si>
  <si>
    <t>\\acsfs\profiles$\adelvinsonle\Downloads\a27f43bd-737a-44f7-8a6d-c9cd0e344b3e.tmp</t>
  </si>
  <si>
    <t>01/13/2020 09:40:27</t>
  </si>
  <si>
    <t>01/13/2020 09:44:28</t>
  </si>
  <si>
    <t>\\acsfs\ACS\Gabriel da Silva\Contemporânea\NPS\781221C.tmp\</t>
  </si>
  <si>
    <t>\\acsfs\ACS\Gabriel da Silva\Contemporânea\NPS\781221C.tmp</t>
  </si>
  <si>
    <t>781221C.tmp</t>
  </si>
  <si>
    <t>01/13/2020 09:39:09</t>
  </si>
  <si>
    <t>\\acsfs\ACS\Gabriel da Silva\Contemporânea\NPS\5ECBB503.tmp\</t>
  </si>
  <si>
    <t>\\acsfs\ACS\Gabriel da Silva\Contemporânea\NPS\5ECBB503.tmp</t>
  </si>
  <si>
    <t>5ECBB503.tmp</t>
  </si>
  <si>
    <t>01/13/2020 09:39:58</t>
  </si>
  <si>
    <t>\\acsfs\ACS\Gabriel da Silva\Contemporânea\NPS\F1BD08FF.tmp\</t>
  </si>
  <si>
    <t>\\acsfs\ACS\Gabriel da Silva\Contemporânea\NPS\F1BD08FF.tmp</t>
  </si>
  <si>
    <t>F1BD08FF.tmp</t>
  </si>
  <si>
    <t>01/13/2020 09:40:06</t>
  </si>
  <si>
    <t>~$NPS CRBV.xlsb</t>
  </si>
  <si>
    <t>\\acsfs\ACS\Gabriel da Silva\Contemporânea\NPS\~$NPS CRBV.xlsb</t>
  </si>
  <si>
    <t>01/13/2020 09:40:07</t>
  </si>
  <si>
    <t>\\acsfs\ACS\Gabriel da Silva\Contemporânea\NPS\7D51FEBB.tmp\</t>
  </si>
  <si>
    <t>\\acsfs\ACS\Gabriel da Silva\Contemporânea\NPS\7D51FEBB.tmp</t>
  </si>
  <si>
    <t>7D51FEBB.tmp</t>
  </si>
  <si>
    <t>01/13/2020 09:40:08</t>
  </si>
  <si>
    <t>01/13/2020 09:40:36</t>
  </si>
  <si>
    <t>B451538E.tmp</t>
  </si>
  <si>
    <t>\\acsfs\ACS\Gabriel da Silva\Contemporânea\NPS\NPS_Voz\B451538E.tmp</t>
  </si>
  <si>
    <t>01/13/2020 09:40:37</t>
  </si>
  <si>
    <t>TMO - Cópia.xlsm</t>
  </si>
  <si>
    <t>\\acsfs\ACS\Gabriel da Silva\Contemporânea\TMO - Cópia.xlsm</t>
  </si>
  <si>
    <t>01/13/2020 09:41:58</t>
  </si>
  <si>
    <t>10197F73.tmp</t>
  </si>
  <si>
    <t>\\acsfs\ACS\Gabriel da Silva\Contemporânea\10197F73.tmp</t>
  </si>
  <si>
    <t>~$TMO_Jan.20.xlsm</t>
  </si>
  <si>
    <t>\\acsfs\ACS\Gabriel da Silva\Contemporânea\~$TMO_Jan.20.xlsm</t>
  </si>
  <si>
    <t>01/13/2020 09:41:59</t>
  </si>
  <si>
    <t>01/13/2020 09:42:00</t>
  </si>
  <si>
    <t>01/13/2020 09:42:44</t>
  </si>
  <si>
    <t>TMO_Jan.20.xlsm</t>
  </si>
  <si>
    <t>\\acsfs\ACS\Gabriel da Silva\Contemporânea\TMO_Jan.20.xlsm</t>
  </si>
  <si>
    <t>01/13/2020 09:40:12</t>
  </si>
  <si>
    <t>a2773d30-c69e-4115-bc9e-e9635415abf2.tmp</t>
  </si>
  <si>
    <t>\\acsfs\profiles$\nayarasds\Downloads\a2773d30-c69e-4115-bc9e-e9635415abf2.tmp</t>
  </si>
  <si>
    <t>01/13/2020 09:40:40</t>
  </si>
  <si>
    <t>01/13/2020 09:41:14</t>
  </si>
  <si>
    <t>919e5d78-1e28-46f7-aa10-61cd816562a8.tmp</t>
  </si>
  <si>
    <t>\\acsfs\profiles$\lorenabmc\Downloads\919e5d78-1e28-46f7-aa10-61cd816562a8.tmp</t>
  </si>
  <si>
    <t>01/13/2020 09:42:55</t>
  </si>
  <si>
    <t>227bfde1-7604-48ba-a6d5-17855de28afe.tmp</t>
  </si>
  <si>
    <t>\\acsfs\profiles$\lorenabmc\Downloads\227bfde1-7604-48ba-a6d5-17855de28afe.tmp</t>
  </si>
  <si>
    <t>01/13/2020 09:43:10</t>
  </si>
  <si>
    <t>3fa8f2ac-32d7-4faf-87a1-cada31972541.tmp</t>
  </si>
  <si>
    <t>\\acsfs\profiles$\lorenabmc\Downloads\3fa8f2ac-32d7-4faf-87a1-cada31972541.tmp</t>
  </si>
  <si>
    <t>01/13/2020 09:43:32</t>
  </si>
  <si>
    <t>01/13/2020 09:43:54</t>
  </si>
  <si>
    <t>5adf4690-40bb-4df0-b225-045b8365dac8.tmp</t>
  </si>
  <si>
    <t>\\acsfs\profiles$\LAISLG\Downloads\5adf4690-40bb-4df0-b225-045b8365dac8.tmp</t>
  </si>
  <si>
    <t>01/13/2020 09:40:15</t>
  </si>
  <si>
    <t>01/13/2020 09:39:46</t>
  </si>
  <si>
    <t>01/13/2020 09:45:27</t>
  </si>
  <si>
    <t>01/13/2020 09:42:41</t>
  </si>
  <si>
    <t>01/13/2020 09:42:47</t>
  </si>
  <si>
    <t>01/13/2020 09:42:59</t>
  </si>
  <si>
    <t>01/13/2020 09:43:04</t>
  </si>
  <si>
    <t>01/13/2020 09:43:08</t>
  </si>
  <si>
    <t>01/13/2020 09:43:15</t>
  </si>
  <si>
    <t>01/13/2020 09:43:21</t>
  </si>
  <si>
    <t>01/13/2020 09:43:28</t>
  </si>
  <si>
    <t>01/13/2020 09:43:35</t>
  </si>
  <si>
    <t>01/13/2020 09:43:43</t>
  </si>
  <si>
    <t>01/13/2020 09:44:03</t>
  </si>
  <si>
    <t>01/13/2020 09:44:10</t>
  </si>
  <si>
    <t>01/13/2020 09:44:11</t>
  </si>
  <si>
    <t>01/13/2020 09:44:14</t>
  </si>
  <si>
    <t>01/13/2020 09:44:26</t>
  </si>
  <si>
    <t>01/13/2020 09:40:20</t>
  </si>
  <si>
    <t>01/13/2020 09:42:52</t>
  </si>
  <si>
    <t>01/13/2020 09:40:51</t>
  </si>
  <si>
    <t>01/13/2020 09:46:28</t>
  </si>
  <si>
    <t>01/13/2020 09:44:02</t>
  </si>
  <si>
    <t>01/13/2020 09:41:55</t>
  </si>
  <si>
    <t>01/13/2020 09:47:27</t>
  </si>
  <si>
    <t>acb5dbb2-d20a-45c7-b8a6-f046d9f23851.tmp</t>
  </si>
  <si>
    <t>\\acsfs\profiles$\adelvinsonle\Downloads\acb5dbb2-d20a-45c7-b8a6-f046d9f23851.tmp</t>
  </si>
  <si>
    <t>01/13/2020 09:46:22</t>
  </si>
  <si>
    <t>01/13/2020 09:48:27</t>
  </si>
  <si>
    <t>01/13/2020 09:47:43</t>
  </si>
  <si>
    <t>01/13/2020 09:44:38</t>
  </si>
  <si>
    <t>01/13/2020 09:48:05</t>
  </si>
  <si>
    <t>01/13/2020 09:48:07</t>
  </si>
  <si>
    <t>01/13/2020 09:49:27</t>
  </si>
  <si>
    <t>01/13/2020 09:43:57</t>
  </si>
  <si>
    <t>01/13/2020 09:45:34</t>
  </si>
  <si>
    <t>01/13/2020 09:45:43</t>
  </si>
  <si>
    <t>01/13/2020 09:46:10</t>
  </si>
  <si>
    <t>01/13/2020 09:48:22</t>
  </si>
  <si>
    <t>5ec94b25-185b-4423-adc6-2805e9a26462.tmp</t>
  </si>
  <si>
    <t>\\acsfs\profiles$\gabrielsma\Downloads\5ec94b25-185b-4423-adc6-2805e9a26462.tmp</t>
  </si>
  <si>
    <t>01/13/2020 09:46:09</t>
  </si>
  <si>
    <t>it.manager</t>
  </si>
  <si>
    <t>auto-install.xml</t>
  </si>
  <si>
    <t>01/13/2020 09:46:11</t>
  </si>
  <si>
    <t>01/13/2020 09:46:12</t>
  </si>
  <si>
    <t>C:\Users\adilsonloj\Contacts\</t>
  </si>
  <si>
    <t>C:\Users\adilsonloj\Documents\</t>
  </si>
  <si>
    <t>C:\Users\adilsonloj\Favorites\</t>
  </si>
  <si>
    <t>01/13/2020 09:47:18</t>
  </si>
  <si>
    <t>4f9aec8a-689c-47d6-837c-1d5ea07b1660.tmp</t>
  </si>
  <si>
    <t>\\acsfs\profiles$\lorenabmc\Downloads\4f9aec8a-689c-47d6-837c-1d5ea07b1660.tmp</t>
  </si>
  <si>
    <t>C:\Users\adilsonloj\Links\</t>
  </si>
  <si>
    <t>C:\Users\adilsonloj\Music\</t>
  </si>
  <si>
    <t>C:\Users\adilsonloj\Pictures\</t>
  </si>
  <si>
    <t>C:\Users\adilsonloj\Saved Games\</t>
  </si>
  <si>
    <t>C:\Users\adilsonloj\Searches\</t>
  </si>
  <si>
    <t>C:\Users\adilsonloj\Videos\</t>
  </si>
  <si>
    <t>C:\Users\adilsonloj\Favorites\Links\</t>
  </si>
  <si>
    <t>01/13/2020 09:44:12</t>
  </si>
  <si>
    <t>e7e16a7f-c30c-409d-bb4b-9eb7ac8caf26.tmp</t>
  </si>
  <si>
    <t>\\acsfs\profiles$\LAISLG\Downloads\e7e16a7f-c30c-409d-bb4b-9eb7ac8caf26.tmp</t>
  </si>
  <si>
    <t>C:\Users\adilsonloj\Favorites\Links for Brasil\</t>
  </si>
  <si>
    <t>01/13/2020 09:46:13</t>
  </si>
  <si>
    <t>C:\Users\alefgdo\Contacts\</t>
  </si>
  <si>
    <t>C:\Users\alefgdo\Desktop\</t>
  </si>
  <si>
    <t>01/13/2020 09:45:05</t>
  </si>
  <si>
    <t>8334251c-b29f-41d1-84d1-e484fc8e1ed4.tmp</t>
  </si>
  <si>
    <t>\\acsfs\profiles$\LAISLG\Downloads\8334251c-b29f-41d1-84d1-e484fc8e1ed4.tmp</t>
  </si>
  <si>
    <t>C:\Users\alefgdo\Documents\</t>
  </si>
  <si>
    <t>C:\Users\alefgdo\Downloads\</t>
  </si>
  <si>
    <t>C:\Users\alefgdo\Favorites\</t>
  </si>
  <si>
    <t>C:\Users\alefgdo\Links\</t>
  </si>
  <si>
    <t>C:\Users\alefgdo\Music\</t>
  </si>
  <si>
    <t>C:\Users\alefgdo\Pictures\</t>
  </si>
  <si>
    <t>C:\Users\alefgdo\Saved Games\</t>
  </si>
  <si>
    <t>C:\Users\alefgdo\Searches\</t>
  </si>
  <si>
    <t>C:\Users\alefgdo\Videos\</t>
  </si>
  <si>
    <t>C:\Users\alefgdo\Favorites\Links\</t>
  </si>
  <si>
    <t>C:\Users\alefgdo\Favorites\Links for Brasil\</t>
  </si>
  <si>
    <t>bfsvc.exe</t>
  </si>
  <si>
    <t>C:\Windows\pt-BR\</t>
  </si>
  <si>
    <t>bfsvc.exe.mui</t>
  </si>
  <si>
    <t>01/13/2020 09:46:14</t>
  </si>
  <si>
    <t>_default.pif</t>
  </si>
  <si>
    <t>C:\Users\anapn\Contacts\</t>
  </si>
  <si>
    <t>C:\Users\anapn\Desktop\</t>
  </si>
  <si>
    <t>C:\Users\anapn\Documents\</t>
  </si>
  <si>
    <t>C:\Users\anapn\Downloads\</t>
  </si>
  <si>
    <t>C:\Users\anapn\Favorites\</t>
  </si>
  <si>
    <t>C:\Users\anapn\Links\</t>
  </si>
  <si>
    <t>C:\Users\anapn\Music\</t>
  </si>
  <si>
    <t>C:\Users\anapn\Pictures\</t>
  </si>
  <si>
    <t>01/13/2020 09:46:15</t>
  </si>
  <si>
    <t>C:\Users\anapn\Saved Games\</t>
  </si>
  <si>
    <t>C:\Users\anapn\Searches\</t>
  </si>
  <si>
    <t>C:\Users\anapn\Videos\</t>
  </si>
  <si>
    <t>01/13/2020 09:46:18</t>
  </si>
  <si>
    <t>C:\Windows\System32\</t>
  </si>
  <si>
    <t>AdapterTroubleshooter.exe</t>
  </si>
  <si>
    <t>01/13/2020 09:46:17</t>
  </si>
  <si>
    <t>C:\Windows\System32\pt-BR\</t>
  </si>
  <si>
    <t>AdapterTroubleshooter.exe.mui</t>
  </si>
  <si>
    <t>01/13/2020 09:46:35</t>
  </si>
  <si>
    <t>01/13/2020 09:45:32</t>
  </si>
  <si>
    <t>a3334b84-968f-4ae1-be54-afc48f78a410.tmp</t>
  </si>
  <si>
    <t>\\acsfs\profiles$\leticiala\Downloads\a3334b84-968f-4ae1-be54-afc48f78a410.tmp</t>
  </si>
  <si>
    <t>01/13/2020 09:46:03</t>
  </si>
  <si>
    <t>25ce6d51-1966-4673-b74c-86fe5a217a14.tmp</t>
  </si>
  <si>
    <t>\\acsfs\profiles$\leticiala\Downloads\25ce6d51-1966-4673-b74c-86fe5a217a14.tmp</t>
  </si>
  <si>
    <t>01/13/2020 09:47:30</t>
  </si>
  <si>
    <t>01/13/2020 09:47:49</t>
  </si>
  <si>
    <t>01/13/2020 09:50:27</t>
  </si>
  <si>
    <t>e3d9bb8f-3c46-4c67-b721-2a9bd9f585a8.tmp</t>
  </si>
  <si>
    <t>\\acsfs\profiles$\cintiadcf\Downloads\e3d9bb8f-3c46-4c67-b721-2a9bd9f585a8.tmp</t>
  </si>
  <si>
    <t>01/13/2020 09:44:51</t>
  </si>
  <si>
    <t>01/13/2020 09:44:53</t>
  </si>
  <si>
    <t>01/13/2020 09:44:56</t>
  </si>
  <si>
    <t>01/13/2020 09:45:03</t>
  </si>
  <si>
    <t>01/13/2020 09:45:08</t>
  </si>
  <si>
    <t>01/13/2020 09:45:47</t>
  </si>
  <si>
    <t>01/13/2020 09:45:57</t>
  </si>
  <si>
    <t>mail.google.com/sync/u/0/i/s?hl=pt-BR&amp;c=1005</t>
  </si>
  <si>
    <t>01/13/2020 09:46:04</t>
  </si>
  <si>
    <t>mail.google.com/sync/u/0/i/s?hl=pt-BR&amp;c=1007</t>
  </si>
  <si>
    <t>andrelpsa@algartech.com;joaogvc@algartech.com;leonardoao@algartech.com;marianadjc@algartech.com;maristelavodq@bv.algartech.com;paulacn@algartech.com;planejamentodeoperacoesetrafego@bv.com.br;rafaelggs@algartech.com;raphaelmco@algartech.com.br;ricardodfm@algartech.com.br;taysdss@algartech.com;viniciussg@algartech.com;</t>
  </si>
  <si>
    <t>andrelpsa@algartech.com,joaogvc@algartech.com,leonardoao@algartech.com,marianadjc@algartech.com,maristelavodq@bv.algartech.com,paulacn@algartech.com,planejamentodeoperacoesetrafego@bv.com.br,rafaelggs@algartech.com,raphaelmco@algartech.com.br,ricardodfm@algartech.com.br,taysdss@algartech.com,viniciussg@algartech.com</t>
  </si>
  <si>
    <t>01/13/2020 09:46:20</t>
  </si>
  <si>
    <t>01/13/2020 09:47:02</t>
  </si>
  <si>
    <t>01/13/2020 09:47:44</t>
  </si>
  <si>
    <t>01/13/2020 09:47:46</t>
  </si>
  <si>
    <t>01/13/2020 09:46:57</t>
  </si>
  <si>
    <t>01/13/2020 09:47:51</t>
  </si>
  <si>
    <t>01/13/2020 09:51:27</t>
  </si>
  <si>
    <t>01/13/2020 09:48:21</t>
  </si>
  <si>
    <t>01/13/2020 09:49:41</t>
  </si>
  <si>
    <t>01/13/2020 09:47:34</t>
  </si>
  <si>
    <t>fcbfc539-690d-4f12-b069-219b5e33349a.tmp</t>
  </si>
  <si>
    <t>\\acsfs\profiles$\gabriellalpr\Downloads\fcbfc539-690d-4f12-b069-219b5e33349a.tmp</t>
  </si>
  <si>
    <t>f7d7bcc1-0023-4e9f-9691-b0b4b5de2ff2.tmp</t>
  </si>
  <si>
    <t>\\acsfs\profiles$\jhonatadss\Downloads\f7d7bcc1-0023-4e9f-9691-b0b4b5de2ff2.tmp</t>
  </si>
  <si>
    <t>01/13/2020 09:48:02</t>
  </si>
  <si>
    <t>01/13/2020 09:52:27</t>
  </si>
  <si>
    <t>f18e3013-47d9-44db-9b14-219ec27d5fa8.tmp</t>
  </si>
  <si>
    <t>\\acsfs\profiles$\lucasgpe\Downloads\f18e3013-47d9-44db-9b14-219ec27d5fa8.tmp</t>
  </si>
  <si>
    <t>01/13/2020 09:51:26</t>
  </si>
  <si>
    <t>01/13/2020 09:51:45</t>
  </si>
  <si>
    <t>41a73c96-9424-47f1-9f69-ffedfce709ea.tmp</t>
  </si>
  <si>
    <t>\\acsfs\profiles$\mariagsg\Downloads\41a73c96-9424-47f1-9f69-ffedfce709ea.tmp</t>
  </si>
  <si>
    <t>01/13/2020 09:51:47</t>
  </si>
  <si>
    <t>c5fc7a94-7feb-4510-a746-524a9610aaf0.tmp</t>
  </si>
  <si>
    <t>\\acsfs\profiles$\mariagsg\Downloads\c5fc7a94-7feb-4510-a746-524a9610aaf0.tmp</t>
  </si>
  <si>
    <t>01/13/2020 09:48:42</t>
  </si>
  <si>
    <t>01/13/2020 09:54:28</t>
  </si>
  <si>
    <t>Não confirmado 633681.crdownload</t>
  </si>
  <si>
    <t>\\acsfs\ACS\Gabriel da Silva\Contemporânea\Comissão e Incentivo\Histórico\Não confirmado 633681.crdownload</t>
  </si>
  <si>
    <t>01/13/2020 09:50:40</t>
  </si>
  <si>
    <t>01/13/2020 09:51:13</t>
  </si>
  <si>
    <t>9c1fcbd2-d91f-4025-a779-f106d447d372.tmp</t>
  </si>
  <si>
    <t>\\acsfs\profiles$\lorraynevam\Downloads\9c1fcbd2-d91f-4025-a779-f106d447d372.tmp</t>
  </si>
  <si>
    <t>01/13/2020 09:54:07</t>
  </si>
  <si>
    <t>01/13/2020 09:55:28</t>
  </si>
  <si>
    <t>01/13/2020 09:54:45</t>
  </si>
  <si>
    <t>01/13/2020 09:51:51</t>
  </si>
  <si>
    <t>01/13/2020 09:56:28</t>
  </si>
  <si>
    <t>01/13/2020 09:52:21</t>
  </si>
  <si>
    <t>01/13/2020 09:52:52</t>
  </si>
  <si>
    <t>01/13/2020 09:53:22</t>
  </si>
  <si>
    <t>01/13/2020 09:53:52</t>
  </si>
  <si>
    <t>01/13/2020 09:54:52</t>
  </si>
  <si>
    <t>01/13/2020 09:52:47</t>
  </si>
  <si>
    <t>dd8a471d-5237-4e4e-8981-89ebd08f0acc.tmp</t>
  </si>
  <si>
    <t>\\acsfs\profiles$\jhonatadss\Downloads\dd8a471d-5237-4e4e-8981-89ebd08f0acc.tmp</t>
  </si>
  <si>
    <t>01/13/2020 09:51:58</t>
  </si>
  <si>
    <t>01/13/2020 09:57:28</t>
  </si>
  <si>
    <t>79664663-46a8-40c6-87a4-73536da09300.tmp</t>
  </si>
  <si>
    <t>\\acsfs\profiles$\kamilamrc\Downloads\79664663-46a8-40c6-87a4-73536da09300.tmp</t>
  </si>
  <si>
    <t>01/13/2020 09:53:15</t>
  </si>
  <si>
    <t>c27445af-1f27-4e4f-aefa-dd2760897525.tmp</t>
  </si>
  <si>
    <t>\\acsfs\profiles$\kamilamrc\Downloads\c27445af-1f27-4e4f-aefa-dd2760897525.tmp</t>
  </si>
  <si>
    <t>01/13/2020 09:53:37</t>
  </si>
  <si>
    <t>20068fdc-cf65-47b7-8695-a054496e76d8.tmp</t>
  </si>
  <si>
    <t>\\acsfs\profiles$\kamilamrc\Downloads\20068fdc-cf65-47b7-8695-a054496e76d8.tmp</t>
  </si>
  <si>
    <t>01/13/2020 09:53:50</t>
  </si>
  <si>
    <t>a6e5c7c9-d004-4ba4-82cf-3ea2baefc988.tmp</t>
  </si>
  <si>
    <t>\\acsfs\profiles$\kamilamrc\Downloads\a6e5c7c9-d004-4ba4-82cf-3ea2baefc988.tmp</t>
  </si>
  <si>
    <t>01/13/2020 09:53:55</t>
  </si>
  <si>
    <t>1556ac60-9bc8-4735-b247-a0b0578995f8.tmp</t>
  </si>
  <si>
    <t>\\acsfs\profiles$\kamilamrc\Downloads\1556ac60-9bc8-4735-b247-a0b0578995f8.tmp</t>
  </si>
  <si>
    <t>01/13/2020 09:54:02</t>
  </si>
  <si>
    <t>1de5f213-aa91-4eca-90ce-7497cac49beb.tmp</t>
  </si>
  <si>
    <t>\\acsfs\profiles$\kamilamrc\Downloads\1de5f213-aa91-4eca-90ce-7497cac49beb.tmp</t>
  </si>
  <si>
    <t>01/13/2020 09:53:11</t>
  </si>
  <si>
    <t>b6750e88-7473-4096-b256-85a03539c148.tmp</t>
  </si>
  <si>
    <t>\\acsfs\profiles$\mariagsg\Downloads\b6750e88-7473-4096-b256-85a03539c148.tmp</t>
  </si>
  <si>
    <t>01/13/2020 09:53:12</t>
  </si>
  <si>
    <t>b782c98b-080b-4ccf-97e7-33f94afeab3f.tmp</t>
  </si>
  <si>
    <t>\\acsfs\profiles$\mariagsg\Downloads\b782c98b-080b-4ccf-97e7-33f94afeab3f.tmp</t>
  </si>
  <si>
    <t>01/13/2020 09:57:10</t>
  </si>
  <si>
    <t>01/13/2020 09:54:33</t>
  </si>
  <si>
    <t>01/13/2020 09:58:28</t>
  </si>
  <si>
    <t>7b8b2ca5-d85d-48bc-ac46-38afb9f5349b.tmp</t>
  </si>
  <si>
    <t>\\acsfs\profiles$\ROZENCAM\Downloads\7b8b2ca5-d85d-48bc-ac46-38afb9f5349b.tmp</t>
  </si>
  <si>
    <t>01/13/2020 09:55:23</t>
  </si>
  <si>
    <t>201d3055-5cb1-4f9b-85b8-4c1708cc8ff6.tmp</t>
  </si>
  <si>
    <t>\\acsfs\profiles$\francislayneads\Downloads\201d3055-5cb1-4f9b-85b8-4c1708cc8ff6.tmp</t>
  </si>
  <si>
    <t>01/13/2020 09:55:52</t>
  </si>
  <si>
    <t>b4d76b5e-60ba-4925-b209-7cff0d652856.tmp</t>
  </si>
  <si>
    <t>\\acsfs\profiles$\francislayneads\Downloads\b4d76b5e-60ba-4925-b209-7cff0d652856.tmp</t>
  </si>
  <si>
    <t>01/13/2020 09:55:00</t>
  </si>
  <si>
    <t>01/13/2020 09:59:28</t>
  </si>
  <si>
    <t>Comissão BV - CRBV CDC Vendas.xlsx</t>
  </si>
  <si>
    <t>\\acsfs\ACS\Gabriel da Silva\Contemporânea\Comissão e Incentivo\Comissão BV - CRBV CDC Vendas.xlsx</t>
  </si>
  <si>
    <t>01/13/2020 09:55:11</t>
  </si>
  <si>
    <t>71868939-4900-443f-bb04-7d61c9e1a0e5.tmp</t>
  </si>
  <si>
    <t>\\acsfs\profiles$\gabrielsma\Downloads\71868939-4900-443f-bb04-7d61c9e1a0e5.tmp</t>
  </si>
  <si>
    <t>01/13/2020 09:57:34</t>
  </si>
  <si>
    <t>01/13/2020 09:58:40</t>
  </si>
  <si>
    <t>e6d76d4c-09b4-4528-bfa4-8c26d0afaad5.tmp</t>
  </si>
  <si>
    <t>\\acsfs\profiles$\gabrielafs\Downloads\e6d76d4c-09b4-4528-bfa4-8c26d0afaad5.tmp</t>
  </si>
  <si>
    <t>a6530847-51b5-48b4-a7bb-4a7aa561638d.tmp</t>
  </si>
  <si>
    <t>\\acsfs\profiles$\gabrielafs\Downloads\a6530847-51b5-48b4-a7bb-4a7aa561638d.tmp</t>
  </si>
  <si>
    <t>01/13/2020 09:58:41</t>
  </si>
  <si>
    <t>7f27d988-f03e-402f-92fc-425c1c435e6c.tmp</t>
  </si>
  <si>
    <t>\\acsfs\profiles$\gabrielafs\Downloads\7f27d988-f03e-402f-92fc-425c1c435e6c.tmp</t>
  </si>
  <si>
    <t>01/13/2020 09:56:17</t>
  </si>
  <si>
    <t>16759aed-148e-453a-a9aa-51a338a51d8a.tmp</t>
  </si>
  <si>
    <t>\\acsfs\profiles$\leticiala\Downloads\16759aed-148e-453a-a9aa-51a338a51d8a.tmp</t>
  </si>
  <si>
    <t>01/13/2020 09:59:02</t>
  </si>
  <si>
    <t>01/13/2020 09:58:01</t>
  </si>
  <si>
    <t>01/13/2020 10:00:28</t>
  </si>
  <si>
    <t>01/13/2020 09:57:04</t>
  </si>
  <si>
    <t>01/13/2020 09:58:56</t>
  </si>
  <si>
    <t>01/13/2020 09:58:22</t>
  </si>
  <si>
    <t>01/13/2020 10:01:29</t>
  </si>
  <si>
    <t>01/13/2020 09:58:52</t>
  </si>
  <si>
    <t>01/13/2020 09:59:22</t>
  </si>
  <si>
    <t>01/13/2020 09:59:52</t>
  </si>
  <si>
    <t>01/13/2020 10:00:22</t>
  </si>
  <si>
    <t>01/13/2020 09:57:06</t>
  </si>
  <si>
    <t>01/13/2020 10:02:28</t>
  </si>
  <si>
    <t>01/13/2020 09:57:07</t>
  </si>
  <si>
    <t>01/13/2020 09:57:08</t>
  </si>
  <si>
    <t>01/13/2020 09:57:09</t>
  </si>
  <si>
    <t>01/13/2020 09:57:12</t>
  </si>
  <si>
    <t>01/13/2020 09:57:13</t>
  </si>
  <si>
    <t>01/13/2020 09:57:14</t>
  </si>
  <si>
    <t>01/13/2020 09:57:15</t>
  </si>
  <si>
    <t>01/13/2020 09:57:16</t>
  </si>
  <si>
    <t>01/13/2020 09:57:17</t>
  </si>
  <si>
    <t>01/13/2020 09:57:18</t>
  </si>
  <si>
    <t>01/13/2020 09:57:19</t>
  </si>
  <si>
    <t>01/13/2020 09:57:20</t>
  </si>
  <si>
    <t>01/13/2020 09:57:21</t>
  </si>
  <si>
    <t>01/13/2020 09:57:22</t>
  </si>
  <si>
    <t>01/13/2020 09:57:23</t>
  </si>
  <si>
    <t>01/13/2020 09:57:24</t>
  </si>
  <si>
    <t>01/13/2020 09:57:25</t>
  </si>
  <si>
    <t>01/13/2020 09:57:26</t>
  </si>
  <si>
    <t>01/13/2020 09:57:27</t>
  </si>
  <si>
    <t>01/13/2020 09:57:29</t>
  </si>
  <si>
    <t>01/13/2020 09:57:30</t>
  </si>
  <si>
    <t>01/13/2020 09:57:31</t>
  </si>
  <si>
    <t>01/13/2020 09:57:32</t>
  </si>
  <si>
    <t>01/13/2020 09:57:33</t>
  </si>
  <si>
    <t>01/13/2020 09:59:53</t>
  </si>
  <si>
    <t>MATHEUS HENRIQUE DOS SANTOS (23702).contact</t>
  </si>
  <si>
    <t>\\acsfs\profiles$\matheushds\Contacts\MATHEUS HENRIQUE DOS SANTOS (23702).contact</t>
  </si>
  <si>
    <t>01/13/2020 10:00:07</t>
  </si>
  <si>
    <t>01/13/2020 10:00:08</t>
  </si>
  <si>
    <t>01/13/2020 10:00:09</t>
  </si>
  <si>
    <t>01/13/2020 10:00:10</t>
  </si>
  <si>
    <t>01/13/2020 10:00:11</t>
  </si>
  <si>
    <t>01/13/2020 10:00:12</t>
  </si>
  <si>
    <t>01/13/2020 10:00:13</t>
  </si>
  <si>
    <t>01/13/2020 10:00:14</t>
  </si>
  <si>
    <t>01/13/2020 10:00:15</t>
  </si>
  <si>
    <t>01/13/2020 10:00:33</t>
  </si>
  <si>
    <t>01/13/2020 10:00:34</t>
  </si>
  <si>
    <t>01/13/2020 10:00:35</t>
  </si>
  <si>
    <t>01/13/2020 10:00:36</t>
  </si>
  <si>
    <t>01/13/2020 10:00:37</t>
  </si>
  <si>
    <t>01/13/2020 09:57:45</t>
  </si>
  <si>
    <t>ancestorhasaugmentedpermissions;andrelpsa@algartech.com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ancestorhasaugmentedpermissions,andrelpsa@algartech.com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01/13/2020 09:58:03</t>
  </si>
  <si>
    <t>01/13/2020 09:58:05</t>
  </si>
  <si>
    <t>01/13/2020 09:58:06</t>
  </si>
  <si>
    <t>01/13/2020 09:58:08</t>
  </si>
  <si>
    <t>01/13/2020 10:00:05</t>
  </si>
  <si>
    <t>01/13/2020 10:03:29</t>
  </si>
  <si>
    <t>01/13/2020 10:02:51</t>
  </si>
  <si>
    <t>98c4d948-d910-49a4-8a99-1ac8a559cb66.tmp</t>
  </si>
  <si>
    <t>\\acsfs\profiles$\nataliacsl\Downloads\98c4d948-d910-49a4-8a99-1ac8a559cb66.tmp</t>
  </si>
  <si>
    <t>01/13/2020 10:01:53</t>
  </si>
  <si>
    <t>01/13/2020 10:02:40</t>
  </si>
  <si>
    <t>01/13/2020 10:04:28</t>
  </si>
  <si>
    <t>635656d2-8ac4-4ac4-9432-f12eda5ec0d2.tmp</t>
  </si>
  <si>
    <t>\\acsfs\profiles$\ALYNYA\Downloads\635656d2-8ac4-4ac4-9432-f12eda5ec0d2.tmp</t>
  </si>
  <si>
    <t>01/13/2020 10:01:18</t>
  </si>
  <si>
    <t>4eacb67b-9ff4-42b2-b392-1720c5ee1322.tmp</t>
  </si>
  <si>
    <t>\\acsfs\profiles$\gabrielafs\Downloads\4eacb67b-9ff4-42b2-b392-1720c5ee1322.tmp</t>
  </si>
  <si>
    <t>03b2010a-9882-408f-9553-5c0ddf7f2ae6.tmp</t>
  </si>
  <si>
    <t>\\acsfs\profiles$\gabrielafs\Downloads\03b2010a-9882-408f-9553-5c0ddf7f2ae6.tmp</t>
  </si>
  <si>
    <t>01/13/2020 10:01:45</t>
  </si>
  <si>
    <t>01/13/2020 10:05:29</t>
  </si>
  <si>
    <t>RELATORIO DE LOGIN - FINANCEIRA - 09-01 - Cópia.xlsm</t>
  </si>
  <si>
    <t>\\acsfs\DEPTOS\Operacao\PCP\5 - Comum\PLANEJAMENTO BV\14 - ACOMPANHAMENTO\1 - REPORT ACOMPANHAMENTO\2020\1 - JANEIRO\FINANCEIRA\Login Logout Financeira\RELATORIO DE LOGIN - FINANCEIRA - 09-01 - Cópia.xlsm</t>
  </si>
  <si>
    <t>01/13/2020 10:01:49</t>
  </si>
  <si>
    <t>01/13/2020 10:00:52</t>
  </si>
  <si>
    <t>01/13/2020 10:06:28</t>
  </si>
  <si>
    <t>01/13/2020 10:03:52</t>
  </si>
  <si>
    <t>01/13/2020 10:04:22</t>
  </si>
  <si>
    <t>01/13/2020 10:04:52</t>
  </si>
  <si>
    <t>01/13/2020 10:02:09</t>
  </si>
  <si>
    <t>https://algar.folhasinergyrh.com.br/dependente/upload?id=0&amp;idsolicitacao=20492&amp;nomedependente=caua marques janini</t>
  </si>
  <si>
    <t>CARLA ALVES.7z</t>
  </si>
  <si>
    <t>C:\Users\robsonams\Desktop\CARLA ALVES.7z\</t>
  </si>
  <si>
    <t>image2020-01-09-172844.pdf</t>
  </si>
  <si>
    <t>01/13/2020 10:03:44</t>
  </si>
  <si>
    <t>https://algar.folhasinergyrh.com.br/dependente/upload?id=0&amp;idsolicitacao=20494&amp;nomedependente=rafael marques janini</t>
  </si>
  <si>
    <t>01/13/2020 10:03:23</t>
  </si>
  <si>
    <t>01/13/2020 10:07:28</t>
  </si>
  <si>
    <t>01/13/2020 10:02:49</t>
  </si>
  <si>
    <t>7d501de2-6307-4c0d-9bb6-29d744b179d3.tmp</t>
  </si>
  <si>
    <t>\\acsfs\profiles$\matheushds\Downloads\7d501de2-6307-4c0d-9bb6-29d744b179d3.tmp</t>
  </si>
  <si>
    <t>01/13/2020 10:04:33</t>
  </si>
  <si>
    <t>84cbc199-2cff-40d7-924d-71dd173b20ed.tmp</t>
  </si>
  <si>
    <t>\\acsfs\profiles$\matheushds\Downloads\84cbc199-2cff-40d7-924d-71dd173b20ed.tmp</t>
  </si>
  <si>
    <t>01/13/2020 10:05:11</t>
  </si>
  <si>
    <t>a3c79ac1-cc40-42dd-9c38-89299d70ccd5.tmp</t>
  </si>
  <si>
    <t>\\acsfs\profiles$\matheushds\Downloads\a3c79ac1-cc40-42dd-9c38-89299d70ccd5.tmp</t>
  </si>
  <si>
    <t>01/13/2020 10:05:58</t>
  </si>
  <si>
    <t>7fea9a88-f548-4b33-9997-3a011365bae4.tmp</t>
  </si>
  <si>
    <t>\\acsfs\profiles$\matheushds\Downloads\7fea9a88-f548-4b33-9997-3a011365bae4.tmp</t>
  </si>
  <si>
    <t>01/13/2020 10:05:44</t>
  </si>
  <si>
    <t>kit_pre_deslig_disp_sem_justa_causa_ind_100377_lays costa braga (2).pdf</t>
  </si>
  <si>
    <t>01/13/2020 10:03:21</t>
  </si>
  <si>
    <t>01/13/2020 10:08:29</t>
  </si>
  <si>
    <t>01/13/2020 10:06:23</t>
  </si>
  <si>
    <t>01/13/2020 10:06:32</t>
  </si>
  <si>
    <t>01/13/2020 10:06:36</t>
  </si>
  <si>
    <t>01/13/2020 10:07:02</t>
  </si>
  <si>
    <t>01/13/2020 10:07:32</t>
  </si>
  <si>
    <t>01/13/2020 10:07:53</t>
  </si>
  <si>
    <t>01/13/2020 10:07:57</t>
  </si>
  <si>
    <t>01/13/2020 10:08:02</t>
  </si>
  <si>
    <t>01/13/2020 10:09:02</t>
  </si>
  <si>
    <t>01/13/2020 10:09:28</t>
  </si>
  <si>
    <t>01/13/2020 10:09:03</t>
  </si>
  <si>
    <t>lu16756236ot2.tmp</t>
  </si>
  <si>
    <t>\\acsfs\profiles$\lorraynevam\Downloads\lu16756236ot2.tmp</t>
  </si>
  <si>
    <t>01/13/2020 10:09:16</t>
  </si>
  <si>
    <t>01/13/2020 10:10:29</t>
  </si>
  <si>
    <t>01/13/2020 10:07:01</t>
  </si>
  <si>
    <t>01/13/2020 10:08:53</t>
  </si>
  <si>
    <t>01/13/2020 10:10:04</t>
  </si>
  <si>
    <t>https://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0:08:23</t>
  </si>
  <si>
    <t>01/13/2020 10:11:28</t>
  </si>
  <si>
    <t>01/13/2020 10:07:43</t>
  </si>
  <si>
    <t>01/13/2020 10:12:28</t>
  </si>
  <si>
    <t>01/13/2020 10:08:11</t>
  </si>
  <si>
    <t>01/13/2020 10:13:28</t>
  </si>
  <si>
    <t>01/13/2020 10:09:01</t>
  </si>
  <si>
    <t>01/13/2020 10:08:24</t>
  </si>
  <si>
    <t>c0dadc40-8099-456a-93dd-5884a54ae463.tmp</t>
  </si>
  <si>
    <t>\\acsfs\profiles$\rafaelamsv\Downloads\c0dadc40-8099-456a-93dd-5884a54ae463.tmp</t>
  </si>
  <si>
    <t>01/13/2020 10:08:05</t>
  </si>
  <si>
    <t>01/13/2020 10:08:26</t>
  </si>
  <si>
    <t>01/13/2020 10:08:31</t>
  </si>
  <si>
    <t>01/13/2020 10:11:35</t>
  </si>
  <si>
    <t>01/13/2020 10:14:28</t>
  </si>
  <si>
    <t>01/13/2020 10:11:53</t>
  </si>
  <si>
    <t>e651fe25-cf8b-4406-ae2a-cec4c097d887.tmp</t>
  </si>
  <si>
    <t>\\acsfs\profiles$\anafsb\Downloads\e651fe25-cf8b-4406-ae2a-cec4c097d887.tmp</t>
  </si>
  <si>
    <t>01/13/2020 10:13:15</t>
  </si>
  <si>
    <t>26cf347a-72ee-44de-a9fc-65821234398d.tmp</t>
  </si>
  <si>
    <t>\\acsfs\profiles$\anafsb\Downloads\26cf347a-72ee-44de-a9fc-65821234398d.tmp</t>
  </si>
  <si>
    <t>01/13/2020 10:09:33</t>
  </si>
  <si>
    <t>01/13/2020 10:12:00</t>
  </si>
  <si>
    <t>01/13/2020 10:12:14</t>
  </si>
  <si>
    <t>01/13/2020 10:12:18</t>
  </si>
  <si>
    <t>01/13/2020 10:13:02</t>
  </si>
  <si>
    <t>01/13/2020 10:13:07</t>
  </si>
  <si>
    <t>01/13/2020 10:13:34</t>
  </si>
  <si>
    <t>01/13/2020 10:13:48</t>
  </si>
  <si>
    <t>01/13/2020 10:13:56</t>
  </si>
  <si>
    <t>\\acsfs\profiles$\lorraynevam\Downloads\lu16756236ot2.tmp\</t>
  </si>
  <si>
    <t>\\acsfs\profiles$\lorraynevam\Downloads\lu16756236ot2.tmp\META-INF\</t>
  </si>
  <si>
    <t>\\acsfs\profiles$\lorraynevam\Downloads\lu16756236ot2.tmp\Thumbnails\</t>
  </si>
  <si>
    <t>01/13/2020 10:09:43</t>
  </si>
  <si>
    <t>\\acsfs\profiles$\lorraynevam\</t>
  </si>
  <si>
    <t>.~lock.CONTROLE DE VENDAS JANEIRO.ods#</t>
  </si>
  <si>
    <t>\\acsfs\profiles$\lorraynevam\.~lock.CONTROLE DE VENDAS JANEIRO.ods#</t>
  </si>
  <si>
    <t>lu16756236ot6.tmp</t>
  </si>
  <si>
    <t>\\acsfs\profiles$\lorraynevam\lu16756236ot6.tmp</t>
  </si>
  <si>
    <t>\\acsfs\profiles$\lorraynevam\lu16756236ot6.tmp\</t>
  </si>
  <si>
    <t>\\acsfs\profiles$\lorraynevam\lu16756236ot6.tmp\META-INF\</t>
  </si>
  <si>
    <t>\\acsfs\profiles$\lorraynevam\lu16756236ot6.tmp\Thumbnails\</t>
  </si>
  <si>
    <t>01/13/2020 10:10:11</t>
  </si>
  <si>
    <t>01/13/2020 10:15:28</t>
  </si>
  <si>
    <t>8b671575-eb20-48b3-af7a-70b8bac0d0aa.tmp</t>
  </si>
  <si>
    <t>\\acsfs\profiles$\henriquehmdo\Downloads\8b671575-eb20-48b3-af7a-70b8bac0d0aa.tmp</t>
  </si>
  <si>
    <t>01/13/2020 10:11:23</t>
  </si>
  <si>
    <t>cffa061d-8299-4df2-b363-15ae95d98cbd.tmp</t>
  </si>
  <si>
    <t>\\acsfs\profiles$\BRUNAAR\Downloads\cffa061d-8299-4df2-b363-15ae95d98cbd.tmp</t>
  </si>
  <si>
    <t>01/13/2020 10:12:48</t>
  </si>
  <si>
    <t>01/13/2020 10:16:28</t>
  </si>
  <si>
    <t>01/13/2020 10:12:23</t>
  </si>
  <si>
    <t>01/13/2020 10:12:17</t>
  </si>
  <si>
    <t>ace1f1f5-27a9-4a1f-baec-7fcf990cfde9.tmp</t>
  </si>
  <si>
    <t>\\acsfs\profiles$\sarahbal\Downloads\ace1f1f5-27a9-4a1f-baec-7fcf990cfde9.tmp</t>
  </si>
  <si>
    <t>01/13/2020 10:14:20</t>
  </si>
  <si>
    <t>058e5f2b-9d9f-474c-a4a2-908846c92a35.tmp</t>
  </si>
  <si>
    <t>\\acsfs\profiles$\sarahbal\Downloads\058e5f2b-9d9f-474c-a4a2-908846c92a35.tmp</t>
  </si>
  <si>
    <t>01/13/2020 10:16:53</t>
  </si>
  <si>
    <t>01/13/2020 10:19:28</t>
  </si>
  <si>
    <t>01/13/2020 10:14:14</t>
  </si>
  <si>
    <t>01/13/2020 10:14:39</t>
  </si>
  <si>
    <t>01/13/2020 10:14:46</t>
  </si>
  <si>
    <t>01/13/2020 10:15:08</t>
  </si>
  <si>
    <t>01/13/2020 10:15:21</t>
  </si>
  <si>
    <t>01/13/2020 10:15:37</t>
  </si>
  <si>
    <t>01/13/2020 10:15:49</t>
  </si>
  <si>
    <t>01/13/2020 10:15:55</t>
  </si>
  <si>
    <t>01/13/2020 10:16:02</t>
  </si>
  <si>
    <t>01/13/2020 10:17:09</t>
  </si>
  <si>
    <t>01/13/2020 10:20:28</t>
  </si>
  <si>
    <t>01/13/2020 10:17:10</t>
  </si>
  <si>
    <t>01/13/2020 10:16:23</t>
  </si>
  <si>
    <t>01/13/2020 10:21:28</t>
  </si>
  <si>
    <t>01/13/2020 10:17:53</t>
  </si>
  <si>
    <t>01/13/2020 10:18:23</t>
  </si>
  <si>
    <t>01/13/2020 10:18:54</t>
  </si>
  <si>
    <t>01/13/2020 10:19:24</t>
  </si>
  <si>
    <t>01/13/2020 10:19:54</t>
  </si>
  <si>
    <t>01/13/2020 10:20:25</t>
  </si>
  <si>
    <t>lu564844brpb5.tmp</t>
  </si>
  <si>
    <t>\\acsfs\profiles$\ALEXANDREMM\lu564844brpb5.tmp</t>
  </si>
  <si>
    <t>\\acsfs\profiles$\ALEXANDREMM\lu564844brpb5.tmp\</t>
  </si>
  <si>
    <t>\\acsfs\profiles$\ALEXANDREMM\lu564844brpb5.tmp\META-INF\</t>
  </si>
  <si>
    <t>\\acsfs\profiles$\ALEXANDREMM\lu564844brpb5.tmp\Thumbnails\</t>
  </si>
  <si>
    <t>01/13/2020 10:20:02</t>
  </si>
  <si>
    <t>01/13/2020 10:22:28</t>
  </si>
  <si>
    <t>01/13/2020 10:19:16</t>
  </si>
  <si>
    <t>01/13/2020 10:20:15</t>
  </si>
  <si>
    <t>1333a2e7-b2c8-4dbc-a2c3-c82dc56eff43.tmp</t>
  </si>
  <si>
    <t>\\acsfs\profiles$\ayalabfi\Downloads\1333a2e7-b2c8-4dbc-a2c3-c82dc56eff43.tmp</t>
  </si>
  <si>
    <t>01/13/2020 10:21:17</t>
  </si>
  <si>
    <t>01/13/2020 10:23:28</t>
  </si>
  <si>
    <t>ebab3ac3-23fe-48d7-8be6-36f7b4a97e29.tmp</t>
  </si>
  <si>
    <t>\\acsfs\profiles$\maxmillianosv\Downloads\ebab3ac3-23fe-48d7-8be6-36f7b4a97e29.tmp</t>
  </si>
  <si>
    <t>01/13/2020 10:22:03</t>
  </si>
  <si>
    <t>25027013-8e1f-4a94-b302-4c8a97a66778.tmp</t>
  </si>
  <si>
    <t>\\acsfs\profiles$\maxmillianosv\Downloads\25027013-8e1f-4a94-b302-4c8a97a66778.tmp</t>
  </si>
  <si>
    <t>01/13/2020 10:22:08</t>
  </si>
  <si>
    <t>3a853a66-1453-4c19-a8d3-a477efe8a3e2.tmp</t>
  </si>
  <si>
    <t>\\acsfs\profiles$\maxmillianosv\Downloads\3a853a66-1453-4c19-a8d3-a477efe8a3e2.tmp</t>
  </si>
  <si>
    <t>01/13/2020 10:22:13</t>
  </si>
  <si>
    <t>0ac87fbf-01e0-417e-a4e2-9710a087b16d.tmp</t>
  </si>
  <si>
    <t>\\acsfs\profiles$\maxmillianosv\Downloads\0ac87fbf-01e0-417e-a4e2-9710a087b16d.tmp</t>
  </si>
  <si>
    <t>01/13/2020 10:19:25</t>
  </si>
  <si>
    <t>01/13/2020 10:24:28</t>
  </si>
  <si>
    <t>01/13/2020 10:20:46</t>
  </si>
  <si>
    <t>544e7d51-24be-4b5d-aafd-a80db55ccfd0.tmp</t>
  </si>
  <si>
    <t>\\acsfs\profiles$\THYAGOSP\Downloads\544e7d51-24be-4b5d-aafd-a80db55ccfd0.tmp</t>
  </si>
  <si>
    <t>01/13/2020 10:22:23</t>
  </si>
  <si>
    <t>01/13/2020 10:22:44</t>
  </si>
  <si>
    <t>01/13/2020 10:25:28</t>
  </si>
  <si>
    <t>01/13/2020 10:20:52</t>
  </si>
  <si>
    <t>01/13/2020 10:22:48</t>
  </si>
  <si>
    <t>Cópia de REPORT ACOMPANHAMENTO - BV - JANEIRO2.xlsb</t>
  </si>
  <si>
    <t>\\acsfs\deptos\Operacao\PCP\5 - Comum\PLANEJAMENTO BV\14 - ACOMPANHAMENTO\1 - REPORT ACOMPANHAMENTO\2020\1 - JANEIRO\FINANCEIRA\Cópia de REPORT ACOMPANHAMENTO - BV - JANEIRO2.xlsb</t>
  </si>
  <si>
    <t>01/13/2020 10:23:34</t>
  </si>
  <si>
    <t>01/13/2020 10:24:53</t>
  </si>
  <si>
    <t>01/13/2020 10:21:54</t>
  </si>
  <si>
    <t>01/13/2020 10:26:28</t>
  </si>
  <si>
    <t>01/13/2020 10:22:24</t>
  </si>
  <si>
    <t>01/13/2020 10:22:54</t>
  </si>
  <si>
    <t>01/13/2020 10:23:54</t>
  </si>
  <si>
    <t>01/13/2020 10:24:24</t>
  </si>
  <si>
    <t>01/13/2020 10:24:54</t>
  </si>
  <si>
    <t>01/13/2020 10:26:44</t>
  </si>
  <si>
    <t>01/13/2020 10:27:28</t>
  </si>
  <si>
    <t>1c12e064-2de9-40b1-9777-616dc8adecba.tmp</t>
  </si>
  <si>
    <t>\\acsfs\profiles$\ayalabfi\Downloads\1c12e064-2de9-40b1-9777-616dc8adecba.tmp</t>
  </si>
  <si>
    <t>01/13/2020 10:23:00</t>
  </si>
  <si>
    <t>01/13/2020 10:28:28</t>
  </si>
  <si>
    <t>6e34fbc4-fa90-4112-bfc6-45632cc63109.tmp</t>
  </si>
  <si>
    <t>\\acsfs\profiles$\maxmillianosv\Downloads\6e34fbc4-fa90-4112-bfc6-45632cc63109.tmp</t>
  </si>
  <si>
    <t>01/13/2020 10:24:04</t>
  </si>
  <si>
    <t>eddaf673-6019-43b5-82e9-e88b5f39c3e3.tmp</t>
  </si>
  <si>
    <t>\\acsfs\profiles$\maxmillianosv\Downloads\eddaf673-6019-43b5-82e9-e88b5f39c3e3.tmp</t>
  </si>
  <si>
    <t>01/13/2020 10:25:03</t>
  </si>
  <si>
    <t>35672c46-9b15-4a1b-a023-d3003b56ee0c.tmp</t>
  </si>
  <si>
    <t>\\acsfs\profiles$\maxmillianosv\Downloads\35672c46-9b15-4a1b-a023-d3003b56ee0c.tmp</t>
  </si>
  <si>
    <t>01/13/2020 10:23:40</t>
  </si>
  <si>
    <t>01/13/2020 10:27:14</t>
  </si>
  <si>
    <t>01/13/2020 10:29:27</t>
  </si>
  <si>
    <t>01/13/2020 10:23:53</t>
  </si>
  <si>
    <t>01/13/2020 10:24:26</t>
  </si>
  <si>
    <t>01/13/2020 10:24:41</t>
  </si>
  <si>
    <t>01/13/2020 10:25:50</t>
  </si>
  <si>
    <t>4216accf-8df5-4b44-9077-44b4d89815f9.tmp</t>
  </si>
  <si>
    <t>\\acsfs\profiles$\larissaad\Downloads\4216accf-8df5-4b44-9077-44b4d89815f9.tmp</t>
  </si>
  <si>
    <t>01/13/2020 10:23:56</t>
  </si>
  <si>
    <t>84286e3c-adbc-402d-aeee-fcd6d7b93c09.tmp</t>
  </si>
  <si>
    <t>\\acsfs\profiles$\gabrielafs\Downloads\84286e3c-adbc-402d-aeee-fcd6d7b93c09.tmp</t>
  </si>
  <si>
    <t>74640c33-9d83-4ba9-9567-cefc4f690f8f.tmp</t>
  </si>
  <si>
    <t>\\acsfs\profiles$\gabrielafs\Downloads\74640c33-9d83-4ba9-9567-cefc4f690f8f.tmp</t>
  </si>
  <si>
    <t>01/13/2020 10:28:56</t>
  </si>
  <si>
    <t>01/13/2020 10:24:55</t>
  </si>
  <si>
    <t>01/13/2020 10:30:28</t>
  </si>
  <si>
    <t>01/13/2020 10:24:56</t>
  </si>
  <si>
    <t>01/13/2020 10:25:31</t>
  </si>
  <si>
    <t>01/13/2020 10:26:25</t>
  </si>
  <si>
    <t>https://joaogvc@algartech.com,marianadjc@algartech.com,planejamentodeoperacoesetrafego@bv.com.br,rafaelggs@algartech.com,ricardodfm@algartech.com.br,taysdss@algartech.com,viniciussg@algartech.com</t>
  </si>
  <si>
    <t>01/13/2020 10:26:39</t>
  </si>
  <si>
    <t>01/13/2020 10:26:57</t>
  </si>
  <si>
    <t>01/13/2020 10:25:20</t>
  </si>
  <si>
    <t>01/13/2020 10:25:53</t>
  </si>
  <si>
    <t>01/13/2020 10:26:03</t>
  </si>
  <si>
    <t>01/13/2020 10:26:08</t>
  </si>
  <si>
    <t>01/13/2020 10:26:35</t>
  </si>
  <si>
    <t>01/13/2020 10:26:56</t>
  </si>
  <si>
    <t>01/13/2020 10:27:00</t>
  </si>
  <si>
    <t>01/13/2020 10:27:04</t>
  </si>
  <si>
    <t>01/13/2020 10:27:09</t>
  </si>
  <si>
    <t>01/13/2020 10:27:23</t>
  </si>
  <si>
    <t>01/13/2020 10:27:31</t>
  </si>
  <si>
    <t>01/13/2020 10:27:36</t>
  </si>
  <si>
    <t>01/13/2020 10:27:52</t>
  </si>
  <si>
    <t>01/13/2020 10:28:01</t>
  </si>
  <si>
    <t>01/13/2020 10:28:18</t>
  </si>
  <si>
    <t>01/13/2020 10:28:22</t>
  </si>
  <si>
    <t>01/13/2020 10:28:23</t>
  </si>
  <si>
    <t>01/13/2020 10:28:27</t>
  </si>
  <si>
    <t>01/13/2020 10:28:32</t>
  </si>
  <si>
    <t>01/13/2020 10:28:35</t>
  </si>
  <si>
    <t>01/13/2020 10:28:52</t>
  </si>
  <si>
    <t>01/13/2020 10:29:00</t>
  </si>
  <si>
    <t>01/13/2020 10:29:08</t>
  </si>
  <si>
    <t>01/13/2020 10:26:55</t>
  </si>
  <si>
    <t>01/13/2020 10:31:28</t>
  </si>
  <si>
    <t>01/13/2020 10:27:55</t>
  </si>
  <si>
    <t>01/13/2020 10:28:25</t>
  </si>
  <si>
    <t>01/13/2020 10:28:55</t>
  </si>
  <si>
    <t>01/13/2020 10:29:25</t>
  </si>
  <si>
    <t>01/13/2020 10:29:55</t>
  </si>
  <si>
    <t>01/13/2020 10:30:34</t>
  </si>
  <si>
    <t>01/13/2020 10:28:43</t>
  </si>
  <si>
    <t>01/13/2020 10:32:28</t>
  </si>
  <si>
    <t>01/13/2020 10:30:44</t>
  </si>
  <si>
    <t>01/13/2020 10:30:51</t>
  </si>
  <si>
    <t>4repet0scaaaa4liaaaanmqf2kz44sg1npvhrp5ya-eah9mzpvg6kl9izriwjk97h6v_kcjh4sw2rf_itsulvo-3l6-wytsybqsmi4xv23fkeay8qmocdpcm6u6mkhgpg1ycp4mktrb_yi4ruhaswq2li4w3ybymavyxxvltnranpmk;</t>
  </si>
  <si>
    <t>4repet0scaaaa4liaaaanmqf2kz44sg1npvhrp5ya-eah9mzpvg6kl9izriwjk97h6v_kcjh4sw2rf_itsulvo-3l6-wytsybqsmi4xv23fkeay8qmocdpcm6u6mkhgpg1ycp4mktrb_yi4ruhaswq2li4w3ybymavyxxvltnranpmk</t>
  </si>
  <si>
    <t>01/13/2020 10:29:54</t>
  </si>
  <si>
    <t>01/13/2020 10:34:28</t>
  </si>
  <si>
    <t>01/13/2020 10:33:17</t>
  </si>
  <si>
    <t>0b9f95f9-49bf-4f14-b7f4-b77e734aca30.tmp</t>
  </si>
  <si>
    <t>\\acsfs\profiles$\quindaizaagds\Downloads\0b9f95f9-49bf-4f14-b7f4-b77e734aca30.tmp</t>
  </si>
  <si>
    <t>01/13/2020 10:33:35</t>
  </si>
  <si>
    <t>fcac54fe-bd70-4744-ac37-2781920dc4a3.tmp</t>
  </si>
  <si>
    <t>\\acsfs\profiles$\quindaizaagds\Downloads\fcac54fe-bd70-4744-ac37-2781920dc4a3.tmp</t>
  </si>
  <si>
    <t>01/13/2020 10:33:42</t>
  </si>
  <si>
    <t>fbec0d2a-139a-426d-b0b5-400fc76dd30e.tmp</t>
  </si>
  <si>
    <t>\\acsfs\profiles$\quindaizaagds\Downloads\fbec0d2a-139a-426d-b0b5-400fc76dd30e.tmp</t>
  </si>
  <si>
    <t>01/13/2020 10:29:22</t>
  </si>
  <si>
    <t>01/13/2020 10:34:46</t>
  </si>
  <si>
    <t>01/13/2020 10:35:28</t>
  </si>
  <si>
    <t>Agent State Details 10.01.2020.xlsx</t>
  </si>
  <si>
    <t>\\acsfs\deptos\Operacao\PCP\5 - Comum\PLANEJAMENTO BV\23 - EXTRAÇÕES\Agent State Details\2020\JANEIRO\Agent State Details 10.01.2020.xlsx</t>
  </si>
  <si>
    <t>01/13/2020 10:32:34</t>
  </si>
  <si>
    <t>6ba478d4-0b45-4fc0-975c-8d5b8187086b.tmp</t>
  </si>
  <si>
    <t>\\acsfs\profiles$\leonardobb\Downloads\6ba478d4-0b45-4fc0-975c-8d5b8187086b.tmp</t>
  </si>
  <si>
    <t>01/13/2020 10:32:35</t>
  </si>
  <si>
    <t>a5fb9a1c-34da-4d67-9b0f-1d41d2871702.tmp</t>
  </si>
  <si>
    <t>\\acsfs\profiles$\leonardobb\Downloads\a5fb9a1c-34da-4d67-9b0f-1d41d2871702.tmp</t>
  </si>
  <si>
    <t>01/13/2020 10:33:24</t>
  </si>
  <si>
    <t>aa207cd8-29d6-494e-9182-a52eaa4cebe8.tmp</t>
  </si>
  <si>
    <t>\\acsfs\profiles$\leonardobb\Downloads\aa207cd8-29d6-494e-9182-a52eaa4cebe8.tmp</t>
  </si>
  <si>
    <t>01/13/2020 10:34:04</t>
  </si>
  <si>
    <t>0b420dcc-01f9-4987-a025-83de0475a71d.tmp</t>
  </si>
  <si>
    <t>\\acsfs\profiles$\leonardobb\Downloads\0b420dcc-01f9-4987-a025-83de0475a71d.tmp</t>
  </si>
  <si>
    <t>01/13/2020 10:33:56</t>
  </si>
  <si>
    <t>01/13/2020 10:36:28</t>
  </si>
  <si>
    <t>01/13/2020 10:34:26</t>
  </si>
  <si>
    <t>01/13/2020 10:35:26</t>
  </si>
  <si>
    <t>01/13/2020 10:31:18</t>
  </si>
  <si>
    <t>01/13/2020 10:35:07</t>
  </si>
  <si>
    <t>01/13/2020 10:35:08</t>
  </si>
  <si>
    <t>lu564844brpbc.tmp</t>
  </si>
  <si>
    <t>\\acsfs\profiles$\ALEXANDREMM\lu564844brpbc.tmp</t>
  </si>
  <si>
    <t>\\acsfs\profiles$\ALEXANDREMM\lu564844brpbc.tmp\</t>
  </si>
  <si>
    <t>\\acsfs\profiles$\ALEXANDREMM\lu564844brpbc.tmp\META-INF\</t>
  </si>
  <si>
    <t>\\acsfs\profiles$\ALEXANDREMM\lu564844brpbc.tmp\Thumbnails\</t>
  </si>
  <si>
    <t>01/13/2020 10:34:48</t>
  </si>
  <si>
    <t>01/13/2020 10:37:28</t>
  </si>
  <si>
    <t>01/13/2020 10:34:49</t>
  </si>
  <si>
    <t>lu16208215igy.tmp</t>
  </si>
  <si>
    <t>\\acsfs\profiles$\victoriaksr\My Documents\lu16208215igy.tmp</t>
  </si>
  <si>
    <t>01/13/2020 10:32:54</t>
  </si>
  <si>
    <t>3515584f-714f-4fc1-8eba-a0914e9aec5f.tmp</t>
  </si>
  <si>
    <t>\\acsfs\profiles$\ayalabfi\Downloads\3515584f-714f-4fc1-8eba-a0914e9aec5f.tmp</t>
  </si>
  <si>
    <t>01/13/2020 10:33:44</t>
  </si>
  <si>
    <t>01/13/2020 10:38:28</t>
  </si>
  <si>
    <t>PRINT INFO METLIFE.png</t>
  </si>
  <si>
    <t>\\acsfs\DEPTOS\Operacao\Banco_Votorantim\Qualidade\Anderson\Jose\anderson\PRINT INFO METLIFE.png</t>
  </si>
  <si>
    <t>01/13/2020 10:34:09</t>
  </si>
  <si>
    <t>PRINT INFO METLIFE 2.png</t>
  </si>
  <si>
    <t>\\acsfs\DEPTOS\Operacao\Banco_Votorantim\Qualidade\Anderson\Jose\anderson\PRINT INFO METLIFE 2.png</t>
  </si>
  <si>
    <t>01/13/2020 10:39:28</t>
  </si>
  <si>
    <t>01/13/2020 10:35:04</t>
  </si>
  <si>
    <t>01/13/2020 10:38:29</t>
  </si>
  <si>
    <t>01/13/2020 10:34:38</t>
  </si>
  <si>
    <t>01/13/2020 10:35:24</t>
  </si>
  <si>
    <t>01/13/2020 10:40:28</t>
  </si>
  <si>
    <t>mail.google.com/sync/u/0/i/s?hl=pt-BR&amp;c=1060</t>
  </si>
  <si>
    <t>mail.google.com/sync/u/0/i/s?hl=pt-BR&amp;c=1062</t>
  </si>
  <si>
    <t>01/13/2020 10:35:36</t>
  </si>
  <si>
    <t>01/13/2020 10:35:43</t>
  </si>
  <si>
    <t>01/13/2020 10:35:51</t>
  </si>
  <si>
    <t>01/13/2020 10:36:11</t>
  </si>
  <si>
    <t>01/13/2020 10:36:17</t>
  </si>
  <si>
    <t>mail.google.com/sync/u/0/i/s?hl=pt-BR&amp;c=1074</t>
  </si>
  <si>
    <t>01/13/2020 10:36:20</t>
  </si>
  <si>
    <t>mail.google.com/sync/u/0/i/s?hl=pt-BR&amp;c=1076</t>
  </si>
  <si>
    <t>01/13/2020 10:36:24</t>
  </si>
  <si>
    <t>mail.google.com/sync/u/0/i/s?hl=pt-BR&amp;c=1078</t>
  </si>
  <si>
    <t>01/13/2020 10:36:37</t>
  </si>
  <si>
    <t>mail.google.com/sync/u/0/i/s?hl=pt-BR&amp;c=1080</t>
  </si>
  <si>
    <t>joaogvc@algartech.com;leonardoao@algartech.com;marianadjc@algartech.com;paulacn@algartech.com;rafaelggs@algartech.com;ricardodfm@algartech.com.br;robsonams@algartech.com;taysdss@algartech.com;thiagordu@algartech.com;viniciussg@algartech.com;</t>
  </si>
  <si>
    <t>joaogvc@algartech.com,leonardoao@algartech.com,marianadjc@algartech.com,paulacn@algartech.com,rafaelggs@algartech.com,ricardodfm@algartech.com.br,robsonams@algartech.com,taysdss@algartech.com,thiagordu@algartech.com,viniciussg@algartech.com</t>
  </si>
  <si>
    <t>01/13/2020 10:37:18</t>
  </si>
  <si>
    <t>mail.google.com/sync/u/0/i/s?hl=pt-BR&amp;c=1084</t>
  </si>
  <si>
    <t>joaogvc@algartech.com;katia.cardoso@bv.com.br;leonardoao@algartech.com;paulacn@algartech.com;ricardodfm@algartech.com.br;robsonams@algartech.com;taysdss@algartech.com;viniciussg@algartech.com;</t>
  </si>
  <si>
    <t>joaogvc@algartech.com,katia.cardoso@bv.com.br,leonardoao@algartech.com,paulacn@algartech.com,ricardodfm@algartech.com.br,robsonams@algartech.com,taysdss@algartech.com,viniciussg@algartech.com</t>
  </si>
  <si>
    <t>01/13/2020 10:37:36</t>
  </si>
  <si>
    <t>mail.google.com/sync/u/0/i/s?hl=pt-BR&amp;c=1086</t>
  </si>
  <si>
    <t>01/13/2020 10:39:44</t>
  </si>
  <si>
    <t>bvcartes-supervisores@algarnet.onmicrosoft.com;joaogvc@algartech.com;leonardoao@algartech.com;marianadjc@algartech.com;paulacn@algartech.com;ricardodfm@algartech.com.br;robsonams@algartech.com;taysdss@algartech.com;</t>
  </si>
  <si>
    <t>bvcartes-supervisores@algarnet.onmicrosoft.com,joaogvc@algartech.com,leonardoao@algartech.com,marianadjc@algartech.com,paulacn@algartech.com,ricardodfm@algartech.com.br,robsonams@algartech.com,taysdss@algartech.com</t>
  </si>
  <si>
    <t>01/13/2020 10:37:39</t>
  </si>
  <si>
    <t>Agent State Details 11.01.2020.xlsx</t>
  </si>
  <si>
    <t>\\acsfs\deptos\Operacao\PCP\5 - Comum\PLANEJAMENTO BV\23 - EXTRAÇÕES\Agent State Details\2020\JANEIRO\Agent State Details 11.01.2020.xlsx</t>
  </si>
  <si>
    <t>01/13/2020 10:38:43</t>
  </si>
  <si>
    <t>Agent State Details 12.01.2020.xlsx</t>
  </si>
  <si>
    <t>\\acsfs\deptos\Operacao\PCP\5 - Comum\PLANEJAMENTO BV\23 - EXTRAÇÕES\Agent State Details\2020\JANEIRO\Agent State Details 12.01.2020.xlsx</t>
  </si>
  <si>
    <t>01/13/2020 10:37:26</t>
  </si>
  <si>
    <t>01/13/2020 10:41:29</t>
  </si>
  <si>
    <t>01/13/2020 10:37:27</t>
  </si>
  <si>
    <t>01/13/2020 10:37:57</t>
  </si>
  <si>
    <t>01/13/2020 10:42:14</t>
  </si>
  <si>
    <t>01/13/2020 10:43:28</t>
  </si>
  <si>
    <t>dc5f2a0c-d9a3-48c7-8273-aed76bf93e55.tmp</t>
  </si>
  <si>
    <t>\\acsfs\profiles$\ROZENCAM\Downloads\dc5f2a0c-d9a3-48c7-8273-aed76bf93e55.tmp</t>
  </si>
  <si>
    <t>01/13/2020 10:39:27</t>
  </si>
  <si>
    <t>01/13/2020 10:42:49</t>
  </si>
  <si>
    <t>01/13/2020 10:42:51</t>
  </si>
  <si>
    <t>01/13/2020 10:39:36</t>
  </si>
  <si>
    <t>01/13/2020 10:44:29</t>
  </si>
  <si>
    <t>320c4c8e-1ce1-4b77-94f5-94f4a6cf454f.tmp</t>
  </si>
  <si>
    <t>\\acsfs\profiles$\danielac\Downloads\320c4c8e-1ce1-4b77-94f5-94f4a6cf454f.tmp</t>
  </si>
  <si>
    <t>01/13/2020 10:39:14</t>
  </si>
  <si>
    <t>\\acsfs\ACS\Gabriel da Silva\Contemporânea\Comissão e Incentivo\6DAFAF77.tmp\</t>
  </si>
  <si>
    <t>\\acsfs\ACS\Gabriel da Silva\Contemporânea\Comissão e Incentivo\6DAFAF77.tmp\:Zone.Identifier:$DATA</t>
  </si>
  <si>
    <t>01/13/2020 10:41:37</t>
  </si>
  <si>
    <t>50d15729-0668-4d5d-879c-1a851354869a.tmp</t>
  </si>
  <si>
    <t>\\acsfs\profiles$\larissaad\Downloads\50d15729-0668-4d5d-879c-1a851354869a.tmp</t>
  </si>
  <si>
    <t>01/13/2020 10:43:53</t>
  </si>
  <si>
    <t>01/13/2020 10:41:06</t>
  </si>
  <si>
    <t>01/13/2020 10:45:28</t>
  </si>
  <si>
    <t>01/13/2020 10:40:24</t>
  </si>
  <si>
    <t>01/13/2020 10:39:53</t>
  </si>
  <si>
    <t>joaogvc@algartech.com;leonardoao@algartech.com;paulacn@algartech.com;ricardodfm@algartech.com.br;robsonams@algartech.com;taysdss@algartech.com;</t>
  </si>
  <si>
    <t>joaogvc@algartech.com,leonardoao@algartech.com,paulacn@algartech.com,ricardodfm@algartech.com.br,robsonams@algartech.com,taysdss@algartech.com</t>
  </si>
  <si>
    <t>01/13/2020 10:40:22</t>
  </si>
  <si>
    <t>mail.google.com/sync/u/0/i/s?hl=pt-BR&amp;c=1094</t>
  </si>
  <si>
    <t>01/13/2020 10:40:25</t>
  </si>
  <si>
    <t>01/13/2020 10:40:39</t>
  </si>
  <si>
    <t>joaogvc@algartech.com;leonardoao@algartech.com;marianadjc@algartech.com;paulacn@algartech.com;rafaelggs@algartech.com;ricardodfm@algartech.com.br;robsonams@algartech.com;taysdss@algartech.com;viniciussg@algartech.com;</t>
  </si>
  <si>
    <t>joaogvc@algartech.com,leonardoao@algartech.com,marianadjc@algartech.com,paulacn@algartech.com,rafaelggs@algartech.com,ricardodfm@algartech.com.br,robsonams@algartech.com,taysdss@algartech.com,viniciussg@algartech.com</t>
  </si>
  <si>
    <t>01/13/2020 10:40:55</t>
  </si>
  <si>
    <t>mail.google.com/sync/u/0/i/s?hl=pt-BR&amp;c=1101</t>
  </si>
  <si>
    <t>01/13/2020 10:41:15</t>
  </si>
  <si>
    <t>mail.google.com/sync/u/0/i/s?hl=pt-BR&amp;c=1105</t>
  </si>
  <si>
    <t>01/13/2020 10:41:38</t>
  </si>
  <si>
    <t>joaogvc@algartech.com;leonardoao@algartech.com;marianadjc@algartech.com;paulacn@algartech.com;planejamentodeoperacoesetrafego@bv.com.br;raphaelmco@algartech.com.br;ricardodfm@algartech.com.br;robsonams@algartech.com;taysdss@algartech.com;viniciussg@algartech.com;</t>
  </si>
  <si>
    <t>joaogvc@algartech.com,leonardoao@algartech.com,marianadjc@algartech.com,paulacn@algartech.com,planejamentodeoperacoesetrafego@bv.com.br,raphaelmco@algartech.com.br,ricardodfm@algartech.com.br,robsonams@algartech.com,taysdss@algartech.com,viniciussg@algartech.com</t>
  </si>
  <si>
    <t>01/13/2020 10:41:48</t>
  </si>
  <si>
    <t>mail.google.com/sync/u/0/i/s?hl=pt-BR&amp;c=1113</t>
  </si>
  <si>
    <t>01/13/2020 10:41:59</t>
  </si>
  <si>
    <t>RELATORIO DE LOGIN - FINANCEIRA - 10-01.xlsm</t>
  </si>
  <si>
    <t>\\acsfs\DEPTOS\Operacao\PCP\5 - Comum\PLANEJAMENTO BV\14 - ACOMPANHAMENTO\1 - REPORT ACOMPANHAMENTO\2020\1 - JANEIRO\FINANCEIRA\Login Logout Financeira\RELATORIO DE LOGIN - FINANCEIRA - 10-01.xlsm</t>
  </si>
  <si>
    <t>01/13/2020 10:42:18</t>
  </si>
  <si>
    <t>01/13/2020 10:42:29</t>
  </si>
  <si>
    <t>mail.google.com/sync/u/0/i/s?hl=pt-BR&amp;c=1117</t>
  </si>
  <si>
    <t>01/13/2020 10:42:34</t>
  </si>
  <si>
    <t>01/13/2020 10:44:28</t>
  </si>
  <si>
    <t>01/13/2020 10:46:29</t>
  </si>
  <si>
    <t>01/13/2020 10:44:58</t>
  </si>
  <si>
    <t>01/13/2020 10:44:02</t>
  </si>
  <si>
    <t>01/13/2020 10:47:28</t>
  </si>
  <si>
    <t>01/13/2020 10:45:24</t>
  </si>
  <si>
    <t>01/13/2020 10:45:30</t>
  </si>
  <si>
    <t>https://sb-ssl.google.com/safebrowsing/clientreport/login?key=aizasyboti4mm-6x9wdnzijieyeu21opbxqwbgw</t>
  </si>
  <si>
    <t>01/13/2020 10:45:34</t>
  </si>
  <si>
    <t>01/13/2020 10:45:37</t>
  </si>
  <si>
    <t>01/13/2020 10:45:41</t>
  </si>
  <si>
    <t>01/13/2020 10:45:49</t>
  </si>
  <si>
    <t>01/13/2020 10:45:52</t>
  </si>
  <si>
    <t>01/13/2020 10:45:59</t>
  </si>
  <si>
    <t>01/13/2020 10:46:07</t>
  </si>
  <si>
    <t>01/13/2020 10:46:12</t>
  </si>
  <si>
    <t>01/13/2020 10:46:17</t>
  </si>
  <si>
    <t>01/13/2020 10:46:19</t>
  </si>
  <si>
    <t>01/13/2020 10:46:24</t>
  </si>
  <si>
    <t>01/13/2020 10:43:42</t>
  </si>
  <si>
    <t>01/13/2020 10:48:28</t>
  </si>
  <si>
    <t>01/13/2020 10:46:05</t>
  </si>
  <si>
    <t>01/13/2020 10:43:35</t>
  </si>
  <si>
    <t>01/13/2020 10:43:24</t>
  </si>
  <si>
    <t>01/13/2020 10:45:10</t>
  </si>
  <si>
    <t>LINK INFO METLIFE.txt</t>
  </si>
  <si>
    <t>\\acsfs\DEPTOS\Operacao\Banco_Votorantim\Qualidade\Anderson\Jose\anderson\LINK INFO METLIFE.txt</t>
  </si>
  <si>
    <t>01/13/2020 10:47:46</t>
  </si>
  <si>
    <t>01/13/2020 10:43:30</t>
  </si>
  <si>
    <t>01/13/2020 10:43:50</t>
  </si>
  <si>
    <t>01/13/2020 10:43:57</t>
  </si>
  <si>
    <t>01/13/2020 10:44:03</t>
  </si>
  <si>
    <t>01/13/2020 10:44:18</t>
  </si>
  <si>
    <t>01/13/2020 10:44:47</t>
  </si>
  <si>
    <t>01/13/2020 10:44:56</t>
  </si>
  <si>
    <t>mail.google.com/sync/u/0/i/s?hl=pt-BR&amp;c=946</t>
  </si>
  <si>
    <t>01/13/2020 10:45:13</t>
  </si>
  <si>
    <t>01/13/2020 10:45:22</t>
  </si>
  <si>
    <t>01/13/2020 10:45:29</t>
  </si>
  <si>
    <t>01/13/2020 10:46:10</t>
  </si>
  <si>
    <t>01/13/2020 10:46:22</t>
  </si>
  <si>
    <t>01/13/2020 10:46:30</t>
  </si>
  <si>
    <t>01/13/2020 10:47:49</t>
  </si>
  <si>
    <t>01/13/2020 10:49:28</t>
  </si>
  <si>
    <t>01/13/2020 10:46:49</t>
  </si>
  <si>
    <t>01/13/2020 10:50:28</t>
  </si>
  <si>
    <t>01/13/2020 10:45:47</t>
  </si>
  <si>
    <t>a9ec56fd-8795-4fe1-b6c2-a503acfcf7d1.tmp</t>
  </si>
  <si>
    <t>\\acsfs\profiles$\BRUNAAR\Downloads\a9ec56fd-8795-4fe1-b6c2-a503acfcf7d1.tmp</t>
  </si>
  <si>
    <t>01/13/2020 10:47:42</t>
  </si>
  <si>
    <t>https://joaogvc@algartech.com,leonardoao@algartech.com,marianadjc@algartech.com,paulacn@algartech.com,rafaelggs@algartech.com,ricardodfm@algartech.com.br,robsonams@algartech.com,taysdss@algartech.com,thiagordu@algartech.com,viniciussg@algartech.com</t>
  </si>
  <si>
    <t>Erro fatal ANA FLAVIA SOARES BARBOSA.PNG</t>
  </si>
  <si>
    <t>\\acsfs\ACS\001 - Qualidade Lilian\PAULO\Pasta Tainara\Erro fatal ANA FLAVIA SOARES BARBOSA.PNG</t>
  </si>
  <si>
    <t>01/13/2020 10:49:46</t>
  </si>
  <si>
    <t>01/13/2020 10:50:21</t>
  </si>
  <si>
    <t>01/13/2020 10:46:28</t>
  </si>
  <si>
    <t>01/13/2020 10:51:29</t>
  </si>
  <si>
    <t>01/13/2020 10:46:58</t>
  </si>
  <si>
    <t>01/13/2020 10:47:58</t>
  </si>
  <si>
    <t>01/13/2020 10:48:59</t>
  </si>
  <si>
    <t>01/13/2020 10:49:29</t>
  </si>
  <si>
    <t>01/13/2020 10:46:21</t>
  </si>
  <si>
    <t>55d3e4ab-5538-4e4f-a773-f06c11dbee5c.tmp</t>
  </si>
  <si>
    <t>\\acsfs\profiles$\jhonatadss\Downloads\55d3e4ab-5538-4e4f-a773-f06c11dbee5c.tmp</t>
  </si>
  <si>
    <t>01/13/2020 10:46:20</t>
  </si>
  <si>
    <t>\\acsfs\profiles$\anacdos\My Documents\My Pictures\$RECYCLE.BIN\</t>
  </si>
  <si>
    <t>$IWFQWWI.png</t>
  </si>
  <si>
    <t>\\acsfs\profiles$\anacdos\My Documents\My Pictures\$RECYCLE.BIN\$IWFQWWI.png</t>
  </si>
  <si>
    <t>01/13/2020 10:46:26</t>
  </si>
  <si>
    <t>$IDEIYZ0.PNG</t>
  </si>
  <si>
    <t>\\acsfs\profiles$\anacdos\My Documents\My Pictures\$RECYCLE.BIN\$IDEIYZ0.PNG</t>
  </si>
  <si>
    <t>01/13/2020 10:49:19</t>
  </si>
  <si>
    <t>01/13/2020 10:52:28</t>
  </si>
  <si>
    <t>01/13/2020 10:49:24</t>
  </si>
  <si>
    <t>01/13/2020 10:49:27</t>
  </si>
  <si>
    <t>01/13/2020 10:49:32</t>
  </si>
  <si>
    <t>01/13/2020 10:49:56</t>
  </si>
  <si>
    <t>01/13/2020 10:54:28</t>
  </si>
  <si>
    <t>01/13/2020 10:53:28</t>
  </si>
  <si>
    <t>\\acsfs\ACS\Gabriel da Silva\Contemporânea\Comissão e Incentivo\D902506B.tmp\</t>
  </si>
  <si>
    <t>\\acsfs\ACS\Gabriel da Silva\Contemporânea\Comissão e Incentivo\D902506B.tmp\:Zone.Identifier:$DATA</t>
  </si>
  <si>
    <t>01/13/2020 10:52:42</t>
  </si>
  <si>
    <t>01/13/2020 10:49:16</t>
  </si>
  <si>
    <t>ed5c1a2b-fa22-4576-abc8-d183d0894eb2.tmp</t>
  </si>
  <si>
    <t>\\acsfs\profiles$\KARENDSR\Downloads\ed5c1a2b-fa22-4576-abc8-d183d0894eb2.tmp</t>
  </si>
  <si>
    <t>01/13/2020 10:50:37</t>
  </si>
  <si>
    <t>01/13/2020 10:50:52</t>
  </si>
  <si>
    <t>7a9efc29-8a6f-4c2e-b356-203c3947bf41.tmp</t>
  </si>
  <si>
    <t>\\acsfs\profiles$\felipetds\Downloads\7a9efc29-8a6f-4c2e-b356-203c3947bf41.tmp</t>
  </si>
  <si>
    <t>01/13/2020 10:51:28</t>
  </si>
  <si>
    <t>01/13/2020 10:55:29</t>
  </si>
  <si>
    <t>18f438f9-e2c9-4add-928b-a636d82619af.tmp</t>
  </si>
  <si>
    <t>\\acsfs\profiles$\henriquehmdo\Downloads\18f438f9-e2c9-4add-928b-a636d82619af.tmp</t>
  </si>
  <si>
    <t>01/13/2020 10:54:09</t>
  </si>
  <si>
    <t>01/13/2020 10:50:19</t>
  </si>
  <si>
    <t>Agent utilization 01.01.2020 a 09.01.2020.xlsx</t>
  </si>
  <si>
    <t>\\acsfs\deptos\Operacao\PCP\5 - Comum\PLANEJAMENTO BV\23 - EXTRAÇÕES\Agent utilization\2020\Agent utilization 01.01.2020 a 09.01.2020.xlsx</t>
  </si>
  <si>
    <t>01/13/2020 10:52:20</t>
  </si>
  <si>
    <t>AGENT LOGIN LOGOUT DETAILS REPORT 10.01.2020.xlsx</t>
  </si>
  <si>
    <t>\\acsfs\deptos\Operacao\PCP\5 - Comum\PLANEJAMENTO BV\23 - EXTRAÇÕES\Agente Login Logout details report\2020\JANEIRO\AGENT LOGIN LOGOUT DETAILS REPORT 10.01.2020.xlsx</t>
  </si>
  <si>
    <t>01/13/2020 10:54:20</t>
  </si>
  <si>
    <t>AGENT LOGIN LOGOUT DETAILS REPORT 11.01.2020.xlsx</t>
  </si>
  <si>
    <t>\\acsfs\deptos\Operacao\PCP\5 - Comum\PLANEJAMENTO BV\23 - EXTRAÇÕES\Agente Login Logout details report\2020\JANEIRO\AGENT LOGIN LOGOUT DETAILS REPORT 11.01.2020.xlsx</t>
  </si>
  <si>
    <t>01/13/2020 10:53:45</t>
  </si>
  <si>
    <t>62f18c4e-3e6f-469d-9e6b-7d7441c6ad92.tmp</t>
  </si>
  <si>
    <t>\\acsfs\profiles$\leonardobb\Downloads\62f18c4e-3e6f-469d-9e6b-7d7441c6ad92.tmp</t>
  </si>
  <si>
    <t>01/13/2020 10:52:29</t>
  </si>
  <si>
    <t>01/13/2020 10:56:28</t>
  </si>
  <si>
    <t>01/13/2020 10:52:59</t>
  </si>
  <si>
    <t>01/13/2020 10:54:30</t>
  </si>
  <si>
    <t>01/13/2020 10:55:00</t>
  </si>
  <si>
    <t>01/13/2020 10:55:30</t>
  </si>
  <si>
    <t>01/13/2020 10:57:29</t>
  </si>
  <si>
    <t>01/13/2020 10:53:29</t>
  </si>
  <si>
    <t>d29d0f74-8582-4ac5-bcb3-f71c9a172bad.tmp</t>
  </si>
  <si>
    <t>\\acsfs\profiles$\lucasgpe\Downloads\d29d0f74-8582-4ac5-bcb3-f71c9a172bad.tmp</t>
  </si>
  <si>
    <t>01/13/2020 10:52:55</t>
  </si>
  <si>
    <t>01/13/2020 10:58:28</t>
  </si>
  <si>
    <t>algartechcpcbv@algartech.com;eliane.martins@bv.com.br;joaogvc@algartech.com;marianadjc@algartech.com;paulacn@algartech.com;rafael.ramos@bv.com.br;robsonams@algartech.com;</t>
  </si>
  <si>
    <t>algartechcpcbv@algartech.com,eliane.martins@bv.com.br,joaogvc@algartech.com,marianadjc@algartech.com,paulacn@algartech.com,rafael.ramos@bv.com.br,robsonams@algartech.com</t>
  </si>
  <si>
    <t>01/13/2020 10:53:22</t>
  </si>
  <si>
    <t>01/13/2020 10:53:23</t>
  </si>
  <si>
    <t>01/13/2020 10:54:40</t>
  </si>
  <si>
    <t>01/13/2020 10:54:46</t>
  </si>
  <si>
    <t>01/13/2020 10:54:47</t>
  </si>
  <si>
    <t>01/13/2020 10:55:55</t>
  </si>
  <si>
    <t>6fb403f7-f67c-404e-9818-348e1978d16e.tmp</t>
  </si>
  <si>
    <t>\\acsfs\profiles$\rafaelamsv\Downloads\6fb403f7-f67c-404e-9818-348e1978d16e.tmp</t>
  </si>
  <si>
    <t>01/13/2020 10:56:20</t>
  </si>
  <si>
    <t>01/13/2020 10:59:29</t>
  </si>
  <si>
    <t>01/13/2020 10:54:18</t>
  </si>
  <si>
    <t>2d7a289f-8cab-4fad-abf9-dc8e0201e4d2.tmp</t>
  </si>
  <si>
    <t>\\acsfs\profiles$\quindaizaagds\Downloads\2d7a289f-8cab-4fad-abf9-dc8e0201e4d2.tmp</t>
  </si>
  <si>
    <t>0ccd468d-bbce-48a8-93f5-d1fa2bcf853a.tmp</t>
  </si>
  <si>
    <t>\\acsfs\profiles$\quindaizaagds\Downloads\0ccd468d-bbce-48a8-93f5-d1fa2bcf853a.tmp</t>
  </si>
  <si>
    <t>01/13/2020 10:55:38</t>
  </si>
  <si>
    <t>01/13/2020 10:55:47</t>
  </si>
  <si>
    <t>01/13/2020 10:54:44</t>
  </si>
  <si>
    <t>lu6452104h4g.tmp</t>
  </si>
  <si>
    <t>\\acsfs\profiles$\jonathanwap\lu6452104h4g.tmp</t>
  </si>
  <si>
    <t>\\acsfs\profiles$\jonathanwap\lu6452104h4g.tmp\</t>
  </si>
  <si>
    <t>\\acsfs\profiles$\jonathanwap\lu6452104h4g.tmp\META-INF\</t>
  </si>
  <si>
    <t>\\acsfs\profiles$\jonathanwap\lu6452104h4g.tmp\Thumbnails\</t>
  </si>
  <si>
    <t>01/13/2020 10:59:24</t>
  </si>
  <si>
    <t>01/13/2020 11:00:28</t>
  </si>
  <si>
    <t>01/13/2020 10:56:24</t>
  </si>
  <si>
    <t>AGENT LOGIN LOGOUT DETAILS REPORT 12.01.2020.xlsx</t>
  </si>
  <si>
    <t>\\acsfs\deptos\Operacao\PCP\5 - Comum\PLANEJAMENTO BV\23 - EXTRAÇÕES\Agente Login Logout details report\2020\JANEIRO\AGENT LOGIN LOGOUT DETAILS REPORT 12.01.2020.xlsx</t>
  </si>
  <si>
    <t>01/13/2020 10:57:48</t>
  </si>
  <si>
    <t>Queue Summary Report 01.01.20 a 09.01.2020.xlsx</t>
  </si>
  <si>
    <t>\\acsfs\deptos\Operacao\PCP\5 - Comum\PLANEJAMENTO BV\23 - EXTRAÇÕES\Queue Summary Report\2020\Queue Summary Report 01.01.20 a 09.01.2020.xlsx</t>
  </si>
  <si>
    <t>01/13/2020 10:58:08</t>
  </si>
  <si>
    <t>01/13/2020 10:57:00</t>
  </si>
  <si>
    <t>01/13/2020 11:01:28</t>
  </si>
  <si>
    <t>01/13/2020 10:57:30</t>
  </si>
  <si>
    <t>01/13/2020 10:58:30</t>
  </si>
  <si>
    <t>01/13/2020 10:59:00</t>
  </si>
  <si>
    <t>01/13/2020 10:59:31</t>
  </si>
  <si>
    <t>01/13/2020 11:00:01</t>
  </si>
  <si>
    <t>01/13/2020 11:00:31</t>
  </si>
  <si>
    <t>01/13/2020 10:59:16</t>
  </si>
  <si>
    <t>10.200.67.151</t>
  </si>
  <si>
    <t>\\acsfs\DEPTOS\EDUCACAO EMPRESARIAL\2 - Operações\0.01 BV CARTÕES\</t>
  </si>
  <si>
    <t>Treinamento BV Cartões.xlsx</t>
  </si>
  <si>
    <t>\\acsfs\DEPTOS\EDUCACAO EMPRESARIAL\2 - Operações\0.01 BV CARTÕES\Treinamento BV Cartões.xlsx</t>
  </si>
  <si>
    <t>01/13/2020 11:00:39</t>
  </si>
  <si>
    <t>01/13/2020 11:02:28</t>
  </si>
  <si>
    <t>01/13/2020 10:58:54</t>
  </si>
  <si>
    <t>f7712248-5c40-4472-87e5-c44b8d1993d9.tmp</t>
  </si>
  <si>
    <t>\\acsfs\profiles$\Angelicacldr\Downloads\f7712248-5c40-4472-87e5-c44b8d1993d9.tmp</t>
  </si>
  <si>
    <t>01/13/2020 11:02:08</t>
  </si>
  <si>
    <t>01/13/2020 11:03:29</t>
  </si>
  <si>
    <t>01/13/2020 10:58:59</t>
  </si>
  <si>
    <t>01/13/2020 10:59:01</t>
  </si>
  <si>
    <t>01/13/2020 11:04:28</t>
  </si>
  <si>
    <t>01/13/2020 11:01:48</t>
  </si>
  <si>
    <t>01/13/2020 11:00:57</t>
  </si>
  <si>
    <t>01/13/2020 11:05:28</t>
  </si>
  <si>
    <t>mail.google.com/sync/u/0/i/s?hl=pt-BR&amp;c=1149</t>
  </si>
  <si>
    <t>01/13/2020 11:01:02</t>
  </si>
  <si>
    <t>mail.google.com/sync/u/0/i/s?hl=pt-BR&amp;c=1151</t>
  </si>
  <si>
    <t>01/13/2020 11:00:11</t>
  </si>
  <si>
    <t>01/13/2020 11:02:37</t>
  </si>
  <si>
    <t>01/13/2020 11:01:01</t>
  </si>
  <si>
    <t>01/13/2020 11:06:29</t>
  </si>
  <si>
    <t>01/13/2020 11:01:31</t>
  </si>
  <si>
    <t>01/13/2020 11:02:01</t>
  </si>
  <si>
    <t>01/13/2020 11:02:31</t>
  </si>
  <si>
    <t>01/13/2020 11:05:02</t>
  </si>
  <si>
    <t>01/13/2020 11:05:32</t>
  </si>
  <si>
    <t>01/13/2020 11:05:36</t>
  </si>
  <si>
    <t>01/13/2020 11:05:25</t>
  </si>
  <si>
    <t>aaf083b5-7210-4bd4-b4d6-8dcf97aae80d.tmp</t>
  </si>
  <si>
    <t>\\acsfs\profiles$\joselrb\Downloads\aaf083b5-7210-4bd4-b4d6-8dcf97aae80d.tmp</t>
  </si>
  <si>
    <t>01/13/2020 11:03:02</t>
  </si>
  <si>
    <t>01/13/2020 11:07:28</t>
  </si>
  <si>
    <t>lu1973611kns4.tmp</t>
  </si>
  <si>
    <t>\\acsfs\profiles$\lucasgpe\Desktop\lu1973611kns4.tmp</t>
  </si>
  <si>
    <t>\\acsfs\profiles$\lucasgpe\Desktop\lu1973611kns4.tmp\</t>
  </si>
  <si>
    <t>\\acsfs\profiles$\lucasgpe\Desktop\lu1973611kns4.tmp\META-INF\</t>
  </si>
  <si>
    <t>\\acsfs\profiles$\lucasgpe\Desktop\lu1973611kns4.tmp\Thumbnails\</t>
  </si>
  <si>
    <t>01/13/2020 11:05:08</t>
  </si>
  <si>
    <t>4f833826-520a-4264-9f83-1b40035e3d58.tmp</t>
  </si>
  <si>
    <t>\\acsfs\profiles$\lucasgpe\Downloads\4f833826-520a-4264-9f83-1b40035e3d58.tmp</t>
  </si>
  <si>
    <t>01/13/2020 11:06:14</t>
  </si>
  <si>
    <t>01/13/2020 11:08:28</t>
  </si>
  <si>
    <t>horario Brunna.xlsx</t>
  </si>
  <si>
    <t>01/13/2020 11:06:18</t>
  </si>
  <si>
    <t>01/13/2020 11:06:38</t>
  </si>
  <si>
    <t>C:\Temp\CollectIT\browsinginfo.zip\</t>
  </si>
  <si>
    <t>01/13/2020 11:03:43</t>
  </si>
  <si>
    <t>01/13/2020 11:09:28</t>
  </si>
  <si>
    <t>67f45309-cbee-4c29-9384-705de260ae0f.tmp</t>
  </si>
  <si>
    <t>\\acsfs\profiles$\gabrielsma\Downloads\67f45309-cbee-4c29-9384-705de260ae0f.tmp</t>
  </si>
  <si>
    <t>01/13/2020 11:03:54</t>
  </si>
  <si>
    <t>Não confirmado 197340.crdownload</t>
  </si>
  <si>
    <t>\\acsfs\ACS\Gabriel da Silva\Contemporânea\Comissão e Incentivo\Não confirmado 197340.crdownload</t>
  </si>
  <si>
    <t>01/13/2020 11:08:14</t>
  </si>
  <si>
    <t>Incentivo BV - SAC_VL1.xlsx</t>
  </si>
  <si>
    <t>\\acsfs\ACS\Gabriel da Silva\Contemporânea\Comissão e Incentivo\Incentivo BV - SAC_VL1.xlsx</t>
  </si>
  <si>
    <t>01/13/2020 11:07:17</t>
  </si>
  <si>
    <t>01/13/2020 11:06:17</t>
  </si>
  <si>
    <t>01/13/2020 11:10:28</t>
  </si>
  <si>
    <t>01/13/2020 11:08:13</t>
  </si>
  <si>
    <t>01/13/2020 11:05:07</t>
  </si>
  <si>
    <t>lu263961x8m7c.tmp</t>
  </si>
  <si>
    <t>\\acsfs\profiles$\BRUNAAR\Numero\lu263961x8m7c.tmp</t>
  </si>
  <si>
    <t>01/13/2020 11:07:13</t>
  </si>
  <si>
    <t>daec9218-59cc-4076-ac51-bad33c3b42ab.tmp</t>
  </si>
  <si>
    <t>\\acsfs\profiles$\BRUNAAR\Downloads\daec9218-59cc-4076-ac51-bad33c3b42ab.tmp</t>
  </si>
  <si>
    <t>01/13/2020 11:09:35</t>
  </si>
  <si>
    <t>d0625e5a-cd2c-4ed3-95fc-d271f4baf6e5.tmp</t>
  </si>
  <si>
    <t>\\acsfs\profiles$\BRUNAAR\Downloads\d0625e5a-cd2c-4ed3-95fc-d271f4baf6e5.tmp</t>
  </si>
  <si>
    <t>01/13/2020 11:06:32</t>
  </si>
  <si>
    <t>01/13/2020 11:11:28</t>
  </si>
  <si>
    <t>01/13/2020 11:07:02</t>
  </si>
  <si>
    <t>01/13/2020 11:07:32</t>
  </si>
  <si>
    <t>01/13/2020 11:10:03</t>
  </si>
  <si>
    <t>01/13/2020 11:10:33</t>
  </si>
  <si>
    <t>01/13/2020 11:06:15</t>
  </si>
  <si>
    <t>01/13/2020 11:06:33</t>
  </si>
  <si>
    <t>45fd179e-3c8b-44e3-ab68-b2833a50eb17.tmp</t>
  </si>
  <si>
    <t>\\acsfs\profiles$\joselrb\Downloads\45fd179e-3c8b-44e3-ab68-b2833a50eb17.tmp</t>
  </si>
  <si>
    <t>01/13/2020 11:06:49</t>
  </si>
  <si>
    <t>84ec5e42-cdf0-415b-b978-8a4f850bcba4.tmp</t>
  </si>
  <si>
    <t>\\acsfs\profiles$\joselrb\Downloads\84ec5e42-cdf0-415b-b978-8a4f850bcba4.tmp</t>
  </si>
  <si>
    <t>01/13/2020 11:09:40</t>
  </si>
  <si>
    <t>01/13/2020 11:13:28</t>
  </si>
  <si>
    <t>01/13/2020 11:09:42</t>
  </si>
  <si>
    <t>01/13/2020 11:10:08</t>
  </si>
  <si>
    <t>01/13/2020 11:10:17</t>
  </si>
  <si>
    <t>01/13/2020 11:10:22</t>
  </si>
  <si>
    <t>01/13/2020 11:11:09</t>
  </si>
  <si>
    <t>01/13/2020 11:14:28</t>
  </si>
  <si>
    <t>01/13/2020 11:10:38</t>
  </si>
  <si>
    <t>01/13/2020 11:09:37</t>
  </si>
  <si>
    <t>954bda95-2e26-45b3-893a-876dd88a928b.tmp</t>
  </si>
  <si>
    <t>\\acsfs\profiles$\wedersonbadr\My Documents\My Music\954bda95-2e26-45b3-893a-876dd88a928b.tmp</t>
  </si>
  <si>
    <t>01/13/2020 11:09:44</t>
  </si>
  <si>
    <t>f5457964-2b21-40e6-a4de-4df5c4737ce9.tmp</t>
  </si>
  <si>
    <t>\\acsfs\profiles$\wedersonbadr\My Documents\My Music\f5457964-2b21-40e6-a4de-4df5c4737ce9.tmp</t>
  </si>
  <si>
    <t>01/13/2020 11:10:39</t>
  </si>
  <si>
    <t>01/13/2020 11:15:29</t>
  </si>
  <si>
    <t>c0e61a05-4bae-42bf-aa4f-64339de06e68.tmp</t>
  </si>
  <si>
    <t>\\acsfs\profiles$\BRUNAAR\Downloads\c0e61a05-4bae-42bf-aa4f-64339de06e68.tmp</t>
  </si>
  <si>
    <t>01/13/2020 11:12:15</t>
  </si>
  <si>
    <t>01/13/2020 11:12:44</t>
  </si>
  <si>
    <t>01/13/2020 11:13:54</t>
  </si>
  <si>
    <t>01/13/2020 11:12:24</t>
  </si>
  <si>
    <t>2011cd75-7725-456f-9d07-4479c802c259.tmp</t>
  </si>
  <si>
    <t>\\acsfs\profiles$\ANAPDSB\Downloads\2011cd75-7725-456f-9d07-4479c802c259.tmp</t>
  </si>
  <si>
    <t>01/13/2020 11:11:37</t>
  </si>
  <si>
    <t>2f12819f-232b-45cd-a65a-cd4c44ccb502.tmp</t>
  </si>
  <si>
    <t>\\acsfs\profiles$\mariajra\Downloads\2f12819f-232b-45cd-a65a-cd4c44ccb502.tmp</t>
  </si>
  <si>
    <t>01/13/2020 11:11:03</t>
  </si>
  <si>
    <t>01/13/2020 11:16:28</t>
  </si>
  <si>
    <t>01/13/2020 11:11:33</t>
  </si>
  <si>
    <t>01/13/2020 11:12:04</t>
  </si>
  <si>
    <t>01/13/2020 11:14:34</t>
  </si>
  <si>
    <t>01/13/2020 11:15:04</t>
  </si>
  <si>
    <t>01/13/2020 11:15:35</t>
  </si>
  <si>
    <t>01/13/2020 11:13:12</t>
  </si>
  <si>
    <t>01/13/2020 11:17:29</t>
  </si>
  <si>
    <t>01/13/2020 11:18:28</t>
  </si>
  <si>
    <t>01/13/2020 11:16:14</t>
  </si>
  <si>
    <t>c00e2d02-c382-4cd2-b2b3-c943d333a71a.tmp</t>
  </si>
  <si>
    <t>\\acsfs\profiles$\rafaelahpn\Downloads\c00e2d02-c382-4cd2-b2b3-c943d333a71a.tmp</t>
  </si>
  <si>
    <t>01/13/2020 11:19:28</t>
  </si>
  <si>
    <t>01/13/2020 11:14:59</t>
  </si>
  <si>
    <t>3bbd1cd9-4331-41b6-b328-7fc7b5e0e4b5.tmp</t>
  </si>
  <si>
    <t>\\acsfs\profiles$\nathaliarmr\Downloads\3bbd1cd9-4331-41b6-b328-7fc7b5e0e4b5.tmp</t>
  </si>
  <si>
    <t>01/13/2020 11:14:49</t>
  </si>
  <si>
    <t>04045c55-1323-4702-a4c1-0483870bf266.tmp</t>
  </si>
  <si>
    <t>\\acsfs\profiles$\lorraynevam\Downloads\04045c55-1323-4702-a4c1-0483870bf266.tmp</t>
  </si>
  <si>
    <t>01/13/2020 11:15:03</t>
  </si>
  <si>
    <t>c267bf3a-e83f-4701-986b-85bbf90e3772.tmp</t>
  </si>
  <si>
    <t>\\acsfs\profiles$\lorraynevam\Downloads\c267bf3a-e83f-4701-986b-85bbf90e3772.tmp</t>
  </si>
  <si>
    <t>01/13/2020 11:18:23</t>
  </si>
  <si>
    <t>01/13/2020 11:20:28</t>
  </si>
  <si>
    <t>01/13/2020 11:16:05</t>
  </si>
  <si>
    <t>01/13/2020 11:21:28</t>
  </si>
  <si>
    <t>01/13/2020 11:16:35</t>
  </si>
  <si>
    <t>01/13/2020 11:17:35</t>
  </si>
  <si>
    <t>01/13/2020 11:18:06</t>
  </si>
  <si>
    <t>01/13/2020 11:19:06</t>
  </si>
  <si>
    <t>01/13/2020 11:19:36</t>
  </si>
  <si>
    <t>01/13/2020 11:20:06</t>
  </si>
  <si>
    <t>01/13/2020 11:20:36</t>
  </si>
  <si>
    <t>01/13/2020 11:20:50</t>
  </si>
  <si>
    <t>01/13/2020 11:22:28</t>
  </si>
  <si>
    <t>01/13/2020 11:18:02</t>
  </si>
  <si>
    <t>01/13/2020 11:23:29</t>
  </si>
  <si>
    <t>01/13/2020 11:18:10</t>
  </si>
  <si>
    <t>01/13/2020 11:18:19</t>
  </si>
  <si>
    <t>01/13/2020 11:18:22</t>
  </si>
  <si>
    <t>01/13/2020 11:18:42</t>
  </si>
  <si>
    <t>01/13/2020 11:22:33</t>
  </si>
  <si>
    <t>01/13/2020 11:21:01</t>
  </si>
  <si>
    <t>01/13/2020 11:24:28</t>
  </si>
  <si>
    <t>\\acsfs\ACS\Gabriel da Silva\Contemporânea\NPS\NPS_Voz\Dezembro.19\</t>
  </si>
  <si>
    <t>Não confirmado 106632.crdownload</t>
  </si>
  <si>
    <t>\\acsfs\ACS\Gabriel da Silva\Contemporânea\NPS\NPS_Voz\Dezembro.19\Não confirmado 106632.crdownload</t>
  </si>
  <si>
    <t>01/13/2020 11:21:31</t>
  </si>
  <si>
    <t>01/13/2020 11:21:53</t>
  </si>
  <si>
    <t>01/13/2020 11:23:13</t>
  </si>
  <si>
    <t>01/13/2020 11:25:29</t>
  </si>
  <si>
    <t>01/13/2020 11:20:26</t>
  </si>
  <si>
    <t>9bb3ebe3-d3ca-4ad3-89b2-c6293aad4e53.tmp</t>
  </si>
  <si>
    <t>\\acsfs\profiles$\henriquehmdo\Downloads\9bb3ebe3-d3ca-4ad3-89b2-c6293aad4e53.tmp</t>
  </si>
  <si>
    <t>Teste</t>
  </si>
  <si>
    <t>01/13/2020 11:22:38</t>
  </si>
  <si>
    <t>32659df5-c9da-4053-969a-5bdc2962ffae.tmp</t>
  </si>
  <si>
    <t>\\acsfs\profiles$\lucasqdss\Downloads\32659df5-c9da-4053-969a-5bdc2962ffae.tmp</t>
  </si>
  <si>
    <t>01/13/2020 11:21:06</t>
  </si>
  <si>
    <t>01/13/2020 11:26:28</t>
  </si>
  <si>
    <t>01/13/2020 11:25:38</t>
  </si>
  <si>
    <t>01/13/2020 11:26:03</t>
  </si>
  <si>
    <t>01/13/2020 11:27:28</t>
  </si>
  <si>
    <t>01/13/2020 11:24:15</t>
  </si>
  <si>
    <t>01/13/2020 11:28:28</t>
  </si>
  <si>
    <t>01/13/2020 11:22:45</t>
  </si>
  <si>
    <t>01/13/2020 11:22:52</t>
  </si>
  <si>
    <t>01/13/2020 11:24:24</t>
  </si>
  <si>
    <t>01/13/2020 11:29:28</t>
  </si>
  <si>
    <t>01/13/2020 11:27:33</t>
  </si>
  <si>
    <t>01/13/2020 11:26:47</t>
  </si>
  <si>
    <t>01/13/2020 11:26:51</t>
  </si>
  <si>
    <t>01/13/2020 11:26:55</t>
  </si>
  <si>
    <t>01/13/2020 11:26:57</t>
  </si>
  <si>
    <t>01/13/2020 11:26:59</t>
  </si>
  <si>
    <t>01/13/2020 11:27:06</t>
  </si>
  <si>
    <t>01/13/2020 11:27:08</t>
  </si>
  <si>
    <t>01/13/2020 11:27:11</t>
  </si>
  <si>
    <t>01/13/2020 11:27:12</t>
  </si>
  <si>
    <t>01/13/2020 11:27:13</t>
  </si>
  <si>
    <t>01/13/2020 11:27:16</t>
  </si>
  <si>
    <t>01/13/2020 11:27:17</t>
  </si>
  <si>
    <t>01/13/2020 11:27:18</t>
  </si>
  <si>
    <t>01/13/2020 11:27:19</t>
  </si>
  <si>
    <t>01/13/2020 11:27:20</t>
  </si>
  <si>
    <t>01/13/2020 11:27:21</t>
  </si>
  <si>
    <t>01/13/2020 11:27:23</t>
  </si>
  <si>
    <t>01/13/2020 11:27:24</t>
  </si>
  <si>
    <t>01/13/2020 11:27:27</t>
  </si>
  <si>
    <t>01/13/2020 11:27:30</t>
  </si>
  <si>
    <t>01/13/2020 11:27:31</t>
  </si>
  <si>
    <t>01/13/2020 11:27:32</t>
  </si>
  <si>
    <t>01/13/2020 11:27:34</t>
  </si>
  <si>
    <t>01/13/2020 11:27:35</t>
  </si>
  <si>
    <t>01/13/2020 11:27:37</t>
  </si>
  <si>
    <t>01/13/2020 11:27:38</t>
  </si>
  <si>
    <t>01/13/2020 11:27:39</t>
  </si>
  <si>
    <t>01/13/2020 11:27:42</t>
  </si>
  <si>
    <t>01/13/2020 11:27:43</t>
  </si>
  <si>
    <t>01/13/2020 11:27:46</t>
  </si>
  <si>
    <t>01/13/2020 11:27:48</t>
  </si>
  <si>
    <t>01/13/2020 11:27:49</t>
  </si>
  <si>
    <t>01/13/2020 11:27:50</t>
  </si>
  <si>
    <t>01/13/2020 11:27:52</t>
  </si>
  <si>
    <t>01/13/2020 11:27:54</t>
  </si>
  <si>
    <t>01/13/2020 11:27:56</t>
  </si>
  <si>
    <t>01/13/2020 11:27:57</t>
  </si>
  <si>
    <t>01/13/2020 11:27:58</t>
  </si>
  <si>
    <t>01/13/2020 11:28:00</t>
  </si>
  <si>
    <t>01/13/2020 11:28:01</t>
  </si>
  <si>
    <t>01/13/2020 11:28:03</t>
  </si>
  <si>
    <t>01/13/2020 11:28:05</t>
  </si>
  <si>
    <t>01/13/2020 11:28:29</t>
  </si>
  <si>
    <t>01/13/2020 11:29:31</t>
  </si>
  <si>
    <t>01/13/2020 11:30:28</t>
  </si>
  <si>
    <t>01/13/2020 11:26:08</t>
  </si>
  <si>
    <t>01/13/2020 11:31:28</t>
  </si>
  <si>
    <t>01/13/2020 11:26:38</t>
  </si>
  <si>
    <t>01/13/2020 11:33:28</t>
  </si>
  <si>
    <t>01/13/2020 11:31:44</t>
  </si>
  <si>
    <t>01/13/2020 11:29:17</t>
  </si>
  <si>
    <t>01/13/2020 11:34:28</t>
  </si>
  <si>
    <t>Não confirmado 872030.crdownload</t>
  </si>
  <si>
    <t>\\acsfs\ACS\Gabriel da Silva\Contemporânea\Gen\Não confirmado 872030.crdownload</t>
  </si>
  <si>
    <t>01/13/2020 11:32:38</t>
  </si>
  <si>
    <t>01/13/2020 11:33:09</t>
  </si>
  <si>
    <t>01/13/2020 11:33:39</t>
  </si>
  <si>
    <t>01/13/2020 11:36:29</t>
  </si>
  <si>
    <t>01/13/2020 11:34:04</t>
  </si>
  <si>
    <t>lu2733221pjne.tmp</t>
  </si>
  <si>
    <t>\\acsfs\profiles$\RAFAELRF\meu\lu2733221pjne.tmp</t>
  </si>
  <si>
    <t>01/13/2020 11:34:44</t>
  </si>
  <si>
    <t>01/13/2020 11:37:28</t>
  </si>
  <si>
    <t>01/13/2020 11:35:19</t>
  </si>
  <si>
    <t>01/13/2020 11:38:28</t>
  </si>
  <si>
    <t>01/13/2020 11:37:40</t>
  </si>
  <si>
    <t>01/13/2020 11:39:28</t>
  </si>
  <si>
    <t>01/13/2020 11:42:28</t>
  </si>
  <si>
    <t>01/13/2020 11:37:23</t>
  </si>
  <si>
    <t>01/13/2020 11:40:56</t>
  </si>
  <si>
    <t>01/13/2020 11:44:28</t>
  </si>
  <si>
    <t>01/13/2020 11:42:02</t>
  </si>
  <si>
    <t>\\acsfs\ACS\Gabriel da Silva\Contemporânea\Comissão e Incentivo\16FE4B5D.tmp\</t>
  </si>
  <si>
    <t>\\acsfs\ACS\Gabriel da Silva\Contemporânea\Comissão e Incentivo\16FE4B5D.tmp\:Zone.Identifier:$DATA</t>
  </si>
  <si>
    <t>01/13/2020 11:43:39</t>
  </si>
  <si>
    <t>01/13/2020 11:42:47</t>
  </si>
  <si>
    <t>01/13/2020 11:45:28</t>
  </si>
  <si>
    <t>01/13/2020 11:40:51</t>
  </si>
  <si>
    <t>c32d4752-1eb5-4353-8699-3c9026d18f30.tmp</t>
  </si>
  <si>
    <t>\\acsfs\profiles$\lucasqdss\Downloads\c32d4752-1eb5-4353-8699-3c9026d18f30.tmp</t>
  </si>
  <si>
    <t>01/13/2020 11:45:58</t>
  </si>
  <si>
    <t>01/13/2020 11:47:29</t>
  </si>
  <si>
    <t>0855d506-45d0-4d4a-a269-23bde7e15303.tmp</t>
  </si>
  <si>
    <t>\\acsfs\profiles$\PEDROHAB\Downloads\0855d506-45d0-4d4a-a269-23bde7e15303.tmp</t>
  </si>
  <si>
    <t>01/13/2020 11:46:29</t>
  </si>
  <si>
    <t>763ffb0d-95d7-424a-927c-81ac473e48e1.tmp</t>
  </si>
  <si>
    <t>\\acsfs\profiles$\PEDROHAB\Downloads\763ffb0d-95d7-424a-927c-81ac473e48e1.tmp</t>
  </si>
  <si>
    <t>01/13/2020 11:46:31</t>
  </si>
  <si>
    <t>252271f3-9a3b-4a29-b909-dac7bf00a66d.tmp</t>
  </si>
  <si>
    <t>\\acsfs\profiles$\PEDROHAB\Downloads\252271f3-9a3b-4a29-b909-dac7bf00a66d.tmp</t>
  </si>
  <si>
    <t>01/13/2020 11:42:40</t>
  </si>
  <si>
    <t>d2449b9e-332d-4b90-a518-b8d38f59261a.tmp</t>
  </si>
  <si>
    <t>\\acsfs\profiles$\lucasgpe\Downloads\d2449b9e-332d-4b90-a518-b8d38f59261a.tmp</t>
  </si>
  <si>
    <t>01/13/2020 11:46:09</t>
  </si>
  <si>
    <t>01/13/2020 11:48:28</t>
  </si>
  <si>
    <t>01/13/2020 11:44:53</t>
  </si>
  <si>
    <t>01/13/2020 11:49:29</t>
  </si>
  <si>
    <t>01/13/2020 11:46:45</t>
  </si>
  <si>
    <t>~$Agent_Utilization_Report_Matheus.xlsx</t>
  </si>
  <si>
    <t>\\acsfs\ACS\Gabriel da Silva\Contemporânea\Gen\~$Agent_Utilization_Report_Matheus.xlsx</t>
  </si>
  <si>
    <t>01/13/2020 11:46:39</t>
  </si>
  <si>
    <t>01/13/2020 11:46:33</t>
  </si>
  <si>
    <t>dc2234b3-5675-4b17-a14d-ab457e582759.tmp</t>
  </si>
  <si>
    <t>\\acsfs\profiles$\lorraynevam\Downloads\dc2234b3-5675-4b17-a14d-ab457e582759.tmp</t>
  </si>
  <si>
    <t>01/13/2020 11:46:10</t>
  </si>
  <si>
    <t>01/13/2020 11:50:28</t>
  </si>
  <si>
    <t>01/13/2020 11:45:07</t>
  </si>
  <si>
    <t>87aad2a1-5d0a-456f-b01b-37ea664b7117.tmp</t>
  </si>
  <si>
    <t>\\acsfs\profiles$\paulovadc\Downloads\87aad2a1-5d0a-456f-b01b-37ea664b7117.tmp</t>
  </si>
  <si>
    <t>01/13/2020 11:47:54</t>
  </si>
  <si>
    <t>01/13/2020 11:51:29</t>
  </si>
  <si>
    <t>01/13/2020 11:47:05</t>
  </si>
  <si>
    <t>01/13/2020 11:52:28</t>
  </si>
  <si>
    <t>4b4f01d2-8682-48c5-b81d-0f2afd2c793f.tmp</t>
  </si>
  <si>
    <t>\\acsfs\profiles$\PEDROHAB\Downloads\4b4f01d2-8682-48c5-b81d-0f2afd2c793f.tmp</t>
  </si>
  <si>
    <t>01/13/2020 11:48:02</t>
  </si>
  <si>
    <t>01/13/2020 11:51:19</t>
  </si>
  <si>
    <t>01/13/2020 11:48:36</t>
  </si>
  <si>
    <t>flaviacno@algartech.com;gustavodsil@algartech.com;maristelavodq@bv.algartech.com;</t>
  </si>
  <si>
    <t>flaviacno@algartech.com,gustavodsil@algartech.com,maristelavodq@bv.algartech.com</t>
  </si>
  <si>
    <t>01/13/2020 11:48:57</t>
  </si>
  <si>
    <t>01/13/2020 11:49:07</t>
  </si>
  <si>
    <t>Incentivo BV - CRBV (1).xlsx</t>
  </si>
  <si>
    <t>01/13/2020 11:49:08</t>
  </si>
  <si>
    <t>01/13/2020 11:50:07</t>
  </si>
  <si>
    <t>01/13/2020 11:51:11</t>
  </si>
  <si>
    <t>01/13/2020 11:53:28</t>
  </si>
  <si>
    <t>01/13/2020 11:50:56</t>
  </si>
  <si>
    <t>01/13/2020 11:51:43</t>
  </si>
  <si>
    <t>33c762f9-3c7b-43f3-abc3-b117cf39b69e.tmp</t>
  </si>
  <si>
    <t>\\acsfs\profiles$\jhonatadss\Downloads\33c762f9-3c7b-43f3-abc3-b117cf39b69e.tmp</t>
  </si>
  <si>
    <t>01/13/2020 11:52:17</t>
  </si>
  <si>
    <t>e4dddf3f-604b-4c0e-b9f4-28bdf5888b5f.tmp</t>
  </si>
  <si>
    <t>\\acsfs\profiles$\jhonatadss\Downloads\e4dddf3f-604b-4c0e-b9f4-28bdf5888b5f.tmp</t>
  </si>
  <si>
    <t>01/13/2020 11:50:35</t>
  </si>
  <si>
    <t>01/13/2020 11:54:28</t>
  </si>
  <si>
    <t>\\acsfs\ACS\Gabriel da Silva\Contemporânea\Comissão e Incentivo\652FB5EA.tmp\</t>
  </si>
  <si>
    <t>\\acsfs\ACS\Gabriel da Silva\Contemporânea\Comissão e Incentivo\652FB5EA.tmp\:Zone.Identifier:$DATA</t>
  </si>
  <si>
    <t>01/13/2020 11:55:28</t>
  </si>
  <si>
    <t>01/13/2020 11:51:52</t>
  </si>
  <si>
    <t>lu263961x8m7f.tmp</t>
  </si>
  <si>
    <t>\\acsfs\profiles$\BRUNAAR\Numero\lu263961x8m7f.tmp</t>
  </si>
  <si>
    <t>01/13/2020 11:52:55</t>
  </si>
  <si>
    <t>01/13/2020 11:52:56</t>
  </si>
  <si>
    <t>lu263961x8m7i.tmp</t>
  </si>
  <si>
    <t>\\acsfs\profiles$\BRUNAAR\Numero\lu263961x8m7i.tmp</t>
  </si>
  <si>
    <t>01/13/2020 11:54:34</t>
  </si>
  <si>
    <t>01/13/2020 11:56:28</t>
  </si>
  <si>
    <t>52dda34a-14cc-490b-bbb8-eaa1ecbf4c33.tmp</t>
  </si>
  <si>
    <t>\\acsfs\profiles$\joselrb\Downloads\52dda34a-14cc-490b-bbb8-eaa1ecbf4c33.tmp</t>
  </si>
  <si>
    <t>01/13/2020 11:55:07</t>
  </si>
  <si>
    <t>01/13/2020 11:57:28</t>
  </si>
  <si>
    <t>01/13/2020 11:55:05</t>
  </si>
  <si>
    <t>01/13/2020 11:58:28</t>
  </si>
  <si>
    <t>7695856b-216a-4fcb-a3ad-f9c86f7ab8c7.tmp</t>
  </si>
  <si>
    <t>\\acsfs\profiles$\wenderbnm\Downloads\7695856b-216a-4fcb-a3ad-f9c86f7ab8c7.tmp</t>
  </si>
  <si>
    <t>01/13/2020 11:53:39</t>
  </si>
  <si>
    <t>01/13/2020 11:59:28</t>
  </si>
  <si>
    <t>c2a0af82-fe04-4658-a63f-7553147db474.tmp</t>
  </si>
  <si>
    <t>\\acsfs\profiles$\vivianealda\Downloads\c2a0af82-fe04-4658-a63f-7553147db474.tmp</t>
  </si>
  <si>
    <t>01/13/2020 11:57:17</t>
  </si>
  <si>
    <t>01/13/2020 11:57:19</t>
  </si>
  <si>
    <t>01/13/2020 11:56:27</t>
  </si>
  <si>
    <t>f8cbb435-0556-4701-81a2-d3555d4c1818.tmp</t>
  </si>
  <si>
    <t>\\acsfs\profiles$\quindaizaagds\Downloads\f8cbb435-0556-4701-81a2-d3555d4c1818.tmp</t>
  </si>
  <si>
    <t>01/13/2020 11:56:57</t>
  </si>
  <si>
    <t>5b74a8da-ed0a-497f-bfc6-e413cc63c87d.tmp</t>
  </si>
  <si>
    <t>\\acsfs\profiles$\quindaizaagds\Downloads\5b74a8da-ed0a-497f-bfc6-e413cc63c87d.tmp</t>
  </si>
  <si>
    <t>01/13/2020 11:56:40</t>
  </si>
  <si>
    <t>01/13/2020 11:56:41</t>
  </si>
  <si>
    <t>lu6452104h4l.tmp</t>
  </si>
  <si>
    <t>\\acsfs\profiles$\jonathanwap\lu6452104h4l.tmp</t>
  </si>
  <si>
    <t>\\acsfs\profiles$\jonathanwap\lu6452104h4l.tmp\</t>
  </si>
  <si>
    <t>\\acsfs\profiles$\jonathanwap\lu6452104h4l.tmp\META-INF\</t>
  </si>
  <si>
    <t>\\acsfs\profiles$\jonathanwap\lu6452104h4l.tmp\Thumbnails\</t>
  </si>
  <si>
    <t>01/13/2020 11:57:23</t>
  </si>
  <si>
    <t>01/13/2020 11:55:40</t>
  </si>
  <si>
    <t>01/13/2020 12:00:28</t>
  </si>
  <si>
    <t>01/13/2020 11:55:42</t>
  </si>
  <si>
    <t>d366e3f9-3699-442d-99e6-0a0c2fcefbb9.tmp</t>
  </si>
  <si>
    <t>\\acsfs\profiles$\henriquehmdo\Downloads\d366e3f9-3699-442d-99e6-0a0c2fcefbb9.tmp</t>
  </si>
  <si>
    <t>01/13/2020 11:55:00</t>
  </si>
  <si>
    <t>01/13/2020 11:57:33</t>
  </si>
  <si>
    <t>01/13/2020 11:57:34</t>
  </si>
  <si>
    <t>lu130441buyz.tmp</t>
  </si>
  <si>
    <t>\\acsfs\profiles$\CINTIADCF\lu130441buyz.tmp</t>
  </si>
  <si>
    <t>\\acsfs\profiles$\CINTIADCF\lu130441buyz.tmp\</t>
  </si>
  <si>
    <t>\\acsfs\profiles$\CINTIADCF\lu130441buyz.tmp\META-INF\</t>
  </si>
  <si>
    <t>\\acsfs\profiles$\CINTIADCF\lu130441buyz.tmp\Thumbnails\</t>
  </si>
  <si>
    <t>01/13/2020 11:56:56</t>
  </si>
  <si>
    <t>01/13/2020 11:56:17</t>
  </si>
  <si>
    <t>01/13/2020 11:58:38</t>
  </si>
  <si>
    <t>01/13/2020 12:00:13</t>
  </si>
  <si>
    <t>01/13/2020 12:02:28</t>
  </si>
  <si>
    <t>01/13/2020 11:59:05</t>
  </si>
  <si>
    <t>01/13/2020 11:59:38</t>
  </si>
  <si>
    <t>01/13/2020 12:03:28</t>
  </si>
  <si>
    <t>01/13/2020 12:04:28</t>
  </si>
  <si>
    <t>01/13/2020 12:00:02</t>
  </si>
  <si>
    <t>01/13/2020 12:00:03</t>
  </si>
  <si>
    <t>01/13/2020 12:01:59</t>
  </si>
  <si>
    <t>01/13/2020 12:03:51</t>
  </si>
  <si>
    <t>01/13/2020 12:03:35</t>
  </si>
  <si>
    <t>01/13/2020 12:05:28</t>
  </si>
  <si>
    <t>01/13/2020 12:04:59</t>
  </si>
  <si>
    <t>01/13/2020 12:08:28</t>
  </si>
  <si>
    <t>01/13/2020 12:08:08</t>
  </si>
  <si>
    <t>01/13/2020 12:09:29</t>
  </si>
  <si>
    <t>26127fab-0e0d-4d0a-8a6f-a3b9cf3589c1.tmp</t>
  </si>
  <si>
    <t>\\acsfs\profiles$\vivianealda\Downloads\26127fab-0e0d-4d0a-8a6f-a3b9cf3589c1.tmp</t>
  </si>
  <si>
    <t>01/13/2020 12:07:13</t>
  </si>
  <si>
    <t>2a160985-58f5-4813-9b8f-4545acc27637.tmp</t>
  </si>
  <si>
    <t>\\acsfs\profiles$\ALYNYA\Downloads\2a160985-58f5-4813-9b8f-4545acc27637.tmp</t>
  </si>
  <si>
    <t>01/13/2020 12:06:20</t>
  </si>
  <si>
    <t>a7c23f61-d4e8-4796-85c8-e5fa8f6686dd.tmp</t>
  </si>
  <si>
    <t>\\acsfs\profiles$\gabrielafs\Downloads\a7c23f61-d4e8-4796-85c8-e5fa8f6686dd.tmp</t>
  </si>
  <si>
    <t>01/13/2020 12:07:19</t>
  </si>
  <si>
    <t>d178d200-52d2-4ee0-a0d0-b6df54a99bd7.tmp</t>
  </si>
  <si>
    <t>\\acsfs\profiles$\ALYNYA\Downloads\d178d200-52d2-4ee0-a0d0-b6df54a99bd7.tmp</t>
  </si>
  <si>
    <t>01/13/2020 12:05:29</t>
  </si>
  <si>
    <t>9ff367dc-fb41-4853-93a3-9643bbe73bba.tmp</t>
  </si>
  <si>
    <t>\\acsfs\profiles$\gustavoab\Downloads\9ff367dc-fb41-4853-93a3-9643bbe73bba.tmp</t>
  </si>
  <si>
    <t>01/13/2020 12:06:13</t>
  </si>
  <si>
    <t>01/13/2020 12:10:28</t>
  </si>
  <si>
    <t>01/13/2020 12:06:27</t>
  </si>
  <si>
    <t>01/13/2020 12:11:29</t>
  </si>
  <si>
    <t>01/13/2020 12:10:22</t>
  </si>
  <si>
    <t>d2e6ba58-71bb-4c96-a2bf-603c00fc05a3.tmp</t>
  </si>
  <si>
    <t>\\acsfs\profiles$\sarahbal\Downloads\d2e6ba58-71bb-4c96-a2bf-603c00fc05a3.tmp</t>
  </si>
  <si>
    <t>01/13/2020 12:13:35</t>
  </si>
  <si>
    <t>01/13/2020 12:14:28</t>
  </si>
  <si>
    <t>01/13/2020 12:12:12</t>
  </si>
  <si>
    <t>01/13/2020 12:15:29</t>
  </si>
  <si>
    <t>01/13/2020 12:10:03</t>
  </si>
  <si>
    <t>01/13/2020 12:13:32</t>
  </si>
  <si>
    <t>01/13/2020 12:14:10</t>
  </si>
  <si>
    <t>01/13/2020 12:10:17</t>
  </si>
  <si>
    <t>01/13/2020 12:12:46</t>
  </si>
  <si>
    <t>01/13/2020 12:17:29</t>
  </si>
  <si>
    <t>01/13/2020 12:14:32</t>
  </si>
  <si>
    <t>01/13/2020 12:14:18</t>
  </si>
  <si>
    <t>01/13/2020 12:19:29</t>
  </si>
  <si>
    <t>01/13/2020 12:18:16</t>
  </si>
  <si>
    <t>23/02/1969;</t>
  </si>
  <si>
    <t>https://23/02/1969</t>
  </si>
  <si>
    <t>01/13/2020 12:17:21</t>
  </si>
  <si>
    <t>01/13/2020 12:20:28</t>
  </si>
  <si>
    <t>01/13/2020 12:17:07</t>
  </si>
  <si>
    <t>89d688b7-c9e6-4ac4-9f4b-dae351c4a2a0.tmp</t>
  </si>
  <si>
    <t>\\acsfs\profiles$\leonardobb\Downloads\89d688b7-c9e6-4ac4-9f4b-dae351c4a2a0.tmp</t>
  </si>
  <si>
    <t>01/13/2020 12:17:52</t>
  </si>
  <si>
    <t>01/13/2020 12:21:29</t>
  </si>
  <si>
    <t>01/13/2020 12:17:33</t>
  </si>
  <si>
    <t>01/13/2020 12:22:28</t>
  </si>
  <si>
    <t>3842ea71-d235-4bed-bde1-9b3cf1c8448d.tmp</t>
  </si>
  <si>
    <t>\\acsfs\profiles$\lucasgpe\Downloads\3842ea71-d235-4bed-bde1-9b3cf1c8448d.tmp</t>
  </si>
  <si>
    <t>01/13/2020 12:18:32</t>
  </si>
  <si>
    <t>01/13/2020 12:22:21</t>
  </si>
  <si>
    <t>01/13/2020 12:23:29</t>
  </si>
  <si>
    <t>01/13/2020 12:22:29</t>
  </si>
  <si>
    <t>01/13/2020 12:20:30</t>
  </si>
  <si>
    <t>01/13/2020 12:24:28</t>
  </si>
  <si>
    <t>01/13/2020 12:20:35</t>
  </si>
  <si>
    <t>23/02/1969;__/__/____;</t>
  </si>
  <si>
    <t>https://23/02/1969,__/__/____</t>
  </si>
  <si>
    <t>01/13/2020 12:21:33</t>
  </si>
  <si>
    <t>01/13/2020 12:21:49</t>
  </si>
  <si>
    <t>01/13/2020 12:24:22</t>
  </si>
  <si>
    <t>01/13/2020 12:25:29</t>
  </si>
  <si>
    <t>RELATORIO DE LOGIN - BV CARTÕES 08-01 - Cópia.xlsm</t>
  </si>
  <si>
    <t>\\acsfs\DEPTOS\Operacao\PCP\5 - Comum\PLANEJAMENTO BV\14 - ACOMPANHAMENTO\1 - REPORT ACOMPANHAMENTO\2020\1 - JANEIRO\CARTÕES\Login Logout Cartões\RELATORIO DE LOGIN - BV CARTÕES 08-01 - Cópia.xlsm</t>
  </si>
  <si>
    <t>01/13/2020 12:23:45</t>
  </si>
  <si>
    <t>01/13/2020 12:23:52</t>
  </si>
  <si>
    <t>01/13/2020 12:24:09</t>
  </si>
  <si>
    <t>01/13/2020 12:24:12</t>
  </si>
  <si>
    <t>01/13/2020 12:24:30</t>
  </si>
  <si>
    <t>01/13/2020 12:24:51</t>
  </si>
  <si>
    <t>01/13/2020 12:23:00</t>
  </si>
  <si>
    <t>01/13/2020 12:26:28</t>
  </si>
  <si>
    <t>01/13/2020 12:23:30</t>
  </si>
  <si>
    <t>01/13/2020 12:24:00</t>
  </si>
  <si>
    <t>01/13/2020 12:27:28</t>
  </si>
  <si>
    <t>9bf6ca3e-480a-4b1d-9085-6b8e8e9eb255.tmp</t>
  </si>
  <si>
    <t>\\acsfs\profiles$\lucasgpe\Downloads\9bf6ca3e-480a-4b1d-9085-6b8e8e9eb255.tmp</t>
  </si>
  <si>
    <t>01/13/2020 12:26:40</t>
  </si>
  <si>
    <t>_x0002_�_x0019_�\]�$�e[�a_x0004_�mw���1_x0004_j4&gt;g��&gt;_x0008_����~�j�_x0012_�i_x001D_;"mozilla/5.0 (windows nt 6.1) applewebkit/537.36 (khtml;1;13;13700109;13700167;13700883;13700946;13701078;13701207;13701214;13701239;13701262;13701298;13701418;13701486;13701510;13701609;13701625;13701653;13701657;13701693;13701709;13701825;13701901;13701909;13702064;13702068;13702088;1578915882896000;1578915886959000;4repet0scaaaa4liaaaajmqf2kz44sg1npvhrp5ya-eah9mzpvg6kl9izriwjk97h6v_kcjh4sw2rf_itsulvo-3l6-wytsybqsmi4xv23fkeay8qmocdpcm6u6mkhgpg1ycp4mktrb_yi4ruhaswq2li4w3ybymavyxxvltnranpmk;[[13701573;adfn-cuic5g8_16whytgiekdf3jxrbjnjvixuvd0lznttt2taf-j54m6caccsuef-adtq_bo2vo3;false];fu3fjgoddmyifg";ken=ac4w5vgn40hogkv5c9ofcuermtl06jtegg:1578915882893&amp;buildlabel=drive.web-frontend_20200101.00_p4��s/�sl� *((�k/o�- �e_x0018_���_x000F__�����@wi�u_x001D_w_x0006_7_x001D_x\m�o��� �ԩ�_x001C_���/��w�x�_x001F_&gt;����ޥ��g_x0016_/�1���_x000F_��8������_x001B_����&gt;�cm*u��j��_x0003_tq�_x0002_�ߛ�p�0�z� �x��=_x0007_ ���_x0017_y��;like gecko) chrome/79.0.3945.117 safari/537.36";null;pt-br;</t>
  </si>
  <si>
    <t>_x0002_�_x0019_�\]�$�e[�a_x0004_�mw���1_x0004_j4&gt;g��&gt;_x0008_����~�j�_x0012_�i_x001D_,"mozilla/5.0 (windows nt 6.1) applewebkit/537.36 (khtml,1,13,13700109,13700167,13700883,13700946,13701078,13701207,13701214,13701239,13701262,13701298,13701418,13701486,13701510,13701609,13701625,13701653,13701657,13701693,13701709,13701825,13701901,13701909,13702064,13702068,13702088,1578915882896000,1578915886959000,4repet0scaaaa4liaaaajmqf2kz44sg1npvhrp5ya-eah9mzpvg6kl9izriwjk97h6v_kcjh4sw2rf_itsulvo-3l6-wytsybqsmi4xv23fkeay8qmocdpcm6u6mkhgpg1ycp4mktrb_yi4ruhaswq2li4w3ybymavyxxvltnranpmk,[[13701573,adfn-cuic5g8_16whytgiekdf3jxrbjnjvixuvd0lznttt2taf-j54m6caccsuef-adtq_bo2vo3,false],fu3fjgoddmyifg",ken=ac4w5vgn40hogkv5c9ofcuermtl06jtegg:1578915882893&amp;buildlabel=drive.web-frontend_20200101.00_p4��s/�sl� *((�k/o�- �e_x0018_���_x000F__�����@wi�u_x001D_w_x0006_7_x001D_x\m�o��� �ԩ�_x001C_���/��w�x�_x001F_&gt;����ޥ��g_x0016_/�1���_x000F_��8������_x001B_����&gt;�cm*u��j��_x0003_tq�_x0002_�ߛ�p�0�z� �x��=_x0007_ ���_x0017_y��,like gecko) chrome/79.0.3945.117 safari/537.36",null,pt-br</t>
  </si>
  <si>
    <t>01/13/2020 12:23:40</t>
  </si>
  <si>
    <t>01/13/2020 12:28:28</t>
  </si>
  <si>
    <t>01/13/2020 12:23:46</t>
  </si>
  <si>
    <t>01/13/2020 12:24:43</t>
  </si>
  <si>
    <t>01/13/2020 12:29:28</t>
  </si>
  <si>
    <t>01/13/2020 12:26:56</t>
  </si>
  <si>
    <t>f58b44ef-fcdc-4e50-b390-10a491f9556c.tmp</t>
  </si>
  <si>
    <t>\\acsfs\profiles$\LUISPLS\Downloads\f58b44ef-fcdc-4e50-b390-10a491f9556c.tmp</t>
  </si>
  <si>
    <t>1a1b5eab-50c4-4dc5-85ac-20142c479978.tmp</t>
  </si>
  <si>
    <t>\\acsfs\profiles$\LUISPLS\Downloads\1a1b5eab-50c4-4dc5-85ac-20142c479978.tmp</t>
  </si>
  <si>
    <t>01/13/2020 12:24:55</t>
  </si>
  <si>
    <t>01/13/2020 12:28:19</t>
  </si>
  <si>
    <t>01/13/2020 12:30:29</t>
  </si>
  <si>
    <t>01/13/2020 12:28:29</t>
  </si>
  <si>
    <t>01/13/2020 12:26:13</t>
  </si>
  <si>
    <t>01/13/2020 12:27:07</t>
  </si>
  <si>
    <t>01/13/2020 12:25:48</t>
  </si>
  <si>
    <t>01/13/2020 12:25:57</t>
  </si>
  <si>
    <t>01/13/2020 12:25:58</t>
  </si>
  <si>
    <t>01/13/2020 12:26:05</t>
  </si>
  <si>
    <t>01/13/2020 12:27:34</t>
  </si>
  <si>
    <t>01/13/2020 12:31:28</t>
  </si>
  <si>
    <t>003abaff-130b-4dbb-ae6f-7e63129a9867.tmp</t>
  </si>
  <si>
    <t>\\acsfs\profiles$\isabellegtds\Downloads\003abaff-130b-4dbb-ae6f-7e63129a9867.tmp</t>
  </si>
  <si>
    <t>01/13/2020 12:26:01</t>
  </si>
  <si>
    <t>01/13/2020 12:26:31</t>
  </si>
  <si>
    <t>01/13/2020 12:27:01</t>
  </si>
  <si>
    <t>01/13/2020 12:27:31</t>
  </si>
  <si>
    <t>01/13/2020 12:28:02</t>
  </si>
  <si>
    <t>01/13/2020 12:26:36</t>
  </si>
  <si>
    <t>937d8b98-7ce6-415a-bdee-f0845eedc0af.tmp</t>
  </si>
  <si>
    <t>\\acsfs\profiles$\sarahbal\Downloads\937d8b98-7ce6-415a-bdee-f0845eedc0af.tmp</t>
  </si>
  <si>
    <t>01/13/2020 12:30:27</t>
  </si>
  <si>
    <t>2da60dee-c226-4c9c-93c5-4e1ecb2dcac2.tmp</t>
  </si>
  <si>
    <t>\\acsfs\profiles$\sarahbal\Downloads\2da60dee-c226-4c9c-93c5-4e1ecb2dcac2.tmp</t>
  </si>
  <si>
    <t>01/13/2020 12:29:45</t>
  </si>
  <si>
    <t>10.200.67.40</t>
  </si>
  <si>
    <t>74-86-7A-FC-CF-6D</t>
  </si>
  <si>
    <t>VOTORANT-JB004</t>
  </si>
  <si>
    <t>JOAO PEDRO NICOMEDES BERTOLDO GOMES (18791).contact</t>
  </si>
  <si>
    <t>\\acsfs\profiles$\joaopnbg\Contacts\JOAO PEDRO NICOMEDES BERTOLDO GOMES (18791).contact</t>
  </si>
  <si>
    <t>01/13/2020 12:30:00</t>
  </si>
  <si>
    <t>01/13/2020 12:30:01</t>
  </si>
  <si>
    <t>01/13/2020 12:30:02</t>
  </si>
  <si>
    <t>01/13/2020 12:30:03</t>
  </si>
  <si>
    <t>01/13/2020 12:30:04</t>
  </si>
  <si>
    <t>01/13/2020 12:30:05</t>
  </si>
  <si>
    <t>01/13/2020 12:30:06</t>
  </si>
  <si>
    <t>01/13/2020 12:30:07</t>
  </si>
  <si>
    <t>01/13/2020 12:30:08</t>
  </si>
  <si>
    <t>01/13/2020 12:30:24</t>
  </si>
  <si>
    <t>01/13/2020 12:30:25</t>
  </si>
  <si>
    <t>01/13/2020 12:30:26</t>
  </si>
  <si>
    <t>01/13/2020 12:31:52</t>
  </si>
  <si>
    <t>01/13/2020 12:33:28</t>
  </si>
  <si>
    <t>01/13/2020 12:28:56</t>
  </si>
  <si>
    <t>01/13/2020 12:34:29</t>
  </si>
  <si>
    <t>040d95a2-d48b-4885-8531-8e302df12ae0.tmp</t>
  </si>
  <si>
    <t>\\acsfs\profiles$\nathaliarmr\Downloads\040d95a2-d48b-4885-8531-8e302df12ae0.tmp</t>
  </si>
  <si>
    <t>01/13/2020 12:30:55</t>
  </si>
  <si>
    <t>01/13/2020 12:34:15</t>
  </si>
  <si>
    <t>01/13/2020 12:35:29</t>
  </si>
  <si>
    <t>01/13/2020 12:34:16</t>
  </si>
  <si>
    <t>01/13/2020 12:34:17</t>
  </si>
  <si>
    <t>01/13/2020 12:34:18</t>
  </si>
  <si>
    <t>01/13/2020 12:34:19</t>
  </si>
  <si>
    <t>01/13/2020 12:34:21</t>
  </si>
  <si>
    <t>01/13/2020 12:34:22</t>
  </si>
  <si>
    <t>01/13/2020 12:34:23</t>
  </si>
  <si>
    <t>01/13/2020 12:34:24</t>
  </si>
  <si>
    <t>01/13/2020 12:34:25</t>
  </si>
  <si>
    <t>01/13/2020 12:34:26</t>
  </si>
  <si>
    <t>01/13/2020 12:34:27</t>
  </si>
  <si>
    <t>01/13/2020 12:34:28</t>
  </si>
  <si>
    <t>01/13/2020 12:34:30</t>
  </si>
  <si>
    <t>01/13/2020 12:34:31</t>
  </si>
  <si>
    <t>01/13/2020 12:32:49</t>
  </si>
  <si>
    <t>01/13/2020 12:34:32</t>
  </si>
  <si>
    <t>01/13/2020 12:34:33</t>
  </si>
  <si>
    <t>01/13/2020 12:34:34</t>
  </si>
  <si>
    <t>01/13/2020 12:31:33</t>
  </si>
  <si>
    <t>01/13/2020 12:36:29</t>
  </si>
  <si>
    <t>01/13/2020 12:34:04</t>
  </si>
  <si>
    <t>01/13/2020 12:35:49</t>
  </si>
  <si>
    <t>01/13/2020 12:37:29</t>
  </si>
  <si>
    <t>01/13/2020 12:34:12</t>
  </si>
  <si>
    <t>01/13/2020 12:36:33</t>
  </si>
  <si>
    <t>fd34aa14-b465-4ee7-bc3a-1c1a55be4cac.tmp</t>
  </si>
  <si>
    <t>\\acsfs\profiles$\Angelicacldr\Downloads\fd34aa14-b465-4ee7-bc3a-1c1a55be4cac.tmp</t>
  </si>
  <si>
    <t>01/13/2020 12:37:41</t>
  </si>
  <si>
    <t>01/13/2020 12:38:29</t>
  </si>
  <si>
    <t>72ee519c-2bec-4b95-919d-0ed641e51d71.tmp</t>
  </si>
  <si>
    <t>\\acsfs\profiles$\francislayneads\Downloads\72ee519c-2bec-4b95-919d-0ed641e51d71.tmp</t>
  </si>
  <si>
    <t>01/13/2020 12:37:51</t>
  </si>
  <si>
    <t>01/13/2020 12:39:29</t>
  </si>
  <si>
    <t>9ac1616e-2cd4-4b89-8eb4-5d51a74bf62e.tmp</t>
  </si>
  <si>
    <t>\\acsfs\profiles$\marcellewdl\Downloads\9ac1616e-2cd4-4b89-8eb4-5d51a74bf62e.tmp</t>
  </si>
  <si>
    <t>01/13/2020 12:37:25</t>
  </si>
  <si>
    <t>4fd5b260-8f9e-49b4-a92d-2ac19b910c86.tmp</t>
  </si>
  <si>
    <t>\\acsfs\profiles$\nataliacsl\Downloads\4fd5b260-8f9e-49b4-a92d-2ac19b910c86.tmp</t>
  </si>
  <si>
    <t>01/13/2020 12:35:11</t>
  </si>
  <si>
    <t>01/13/2020 12:34:14</t>
  </si>
  <si>
    <t>lu6452104h4q.tmp</t>
  </si>
  <si>
    <t>\\acsfs\profiles$\jonathanwap\lu6452104h4q.tmp</t>
  </si>
  <si>
    <t>\\acsfs\profiles$\jonathanwap\lu6452104h4q.tmp\</t>
  </si>
  <si>
    <t>\\acsfs\profiles$\jonathanwap\lu6452104h4q.tmp\META-INF\</t>
  </si>
  <si>
    <t>\\acsfs\profiles$\jonathanwap\lu6452104h4q.tmp\Thumbnails\</t>
  </si>
  <si>
    <t>01/13/2020 12:39:33</t>
  </si>
  <si>
    <t>01/13/2020 12:40:29</t>
  </si>
  <si>
    <t>01/13/2020 12:39:34</t>
  </si>
  <si>
    <t>lu263961x8m7l.tmp</t>
  </si>
  <si>
    <t>\\acsfs\profiles$\BRUNAAR\Numero\lu263961x8m7l.tmp</t>
  </si>
  <si>
    <t>01/13/2020 12:37:43</t>
  </si>
  <si>
    <t>a28eda14-a721-42b0-b052-d44e263f1327.tmp</t>
  </si>
  <si>
    <t>\\acsfs\profiles$\vivianalds\Downloads\a28eda14-a721-42b0-b052-d44e263f1327.tmp</t>
  </si>
  <si>
    <t>01/13/2020 12:37:01</t>
  </si>
  <si>
    <t>01/13/2020 12:41:28</t>
  </si>
  <si>
    <t>01/13/2020 12:37:03</t>
  </si>
  <si>
    <t>01/13/2020 12:40:08</t>
  </si>
  <si>
    <t>5453efe4-dcb6-4119-93e2-b8387a93f205.tmp</t>
  </si>
  <si>
    <t>\\acsfs\profiles$\talitafdc\Downloads\5453efe4-dcb6-4119-93e2-b8387a93f205.tmp</t>
  </si>
  <si>
    <t>01/13/2020 12:37:36</t>
  </si>
  <si>
    <t>01/13/2020 12:40:07</t>
  </si>
  <si>
    <t>01/13/2020 12:40:37</t>
  </si>
  <si>
    <t>01/13/2020 12:37:44</t>
  </si>
  <si>
    <t>01/13/2020 12:37:12</t>
  </si>
  <si>
    <t>01/13/2020 12:38:22</t>
  </si>
  <si>
    <t>01/13/2020 12:42:29</t>
  </si>
  <si>
    <t>\\acsfs\profiles$\katiahmdj\My Documents\</t>
  </si>
  <si>
    <t>travou.txt</t>
  </si>
  <si>
    <t>\\acsfs\profiles$\katiahmdj\My Documents\travou.txt</t>
  </si>
  <si>
    <t>01/13/2020 12:41:35</t>
  </si>
  <si>
    <t>fbd64b4d-5d6d-439c-b310-cdae397c3b10.tmp</t>
  </si>
  <si>
    <t>\\acsfs\profiles$\lucasgpe\Downloads\fbd64b4d-5d6d-439c-b310-cdae397c3b10.tmp</t>
  </si>
  <si>
    <t>01/13/2020 12:38:57</t>
  </si>
  <si>
    <t>bf6b6a83-68a8-4c6b-a531-964b5b4a5f1a.tmp</t>
  </si>
  <si>
    <t>\\acsfs\profiles$\kellzylenneasr\Downloads\bf6b6a83-68a8-4c6b-a531-964b5b4a5f1a.tmp</t>
  </si>
  <si>
    <t>01/13/2020 12:39:54</t>
  </si>
  <si>
    <t>709fc133-cf57-4e1d-a6d8-f8efce40e151.tmp</t>
  </si>
  <si>
    <t>\\acsfs\profiles$\matheushds\Downloads\709fc133-cf57-4e1d-a6d8-f8efce40e151.tmp</t>
  </si>
  <si>
    <t>01/13/2020 12:41:19</t>
  </si>
  <si>
    <t>afa621a5-8f37-4989-b8ab-698483905def.tmp</t>
  </si>
  <si>
    <t>\\acsfs\profiles$\matheushds\Downloads\afa621a5-8f37-4989-b8ab-698483905def.tmp</t>
  </si>
  <si>
    <t>01/13/2020 12:41:01</t>
  </si>
  <si>
    <t>http:///batch?%24ct=multipart%2Fmixed%3B%20boundary%3D%22%3D%3D%3D%3D%3Dt03q7mb446mt%3D%3D%3D%3D%3D%22&amp;key=AIzaSyAy9VVXHSpS2IJpptzYtGbLP3-3_l0aBk4</t>
  </si>
  <si>
    <t>4repet0scaaaa4liaaaajmqf2kz44sg1npvhrp5ya-eah9mzpvg6kl9izriwjk97h6v_kcjh4sw2rf_itsulvo-3l6-wytsybqsmi4xv23fkeay8qmocdpcm6u6mkhgpg1ycp4mktrb_yi4ruhaswq2li4w3ybymavyxxvltnranpmk;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thumbnailversion;workspaceids;</t>
  </si>
  <si>
    <t>http://4repet0scaaaa4liaaaajmqf2kz44sg1npvhrp5ya-eah9mzpvg6kl9izriwjk97h6v_kcjh4sw2rf_itsulvo-3l6-wytsybqsmi4xv23fkeay8qmocdpcm6u6mkhgpg1ycp4mktrb_yi4ruhaswq2li4w3ybymavyxxvltnranpmk,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01/13/2020 12:41:15</t>
  </si>
  <si>
    <t>http:///batch?%24ct=multipart%2Fmixed%3B%20boundary%3D%22%3D%3D%3D%3D%3D8nu6lptlzxic%3D%3D%3D%3D%3D%22&amp;key=AIzaSyAy9VVXHSpS2IJpptzYtGbLP3-3_l0aBk4</t>
  </si>
  <si>
    <t>4repet0scaaaa4liaaaajmqf2kz44sg1npvhrp5ya-eah9mzpvg6kl9izriwjk97h6v_kcjh4sw2rf_itsulvo-3l6-wytsybqsmi4xv23fkeay8qmocdpcm6u6mkhgpg1ycp4mktrb_yi4ruhaswq2li4w3ybymavyxxvltnranpmk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4repet0scaaaa4liaaaajmqf2kz44sg1npvhrp5ya-eah9mzpvg6kl9izriwjk97h6v_kcjh4sw2rf_itsulvo-3l6-wytsybqsmi4xv23fkeay8qmocdpcm6u6mkhgpg1ycp4mktrb_yi4ruhaswq2li4w3ybymavyxxvltnranpmk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01/13/2020 12:41:18</t>
  </si>
  <si>
    <t>http:///batch?%24ct=multipart%2Fmixed%3B%20boundary%3D%22%3D%3D%3D%3D%3Dmrdx8vaysc8r%3D%3D%3D%3D%3D%22&amp;key=AIzaSyAy9VVXHSpS2IJpptzYtGbLP3-3_l0aBk4</t>
  </si>
  <si>
    <t>4repet0scaaaa4liaaaajmqf2kz44sg1npvhrp5ya-eah9mzpvg6kl9izriwjk97h6v_kcjh4sw2rf_itsulvo-3l6-wytsybqsmi4xv23fkeay8qmocdpcm6u6mkhgpg1ycp4mktrb_yi4ruhaswq2li4w3ybymavyxxvltnranpmk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4repet0scaaaa4liaaaajmqf2kz44sg1npvhrp5ya-eah9mzpvg6kl9izriwjk97h6v_kcjh4sw2rf_itsulvo-3l6-wytsybqsmi4xv23fkeay8qmocdpcm6u6mkhgpg1ycp4mktrb_yi4ruhaswq2li4w3ybymavyxxvltnranpmk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01/13/2020 12:41:30</t>
  </si>
  <si>
    <t>http:///batch?%24ct=multipart%2Fmixed%3B%20boundary%3D%22%3D%3D%3D%3D%3Dlo3y9oeznej4%3D%3D%3D%3D%3D%22&amp;key=AIzaSyAy9VVXHSpS2IJpptzYtGbLP3-3_l0aBk4</t>
  </si>
  <si>
    <t>http:///batch?%24ct=multipart%2Fmixed%3B%20boundary%3D%22%3D%3D%3D%3D%3De4doidbdee0o%3D%3D%3D%3D%3D%22&amp;key=AIzaSyAy9VVXHSpS2IJpptzYtGbLP3-3_l0aBk4</t>
  </si>
  <si>
    <t>01/13/2020 12:42:00</t>
  </si>
  <si>
    <t>0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anceira&lt;/td&gt;&lt;/tr&gt;&lt;tr style=\"height: 11.25pt;\"&gt;&lt;td height</t>
  </si>
  <si>
    <t>http://0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 bv financeira&lt;/td&gt;&lt;/tr&gt;&lt;tr style=\"height: 11.25pt;\"&gt;&lt;td</t>
  </si>
  <si>
    <t>0;0.365;0.653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anceira&lt;/td&gt;&lt;/tr&gt;&lt;tr style=\"height: 11.25pt;</t>
  </si>
  <si>
    <t>http://0,0.365,0.653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 bv financeira&lt;/td&gt;&lt;/tr&gt;&lt;tr style=\"height: 1</t>
  </si>
  <si>
    <t>0;0.332;0.365;0.554;0.653];0.683];0.928;0.941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anceira&lt;/td&gt;&lt;</t>
  </si>
  <si>
    <t>http://0,0.332,0.365,0.554,0.653],0.683],0.928,0.941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 bv financeir</t>
  </si>
  <si>
    <t>01/13/2020 12:42:01</t>
  </si>
  <si>
    <t>0;0.332;0.365;0.525;0.554;0.653];0.683];0.908];0.928;0.941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td style=\"border-top: none; border-left: none;\"&gt;incentivo - operaÇÃo bv fin</t>
  </si>
  <si>
    <t>http://0,0.332,0.365,0.525,0.554,0.653],0.683],0.908],0.928,0.941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0&lt;/td&gt;&lt;td style=\"border-top: none; border-left: none;\"&gt;incentivo - operaÇÃo</t>
  </si>
  <si>
    <t>01/13/2020 12:42:02</t>
  </si>
  <si>
    <t>0;0.272;0.306;0.312;0.332;0.341;0.365;0.371];0.385;0.525;0.534];0.554;0.561;0.616];0.62];0.653];0.675];0.683];0.908];0.928;0.941];0.964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;00&lt;/td&gt;&lt;</t>
  </si>
  <si>
    <t>http://0,0.272,0.306,0.312,0.332,0.341,0.365,0.371],0.385,0.525,0.534],0.554,0.561,0.616],0.62],0.653],0.675],0.683],0.908],0.928,0.941],0.964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e=\"border-top: none; border-left: none;\"&gt;r$ 0,0</t>
  </si>
  <si>
    <t>01/13/2020 12:42:03</t>
  </si>
  <si>
    <t>"mozilla/5.0 (windows nt 6.1) applewebkit/537.36 (khtml;0;0.272;0.306;0.312;0.332;0.341;0.365;0.371];0.385;0.525;0.534];0.554;0.561;0.616];0.62];0.653];0.675];0.683];0.908];0.928;0.941];0.964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</t>
  </si>
  <si>
    <t>http://"mozilla/5.0 (windows nt 6.1) applewebkit/537.36 (khtml,0,0.272,0.306,0.312,0.332,0.341,0.365,0.371],0.385,0.525,0.534],0.554,0.561,0.616],0.62],0.653],0.675],0.683],0.908],0.928,0.941],0.964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</t>
  </si>
  <si>
    <t>01/13/2020 12:42:04</t>
  </si>
  <si>
    <t>01/13/2020 12:38:16</t>
  </si>
  <si>
    <t>01/13/2020 12:39:47</t>
  </si>
  <si>
    <t>01/13/2020 12:43:28</t>
  </si>
  <si>
    <t>01/13/2020 12:42:38</t>
  </si>
  <si>
    <t>d7fa530f-2519-4670-98cb-1e65203dd7b1.tmp</t>
  </si>
  <si>
    <t>\\acsfs\profiles$\regisedsj\Downloads\d7fa530f-2519-4670-98cb-1e65203dd7b1.tmp</t>
  </si>
  <si>
    <t>c3ba29d8-1113-48a2-9682-e524eee6a7da.tmp</t>
  </si>
  <si>
    <t>\\acsfs\profiles$\regisedsj\Downloads\c3ba29d8-1113-48a2-9682-e524eee6a7da.tmp</t>
  </si>
  <si>
    <t>01/13/2020 12:42:44</t>
  </si>
  <si>
    <t>01/13/2020 12:44:29</t>
  </si>
  <si>
    <t>01/13/2020 12:40:46</t>
  </si>
  <si>
    <t>003a07da-b1da-4fd3-937d-ac334d98d5b6.tmp</t>
  </si>
  <si>
    <t>\\acsfs\profiles$\nathaliaos\Downloads\003a07da-b1da-4fd3-937d-ac334d98d5b6.tmp</t>
  </si>
  <si>
    <t>01/13/2020 12:42:54</t>
  </si>
  <si>
    <t>3351e108-b9c7-4f6c-b6c7-01efdab0f03c.tmp</t>
  </si>
  <si>
    <t>\\acsfs\profiles$\felipetds\Downloads\3351e108-b9c7-4f6c-b6c7-01efdab0f03c.tmp</t>
  </si>
  <si>
    <t>01/13/2020 12:44:15</t>
  </si>
  <si>
    <t>6dd613a6-a0b9-4be0-b450-9399196899e6.tmp</t>
  </si>
  <si>
    <t>\\acsfs\profiles$\felipetds\Downloads\6dd613a6-a0b9-4be0-b450-9399196899e6.tmp</t>
  </si>
  <si>
    <t>01/13/2020 12:39:56</t>
  </si>
  <si>
    <t>01/13/2020 12:45:28</t>
  </si>
  <si>
    <t>lu263961x8m7o.tmp</t>
  </si>
  <si>
    <t>\\acsfs\profiles$\BRUNAAR\Numero\lu263961x8m7o.tmp</t>
  </si>
  <si>
    <t>01/13/2020 12:42:27</t>
  </si>
  <si>
    <t>01/13/2020 12:40:49</t>
  </si>
  <si>
    <t>cac00a5d-144b-4d77-af12-f69c078bb16e.tmp</t>
  </si>
  <si>
    <t>\\acsfs\profiles$\paulovadc\Downloads\cac00a5d-144b-4d77-af12-f69c078bb16e.tmp</t>
  </si>
  <si>
    <t>01/13/2020 12:40:47</t>
  </si>
  <si>
    <t>01/13/2020 12:46:28</t>
  </si>
  <si>
    <t>Não confirmado 250814.crdownload</t>
  </si>
  <si>
    <t>\\acsfs\profiles$\talitafdc\Downloads\Não confirmado 250814.crdownload</t>
  </si>
  <si>
    <t>01/13/2020 12:41:49</t>
  </si>
  <si>
    <t>824c0227-9f30-4a15-a374-69741cb4ad44.tmp</t>
  </si>
  <si>
    <t>\\acsfs\profiles$\talitafdc\Downloads\824c0227-9f30-4a15-a374-69741cb4ad44.tmp</t>
  </si>
  <si>
    <t>01/13/2020 12:41:54</t>
  </si>
  <si>
    <t>Não confirmado 198424.crdownload</t>
  </si>
  <si>
    <t>\\acsfs\profiles$\talitafdc\Downloads\Não confirmado 198424.crdownload</t>
  </si>
  <si>
    <t>01/13/2020 12:41:07</t>
  </si>
  <si>
    <t>01/13/2020 12:43:08</t>
  </si>
  <si>
    <t>01/13/2020 12:43:38</t>
  </si>
  <si>
    <t>01/13/2020 12:44:09</t>
  </si>
  <si>
    <t>01/13/2020 12:44:39</t>
  </si>
  <si>
    <t>01/13/2020 12:47:29</t>
  </si>
  <si>
    <t>http:///batch?%24ct=multipart%2Fmixed%3B%20boundary%3D%22%3D%3D%3D%3D%3Dzatocc5rlbr5%3D%3D%3D%3D%3D%22&amp;key=AIzaSyAy9VVXHSpS2IJpptzYtGbLP3-3_l0aBk4</t>
  </si>
  <si>
    <t>4repet0scaaaa4liaaaajmqf2kz44sg1npvhrp5ya-eah9mzpvg6kl9izriwjk97h6v_kcjh4sw2rf_itsulvo-3l6-wytsybqsmi4xv23fkeay8qmocdpcm6u6mkhgpg1ycp4mktrb_yi4ruhaswq2li4w3ybymavyxxvltnranpmk;5rlbr5=====;ancestorhasaugmentedpermissions;cc5rlbr5===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;permissionid;picture;rpermissions;shared;sharedwithmedate;thumbnailversion;title;userpermission(role);workspaceids;</t>
  </si>
  <si>
    <t>http://4repet0scaaaa4liaaaajmqf2kz44sg1npvhrp5ya-eah9mzpvg6kl9izriwjk97h6v_kcjh4sw2rf_itsulvo-3l6-wytsybqsmi4xv23fkeay8qmocdpcm6u6mkhgpg1ycp4mktrb_yi4ruhaswq2li4w3ybymavyxxvltnranpmk,5rlbr5===== ,ancestorhasaugmentedpermissions,cc5rlbr5===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,permissionid,picture,rpermissions,shared,sharedwithmedate,thumbnailversion,title,userpermission(role),workspaceids</t>
  </si>
  <si>
    <t>http:///batch?%24ct=multipart%2Fmixed%3B%20boundary%3D%22%3D%3D%3D%3D%3Dbytl4x8n49yu%3D%3D%3D%3D%3D%22&amp;key=AIzaSyAy9VVXHSpS2IJpptzYtGbLP3-3_l0aBk4</t>
  </si>
  <si>
    <t>01/13/2020 12:42:28</t>
  </si>
  <si>
    <t>http:///batch?%24ct=multipart%2Fmixed%3B%20boundary%3D%22%3D%3D%3D%3D%3Dqcreja546ea3%3D%3D%3D%3D%3D%22&amp;key=AIzaSyAy9VVXHSpS2IJpptzYtGbLP3-3_l0aBk4</t>
  </si>
  <si>
    <t>01/13/2020 12:42:32</t>
  </si>
  <si>
    <t>http:///batch?%24ct=multipart%2Fmixed%3B%20boundary%3D%22%3D%3D%3D%3D%3Dnvkgs5cdgz91%3D%3D%3D%3D%3D%22&amp;key=AIzaSyAy9VVXHSpS2IJpptzYtGbLP3-3_l0aBk4</t>
  </si>
  <si>
    <t>01/13/2020 12:42:34</t>
  </si>
  <si>
    <t>01/13/2020 12:43:27</t>
  </si>
  <si>
    <t>http:///batch?%24ct=multipart%2Fmixed%3B%20boundary%3D%22%3D%3D%3D%3D%3Dhttgbs7qgk1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missionid;picture;robsonams@algartech.com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missionid,picture,robsonams@algartech.com,shared,sharedwithmedate,thumbnailversion,title,userpermission(role),workspaceids</t>
  </si>
  <si>
    <t>http:///batch?%24ct=multipart%2Fmixed%3B%20boundary%3D%22%3D%3D%3D%3D%3Dm4v4riv7bjt0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robsonams@algartech.com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robsonams@algartech.com,shared,sharedwithmedate,thumbnailversion,title,userpermission(role),workspaceids</t>
  </si>
  <si>
    <t>01/13/2020 12:43:29</t>
  </si>
  <si>
    <t>http:///batch?%24ct=multipart%2Fmixed%3B%20boundary%3D%22%3D%3D%3D%3D%3Dlde9etv6woe0%3D%3D%3D%3D%3D%22&amp;key=AIzaSyAy9VVXHSpS2IJpptzYtGbLP3-3_l0aBk4</t>
  </si>
  <si>
    <t>01/13/2020 12:46:24</t>
  </si>
  <si>
    <t>01/13/2020 12:48:28</t>
  </si>
  <si>
    <t>01/13/2020 12:44:32</t>
  </si>
  <si>
    <t>01/13/2020 12:49:29</t>
  </si>
  <si>
    <t>01/13/2020 12:44:34</t>
  </si>
  <si>
    <t>01/13/2020 12:47:33</t>
  </si>
  <si>
    <t>\\acsfs\profiles$\LUISPLS\My Documents\Nova pasta\Novo(a) Planilha OpenDocument.ods</t>
  </si>
  <si>
    <t>\\acsfs\profiles$\LUISPLS\My Documents\Nova pasta\Novo(a) Planilha OpenDocument.ods\</t>
  </si>
  <si>
    <t>\\acsfs\profiles$\LUISPLS\My Documents\Nova pasta\Novo(a) Planilha OpenDocument.ods\META-INF\</t>
  </si>
  <si>
    <t>\\acsfs\profiles$\LUISPLS\My Documents\Nova pasta\Novo(a) Planilha OpenDocument.ods\Thumbnails\</t>
  </si>
  <si>
    <t>01/13/2020 12:47:57</t>
  </si>
  <si>
    <t>.~lock.RETRATAÇÃO.ods#</t>
  </si>
  <si>
    <t>\\acsfs\profiles$\LUISPLS\My Documents\Nova pasta\.~lock.RETRATAÇÃO.ods#</t>
  </si>
  <si>
    <t>01/13/2020 12:45:55</t>
  </si>
  <si>
    <t>01/13/2020 12:44:48</t>
  </si>
  <si>
    <t>01/13/2020 12:50:28</t>
  </si>
  <si>
    <t>01/13/2020 12:48:49</t>
  </si>
  <si>
    <t>01/13/2020 12:48:54</t>
  </si>
  <si>
    <t>01/13/2020 12:49:04</t>
  </si>
  <si>
    <t>01/13/2020 12:49:06</t>
  </si>
  <si>
    <t>mail.google.com/sync/u/0/i/s?hl=pt-BR&amp;c=1251</t>
  </si>
  <si>
    <t>01/13/2020 12:49:11</t>
  </si>
  <si>
    <t>mail.google.com/sync/u/0/i/s?hl=pt-BR&amp;c=1253</t>
  </si>
  <si>
    <t>bvcartes-supervisores@algarnet.onmicrosoft.com;joaogvc@algartech.com;leonardoao@algartech.com;marianacds@algartech.com;marianadjc@algartech.com;paulacn@algartech.com;ricardodfm@algartech.com.br;taysdss@algartech.com;thiagordu@algartech.com;viniciussg@algartech.com;</t>
  </si>
  <si>
    <t>bvcartes-supervisores@algarnet.onmicrosoft.com,joaogvc@algartech.com,leonardoao@algartech.com,marianacds@algartech.com,marianadjc@algartech.com,paulacn@algartech.com,ricardodfm@algartech.com.br,taysdss@algartech.com,thiagordu@algartech.com,viniciussg@algartech.com</t>
  </si>
  <si>
    <t>01/13/2020 12:49:42</t>
  </si>
  <si>
    <t>mail.google.com/sync/u/0/i/s?hl=pt-BR&amp;c=1256</t>
  </si>
  <si>
    <t>joaogvc@algartech.com;leonardoao@algartech.com;marianacds@algartech.com;marianadjc@algartech.com;paulacn@algartech.com;ricardodfm@algartech.com.br;taysdss@algartech.com;thiagordu@algartech.com;viniciussg@algartech.com;</t>
  </si>
  <si>
    <t>joaogvc@algartech.com,leonardoao@algartech.com,marianacds@algartech.com,marianadjc@algartech.com,paulacn@algartech.com,ricardodfm@algartech.com.br,taysdss@algartech.com,thiagordu@algartech.com,viniciussg@algartech.com</t>
  </si>
  <si>
    <t>01/13/2020 12:49:55</t>
  </si>
  <si>
    <t>mail.google.com/sync/u/0/i/s?hl=pt-BR&amp;c=1258</t>
  </si>
  <si>
    <t>01/13/2020 12:45:53</t>
  </si>
  <si>
    <t>01/13/2020 12:51:29</t>
  </si>
  <si>
    <t>01/13/2020 12:47:27</t>
  </si>
  <si>
    <t>22e8636b-a5d2-4555-af15-5560a548a393.tmp</t>
  </si>
  <si>
    <t>\\acsfs\profiles$\talitafdc\Downloads\22e8636b-a5d2-4555-af15-5560a548a393.tmp</t>
  </si>
  <si>
    <t>01/13/2020 12:48:33</t>
  </si>
  <si>
    <t>Não confirmado 499510.crdownload</t>
  </si>
  <si>
    <t>\\acsfs\profiles$\talitafdc\Downloads\Não confirmado 499510.crdownload</t>
  </si>
  <si>
    <t>01/13/2020 12:48:57</t>
  </si>
  <si>
    <t>4f6a8c60-2f46-4157-80a9-075fd646736d.tmp</t>
  </si>
  <si>
    <t>\\acsfs\profiles$\talitafdc\Downloads\4f6a8c60-2f46-4157-80a9-075fd646736d.tmp</t>
  </si>
  <si>
    <t>01/13/2020 12:49:12</t>
  </si>
  <si>
    <t>Não confirmado 576810.crdownload</t>
  </si>
  <si>
    <t>\\acsfs\profiles$\talitafdc\Downloads\Não confirmado 576810.crdownload</t>
  </si>
  <si>
    <t>01/13/2020 12:46:10</t>
  </si>
  <si>
    <t>01/13/2020 12:46:40</t>
  </si>
  <si>
    <t>01/13/2020 12:47:40</t>
  </si>
  <si>
    <t>01/13/2020 12:48:41</t>
  </si>
  <si>
    <t>01/13/2020 12:49:41</t>
  </si>
  <si>
    <t>01/13/2020 12:50:11</t>
  </si>
  <si>
    <t>01/13/2020 12:50:42</t>
  </si>
  <si>
    <t>01/13/2020 12:52:03</t>
  </si>
  <si>
    <t>01/13/2020 12:52:28</t>
  </si>
  <si>
    <t>feedback registrad1.docx</t>
  </si>
  <si>
    <t>01/13/2020 12:49:51</t>
  </si>
  <si>
    <t>01/13/2020 12:53:29</t>
  </si>
  <si>
    <t>f9962f28-91df-4a18-b78d-d4aadda7f55f.tmp</t>
  </si>
  <si>
    <t>\\acsfs\profiles$\maxmillianosv\Downloads\f9962f28-91df-4a18-b78d-d4aadda7f55f.tmp</t>
  </si>
  <si>
    <t>01/13/2020 12:49:53</t>
  </si>
  <si>
    <t>0995f224-6a6e-41d3-b870-6ca9047edac6.tmp</t>
  </si>
  <si>
    <t>\\acsfs\profiles$\maxmillianosv\Downloads\0995f224-6a6e-41d3-b870-6ca9047edac6.tmp</t>
  </si>
  <si>
    <t>01/13/2020 12:50:15</t>
  </si>
  <si>
    <t>a5606e53-1b0f-48d5-bfd1-93af57110554.tmp</t>
  </si>
  <si>
    <t>\\acsfs\profiles$\maxmillianosv\Downloads\a5606e53-1b0f-48d5-bfd1-93af57110554.tmp</t>
  </si>
  <si>
    <t>01/13/2020 12:53:35</t>
  </si>
  <si>
    <t>01/13/2020 12:54:28</t>
  </si>
  <si>
    <t>01/13/2020 12:52:00</t>
  </si>
  <si>
    <t>01/13/2020 12:51:45</t>
  </si>
  <si>
    <t>01/13/2020 12:49:59</t>
  </si>
  <si>
    <t>01/13/2020 12:55:29</t>
  </si>
  <si>
    <t>01/13/2020 12:50:04</t>
  </si>
  <si>
    <t>mail.google.com/sync/u/0/i/s?hl=pt-BR&amp;c=1262</t>
  </si>
  <si>
    <t>01/13/2020 12:50:21</t>
  </si>
  <si>
    <t>mail.google.com/sync/u/0/i/s?hl=pt-BR&amp;c=1266</t>
  </si>
  <si>
    <t>01/13/2020 12:50:39</t>
  </si>
  <si>
    <t>01/13/2020 12:50:51</t>
  </si>
  <si>
    <t>01/13/2020 12:50:57</t>
  </si>
  <si>
    <t>01/13/2020 12:51:05</t>
  </si>
  <si>
    <t>mail.google.com/sync/u/0/i/s?hl=pt-BR&amp;c=1277</t>
  </si>
  <si>
    <t>01/13/2020 12:51:12</t>
  </si>
  <si>
    <t>mail.google.com/sync/u/0/i/s?hl=pt-BR&amp;c=1279</t>
  </si>
  <si>
    <t>01/13/2020 12:53:56</t>
  </si>
  <si>
    <t>RELATORIO DE LOGIN - BV CARTÕES 12-01.xlsm</t>
  </si>
  <si>
    <t>\\acsfs\DEPTOS\Operacao\PCP\5 - Comum\PLANEJAMENTO BV\14 - ACOMPANHAMENTO\1 - REPORT ACOMPANHAMENTO\2020\1 - JANEIRO\CARTÕES\Login Logout Cartões\RELATORIO DE LOGIN - BV CARTÕES 12-01.xlsm</t>
  </si>
  <si>
    <t>01/13/2020 12:54:19</t>
  </si>
  <si>
    <t>01/13/2020 12:54:30</t>
  </si>
  <si>
    <t>01/13/2020 12:54:40</t>
  </si>
  <si>
    <t>01/13/2020 12:56:28</t>
  </si>
  <si>
    <t>01/13/2020 12:51:42</t>
  </si>
  <si>
    <t>01/13/2020 12:52:42</t>
  </si>
  <si>
    <t>01/13/2020 12:55:14</t>
  </si>
  <si>
    <t>01/13/2020 12:53:50</t>
  </si>
  <si>
    <t>01/13/2020 12:57:28</t>
  </si>
  <si>
    <t>01/13/2020 12:54:35</t>
  </si>
  <si>
    <t>CV Robson Medeiros (1).odt</t>
  </si>
  <si>
    <t>01/13/2020 12:54:36</t>
  </si>
  <si>
    <t>C:\Users\robsonams\Desktop\ROBSON\CV Robson Medeiros (1).odt\</t>
  </si>
  <si>
    <t>C:\Users\robsonams\Desktop\ROBSON\CV Robson Medeiros (1).odt\META-INF\</t>
  </si>
  <si>
    <t>C:\Users\robsonams\Desktop\ROBSON\CV Robson Medeiros (1).odt\Thumbnails\</t>
  </si>
  <si>
    <t>01/13/2020 12:54:37</t>
  </si>
  <si>
    <t>01/13/2020 12:54:38</t>
  </si>
  <si>
    <t>01/13/2020 12:54:47</t>
  </si>
  <si>
    <t>01/13/2020 12:55:06</t>
  </si>
  <si>
    <t>01/13/2020 12:55:09</t>
  </si>
  <si>
    <t>01/13/2020 12:55:13</t>
  </si>
  <si>
    <t>01/13/2020 12:55:53</t>
  </si>
  <si>
    <t>01/13/2020 12:53:23</t>
  </si>
  <si>
    <t>01/13/2020 12:54:27</t>
  </si>
  <si>
    <t>01/13/2020 12:54:42</t>
  </si>
  <si>
    <t>01/13/2020 12:54:43</t>
  </si>
  <si>
    <t>01/13/2020 12:54:57</t>
  </si>
  <si>
    <t>01/13/2020 12:55:03</t>
  </si>
  <si>
    <t>01/13/2020 12:55:07</t>
  </si>
  <si>
    <t>01/13/2020 12:55:12</t>
  </si>
  <si>
    <t>01/13/2020 12:55:15</t>
  </si>
  <si>
    <t>01/13/2020 12:55:17</t>
  </si>
  <si>
    <t>01/13/2020 12:55:18</t>
  </si>
  <si>
    <t>01/13/2020 12:55:19</t>
  </si>
  <si>
    <t>01/13/2020 12:55:21</t>
  </si>
  <si>
    <t>01/13/2020 12:55:23</t>
  </si>
  <si>
    <t>01/13/2020 12:55:27</t>
  </si>
  <si>
    <t>01/13/2020 12:55:33</t>
  </si>
  <si>
    <t>01/13/2020 12:55:35</t>
  </si>
  <si>
    <t>01/13/2020 12:55:37</t>
  </si>
  <si>
    <t>01/13/2020 12:55:38</t>
  </si>
  <si>
    <t>01/13/2020 12:55:40</t>
  </si>
  <si>
    <t>01/13/2020 12:55:41</t>
  </si>
  <si>
    <t>01/13/2020 12:55:43</t>
  </si>
  <si>
    <t>01/13/2020 12:55:44</t>
  </si>
  <si>
    <t>01/13/2020 12:55:45</t>
  </si>
  <si>
    <t>01/13/2020 12:55:46</t>
  </si>
  <si>
    <t>01/13/2020 12:55:47</t>
  </si>
  <si>
    <t>01/13/2020 12:55:48</t>
  </si>
  <si>
    <t>01/13/2020 12:55:49</t>
  </si>
  <si>
    <t>01/13/2020 12:55:50</t>
  </si>
  <si>
    <t>01/13/2020 12:55:51</t>
  </si>
  <si>
    <t>01/13/2020 12:55:52</t>
  </si>
  <si>
    <t>01/13/2020 12:55:54</t>
  </si>
  <si>
    <t>01/13/2020 12:55:55</t>
  </si>
  <si>
    <t>01/13/2020 12:55:57</t>
  </si>
  <si>
    <t>01/13/2020 12:55:58</t>
  </si>
  <si>
    <t>01/13/2020 12:55:59</t>
  </si>
  <si>
    <t>01/13/2020 12:56:00</t>
  </si>
  <si>
    <t>01/13/2020 12:56:01</t>
  </si>
  <si>
    <t>01/13/2020 12:56:03</t>
  </si>
  <si>
    <t>01/13/2020 12:56:04</t>
  </si>
  <si>
    <t>01/13/2020 12:56:30</t>
  </si>
  <si>
    <t>01/13/2020 12:56:23</t>
  </si>
  <si>
    <t>01/13/2020 12:54:12</t>
  </si>
  <si>
    <t>01/13/2020 12:58:29</t>
  </si>
  <si>
    <t>01/13/2020 12:57:39</t>
  </si>
  <si>
    <t>Relatorio de Vendas - Auditoria BV Cartoes (Janeiro)...50 - original.xlsx</t>
  </si>
  <si>
    <t>\\acsfs\DEPTOS\Operacao\Banco_Votorantim\Qualidade\Anderson\Jose\Atualizado\Relatorio de Vendas - Auditoria BV Cartoes (Janeiro)...50 - original.xlsx</t>
  </si>
  <si>
    <t>01/13/2020 12:51:58</t>
  </si>
  <si>
    <t>01/13/2020 12:51:59</t>
  </si>
  <si>
    <t>lu14772xbz8f.tmp</t>
  </si>
  <si>
    <t>\\acsfs\profiles$\ALYNYA\My Documents\lu14772xbz8f.tmp</t>
  </si>
  <si>
    <t>\\acsfs\profiles$\ALYNYA\My Documents\lu14772xbz8f.tmp\</t>
  </si>
  <si>
    <t>\\acsfs\profiles$\ALYNYA\My Documents\lu14772xbz8f.tmp\META-INF\</t>
  </si>
  <si>
    <t>\\acsfs\profiles$\ALYNYA\My Documents\lu14772xbz8f.tmp\Thumbnails\</t>
  </si>
  <si>
    <t>01/13/2020 12:53:58</t>
  </si>
  <si>
    <t>01/13/2020 12:59:28</t>
  </si>
  <si>
    <t>01/13/2020 12:53:59</t>
  </si>
  <si>
    <t>lu4374029zxw8.tmp</t>
  </si>
  <si>
    <t>\\acsfs\profiles$\LUISPLS\My Documents\Nova pasta\lu4374029zxw8.tmp</t>
  </si>
  <si>
    <t>\\acsfs\profiles$\LUISPLS\My Documents\Nova pasta\lu4374029zxw8.tmp\</t>
  </si>
  <si>
    <t>\\acsfs\profiles$\LUISPLS\My Documents\Nova pasta\lu4374029zxw8.tmp\META-INF\</t>
  </si>
  <si>
    <t>\\acsfs\profiles$\LUISPLS\My Documents\Nova pasta\lu4374029zxw8.tmp\Thumbnails\</t>
  </si>
  <si>
    <t>01/13/2020 12:58:37</t>
  </si>
  <si>
    <t>01/13/2020 13:00:29</t>
  </si>
  <si>
    <t>69b56cee-9273-4e43-9ccf-8d7e27dc760b.tmp</t>
  </si>
  <si>
    <t>\\acsfs\profiles$\claudiajca\Downloads\69b56cee-9273-4e43-9ccf-8d7e27dc760b.tmp</t>
  </si>
  <si>
    <t>mail.google.com/sync/u/0/i/s?hl=pt-BR&amp;c=1294</t>
  </si>
  <si>
    <t>mail.google.com/sync/u/0/i/s?hl=pt-BR&amp;c=1296</t>
  </si>
  <si>
    <t>01/13/2020 12:59:51</t>
  </si>
  <si>
    <t>01/13/2020 13:01:28</t>
  </si>
  <si>
    <t>6c6c0190-dfb6-4534-b1dc-1b57f30331cc.tmp</t>
  </si>
  <si>
    <t>\\acsfs\profiles$\isabellegtds\Downloads\6c6c0190-dfb6-4534-b1dc-1b57f30331cc.tmp</t>
  </si>
  <si>
    <t>01/13/2020 12:58:15</t>
  </si>
  <si>
    <t>01/13/2020 12:58:46</t>
  </si>
  <si>
    <t>01/13/2020 12:59:55</t>
  </si>
  <si>
    <t>01/13/2020 13:02:28</t>
  </si>
  <si>
    <t>01/13/2020 12:58:12</t>
  </si>
  <si>
    <t>07df207d-0aa2-42de-a9a2-99633f89a5ea.tmp</t>
  </si>
  <si>
    <t>\\acsfs\profiles$\brunalas\Downloads\07df207d-0aa2-42de-a9a2-99633f89a5ea.tmp</t>
  </si>
  <si>
    <t>01/13/2020 12:59:29</t>
  </si>
  <si>
    <t>d2498923-6947-44a3-a3aa-aede2a04e7cc.tmp</t>
  </si>
  <si>
    <t>\\acsfs\profiles$\brunalas\Downloads\d2498923-6947-44a3-a3aa-aede2a04e7cc.tmp</t>
  </si>
  <si>
    <t>01/13/2020 12:57:58</t>
  </si>
  <si>
    <t>32cb72b1-4849-4306-b5f2-2a1cf0edd3d7.tmp</t>
  </si>
  <si>
    <t>\\acsfs\profiles$\Flaviojmm\Downloads\32cb72b1-4849-4306-b5f2-2a1cf0edd3d7.tmp</t>
  </si>
  <si>
    <t>01/13/2020 12:57:54</t>
  </si>
  <si>
    <t>01/13/2020 12:59:06</t>
  </si>
  <si>
    <t>01/13/2020 13:03:28</t>
  </si>
  <si>
    <t>01/13/2020 12:59:08</t>
  </si>
  <si>
    <t>a243c51b-4586-479d-8aa3-c6a0f069fd88.tmp</t>
  </si>
  <si>
    <t>\\acsfs\profiles$\laylaams\Downloads\a243c51b-4586-479d-8aa3-c6a0f069fd88.tmp</t>
  </si>
  <si>
    <t>01/13/2020 12:59:11</t>
  </si>
  <si>
    <t>aeac092a-6afd-4ff6-84f9-8cdfa113e0d5.tmp</t>
  </si>
  <si>
    <t>\\acsfs\profiles$\laylaams\Downloads\aeac092a-6afd-4ff6-84f9-8cdfa113e0d5.tmp</t>
  </si>
  <si>
    <t>01/13/2020 13:01:11</t>
  </si>
  <si>
    <t>5218dd27-eb0b-47e8-a544-edb42570e70a.tmp</t>
  </si>
  <si>
    <t>\\acsfs\profiles$\laylaams\Downloads\5218dd27-eb0b-47e8-a544-edb42570e70a.tmp</t>
  </si>
  <si>
    <t>01/13/2020 13:00:52</t>
  </si>
  <si>
    <t>01/13/2020 13:04:29</t>
  </si>
  <si>
    <t>f194934e-3c19-4773-a5c7-b5ba65923412.tmp</t>
  </si>
  <si>
    <t>\\acsfs\profiles$\quindaizaagds\Downloads\f194934e-3c19-4773-a5c7-b5ba65923412.tmp</t>
  </si>
  <si>
    <t>01/13/2020 13:02:18</t>
  </si>
  <si>
    <t>775330f3-2acb-4aa0-bf4f-197c8eea5456.tmp</t>
  </si>
  <si>
    <t>\\acsfs\profiles$\quindaizaagds\Downloads\775330f3-2acb-4aa0-bf4f-197c8eea5456.tmp</t>
  </si>
  <si>
    <t>01/13/2020 13:03:50</t>
  </si>
  <si>
    <t>b77ee6e3-34ab-438e-becc-a14380ccbee6.tmp</t>
  </si>
  <si>
    <t>\\acsfs\profiles$\quindaizaagds\Downloads\b77ee6e3-34ab-438e-becc-a14380ccbee6.tmp</t>
  </si>
  <si>
    <t>01/13/2020 12:59:39</t>
  </si>
  <si>
    <t>58cb2a31-efdc-49e0-93d8-9787b563f046.tmp</t>
  </si>
  <si>
    <t>\\acsfs\profiles$\marcosvnds\Downloads\58cb2a31-efdc-49e0-93d8-9787b563f046.tmp</t>
  </si>
  <si>
    <t>ba64df6b-801f-4d5d-bf4f-37b4c53f8595.tmp</t>
  </si>
  <si>
    <t>\\acsfs\profiles$\marcosvnds\Downloads\ba64df6b-801f-4d5d-bf4f-37b4c53f8595.tmp</t>
  </si>
  <si>
    <t>83222230-58cd-4406-b194-c3588f047057.tmp</t>
  </si>
  <si>
    <t>\\acsfs\profiles$\marcosvnds\Downloads\83222230-58cd-4406-b194-c3588f047057.tmp</t>
  </si>
  <si>
    <t>01/13/2020 13:01:53</t>
  </si>
  <si>
    <t>07600895-5f6f-4434-815c-11aa706788e6.tmp</t>
  </si>
  <si>
    <t>\\acsfs\profiles$\marcosvnds\Downloads\07600895-5f6f-4434-815c-11aa706788e6.tmp</t>
  </si>
  <si>
    <t>01/13/2020 13:02:16</t>
  </si>
  <si>
    <t>dc1c8601-d2bd-4023-a8bc-b3fced354085.tmp</t>
  </si>
  <si>
    <t>\\acsfs\profiles$\marcosvnds\Downloads\dc1c8601-d2bd-4023-a8bc-b3fced354085.tmp</t>
  </si>
  <si>
    <t>01/13/2020 13:02:32</t>
  </si>
  <si>
    <t>dfa1edab-677b-41ef-93bd-7454043ee0d3.tmp</t>
  </si>
  <si>
    <t>\\acsfs\profiles$\marcosvnds\Downloads\dfa1edab-677b-41ef-93bd-7454043ee0d3.tmp</t>
  </si>
  <si>
    <t>01/13/2020 13:03:59</t>
  </si>
  <si>
    <t>2ddf4d85-4466-496a-a829-7d135b18ccca.tmp</t>
  </si>
  <si>
    <t>\\acsfs\profiles$\marcosvnds\Downloads\2ddf4d85-4466-496a-a829-7d135b18ccca.tmp</t>
  </si>
  <si>
    <t>01/13/2020 13:04:20</t>
  </si>
  <si>
    <t>866a6856-9684-407a-8e57-4acd53b04b78.tmp</t>
  </si>
  <si>
    <t>\\acsfs\profiles$\marcosvnds\Downloads\866a6856-9684-407a-8e57-4acd53b04b78.tmp</t>
  </si>
  <si>
    <t>01/13/2020 13:03:32</t>
  </si>
  <si>
    <t>01/13/2020 13:05:28</t>
  </si>
  <si>
    <t>5b25a17f-b7f9-44d3-b3e7-fa9141a2f5fe.tmp</t>
  </si>
  <si>
    <t>\\acsfs\profiles$\henriquehmdo\Downloads\5b25a17f-b7f9-44d3-b3e7-fa9141a2f5fe.tmp</t>
  </si>
  <si>
    <t>01/13/2020 13:03:23</t>
  </si>
  <si>
    <t>01/13/2020 13:01:30</t>
  </si>
  <si>
    <t>bbed4421-3c2c-473d-8032-b7959b2a52ea.tmp</t>
  </si>
  <si>
    <t>\\acsfs\profiles$\luanarda\Downloads\bbed4421-3c2c-473d-8032-b7959b2a52ea.tmp</t>
  </si>
  <si>
    <t>01/13/2020 13:01:45</t>
  </si>
  <si>
    <t>01/13/2020 13:01:17</t>
  </si>
  <si>
    <t>01/13/2020 13:06:29</t>
  </si>
  <si>
    <t>01/13/2020 13:01:47</t>
  </si>
  <si>
    <t>01/13/2020 13:01:48</t>
  </si>
  <si>
    <t>83815eef-6f7a-4b4e-ad26-27f7ca437750.tmp</t>
  </si>
  <si>
    <t>\\acsfs\profiles$\sarahbal\Downloads\83815eef-6f7a-4b4e-ad26-27f7ca437750.tmp</t>
  </si>
  <si>
    <t>01/13/2020 13:05:09</t>
  </si>
  <si>
    <t>01/13/2020 13:04:18</t>
  </si>
  <si>
    <t>01/13/2020 13:07:29</t>
  </si>
  <si>
    <t>e12d3e5e-dd70-48a8-884a-4ddc96ef0658.tmp</t>
  </si>
  <si>
    <t>\\acsfs\profiles$\PEDROHAB\Downloads\e12d3e5e-dd70-48a8-884a-4ddc96ef0658.tmp</t>
  </si>
  <si>
    <t>01/13/2020 13:05:11</t>
  </si>
  <si>
    <t>01/13/2020 13:04:19</t>
  </si>
  <si>
    <t>01/13/2020 13:05:37</t>
  </si>
  <si>
    <t>01/13/2020 13:09:29</t>
  </si>
  <si>
    <t>01/13/2020 13:05:39</t>
  </si>
  <si>
    <t>01/13/2020 13:05:58</t>
  </si>
  <si>
    <t>01/13/2020 13:06:02</t>
  </si>
  <si>
    <t>01/13/2020 13:05:29</t>
  </si>
  <si>
    <t>11082150-b384-4112-8a00-d662e4e74c88.tmp</t>
  </si>
  <si>
    <t>\\acsfs\profiles$\gabrielsma\Downloads\11082150-b384-4112-8a00-d662e4e74c88.tmp</t>
  </si>
  <si>
    <t>01/13/2020 13:05:42</t>
  </si>
  <si>
    <t>Não confirmado 747505.crdownload</t>
  </si>
  <si>
    <t>\\acsfs\ACS\Gabriel da Silva\Contemporânea\VENDAS\Não confirmado 747505.crdownload</t>
  </si>
  <si>
    <t>54b4362c-7eab-4a84-9736-9eb592556e41.tmp</t>
  </si>
  <si>
    <t>\\acsfs\profiles$\gabrielsma\Downloads\54b4362c-7eab-4a84-9736-9eb592556e41.tmp</t>
  </si>
  <si>
    <t>Não confirmado 835680.crdownload</t>
  </si>
  <si>
    <t>\\acsfs\ACS\Gabriel da Silva\Contemporânea\VENDAS\Não confirmado 835680.crdownload</t>
  </si>
  <si>
    <t>01/13/2020 13:06:07</t>
  </si>
  <si>
    <t>7c05b7a0-95c5-4eee-8fe9-5fcfee0867a9.tmp</t>
  </si>
  <si>
    <t>\\acsfs\profiles$\gabrielsma\Downloads\7c05b7a0-95c5-4eee-8fe9-5fcfee0867a9.tmp</t>
  </si>
  <si>
    <t>01/13/2020 13:06:22</t>
  </si>
  <si>
    <t>Não confirmado 642974.crdownload</t>
  </si>
  <si>
    <t>\\acsfs\ACS\Gabriel da Silva\Contemporânea\Comissão e Incentivo\Não confirmado 642974.crdownload</t>
  </si>
  <si>
    <t>01/13/2020 13:06:27</t>
  </si>
  <si>
    <t>01/13/2020 13:06:28</t>
  </si>
  <si>
    <t>d0d15fbe-d253-4545-9fa5-55a00ec19a58.tmp</t>
  </si>
  <si>
    <t>\\acsfs\profiles$\gabrielsma\Downloads\d0d15fbe-d253-4545-9fa5-55a00ec19a58.tmp</t>
  </si>
  <si>
    <t>01/13/2020 13:06:36</t>
  </si>
  <si>
    <t>Não confirmado 871464.crdownload</t>
  </si>
  <si>
    <t>\\acsfs\ACS\Gabriel da Silva\Contemporânea\Comissão e Incentivo\Não confirmado 871464.crdownload</t>
  </si>
  <si>
    <t>01/13/2020 13:04:32</t>
  </si>
  <si>
    <t>f136782f-ee99-4c16-8c48-29220a6d422c.tmp</t>
  </si>
  <si>
    <t>\\acsfs\profiles$\nathaliaos\Downloads\f136782f-ee99-4c16-8c48-29220a6d422c.tmp</t>
  </si>
  <si>
    <t>01/13/2020 13:04:42</t>
  </si>
  <si>
    <t>b2eeb3af-eee6-42be-8229-5d95b7e3334b.tmp</t>
  </si>
  <si>
    <t>\\acsfs\profiles$\nathaliaos\Downloads\b2eeb3af-eee6-42be-8229-5d95b7e3334b.tmp</t>
  </si>
  <si>
    <t>01/13/2020 13:06:14</t>
  </si>
  <si>
    <t>ddfeec87-ac4f-4a87-9527-01d01fdae971.tmp</t>
  </si>
  <si>
    <t>\\acsfs\profiles$\felipetds\Downloads\ddfeec87-ac4f-4a87-9527-01d01fdae971.tmp</t>
  </si>
  <si>
    <t>01/13/2020 13:08:40</t>
  </si>
  <si>
    <t>01/13/2020 13:10:28</t>
  </si>
  <si>
    <t>https://joaogvc@algartech.com,leonardoao@algartech.com,marianacds@algartech.com,marianadjc@algartech.com,paulacn@algartech.com,ricardodfm@algartech.com.br,taysdss@algartech.com,thiagordu@algartech.com,viniciussg@algartech.com</t>
  </si>
  <si>
    <t>01/13/2020 13:09:21</t>
  </si>
  <si>
    <t>01/13/2020 13:11:29</t>
  </si>
  <si>
    <t>01/13/2020 13:09:52</t>
  </si>
  <si>
    <t>01/13/2020 13:10:22</t>
  </si>
  <si>
    <t>01/13/2020 13:10:35</t>
  </si>
  <si>
    <t>34b1b5ad-5636-43c8-b513-348743a85c0d.tmp</t>
  </si>
  <si>
    <t>\\acsfs\profiles$\RAFAELRF\Downloads\34b1b5ad-5636-43c8-b513-348743a85c0d.tmp</t>
  </si>
  <si>
    <t>01/13/2020 13:09:51</t>
  </si>
  <si>
    <t>01/13/2020 13:12:28</t>
  </si>
  <si>
    <t>01/13/2020 13:07:58</t>
  </si>
  <si>
    <t>01/13/2020 13:13:29</t>
  </si>
  <si>
    <t>https://udpwfmniceap02/web/guest/home?p_auth=vlci1sss&amp;p_p_id=58&amp;p_p_lifecycle=1&amp;p_p_state=maximized&amp;p_p_mode=view&amp;savelastpath=0&amp;_58_struts_action=/login/forgot_password</t>
  </si>
  <si>
    <t>01/13/2020 13:08:08</t>
  </si>
  <si>
    <t>01/13/2020 13:08:14</t>
  </si>
  <si>
    <t>01/13/2020 13:09:31</t>
  </si>
  <si>
    <t>f069c6b9-c8fc-4273-92d0-7126922e57d7.tmp</t>
  </si>
  <si>
    <t>\\acsfs\profiles$\francislayneads\Downloads\f069c6b9-c8fc-4273-92d0-7126922e57d7.tmp</t>
  </si>
  <si>
    <t>01/13/2020 13:08:53</t>
  </si>
  <si>
    <t>01/13/2020 13:14:28</t>
  </si>
  <si>
    <t>b7a883f8-c8f7-4119-970a-d6b7d2a5c3e2.tmp</t>
  </si>
  <si>
    <t>\\acsfs\profiles$\nataliacsl\Downloads\b7a883f8-c8f7-4119-970a-d6b7d2a5c3e2.tmp</t>
  </si>
  <si>
    <t>01/13/2020 13:08:42</t>
  </si>
  <si>
    <t>Incentivo BV - SAC_VL2.xlsx</t>
  </si>
  <si>
    <t>\\acsfs\ACS\Gabriel da Silva\Contemporânea\Comissão e Incentivo\Incentivo BV - SAC_VL2.xlsx</t>
  </si>
  <si>
    <t>01/13/2020 13:11:38</t>
  </si>
  <si>
    <t>01/13/2020 13:12:12</t>
  </si>
  <si>
    <t>01/13/2020 13:10:05</t>
  </si>
  <si>
    <t>372d30c2-aead-420b-94f0-91435035f30b.tmp</t>
  </si>
  <si>
    <t>\\acsfs\profiles$\quindaizaagds\Downloads\372d30c2-aead-420b-94f0-91435035f30b.tmp</t>
  </si>
  <si>
    <t>01/13/2020 13:11:19</t>
  </si>
  <si>
    <t>312a7946-37c6-4ef9-bbc3-9d2dae9dce3a.tmp</t>
  </si>
  <si>
    <t>\\acsfs\profiles$\quindaizaagds\Downloads\312a7946-37c6-4ef9-bbc3-9d2dae9dce3a.tmp</t>
  </si>
  <si>
    <t>01/13/2020 13:09:54</t>
  </si>
  <si>
    <t>01/13/2020 13:15:29</t>
  </si>
  <si>
    <t>01/13/2020 13:10:34</t>
  </si>
  <si>
    <t>RELATORIO DE LOGIN - FINANCEIRA - 10-01 - Cópia.xlsm</t>
  </si>
  <si>
    <t>\\acsfs\DEPTOS\Operacao\PCP\5 - Comum\PLANEJAMENTO BV\14 - ACOMPANHAMENTO\1 - REPORT ACOMPANHAMENTO\2020\1 - JANEIRO\FINANCEIRA\Login Logout Financeira\RELATORIO DE LOGIN - FINANCEIRA - 10-01 - Cópia.xlsm</t>
  </si>
  <si>
    <t>01/13/2020 13:11:06</t>
  </si>
  <si>
    <t>XLOG_ellencds_13012020_071113.log</t>
  </si>
  <si>
    <t>\\acsfs\profiles$\ellencds\My Documents\xworkcenter\logs\XLOG_ellencds_13012020_071113.log</t>
  </si>
  <si>
    <t>01/13/2020 13:10:52</t>
  </si>
  <si>
    <t>01/13/2020 13:16:28</t>
  </si>
  <si>
    <t>01/13/2020 13:12:23</t>
  </si>
  <si>
    <t>01/13/2020 13:12:53</t>
  </si>
  <si>
    <t>01/13/2020 13:14:24</t>
  </si>
  <si>
    <t>01/13/2020 13:15:25</t>
  </si>
  <si>
    <t>01/13/2020 13:10:51</t>
  </si>
  <si>
    <t>82642370-33b3-48cb-9fde-d1f4df1be859.tmp</t>
  </si>
  <si>
    <t>\\acsfs\profiles$\RAFAELRF\Downloads\82642370-33b3-48cb-9fde-d1f4df1be859.tmp</t>
  </si>
  <si>
    <t>01/13/2020 13:14:34</t>
  </si>
  <si>
    <t>01/13/2020 13:17:29</t>
  </si>
  <si>
    <t>01/13/2020 13:15:17</t>
  </si>
  <si>
    <t>01/13/2020 13:18:28</t>
  </si>
  <si>
    <t>01/13/2020 13:15:26</t>
  </si>
  <si>
    <t>01/13/2020 13:15:22</t>
  </si>
  <si>
    <t>01/13/2020 13:15:24</t>
  </si>
  <si>
    <t>01/13/2020 13:19:29</t>
  </si>
  <si>
    <t>\\acsfs\ACS\Gabriel da Silva\Contemporânea\NPS\BCCA9538.tmp\</t>
  </si>
  <si>
    <t>\\acsfs\ACS\Gabriel da Silva\Contemporânea\NPS\BCCA9538.tmp\:Zone.Identifier:$DATA</t>
  </si>
  <si>
    <t>01/13/2020 13:15:27</t>
  </si>
  <si>
    <t>\\acsfs\ACS\Gabriel da Silva\Contemporânea\NPS\NPS SAC_Base.xlsx\</t>
  </si>
  <si>
    <t>\\acsfs\ACS\Gabriel da Silva\Contemporânea\NPS\NPS SAC_Base.xlsx</t>
  </si>
  <si>
    <t>NPS SAC_Base.xlsx</t>
  </si>
  <si>
    <t>01/13/2020 13:15:30</t>
  </si>
  <si>
    <t>\\acsfs\ACS\Gabriel da Silva\Contemporânea\NPS\B806CC4F.tmp\</t>
  </si>
  <si>
    <t>\\acsfs\ACS\Gabriel da Silva\Contemporânea\NPS\B806CC4F.tmp\:Zone.Identifier:$DATA</t>
  </si>
  <si>
    <t>01/13/2020 13:15:33</t>
  </si>
  <si>
    <t>01/13/2020 13:16:05</t>
  </si>
  <si>
    <t>01/13/2020 13:18:10</t>
  </si>
  <si>
    <t>\\acsfs\ACS\Gabriel da Silva\Contemporânea\NPS\F56BBC9.tmp\</t>
  </si>
  <si>
    <t>\\acsfs\ACS\Gabriel da Silva\Contemporânea\NPS\F56BBC9.tmp\:Zone.Identifier:$DATA</t>
  </si>
  <si>
    <t>01/13/2020 13:18:14</t>
  </si>
  <si>
    <t>\\acsfs\ACS\Gabriel da Silva\Contemporânea\NPS\NPS CONSIGNADO_Base.xlsx\</t>
  </si>
  <si>
    <t>\\acsfs\ACS\Gabriel da Silva\Contemporânea\NPS\NPS CONSIGNADO_Base.xlsx</t>
  </si>
  <si>
    <t>NPS CONSIGNADO_Base.xlsx</t>
  </si>
  <si>
    <t>01/13/2020 13:16:54</t>
  </si>
  <si>
    <t>01/13/2020 13:20:28</t>
  </si>
  <si>
    <t>RELATORIO DE LOGIN - FINANCEIRA - 12-01 - SAC.xlsm</t>
  </si>
  <si>
    <t>\\acsfs\DEPTOS\Operacao\PCP\5 - Comum\PLANEJAMENTO BV\14 - ACOMPANHAMENTO\1 - REPORT ACOMPANHAMENTO\2020\1 - JANEIRO\FINANCEIRA\Login Logout Financeira\RELATORIO DE LOGIN - FINANCEIRA - 12-01 - SAC.xlsm</t>
  </si>
  <si>
    <t>01/13/2020 13:17:10</t>
  </si>
  <si>
    <t>RELATORIO DE LOGIN - FINANCEIRA - 12-01 - SAC - Cópia.xlsm</t>
  </si>
  <si>
    <t>\\acsfs\DEPTOS\Operacao\PCP\5 - Comum\PLANEJAMENTO BV\14 - ACOMPANHAMENTO\1 - REPORT ACOMPANHAMENTO\2020\1 - JANEIRO\FINANCEIRA\Login Logout Financeira\RELATORIO DE LOGIN - FINANCEIRA - 12-01 - SAC - Cópia.xlsm</t>
  </si>
  <si>
    <t>01/13/2020 13:16:25</t>
  </si>
  <si>
    <t>01/13/2020 13:21:29</t>
  </si>
  <si>
    <t>01/13/2020 13:16:55</t>
  </si>
  <si>
    <t>01/13/2020 13:17:26</t>
  </si>
  <si>
    <t>01/13/2020 13:18:26</t>
  </si>
  <si>
    <t>01/13/2020 13:18:56</t>
  </si>
  <si>
    <t>01/13/2020 13:20:46</t>
  </si>
  <si>
    <t>01/13/2020 13:23:28</t>
  </si>
  <si>
    <t>01/13/2020 13:22:46</t>
  </si>
  <si>
    <t>a7fb365d-c3d0-4bc7-8e22-e8b3dbf91405.tmp</t>
  </si>
  <si>
    <t>\\acsfs\profiles$\regisedsj\Downloads\a7fb365d-c3d0-4bc7-8e22-e8b3dbf91405.tmp</t>
  </si>
  <si>
    <t>01/13/2020 13:18:43</t>
  </si>
  <si>
    <t>01/13/2020 13:24:28</t>
  </si>
  <si>
    <t>01/13/2020 13:18:44</t>
  </si>
  <si>
    <t>lu4374029zxwf.tmp</t>
  </si>
  <si>
    <t>\\acsfs\profiles$\LUISPLS\My Documents\Nova pasta\lu4374029zxwf.tmp</t>
  </si>
  <si>
    <t>\\acsfs\profiles$\LUISPLS\My Documents\Nova pasta\lu4374029zxwf.tmp\</t>
  </si>
  <si>
    <t>\\acsfs\profiles$\LUISPLS\My Documents\Nova pasta\lu4374029zxwf.tmp\META-INF\</t>
  </si>
  <si>
    <t>\\acsfs\profiles$\LUISPLS\My Documents\Nova pasta\lu4374029zxwf.tmp\Thumbnails\</t>
  </si>
  <si>
    <t>01/13/2020 13:21:48</t>
  </si>
  <si>
    <t>01/13/2020 13:24:31</t>
  </si>
  <si>
    <t>01/13/2020 13:25:28</t>
  </si>
  <si>
    <t>fc4108cc-7e1c-4267-8c55-43912d0de06f.tmp</t>
  </si>
  <si>
    <t>\\acsfs\profiles$\ERICALSR\Downloads\fc4108cc-7e1c-4267-8c55-43912d0de06f.tmp</t>
  </si>
  <si>
    <t>01/13/2020 13:23:41</t>
  </si>
  <si>
    <t>01/13/2020 13:26:28</t>
  </si>
  <si>
    <t>01/13/2020 13:23:42</t>
  </si>
  <si>
    <t>01/13/2020 13:23:43</t>
  </si>
  <si>
    <t>01/13/2020 13:23:44</t>
  </si>
  <si>
    <t>01/13/2020 13:23:45</t>
  </si>
  <si>
    <t>01/13/2020 13:23:46</t>
  </si>
  <si>
    <t>01/13/2020 13:23:47</t>
  </si>
  <si>
    <t>01/13/2020 13:23:48</t>
  </si>
  <si>
    <t>01/13/2020 13:23:49</t>
  </si>
  <si>
    <t>01/13/2020 13:23:50</t>
  </si>
  <si>
    <t>01/13/2020 13:23:51</t>
  </si>
  <si>
    <t>01/13/2020 13:23:52</t>
  </si>
  <si>
    <t>01/13/2020 13:23:53</t>
  </si>
  <si>
    <t>01/13/2020 13:23:54</t>
  </si>
  <si>
    <t>01/13/2020 13:21:32</t>
  </si>
  <si>
    <t>54996;fernandaab@algartech.com;talmaiardo@algartech.com;</t>
  </si>
  <si>
    <t>54996,fernandaab@algartech.com,talmaiardo@algartech.com</t>
  </si>
  <si>
    <t>01/13/2020 13:23:55</t>
  </si>
  <si>
    <t>01/13/2020 13:21:39</t>
  </si>
  <si>
    <t>01/13/2020 13:21:45</t>
  </si>
  <si>
    <t>01/13/2020 13:21:52</t>
  </si>
  <si>
    <t>01/13/2020 13:23:56</t>
  </si>
  <si>
    <t>01/13/2020 13:21:57</t>
  </si>
  <si>
    <t>01/13/2020 13:22:03</t>
  </si>
  <si>
    <t>01/13/2020 13:22:12</t>
  </si>
  <si>
    <t>01/13/2020 13:23:57</t>
  </si>
  <si>
    <t>01/13/2020 13:22:21</t>
  </si>
  <si>
    <t>fernandaab@algartech.com;lilianls@algartech.com;suportebv@mutantbr.com;talmaiardo@algartech.com;</t>
  </si>
  <si>
    <t>fernandaab@algartech.com,lilianls@algartech.com,suportebv@mutantbr.com,talmaiardo@algartech.com</t>
  </si>
  <si>
    <t>01/13/2020 13:23:58</t>
  </si>
  <si>
    <t>01/13/2020 13:22:22</t>
  </si>
  <si>
    <t>01/13/2020 13:22:41</t>
  </si>
  <si>
    <t>01/13/2020 13:23:59</t>
  </si>
  <si>
    <t>01/13/2020 13:22:49</t>
  </si>
  <si>
    <t>01/13/2020 13:24:00</t>
  </si>
  <si>
    <t>01/13/2020 13:22:58</t>
  </si>
  <si>
    <t>fernandaab@algartech.com;lilianls@algartech.com;suportebv@mutantbr.com;talmaiardo@algartech.com;tatiane.biassi@mutantbr.com;</t>
  </si>
  <si>
    <t>fernandaab@algartech.com,lilianls@algartech.com,suportebv@mutantbr.com,talmaiardo@algartech.com,tatiane.biassi@mutantbr.com</t>
  </si>
  <si>
    <t>01/13/2020 13:24:01</t>
  </si>
  <si>
    <t>01/13/2020 13:23:01</t>
  </si>
  <si>
    <t>01/13/2020 13:24:02</t>
  </si>
  <si>
    <t>01/13/2020 13:23:26</t>
  </si>
  <si>
    <t>54996;fernandaab@algartech.com;lilianls@algartech.com;suportebv@mutantbr.com;talmaiardo@algartech.com;tatiane.biassi@mutantbr.com;</t>
  </si>
  <si>
    <t>54996,fernandaab@algartech.com,lilianls@algartech.com,suportebv@mutantbr.com,talmaiardo@algartech.com,tatiane.biassi@mutantbr.com</t>
  </si>
  <si>
    <t>01/13/2020 13:24:03</t>
  </si>
  <si>
    <t>01/13/2020 13:23:31</t>
  </si>
  <si>
    <t>01/13/2020 13:24:04</t>
  </si>
  <si>
    <t>01/13/2020 13:24:05</t>
  </si>
  <si>
    <t>01/13/2020 13:24:06</t>
  </si>
  <si>
    <t>01/13/2020 13:24:17</t>
  </si>
  <si>
    <t>01/13/2020 13:24:07</t>
  </si>
  <si>
    <t>01/13/2020 13:24:20</t>
  </si>
  <si>
    <t>01/13/2020 13:24:35</t>
  </si>
  <si>
    <t>01/13/2020 13:24:44</t>
  </si>
  <si>
    <t>01/13/2020 13:24:08</t>
  </si>
  <si>
    <t>01/13/2020 13:25:06</t>
  </si>
  <si>
    <t>01/13/2020 13:25:19</t>
  </si>
  <si>
    <t>01/13/2020 13:25:31</t>
  </si>
  <si>
    <t>01/13/2020 13:21:24</t>
  </si>
  <si>
    <t>01/13/2020 13:26:08</t>
  </si>
  <si>
    <t>01/13/2020 13:27:28</t>
  </si>
  <si>
    <t>01/13/2020 13:23:07</t>
  </si>
  <si>
    <t>01/13/2020 13:28:28</t>
  </si>
  <si>
    <t>b70b8434-9024-4dd9-901d-5fb2592d5536.tmp</t>
  </si>
  <si>
    <t>\\acsfs\profiles$\rafaelahpn\Downloads\b70b8434-9024-4dd9-901d-5fb2592d5536.tmp</t>
  </si>
  <si>
    <t>01/13/2020 13:27:04</t>
  </si>
  <si>
    <t>01/13/2020 13:29:29</t>
  </si>
  <si>
    <t>01/13/2020 13:30:28</t>
  </si>
  <si>
    <t>01/13/2020 13:27:01</t>
  </si>
  <si>
    <t>01/13/2020 13:31:29</t>
  </si>
  <si>
    <t>01/13/2020 13:27:32</t>
  </si>
  <si>
    <t>01/13/2020 13:28:02</t>
  </si>
  <si>
    <t>01/13/2020 13:26:31</t>
  </si>
  <si>
    <t>01/13/2020 13:30:30</t>
  </si>
  <si>
    <t>01/13/2020 13:32:28</t>
  </si>
  <si>
    <t>9590ba53-60d4-47b1-a6a6-bdf290a803b5.tmp</t>
  </si>
  <si>
    <t>\\acsfs\profiles$\victoriaksr\Downloads\9590ba53-60d4-47b1-a6a6-bdf290a803b5.tmp</t>
  </si>
  <si>
    <t>01/13/2020 13:30:36</t>
  </si>
  <si>
    <t>7dad6eb3-558c-4044-ae81-bcc3cfa03d0e.tmp</t>
  </si>
  <si>
    <t>\\acsfs\profiles$\victoriaksr\Downloads\7dad6eb3-558c-4044-ae81-bcc3cfa03d0e.tmp</t>
  </si>
  <si>
    <t>01/13/2020 13:29:08</t>
  </si>
  <si>
    <t>0082468e-da72-4958-af61-4f155661a138.tmp</t>
  </si>
  <si>
    <t>\\acsfs\profiles$\mariagsg\Downloads\0082468e-da72-4958-af61-4f155661a138.tmp</t>
  </si>
  <si>
    <t>01/13/2020 13:30:55</t>
  </si>
  <si>
    <t>http://beacons3.gvt2.com/domainreliability/upload</t>
  </si>
  <si>
    <t>http:///batch?%24ct=multipart%2Fmixed%3B%20boundary%3D%22%3D%3D%3D%3D%3D1e3s7uwck78x%3D%3D%3D%3D%3D%22&amp;key=AIzaSyAy9VVXHSpS2IJpptzYtGbLP3-3_l0aBk4</t>
  </si>
  <si>
    <t>http:///batch?%24ct=multipart%2Fmixed%3B%20boundary%3D%22%3D%3D%3D%3D%3Dv87kjm7t7zul%3D%3D%3D%3D%3D%22&amp;key=AIzaSyAy9VVXHSpS2IJpptzYtGbLP3-3_l0aBk4</t>
  </si>
  <si>
    <t>01/13/2020 13:31:50</t>
  </si>
  <si>
    <t>01/13/2020 13:33:28</t>
  </si>
  <si>
    <t>2edec3c7-4eac-4c9c-a05c-7a9fa3509eff.tmp</t>
  </si>
  <si>
    <t>\\acsfs\profiles$\rafaelamsv\Downloads\2edec3c7-4eac-4c9c-a05c-7a9fa3509eff.tmp</t>
  </si>
  <si>
    <t>01/13/2020 13:29:01</t>
  </si>
  <si>
    <t>60b3898d-9132-4d10-88bf-4c433081d5eb.tmp</t>
  </si>
  <si>
    <t>\\acsfs\profiles$\regisedsj\Downloads\60b3898d-9132-4d10-88bf-4c433081d5eb.tmp</t>
  </si>
  <si>
    <t>01/13/2020 13:28:33</t>
  </si>
  <si>
    <t>f2928afc-1981-47c5-a39c-00bda89a40c8.tmp</t>
  </si>
  <si>
    <t>\\acsfs\profiles$\laylaams\Downloads\f2928afc-1981-47c5-a39c-00bda89a40c8.tmp</t>
  </si>
  <si>
    <t>01/13/2020 13:34:02</t>
  </si>
  <si>
    <t>01/13/2020 13:35:28</t>
  </si>
  <si>
    <t>889a153c-891a-496e-a07c-fe24a440a3eb.tmp</t>
  </si>
  <si>
    <t>\\acsfs\profiles$\henriquehmdo\Downloads\889a153c-891a-496e-a07c-fe24a440a3eb.tmp</t>
  </si>
  <si>
    <t>01/13/2020 13:32:01</t>
  </si>
  <si>
    <t>01/13/2020 13:34:37</t>
  </si>
  <si>
    <t>01/13/2020 13:33:05</t>
  </si>
  <si>
    <t>01/13/2020 13:33:21</t>
  </si>
  <si>
    <t>01/13/2020 13:31:04</t>
  </si>
  <si>
    <t>01/13/2020 13:36:28</t>
  </si>
  <si>
    <t>01/13/2020 13:31:34</t>
  </si>
  <si>
    <t>01/13/2020 13:34:36</t>
  </si>
  <si>
    <t>01/13/2020 13:35:06</t>
  </si>
  <si>
    <t>01/13/2020 13:31:39</t>
  </si>
  <si>
    <t>01/13/2020 13:31:51</t>
  </si>
  <si>
    <t>01/13/2020 13:32:07</t>
  </si>
  <si>
    <t>01/13/2020 13:32:10</t>
  </si>
  <si>
    <t>01/13/2020 13:32:19</t>
  </si>
  <si>
    <t>01/13/2020 13:32:24</t>
  </si>
  <si>
    <t>01/13/2020 13:32:36</t>
  </si>
  <si>
    <t>01/13/2020 13:33:25</t>
  </si>
  <si>
    <t>01/13/2020 13:33:30</t>
  </si>
  <si>
    <t>01/13/2020 13:33:36</t>
  </si>
  <si>
    <t>01/13/2020 13:33:39</t>
  </si>
  <si>
    <t>01/13/2020 13:33:42</t>
  </si>
  <si>
    <t>01/13/2020 13:33:48</t>
  </si>
  <si>
    <t>01/13/2020 13:33:55</t>
  </si>
  <si>
    <t>01/13/2020 13:33:59</t>
  </si>
  <si>
    <t>01/13/2020 13:34:05</t>
  </si>
  <si>
    <t>01/13/2020 13:34:15</t>
  </si>
  <si>
    <t>01/13/2020 13:34:20</t>
  </si>
  <si>
    <t>01/13/2020 13:34:29</t>
  </si>
  <si>
    <t>01/13/2020 13:34:32</t>
  </si>
  <si>
    <t>01/13/2020 13:34:46</t>
  </si>
  <si>
    <t>01/13/2020 13:34:52</t>
  </si>
  <si>
    <t>01/13/2020 13:34:55</t>
  </si>
  <si>
    <t>01/13/2020 13:34:59</t>
  </si>
  <si>
    <t>01/13/2020 13:35:02</t>
  </si>
  <si>
    <t>01/13/2020 13:35:14</t>
  </si>
  <si>
    <t>01/13/2020 13:35:17</t>
  </si>
  <si>
    <t>01/13/2020 13:35:35</t>
  </si>
  <si>
    <t>01/13/2020 13:35:44</t>
  </si>
  <si>
    <t>01/13/2020 13:31:58</t>
  </si>
  <si>
    <t>01/13/2020 13:37:28</t>
  </si>
  <si>
    <t>9c7793f1-56e3-4704-8b2c-08f6a979f08c.tmp</t>
  </si>
  <si>
    <t>\\acsfs\profiles$\victoriaksr\Downloads\9c7793f1-56e3-4704-8b2c-08f6a979f08c.tmp</t>
  </si>
  <si>
    <t>01/13/2020 13:33:50</t>
  </si>
  <si>
    <t>01/13/2020 13:38:28</t>
  </si>
  <si>
    <t>10.200.67.59</t>
  </si>
  <si>
    <t>c668a63d-1e47-4375-b933-d7f774d5f089.tmp</t>
  </si>
  <si>
    <t>\\acsfs\profiles$\lorrainerdl\Downloads\c668a63d-1e47-4375-b933-d7f774d5f089.tmp</t>
  </si>
  <si>
    <t>01/13/2020 13:34:06</t>
  </si>
  <si>
    <t>52f1509b-6539-4b99-9b8f-781715736081.tmp</t>
  </si>
  <si>
    <t>\\acsfs\profiles$\lorrainerdl\Downloads\52f1509b-6539-4b99-9b8f-781715736081.tmp</t>
  </si>
  <si>
    <t>7cbd6e92-c591-4b60-aa05-0f732fd2d25a.tmp</t>
  </si>
  <si>
    <t>\\acsfs\profiles$\laylaams\Downloads\7cbd6e92-c591-4b60-aa05-0f732fd2d25a.tmp</t>
  </si>
  <si>
    <t>01/13/2020 13:39:17</t>
  </si>
  <si>
    <t>01/13/2020 13:40:28</t>
  </si>
  <si>
    <t>01/13/2020 13:36:53</t>
  </si>
  <si>
    <t>01/13/2020 13:37:46</t>
  </si>
  <si>
    <t>01/13/2020 13:41:28</t>
  </si>
  <si>
    <t>01/13/2020 13:38:46</t>
  </si>
  <si>
    <t>01/13/2020 13:38:47</t>
  </si>
  <si>
    <t>lu130441buzf.tmp</t>
  </si>
  <si>
    <t>\\acsfs\profiles$\CINTIADCF\lu130441buzf.tmp</t>
  </si>
  <si>
    <t>\\acsfs\profiles$\CINTIADCF\lu130441buzf.tmp\</t>
  </si>
  <si>
    <t>\\acsfs\profiles$\CINTIADCF\lu130441buzf.tmp\META-INF\</t>
  </si>
  <si>
    <t>\\acsfs\profiles$\CINTIADCF\lu130441buzf.tmp\Thumbnails\</t>
  </si>
  <si>
    <t>01/13/2020 13:39:21</t>
  </si>
  <si>
    <t>22fd7ad4-d49c-4703-9928-1f4b67d415b1.tmp</t>
  </si>
  <si>
    <t>\\acsfs\profiles$\brendadsl\Downloads\22fd7ad4-d49c-4703-9928-1f4b67d415b1.tmp</t>
  </si>
  <si>
    <t>01/13/2020 13:39:23</t>
  </si>
  <si>
    <t>66c703fd-514c-4c5e-a13a-4a31aa5389ac.tmp</t>
  </si>
  <si>
    <t>\\acsfs\profiles$\brendadsl\Downloads\66c703fd-514c-4c5e-a13a-4a31aa5389ac.tmp</t>
  </si>
  <si>
    <t>fcbdce80-2c82-4499-9a7f-f5843bac04f0.tmp</t>
  </si>
  <si>
    <t>\\acsfs\profiles$\brendadsl\Downloads\fcbdce80-2c82-4499-9a7f-f5843bac04f0.tmp</t>
  </si>
  <si>
    <t>01/13/2020 13:39:24</t>
  </si>
  <si>
    <t>0602d109-e271-468f-97fa-72a3259721fd.tmp</t>
  </si>
  <si>
    <t>\\acsfs\profiles$\brendadsl\Downloads\0602d109-e271-468f-97fa-72a3259721fd.tmp</t>
  </si>
  <si>
    <t>01/13/2020 13:39:25</t>
  </si>
  <si>
    <t>ab3bc56d-7d7a-4bbd-90e4-e10ade3f09ee.tmp</t>
  </si>
  <si>
    <t>\\acsfs\profiles$\brendadsl\Downloads\ab3bc56d-7d7a-4bbd-90e4-e10ade3f09ee.tmp</t>
  </si>
  <si>
    <t>01/13/2020 13:40:10</t>
  </si>
  <si>
    <t>01/13/2020 13:38:43</t>
  </si>
  <si>
    <t>01/13/2020 13:39:44</t>
  </si>
  <si>
    <t>f950f9a9-5af4-4cff-8069-5ed7ecc89790.tmp</t>
  </si>
  <si>
    <t>\\acsfs\profiles$\gabrielamdp\Downloads\f950f9a9-5af4-4cff-8069-5ed7ecc89790.tmp</t>
  </si>
  <si>
    <t>01/13/2020 13:39:46</t>
  </si>
  <si>
    <t>31ec663f-ac03-4584-99cd-a5d37b60f7fb.tmp</t>
  </si>
  <si>
    <t>\\acsfs\profiles$\gabrielamdp\Downloads\31ec663f-ac03-4584-99cd-a5d37b60f7fb.tmp</t>
  </si>
  <si>
    <t>01/13/2020 13:40:20</t>
  </si>
  <si>
    <t>b9e616f3-319c-47d6-83b9-a55d60a5af68.tmp</t>
  </si>
  <si>
    <t>\\acsfs\profiles$\gabrielamdp\Downloads\b9e616f3-319c-47d6-83b9-a55d60a5af68.tmp</t>
  </si>
  <si>
    <t>01/13/2020 13:40:21</t>
  </si>
  <si>
    <t>24b47cd0-ebe8-4430-8736-3c1598700b57.tmp</t>
  </si>
  <si>
    <t>\\acsfs\profiles$\gabrielamdp\Downloads\24b47cd0-ebe8-4430-8736-3c1598700b57.tmp</t>
  </si>
  <si>
    <t>01/13/2020 13:40:22</t>
  </si>
  <si>
    <t>7e879fa9-9690-4c4d-8de3-06b4c25622b0.tmp</t>
  </si>
  <si>
    <t>\\acsfs\profiles$\gabrielamdp\Downloads\7e879fa9-9690-4c4d-8de3-06b4c25622b0.tmp</t>
  </si>
  <si>
    <t>01/13/2020 13:35:58</t>
  </si>
  <si>
    <t>01/13/2020 13:37:08</t>
  </si>
  <si>
    <t>01/13/2020 13:37:25</t>
  </si>
  <si>
    <t>a0e5ad9f-7306-47a2-a23e-1f81ba4d546f.tmp</t>
  </si>
  <si>
    <t>\\acsfs\profiles$\sarahbal\Downloads\a0e5ad9f-7306-47a2-a23e-1f81ba4d546f.tmp</t>
  </si>
  <si>
    <t>01/13/2020 13:37:47</t>
  </si>
  <si>
    <t>01/13/2020 13:37:52</t>
  </si>
  <si>
    <t>01/13/2020 13:39:16</t>
  </si>
  <si>
    <t>01/13/2020 13:39:22</t>
  </si>
  <si>
    <t>01/13/2020 13:39:27</t>
  </si>
  <si>
    <t>01/13/2020 13:39:36</t>
  </si>
  <si>
    <t>01/13/2020 13:39:41</t>
  </si>
  <si>
    <t>01/13/2020 13:39:45</t>
  </si>
  <si>
    <t>01/13/2020 13:39:50</t>
  </si>
  <si>
    <t>01/13/2020 13:39:53</t>
  </si>
  <si>
    <t>01/13/2020 13:40:12</t>
  </si>
  <si>
    <t>01/13/2020 13:40:23</t>
  </si>
  <si>
    <t>01/13/2020 13:40:26</t>
  </si>
  <si>
    <t>01/13/2020 13:40:30</t>
  </si>
  <si>
    <t>01/13/2020 13:40:38</t>
  </si>
  <si>
    <t>01/13/2020 13:40:42</t>
  </si>
  <si>
    <t>01/13/2020 13:40:46</t>
  </si>
  <si>
    <t>01/13/2020 13:37:09</t>
  </si>
  <si>
    <t>01/13/2020 13:42:28</t>
  </si>
  <si>
    <t>01/13/2020 13:40:53</t>
  </si>
  <si>
    <t>01/13/2020 13:44:29</t>
  </si>
  <si>
    <t>883c368a-5c6c-4444-925e-114cb293b86d.tmp</t>
  </si>
  <si>
    <t>\\acsfs\profiles$\marcosvnds\Downloads\883c368a-5c6c-4444-925e-114cb293b86d.tmp</t>
  </si>
  <si>
    <t>01/13/2020 13:40:34</t>
  </si>
  <si>
    <t>01/13/2020 13:45:28</t>
  </si>
  <si>
    <t>RELATORIO DE LOGIN - FINANCEIRA - 11-01 - SAC.xlsm</t>
  </si>
  <si>
    <t>\\acsfs\DEPTOS\Operacao\PCP\5 - Comum\PLANEJAMENTO BV\14 - ACOMPANHAMENTO\1 - REPORT ACOMPANHAMENTO\2020\1 - JANEIRO\FINANCEIRA\Login Logout Financeira\RELATORIO DE LOGIN - FINANCEIRA - 11-01 - SAC.xlsm</t>
  </si>
  <si>
    <t>01/13/2020 13:41:26</t>
  </si>
  <si>
    <t>01/13/2020 13:42:51</t>
  </si>
  <si>
    <t>mail.google.com/sync/u/0/i/s?hl=pt-BR&amp;c=1331</t>
  </si>
  <si>
    <t>01/13/2020 13:43:08</t>
  </si>
  <si>
    <t>mail.google.com/sync/u/0/i/s?hl=pt-BR&amp;c=1333</t>
  </si>
  <si>
    <t>01/13/2020 13:43:22</t>
  </si>
  <si>
    <t>mail.google.com/_/upload?authuser=0&amp;dcp=asu-n&amp;upload_id=AEnB2UpxfI931am0JF8dw4UK3XkrhHpcWNQV9iYULe4_FvUoJBQkspdsYWF5BJghjw6RHTUbBNy-AfJC5rKw44YWzWnunRZMupMcpXZ7tusm_TZWouDmGJ4&amp;upload_protocol=resumable</t>
  </si>
  <si>
    <t>01/13/2020 13:42:03</t>
  </si>
  <si>
    <t>01/13/2020 13:46:28</t>
  </si>
  <si>
    <t>01/13/2020 13:41:35</t>
  </si>
  <si>
    <t>c44913d1-362c-4211-9a6a-0d23e2f26cef.tmp</t>
  </si>
  <si>
    <t>\\acsfs\profiles$\brendadsl\Downloads\c44913d1-362c-4211-9a6a-0d23e2f26cef.tmp</t>
  </si>
  <si>
    <t>01/13/2020 13:43:12</t>
  </si>
  <si>
    <t>01/13/2020 13:43:42</t>
  </si>
  <si>
    <t>01/13/2020 13:44:12</t>
  </si>
  <si>
    <t>01/13/2020 13:45:13</t>
  </si>
  <si>
    <t>01/13/2020 13:44:26</t>
  </si>
  <si>
    <t>3da73a15-0d6a-4c43-9e1e-cb3f5e3420bb.tmp</t>
  </si>
  <si>
    <t>\\acsfs\profiles$\ingridsm\Downloads\3da73a15-0d6a-4c43-9e1e-cb3f5e3420bb.tmp</t>
  </si>
  <si>
    <t>01/13/2020 13:41:44</t>
  </si>
  <si>
    <t>01/13/2020 13:41:54</t>
  </si>
  <si>
    <t>01/13/2020 13:41:58</t>
  </si>
  <si>
    <t>01/13/2020 13:42:47</t>
  </si>
  <si>
    <t>01/13/2020 13:43:51</t>
  </si>
  <si>
    <t>01/13/2020 13:43:53</t>
  </si>
  <si>
    <t>01/13/2020 13:43:59</t>
  </si>
  <si>
    <t>01/13/2020 13:44:08</t>
  </si>
  <si>
    <t>01/13/2020 13:44:17</t>
  </si>
  <si>
    <t>01/13/2020 13:44:20</t>
  </si>
  <si>
    <t>01/13/2020 13:44:47</t>
  </si>
  <si>
    <t>01/13/2020 13:44:54</t>
  </si>
  <si>
    <t>01/13/2020 13:45:04</t>
  </si>
  <si>
    <t>01/13/2020 13:45:09</t>
  </si>
  <si>
    <t>01/13/2020 13:45:36</t>
  </si>
  <si>
    <t>01/13/2020 13:45:41</t>
  </si>
  <si>
    <t>01/13/2020 13:45:45</t>
  </si>
  <si>
    <t>2b81609f-0685-4deb-8cb5-02532c69266f.tmp</t>
  </si>
  <si>
    <t>\\acsfs\profiles$\andrezacapf\Downloads\2b81609f-0685-4deb-8cb5-02532c69266f.tmp</t>
  </si>
  <si>
    <t>01/13/2020 13:42:10</t>
  </si>
  <si>
    <t>01/13/2020 13:47:28</t>
  </si>
  <si>
    <t>Karen Jane Santos Silva (23).contact</t>
  </si>
  <si>
    <t>\\acsfs\profiles$\KARENJSS\Contacts\Karen Jane Santos Silva (23).contact</t>
  </si>
  <si>
    <t>01/13/2020 13:42:27</t>
  </si>
  <si>
    <t>01/13/2020 13:42:29</t>
  </si>
  <si>
    <t>01/13/2020 13:42:30</t>
  </si>
  <si>
    <t>01/13/2020 13:42:31</t>
  </si>
  <si>
    <t>01/13/2020 13:42:32</t>
  </si>
  <si>
    <t>01/13/2020 13:42:33</t>
  </si>
  <si>
    <t>01/13/2020 13:42:34</t>
  </si>
  <si>
    <t>01/13/2020 13:42:54</t>
  </si>
  <si>
    <t>01/13/2020 13:42:55</t>
  </si>
  <si>
    <t>01/13/2020 13:42:56</t>
  </si>
  <si>
    <t>01/13/2020 13:42:57</t>
  </si>
  <si>
    <t>01/13/2020 13:44:44</t>
  </si>
  <si>
    <t>eff8068a-1dda-4ef6-bf47-397d4e1f82db.tmp</t>
  </si>
  <si>
    <t>\\acsfs\profiles$\KARENJSS\Downloads\eff8068a-1dda-4ef6-bf47-397d4e1f82db.tmp</t>
  </si>
  <si>
    <t>01/13/2020 13:45:46</t>
  </si>
  <si>
    <t>01/13/2020 13:44:23</t>
  </si>
  <si>
    <t>ebe02987-9656-4834-af16-3136261e8dc9.tmp</t>
  </si>
  <si>
    <t>\\acsfs\profiles$\kellzylenneasr\Downloads\ebe02987-9656-4834-af16-3136261e8dc9.tmp</t>
  </si>
  <si>
    <t>01/13/2020 13:46:41</t>
  </si>
  <si>
    <t>01/13/2020 13:48:29</t>
  </si>
  <si>
    <t>01/13/2020 13:49:28</t>
  </si>
  <si>
    <t>01/13/2020 13:44:45</t>
  </si>
  <si>
    <t>01/13/2020 13:47:31</t>
  </si>
  <si>
    <t>31053754-5797-436c-91ff-9218c9a67ac7.tmp</t>
  </si>
  <si>
    <t>\\acsfs\profiles$\gabrielsma\Downloads\31053754-5797-436c-91ff-9218c9a67ac7.tmp</t>
  </si>
  <si>
    <t>01/13/2020 13:47:35</t>
  </si>
  <si>
    <t>01/13/2020 13:48:25</t>
  </si>
  <si>
    <t>erro 2.PNG</t>
  </si>
  <si>
    <t>\\acsfs\profiles$\nayarasds\Downloads\erro 2.PNG</t>
  </si>
  <si>
    <t>5f6dccb8-110c-4131-8155-f4518e8c281b.tmp</t>
  </si>
  <si>
    <t>\\acsfs\profiles$\marcosvnds\Downloads\5f6dccb8-110c-4131-8155-f4518e8c281b.tmp</t>
  </si>
  <si>
    <t>01/13/2020 13:45:58</t>
  </si>
  <si>
    <t>01/13/2020 13:50:28</t>
  </si>
  <si>
    <t>01/13/2020 13:45:19</t>
  </si>
  <si>
    <t>2538ac84-a79e-43f1-9473-1141273dace4.tmp</t>
  </si>
  <si>
    <t>\\acsfs\profiles$\georgendsq\Downloads\2538ac84-a79e-43f1-9473-1141273dace4.tmp</t>
  </si>
  <si>
    <t>01/13/2020 13:46:24</t>
  </si>
  <si>
    <t>fac8186b-0524-44ad-a770-24f162b7582f.tmp</t>
  </si>
  <si>
    <t>\\acsfs\profiles$\georgendsq\Downloads\fac8186b-0524-44ad-a770-24f162b7582f.tmp</t>
  </si>
  <si>
    <t>01/13/2020 13:46:38</t>
  </si>
  <si>
    <t>7a1f8482-eb1c-490f-889f-01d5ad5306e8.tmp</t>
  </si>
  <si>
    <t>\\acsfs\profiles$\georgendsq\Downloads\7a1f8482-eb1c-490f-889f-01d5ad5306e8.tmp</t>
  </si>
  <si>
    <t>01/13/2020 13:46:52</t>
  </si>
  <si>
    <t>ae057dc0-2c67-4539-bb0b-43e9a96210ad.tmp</t>
  </si>
  <si>
    <t>\\acsfs\profiles$\georgendsq\Downloads\ae057dc0-2c67-4539-bb0b-43e9a96210ad.tmp</t>
  </si>
  <si>
    <t>01/13/2020 13:47:42</t>
  </si>
  <si>
    <t>93194e1a-0d49-4aaf-b17b-07a300940bca.tmp</t>
  </si>
  <si>
    <t>\\acsfs\profiles$\georgendsq\Downloads\93194e1a-0d49-4aaf-b17b-07a300940bca.tmp</t>
  </si>
  <si>
    <t>01/13/2020 13:48:43</t>
  </si>
  <si>
    <t>01/13/2020 13:48:44</t>
  </si>
  <si>
    <t>01/13/2020 13:48:45</t>
  </si>
  <si>
    <t>01/13/2020 13:48:46</t>
  </si>
  <si>
    <t>01/13/2020 13:48:47</t>
  </si>
  <si>
    <t>01/13/2020 13:48:48</t>
  </si>
  <si>
    <t>01/13/2020 13:48:49</t>
  </si>
  <si>
    <t>01/13/2020 13:48:50</t>
  </si>
  <si>
    <t>01/13/2020 13:48:51</t>
  </si>
  <si>
    <t>01/13/2020 13:48:52</t>
  </si>
  <si>
    <t>01/13/2020 13:48:35</t>
  </si>
  <si>
    <t>0dd656e5-0c97-470a-92d4-4d53e7914aff.tmp</t>
  </si>
  <si>
    <t>\\acsfs\profiles$\victorgl\Downloads\0dd656e5-0c97-470a-92d4-4d53e7914aff.tmp</t>
  </si>
  <si>
    <t>01/13/2020 13:48:37</t>
  </si>
  <si>
    <t>36c73629-de2c-4767-8025-7e6b5bb733d0.tmp</t>
  </si>
  <si>
    <t>\\acsfs\profiles$\victorgl\Downloads\36c73629-de2c-4767-8025-7e6b5bb733d0.tmp</t>
  </si>
  <si>
    <t>01/13/2020 13:48:53</t>
  </si>
  <si>
    <t>01/13/2020 13:48:54</t>
  </si>
  <si>
    <t>01/13/2020 13:48:55</t>
  </si>
  <si>
    <t>01/13/2020 13:48:56</t>
  </si>
  <si>
    <t>01/13/2020 13:48:57</t>
  </si>
  <si>
    <t>01/13/2020 13:48:58</t>
  </si>
  <si>
    <t>01/13/2020 13:48:59</t>
  </si>
  <si>
    <t>01/13/2020 13:49:00</t>
  </si>
  <si>
    <t>01/13/2020 13:49:01</t>
  </si>
  <si>
    <t>01/13/2020 13:49:02</t>
  </si>
  <si>
    <t>01/13/2020 13:49:03</t>
  </si>
  <si>
    <t>01/13/2020 13:49:04</t>
  </si>
  <si>
    <t>01/13/2020 13:49:05</t>
  </si>
  <si>
    <t>01/13/2020 13:49:06</t>
  </si>
  <si>
    <t>01/13/2020 13:45:06</t>
  </si>
  <si>
    <t>01/13/2020 13:51:29</t>
  </si>
  <si>
    <t>01/13/2020 13:47:02</t>
  </si>
  <si>
    <t>dabbbcb5-74db-40c6-8e16-8b41b785b502.tmp</t>
  </si>
  <si>
    <t>\\acsfs\profiles$\ingridsm\Downloads\dabbbcb5-74db-40c6-8e16-8b41b785b502.tmp</t>
  </si>
  <si>
    <t>01/13/2020 13:48:40</t>
  </si>
  <si>
    <t>22d20413-bb74-4c48-a05e-b5312d71b896.tmp</t>
  </si>
  <si>
    <t>\\acsfs\profiles$\ingridsm\Downloads\22d20413-bb74-4c48-a05e-b5312d71b896.tmp</t>
  </si>
  <si>
    <t>01/13/2020 13:49:53</t>
  </si>
  <si>
    <t>e6c9938a-3213-4094-bf54-def65ea94602.tmp</t>
  </si>
  <si>
    <t>\\acsfs\profiles$\ingridsm\Downloads\e6c9938a-3213-4094-bf54-def65ea94602.tmp</t>
  </si>
  <si>
    <t>01/13/2020 13:46:13</t>
  </si>
  <si>
    <t>01/13/2020 13:46:16</t>
  </si>
  <si>
    <t>01/13/2020 13:46:20</t>
  </si>
  <si>
    <t>01/13/2020 13:46:26</t>
  </si>
  <si>
    <t>01/13/2020 13:46:31</t>
  </si>
  <si>
    <t>01/13/2020 13:47:10</t>
  </si>
  <si>
    <t>01/13/2020 13:47:16</t>
  </si>
  <si>
    <t>01/13/2020 13:47:45</t>
  </si>
  <si>
    <t>361f15ed-9943-49dc-a4e5-d577c7b68b48.tmp</t>
  </si>
  <si>
    <t>\\acsfs\profiles$\andrezacapf\Downloads\361f15ed-9943-49dc-a4e5-d577c7b68b48.tmp</t>
  </si>
  <si>
    <t>01/13/2020 13:47:47</t>
  </si>
  <si>
    <t>8f803623-a514-4878-8e45-381b9b26e316.tmp</t>
  </si>
  <si>
    <t>\\acsfs\profiles$\andrezacapf\Downloads\8f803623-a514-4878-8e45-381b9b26e316.tmp</t>
  </si>
  <si>
    <t>01/13/2020 13:48:05</t>
  </si>
  <si>
    <t>ac07e000-e631-4ae5-afc4-547ad69323d9.tmp</t>
  </si>
  <si>
    <t>\\acsfs\profiles$\andrezacapf\Downloads\ac07e000-e631-4ae5-afc4-547ad69323d9.tmp</t>
  </si>
  <si>
    <t>01/13/2020 13:48:08</t>
  </si>
  <si>
    <t>d04adb31-4686-4aea-acb1-51ec18d44724.tmp</t>
  </si>
  <si>
    <t>\\acsfs\profiles$\andrezacapf\Downloads\d04adb31-4686-4aea-acb1-51ec18d44724.tmp</t>
  </si>
  <si>
    <t>01/13/2020 13:48:15</t>
  </si>
  <si>
    <t>b8f61c22-83a3-4556-a0db-35771b626411.tmp</t>
  </si>
  <si>
    <t>\\acsfs\profiles$\andrezacapf\Downloads\b8f61c22-83a3-4556-a0db-35771b626411.tmp</t>
  </si>
  <si>
    <t>a59ac0ea-0b6a-42f7-8f69-c475ad891736.tmp</t>
  </si>
  <si>
    <t>\\acsfs\profiles$\andrezacapf\Downloads\a59ac0ea-0b6a-42f7-8f69-c475ad891736.tmp</t>
  </si>
  <si>
    <t>01/13/2020 13:48:31</t>
  </si>
  <si>
    <t>01/13/2020 13:52:29</t>
  </si>
  <si>
    <t>99d0f051-fce9-4258-939c-9285614b59ae.tmp</t>
  </si>
  <si>
    <t>\\acsfs\profiles$\KARENJSS\Downloads\99d0f051-fce9-4258-939c-9285614b59ae.tmp</t>
  </si>
  <si>
    <t>b65ca4c3-6aa7-4516-abec-91508d84e6d3.tmp</t>
  </si>
  <si>
    <t>\\acsfs\profiles$\KARENJSS\Downloads\b65ca4c3-6aa7-4516-abec-91508d84e6d3.tmp</t>
  </si>
  <si>
    <t>01/13/2020 13:49:19</t>
  </si>
  <si>
    <t>2d1f8d4f-b93b-4766-8ce7-fe5807e3ce7e.tmp</t>
  </si>
  <si>
    <t>\\acsfs\profiles$\KARENJSS\Downloads\2d1f8d4f-b93b-4766-8ce7-fe5807e3ce7e.tmp</t>
  </si>
  <si>
    <t>01/13/2020 13:50:03</t>
  </si>
  <si>
    <t>01/13/2020 13:53:29</t>
  </si>
  <si>
    <t>16b5217f-cadc-43b4-807c-b88472c87c8f.tmp</t>
  </si>
  <si>
    <t>\\acsfs\profiles$\lorrainerdl\Downloads\16b5217f-cadc-43b4-807c-b88472c87c8f.tmp</t>
  </si>
  <si>
    <t>01/13/2020 13:49:48</t>
  </si>
  <si>
    <t>e0912784-5b5a-4a0e-a28a-32b184c26549.tmp</t>
  </si>
  <si>
    <t>\\acsfs\profiles$\rafaelahpn\Downloads\e0912784-5b5a-4a0e-a28a-32b184c26549.tmp</t>
  </si>
  <si>
    <t>01/13/2020 13:51:50</t>
  </si>
  <si>
    <t>01/13/2020 13:54:29</t>
  </si>
  <si>
    <t>df849064-b8a2-4359-bcac-44b73b97b4da.tmp</t>
  </si>
  <si>
    <t>\\acsfs\profiles$\nataliacsl\Downloads\df849064-b8a2-4359-bcac-44b73b97b4da.tmp</t>
  </si>
  <si>
    <t>01/13/2020 13:53:03</t>
  </si>
  <si>
    <t>da4a83d4-d500-4332-95a8-4d21a20367c0.tmp</t>
  </si>
  <si>
    <t>\\acsfs\profiles$\nataliacsl\Downloads\da4a83d4-d500-4332-95a8-4d21a20367c0.tmp</t>
  </si>
  <si>
    <t>01/13/2020 13:51:30</t>
  </si>
  <si>
    <t>01/13/2020 13:51:44</t>
  </si>
  <si>
    <t>0f2c0f4e-4f8f-4669-a6a8-46f822aeba6a.tmp</t>
  </si>
  <si>
    <t>\\acsfs\profiles$\regisadsa\Downloads\0f2c0f4e-4f8f-4669-a6a8-46f822aeba6a.tmp</t>
  </si>
  <si>
    <t>01/13/2020 13:53:09</t>
  </si>
  <si>
    <t>31c48836-73ba-4115-949a-698ad43f2160.tmp</t>
  </si>
  <si>
    <t>\\acsfs\profiles$\regisadsa\Downloads\31c48836-73ba-4115-949a-698ad43f2160.tmp</t>
  </si>
  <si>
    <t>01/13/2020 13:52:58</t>
  </si>
  <si>
    <t>01/13/2020 13:55:29</t>
  </si>
  <si>
    <t>01/13/2020 13:53:18</t>
  </si>
  <si>
    <t>01/13/2020 13:53:36</t>
  </si>
  <si>
    <t>01/13/2020 13:53:37</t>
  </si>
  <si>
    <t>01/13/2020 13:52:35</t>
  </si>
  <si>
    <t>01/13/2020 13:56:29</t>
  </si>
  <si>
    <t>01/13/2020 13:52:42</t>
  </si>
  <si>
    <t>01/13/2020 13:53:32</t>
  </si>
  <si>
    <t>01/13/2020 13:53:39</t>
  </si>
  <si>
    <t>01/13/2020 13:53:46</t>
  </si>
  <si>
    <t>01/13/2020 13:54:09</t>
  </si>
  <si>
    <t>01/13/2020 13:54:22</t>
  </si>
  <si>
    <t>01/13/2020 13:55:06</t>
  </si>
  <si>
    <t>01/13/2020 13:55:15</t>
  </si>
  <si>
    <t>01/13/2020 13:55:20</t>
  </si>
  <si>
    <t>01/13/2020 13:51:48</t>
  </si>
  <si>
    <t>01/13/2020 13:51:41</t>
  </si>
  <si>
    <t>01/13/2020 13:51:42</t>
  </si>
  <si>
    <t>01/13/2020 13:51:43</t>
  </si>
  <si>
    <t>01/13/2020 13:51:46</t>
  </si>
  <si>
    <t>01/13/2020 13:51:47</t>
  </si>
  <si>
    <t>01/13/2020 13:51:49</t>
  </si>
  <si>
    <t>01/13/2020 13:51:51</t>
  </si>
  <si>
    <t>01/13/2020 13:51:52</t>
  </si>
  <si>
    <t>01/13/2020 13:51:53</t>
  </si>
  <si>
    <t>01/13/2020 13:51:54</t>
  </si>
  <si>
    <t>01/13/2020 13:51:55</t>
  </si>
  <si>
    <t>01/13/2020 13:51:56</t>
  </si>
  <si>
    <t>01/13/2020 13:51:57</t>
  </si>
  <si>
    <t>01/13/2020 13:51:58</t>
  </si>
  <si>
    <t>01/13/2020 13:51:59</t>
  </si>
  <si>
    <t>01/13/2020 13:52:00</t>
  </si>
  <si>
    <t>01/13/2020 13:52:01</t>
  </si>
  <si>
    <t>01/13/2020 13:52:02</t>
  </si>
  <si>
    <t>01/13/2020 13:52:03</t>
  </si>
  <si>
    <t>01/13/2020 13:52:04</t>
  </si>
  <si>
    <t>01/13/2020 13:57:29</t>
  </si>
  <si>
    <t>be036c23-cb79-4cec-9c52-9cd1cc8f4bd8.tmp</t>
  </si>
  <si>
    <t>\\acsfs\profiles$\KARENJSS\Downloads\be036c23-cb79-4cec-9c52-9cd1cc8f4bd8.tmp</t>
  </si>
  <si>
    <t>01/13/2020 13:54:51</t>
  </si>
  <si>
    <t>01/13/2020 13:58:29</t>
  </si>
  <si>
    <t>01/13/2020 13:55:59</t>
  </si>
  <si>
    <t>20ee2a8b-6e95-4433-bcac-7f721a9e50d7.tmp</t>
  </si>
  <si>
    <t>\\acsfs\profiles$\regisedsj\Downloads\20ee2a8b-6e95-4433-bcac-7f721a9e50d7.tmp</t>
  </si>
  <si>
    <t>01/13/2020 13:57:14</t>
  </si>
  <si>
    <t>01/13/2020 13:59:29</t>
  </si>
  <si>
    <t>302ba352-bcad-459c-a516-5a3730b05de1.tmp</t>
  </si>
  <si>
    <t>\\acsfs\profiles$\nataliacsl\Downloads\302ba352-bcad-459c-a516-5a3730b05de1.tmp</t>
  </si>
  <si>
    <t>01/13/2020 13:57:25</t>
  </si>
  <si>
    <t>c944b530-a8bc-461a-8275-67eeb5f4f10e.tmp</t>
  </si>
  <si>
    <t>\\acsfs\profiles$\LUISPLS\Downloads\c944b530-a8bc-461a-8275-67eeb5f4f10e.tmp</t>
  </si>
  <si>
    <t>01/13/2020 13:55:04</t>
  </si>
  <si>
    <t>\\acsfs\ACS\Gabriel da Silva\Contemporânea\NPS\NPS CRBV.xlsx</t>
  </si>
  <si>
    <t>01/13/2020 13:55:28</t>
  </si>
  <si>
    <t>/o=exchangelabs/ou=exchange administrative group (fydibohf23spdlt)/cn=recipients/cn=4f1c81c2e16143f68596016ac3b45ef1-gustavo dam;/o=exchangelabs/ou=exchange administrative group (fydibohf23spdlt)/cn=recipients/cn=5af2cae509964078b2026f7f550380b0-andre luis;/o=exchangelabs/ou=exchange administrative group (fydibohf23spdlt)/cn=recipients/cn=6530aaa31df24237888421b849a2b4da-mariana cri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cf023be226744f8a9c38076dbccfd020-flavia cons;/o=exchangelabs/ou=exchange administrative group (fydibohf23spdlt)/cn=recipients/cn=db4783aa152745d2a683beb0f57fe5d4-rai c</t>
  </si>
  <si>
    <t>/o=exchangelabs/ou=exchange administrative group (fydibohf23spdlt)/cn=recipients/cn=4f1c81c2e16143f68596016ac3b45ef1-gustavo dam,/o=exchangelabs/ou=exchange administrative group (fydibohf23spdlt)/cn=recipients/cn=5af2cae509964078b2026f7f550380b0-andre luis,/o=exchangelabs/ou=exchange administrative group (fydibohf23spdlt)/cn=recipients/cn=6530aaa31df24237888421b849a2b4da-mariana cri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cf023be226744f8a9c38076dbccfd020-flavia cons,/o=exchangelabs/ou=exchange administrative group (fydibohf23spdlt)/cn=recipients/cn=db4783aa152745d2a683beb0f57fe5d4-rai c</t>
  </si>
  <si>
    <t>01/13/2020 13:57:26</t>
  </si>
  <si>
    <t>d13b1c1f-1051-459b-91c1-708a3c180724.tmp</t>
  </si>
  <si>
    <t>\\acsfs\profiles$\regisadsa\Downloads\d13b1c1f-1051-459b-91c1-708a3c180724.tmp</t>
  </si>
  <si>
    <t>01/13/2020 13:58:03</t>
  </si>
  <si>
    <t>37b40ab7-f177-4023-922f-ad6d144a4e48.tmp</t>
  </si>
  <si>
    <t>\\acsfs\profiles$\regisadsa\Downloads\37b40ab7-f177-4023-922f-ad6d144a4e48.tmp</t>
  </si>
  <si>
    <t>01/13/2020 13:59:23</t>
  </si>
  <si>
    <t>01/13/2020 13:59:24</t>
  </si>
  <si>
    <t>01/13/2020 14:00:29</t>
  </si>
  <si>
    <t>01/13/2020 13:58:46</t>
  </si>
  <si>
    <t>522556b3-0aad-4351-8c19-7eca2265d131.tmp</t>
  </si>
  <si>
    <t>\\acsfs\profiles$\georgendsq\Downloads\522556b3-0aad-4351-8c19-7eca2265d131.tmp</t>
  </si>
  <si>
    <t>01/13/2020 13:57:23</t>
  </si>
  <si>
    <t>01/13/2020 13:55:52</t>
  </si>
  <si>
    <t>01/13/2020 14:01:29</t>
  </si>
  <si>
    <t>01/13/2020 13:56:01</t>
  </si>
  <si>
    <t>01/13/2020 13:56:07</t>
  </si>
  <si>
    <t>01/13/2020 13:56:32</t>
  </si>
  <si>
    <t>01/13/2020 13:56:41</t>
  </si>
  <si>
    <t>01/13/2020 13:56:48</t>
  </si>
  <si>
    <t>01/13/2020 13:57:38</t>
  </si>
  <si>
    <t>01/13/2020 13:57:42</t>
  </si>
  <si>
    <t>01/13/2020 13:57:48</t>
  </si>
  <si>
    <t>01/13/2020 13:57:59</t>
  </si>
  <si>
    <t>01/13/2020 13:58:47</t>
  </si>
  <si>
    <t>01/13/2020 13:59:01</t>
  </si>
  <si>
    <t>01/13/2020 13:59:15</t>
  </si>
  <si>
    <t>01/13/2020 13:59:22</t>
  </si>
  <si>
    <t>01/13/2020 13:59:36</t>
  </si>
  <si>
    <t>01/13/2020 13:59:43</t>
  </si>
  <si>
    <t>01/13/2020 13:59:49</t>
  </si>
  <si>
    <t>01/13/2020 14:00:28</t>
  </si>
  <si>
    <t>01/13/2020 13:56:51</t>
  </si>
  <si>
    <t>01/13/2020 13:59:31</t>
  </si>
  <si>
    <t>13e11ab9-32f6-4863-994d-b9bf269629f2.tmp</t>
  </si>
  <si>
    <t>\\acsfs\profiles$\RAFAELRF\Downloads\13e11ab9-32f6-4863-994d-b9bf269629f2.tmp</t>
  </si>
  <si>
    <t>01/13/2020 13:56:34</t>
  </si>
  <si>
    <t>c1375a8f-8561-4346-961a-e770c942feb3.tmp</t>
  </si>
  <si>
    <t>\\acsfs\profiles$\ingridsm\Downloads\c1375a8f-8561-4346-961a-e770c942feb3.tmp</t>
  </si>
  <si>
    <t>01/13/2020 14:01:00</t>
  </si>
  <si>
    <t>01/13/2020 14:02:29</t>
  </si>
  <si>
    <t>01/13/2020 13:59:12</t>
  </si>
  <si>
    <t>01/13/2020 13:58:58</t>
  </si>
  <si>
    <t>"mozilla/5.0 (windows nt 6.1) applewebkit/537.36 (khtml;0];0]06;0]]]]];0]�*�ogq^�w`��;1;13;13700014;13700109;13700185;13700451;13700951;13701207;13701298;13701422;13701430;13701450;13701506;13701537;13701573;13701577;13701625;13701657;1370169;13701749;13701825;13701901;13701905;13701957;13701969;13702068;13702088;142961685;1578930052848000;1578930058554000;1578930068590;1578930857342\;1578930857476;1]]";346;5701393;[1;[4;[[13701418;[];[]]];adfn-ct7ciskssyu-68afh9xg7xv2c6f8dx_seofhsqerkx2bhpqslb3crfufkpjjmcd4mgjscrt;atuima2v-l-r4mlrttnejldjmmcmtjqqdb_eo8phe2_wqj_y1ojumr1iabvw2ppblwocree42tuodgonxc9zyjvd_xfo84rwydpsbvhcnrhj5v_llmeiev56vw6hfdoo\";false;false];flaviacno@algartech.com;fu-jjgodysoi_w";gbvŢ_x001C_���{_x001C_x�g�?`�ǻq_x001C_t��msyn���_x000E_�`�ݻqglz/e�#n�ߣɡ`��^m�/�w_x001E_y1۟?\�8;gbvŢ_x001C_���{_x001C_x�i�?`��;gbvŢ_x001C_���{_x001C_x�n�?`��;gustavodsil@algartech.com;ken=ac4w5vhljczanhxnqi1woyx0avs9x8dipw:1578930052842&amp;buildlabel=drive.web-frontend_20200101.00_p4855072\";like gecko) chrome/79.0.3945.117 safari/537.36";maristelavodq@bv.algartech.com;null;</t>
  </si>
  <si>
    <t>Desligamento Lays.zip</t>
  </si>
  <si>
    <t>https://"mozilla/5.0 (windows nt 6.1) applewebkit/537.36 (khtml,0],0]06,0]]]]],0]�*�ogq^�w`��,1,13,13700014,13700109,13700185,13700451,13700951,13701207,13701298,13701422,13701430,13701450,13701506,13701537,13701573,13701577,13701625,13701657,1370169,13701749,13701825,13701901,13701905,13701957,13701969,13702068,13702088,142961685,1578930052848000,1578930058554000,1578930068590,1578930857342\,1578930857476,1]]",346,5701393,[1,[4,[[13701418,[],[]]],adfn-ct7ciskssyu-68afh9xg7xv2c6f8dx_seofhsqerkx2bhpqslb3crfufkpjjmcd4mgjscrt,atuima2v-l-r4mlrttnejldjmmcmtjqqdb_eo8phe2_wqj_y1ojumr1iabvw2ppblwocree42tuodgonxc9zyjvd_xfo84rwydpsbvhcnrhj5v_llmeiev56vw6hfdoo\",false,false],flaviacno@algartech.com,fu-jjgodysoi_w",gbvŢ_x001C_���{_x001C_x�g�?`�ǻq_x001C_t��msyn���_x000E_�`�ݻqglz/e�#n�ߣɡ`��^m�/�w_x001E_y1۟?\�8,gbvŢ_x001C_���{_x001C_x�i�?`��,gbvŢ_x001C_���{_x001C_x�n�?`��,gustavodsil@algartech.com,ken=ac4w5vhljczanhxnqi1woyx0avs9x8dipw:1578930052842&amp;buildlabel=drive.web-frontend_20200101.00_p4855072\",like gecko) chrome/79.0.3945.117 safari/537.36",maristelavodq@bv.algartech.c</t>
  </si>
  <si>
    <t>C:\Users\raicdf\Downloads\Desligamento Lays.zip\</t>
  </si>
  <si>
    <t>Desligamento Lays.pdf</t>
  </si>
  <si>
    <t>01/13/2020 13:59:21</t>
  </si>
  <si>
    <t>https://algar.folhasinergyrh.com.br/rescisao/upload?id=0&amp;idsolicitacao=20587&amp;idprerescisao=0</t>
  </si>
  <si>
    <t>0]ll;13/01/2020;142961685;1578931268841;5;[];[]]];andrelpsa@algartech.com;atuima2v-l-r4mlrttnejldjmmcmtjqqdb_eo8phe2_wqj_y1ojumr1iabvw2ppblwocree42tuodgonxc9zyivd_xfpqawwfk-djhhoaw8xisktehnirbxymmss-bbe\";false;null;true]";</t>
  </si>
  <si>
    <t>https://0]ll,13/01/2020,142961685,1578931268841,5,[],[]]],andrelpsa@algartech.com,atuima2v-l-r4mlrttnejldjmmcmtjqqdb_eo8phe2_wqj_y1ojumr1iabvw2ppblwocree42tuodgonxc9zyivd_xfpqawwfk-djhhoaw8xisktehnirbxymmss-bbe\",false,null,true]"</t>
  </si>
  <si>
    <t>01/13/2020 14:00:02</t>
  </si>
  <si>
    <t>01/13/2020 14:00:18</t>
  </si>
  <si>
    <t>"mozilla/5.0 (windows nt 6.1) applewebkit/537.36 (khtml,0,0.272,0.306,0.312,0.332,0.341,0.365,0.371],0.385,0.525,0.534],0.554,0.561,0.616],0.62],0.653],0.675],0.683],0.908],0.928,0.941],0.964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/td&gt;&lt;td styl</t>
  </si>
  <si>
    <t>01/13/2020 14:00:19</t>
  </si>
  <si>
    <t>_x0012_�_x0016_��i�ue��pbԟ��_x0002_��tb_x0012_�_x0012_�¨�8��� �j��_x0013_��j� �_x0014_Ԍ�*!* ʈn�!*�*�q�2б'_x001A_w��Ԓ�$b;"mozilla/5.0 (windows nt 6.1) applewebkit/537.36 (khtml;1;13;13700014;13700109�;13700185;13700951;13701207;13701298;13701422;13701450;13701537;13701573;13701577;13701625;13701749;13701825;13701901;13701957;13701969;13702068;13702088;1578930052848000;1578930058554000;5701393;[[13701418;adfn-ct7ciskssyu-68afh9xg7xv2c6f8dx_seofhsqerkx2bhpqslb3crfufkpjjmcd4mgjscrt;ancestorhasaugmentedpermissions;containsunsubscribedchildren;displayname;domain;emailaddress;false];file(kind;fileid;filesize;fu-jjgodysoi_w";hasthumbnail;hasvisitorpermissions;id;id);items(deleted;ken;ken=ac4w5vhljczanhxnqi1woyx0avs9x8dipw:1578930052842&amp;buildlabel=drive.web-frontend_20200101.00_p4g_x0001_0z��f�����s��j�?�)�z�._x001F_�hk���;kind;lastmodifyinguser(kind;lastviewedbymedate;like gecko) chrome/79.0.3945.117 safari/537.36";martala@algartech.com;modifiedbymedate;modifieddate;null;ontainsunsubscribedchildren;owners(kind;per;permiss;permissionid;picture;pt-br;rpermissions;shared;shared</t>
  </si>
  <si>
    <t>_x0012_�_x0016_��i�ue��pbԟ��_x0002_��tb_x0012_�_x0012_�¨�8��� �j��_x0013_��j� �_x0014_Ԍ�*!* ʈn�!*�*�q�2б'_x001A_w��Ԓ�$b,"mozilla/5.0 (windows nt 6.1) applewebkit/537.36 (khtml,1,13,13700014,13700109�,13700185,13700951,13701207,13701298,13701422,13701450,13701537,13701573,13701577,13701625,13701749,13701825,13701901,13701957,13701969,13702068,13702088,1578930052848000,1578930058554000,5701393,[[13701418,adfn-ct7ciskssyu-68afh9xg7xv2c6f8dx_seofhsqerkx2bhpqslb3crfufkpjjmcd4mgjscrt,ancestorhasaugmentedpermissions,containsunsubscribedchildren,displayname,domain,emailaddress,false],file(kind,fileid,filesize,fu-jjgodysoi_w",hasthumbnail,hasvisitorpermissions,id,id),items(deleted,ken,ken=ac4w5vhljczanhxnqi1woyx0avs9x8dipw:1578930052842&amp;buildlabel=drive.web-frontend_20200101.00_p4g_x0001_0z��f�����s��j�?�)�z�._x001F_�hk���,kind,lastmodifyinguser(kind,lastviewedbymedate,like gecko) chrome/79.0.3945.117 safari/537.36",martala@algartech.com,modifiedbymedate,modifieddate,null,ontainsunsubscribedchildren,owners(kind,per,permiss,permissionid,picture,pt-br,rpermissions,shared,shared</t>
  </si>
  <si>
    <t>01/13/2020 14:00:51</t>
  </si>
  <si>
    <t>1578915906535000]]]p_x0006_؉p_x0006_;a5wikfioulti1ndm0mjkznjuymdeznja1nzekcwicq6c8ktlntdibmkg15qdfuepqrzomotq3mze4otg5odazef3x85w1tkmwgas=";martala@algartech.com;</t>
  </si>
  <si>
    <t>1578915906535000]]]p_x0006_؉p_x0006_,a5wikfioulti1ndm0mjkznjuymdeznja1nzekcwicq6c8ktlntdibmkg15qdfuepqrzomotq3mze4otg5odazef3x85w1tkmwgas=",martala@algartech.com</t>
  </si>
  <si>
    <t>01/13/2020 14:01:20</t>
  </si>
  <si>
    <t>01/13/2020 14:01:21</t>
  </si>
  <si>
    <t>01/13/2020 13:57:57</t>
  </si>
  <si>
    <t>01/13/2020 14:03:30</t>
  </si>
  <si>
    <t>01/13/2020 14:02:19</t>
  </si>
  <si>
    <t>01/13/2020 13:58:17</t>
  </si>
  <si>
    <t>c66348eb-581d-4432-8b3b-db9e86ce65b2.tmp</t>
  </si>
  <si>
    <t>\\acsfs\profiles$\victorgl\Downloads\c66348eb-581d-4432-8b3b-db9e86ce65b2.tmp</t>
  </si>
  <si>
    <t>e8369e30-4d9f-415c-93f0-8b216cdef64e.tmp</t>
  </si>
  <si>
    <t>\\acsfs\profiles$\victorgl\Downloads\e8369e30-4d9f-415c-93f0-8b216cdef64e.tmp</t>
  </si>
  <si>
    <t>01/13/2020 13:58:54</t>
  </si>
  <si>
    <t>dd6bd3bc-15b3-4e4d-b88e-3ea38ead4b84.tmp</t>
  </si>
  <si>
    <t>\\acsfs\profiles$\victorgl\Downloads\dd6bd3bc-15b3-4e4d-b88e-3ea38ead4b84.tmp</t>
  </si>
  <si>
    <t>01/13/2020 14:00:03</t>
  </si>
  <si>
    <t>a603c25d-2019-4cc2-be5e-d0969da1e148.tmp</t>
  </si>
  <si>
    <t>\\acsfs\profiles$\victorgl\Downloads\a603c25d-2019-4cc2-be5e-d0969da1e148.tmp</t>
  </si>
  <si>
    <t>01/13/2020 14:02:32</t>
  </si>
  <si>
    <t>01/13/2020 14:02:41</t>
  </si>
  <si>
    <t>01/13/2020 14:03:07</t>
  </si>
  <si>
    <t>01/13/2020 14:01:50</t>
  </si>
  <si>
    <t>360b87e6-a2e1-4dfc-b866-81308c25d09c.tmp</t>
  </si>
  <si>
    <t>\\acsfs\profiles$\regisedsj\Downloads\360b87e6-a2e1-4dfc-b866-81308c25d09c.tmp</t>
  </si>
  <si>
    <t>01/13/2020 14:01:22</t>
  </si>
  <si>
    <t>01/13/2020 14:04:29</t>
  </si>
  <si>
    <t>01/13/2020 14:01:49</t>
  </si>
  <si>
    <t>01/13/2020 14:01:36</t>
  </si>
  <si>
    <t>01/13/2020 14:02:01</t>
  </si>
  <si>
    <t>01/13/2020 14:05:30</t>
  </si>
  <si>
    <t>01/13/2020 13:59:25</t>
  </si>
  <si>
    <t>01/13/2020 13:59:26</t>
  </si>
  <si>
    <t>01/13/2020 13:59:27</t>
  </si>
  <si>
    <t>01/13/2020 13:59:28</t>
  </si>
  <si>
    <t>01/13/2020 13:59:30</t>
  </si>
  <si>
    <t>01/13/2020 13:59:32</t>
  </si>
  <si>
    <t>01/13/2020 13:59:33</t>
  </si>
  <si>
    <t>01/13/2020 13:59:34</t>
  </si>
  <si>
    <t>01/13/2020 13:59:35</t>
  </si>
  <si>
    <t>01/13/2020 13:59:37</t>
  </si>
  <si>
    <t>01/13/2020 13:59:38</t>
  </si>
  <si>
    <t>01/13/2020 13:59:39</t>
  </si>
  <si>
    <t>01/13/2020 13:59:40</t>
  </si>
  <si>
    <t>01/13/2020 13:59:41</t>
  </si>
  <si>
    <t>01/13/2020 13:59:42</t>
  </si>
  <si>
    <t>01/13/2020 13:59:44</t>
  </si>
  <si>
    <t>01/13/2020 13:59:45</t>
  </si>
  <si>
    <t>01/13/2020 13:59:46</t>
  </si>
  <si>
    <t>01/13/2020 13:59:47</t>
  </si>
  <si>
    <t>01/13/2020 13:59:48</t>
  </si>
  <si>
    <t>01/13/2020 14:03:37</t>
  </si>
  <si>
    <t>01/13/2020 14:03:41</t>
  </si>
  <si>
    <t>01/13/2020 14:01:03</t>
  </si>
  <si>
    <t>LAYON MARCIO OLIVEIRA FARIA (2972).contact</t>
  </si>
  <si>
    <t>\\acsfs\profiles$\layonmof\Contacts\LAYON MARCIO OLIVEIRA FARIA (2972).contact</t>
  </si>
  <si>
    <t>01/13/2020 14:01:18</t>
  </si>
  <si>
    <t>01/13/2020 14:01:19</t>
  </si>
  <si>
    <t>01/13/2020 14:01:23</t>
  </si>
  <si>
    <t>01/13/2020 14:01:24</t>
  </si>
  <si>
    <t>01/13/2020 14:01:25</t>
  </si>
  <si>
    <t>01/13/2020 14:01:26</t>
  </si>
  <si>
    <t>01/13/2020 14:01:38</t>
  </si>
  <si>
    <t>01/13/2020 14:01:39</t>
  </si>
  <si>
    <t>01/13/2020 14:03:49</t>
  </si>
  <si>
    <t>ef2a8ff8-964b-420c-83f5-d1bf39f4a499.tmp</t>
  </si>
  <si>
    <t>\\acsfs\profiles$\layonmof\Downloads\ef2a8ff8-964b-420c-83f5-d1bf39f4a499.tmp</t>
  </si>
  <si>
    <t>01/13/2020 14:00:50</t>
  </si>
  <si>
    <t>01/13/2020 14:06:29</t>
  </si>
  <si>
    <t>01/13/2020 14:00:55</t>
  </si>
  <si>
    <t>01/13/2020 14:01:02</t>
  </si>
  <si>
    <t>01/13/2020 14:01:06</t>
  </si>
  <si>
    <t>01/13/2020 14:01:13</t>
  </si>
  <si>
    <t>01/13/2020 14:01:34</t>
  </si>
  <si>
    <t>100029219261351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29219261351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4:03:47</t>
  </si>
  <si>
    <t>01/13/2020 14:03:35</t>
  </si>
  <si>
    <t>\\acsfs\Deptos\EDUCACAO EMPRESARIAL\KÉSIA\Ligações 2º ciclo - Janeiro 2020\</t>
  </si>
  <si>
    <t>DHIULLIANA NETO APARECIDO DE SOUZA_1_6777821481116175023_1_32.wav</t>
  </si>
  <si>
    <t>\\acsfs\Deptos\EDUCACAO EMPRESARIAL\KÉSIA\Ligações 2º ciclo - Janeiro 2020\DHIULLIANA NETO APARECIDO DE SOUZA_1_6777821481116175023_1_32.wav</t>
  </si>
  <si>
    <t>01/13/2020 14:06:27</t>
  </si>
  <si>
    <t>01/13/2020 14:08:29</t>
  </si>
  <si>
    <t>01/13/2020 14:06:01</t>
  </si>
  <si>
    <t>ALINE PEREIRA PORFIRIO (7014).contact</t>
  </si>
  <si>
    <t>\\acsfs\profiles$\alinepp\Contacts\ALINE PEREIRA PORFIRIO (7014).contact</t>
  </si>
  <si>
    <t>01/13/2020 14:06:24</t>
  </si>
  <si>
    <t>01/13/2020 14:06:25</t>
  </si>
  <si>
    <t>01/13/2020 14:06:26</t>
  </si>
  <si>
    <t>01/13/2020 14:06:28</t>
  </si>
  <si>
    <t>01/13/2020 14:06:30</t>
  </si>
  <si>
    <t>01/13/2020 14:06:31</t>
  </si>
  <si>
    <t>01/13/2020 14:06:32</t>
  </si>
  <si>
    <t>01/13/2020 14:06:34</t>
  </si>
  <si>
    <t>01/13/2020 14:06:35</t>
  </si>
  <si>
    <t>01/13/2020 14:06:36</t>
  </si>
  <si>
    <t>01/13/2020 14:06:37</t>
  </si>
  <si>
    <t>01/13/2020 14:06:38</t>
  </si>
  <si>
    <t>01/13/2020 14:06:39</t>
  </si>
  <si>
    <t>01/13/2020 14:06:41</t>
  </si>
  <si>
    <t>01/13/2020 14:06:42</t>
  </si>
  <si>
    <t>01/13/2020 14:07:04</t>
  </si>
  <si>
    <t>01/13/2020 14:07:05</t>
  </si>
  <si>
    <t>01/13/2020 14:07:06</t>
  </si>
  <si>
    <t>01/13/2020 14:07:07</t>
  </si>
  <si>
    <t>01/13/2020 14:07:44</t>
  </si>
  <si>
    <t>01/13/2020 14:09:29</t>
  </si>
  <si>
    <t>01/13/2020 14:08:01</t>
  </si>
  <si>
    <t>01/13/2020 14:08:40</t>
  </si>
  <si>
    <t>01/13/2020 14:06:11</t>
  </si>
  <si>
    <t>01/13/2020 14:04:45</t>
  </si>
  <si>
    <t>ALINE PEREIRA PORFIRIO (6995).contact</t>
  </si>
  <si>
    <t>\\acsfs\profiles$\alinepp\Contacts\ALINE PEREIRA PORFIRIO (6995).contact</t>
  </si>
  <si>
    <t>01/13/2020 14:05:23</t>
  </si>
  <si>
    <t>01/13/2020 14:05:24</t>
  </si>
  <si>
    <t>01/13/2020 14:05:25</t>
  </si>
  <si>
    <t>01/13/2020 14:05:26</t>
  </si>
  <si>
    <t>01/13/2020 14:05:27</t>
  </si>
  <si>
    <t>01/13/2020 14:05:28</t>
  </si>
  <si>
    <t>01/13/2020 14:05:29</t>
  </si>
  <si>
    <t>01/13/2020 14:05:31</t>
  </si>
  <si>
    <t>01/13/2020 14:05:32</t>
  </si>
  <si>
    <t>01/13/2020 14:05:33</t>
  </si>
  <si>
    <t>01/13/2020 14:05:34</t>
  </si>
  <si>
    <t>01/13/2020 14:10:29</t>
  </si>
  <si>
    <t>01/13/2020 14:05:35</t>
  </si>
  <si>
    <t>01/13/2020 14:05:36</t>
  </si>
  <si>
    <t>01/13/2020 14:06:04</t>
  </si>
  <si>
    <t>01/13/2020 14:06:06</t>
  </si>
  <si>
    <t>01/13/2020 14:06:08</t>
  </si>
  <si>
    <t>01/13/2020 14:06:09</t>
  </si>
  <si>
    <t>01/13/2020 14:06:10</t>
  </si>
  <si>
    <t>01/13/2020 14:09:19</t>
  </si>
  <si>
    <t>13ce23f9-0579-40e1-804a-c4f8ee8ad1a4.tmp</t>
  </si>
  <si>
    <t>\\acsfs\profiles$\alinepp\Downloads\13ce23f9-0579-40e1-804a-c4f8ee8ad1a4.tmp</t>
  </si>
  <si>
    <t>01/13/2020 14:06:56</t>
  </si>
  <si>
    <t>336483ba-fc9e-4f58-b797-5844447ceb51.tmp</t>
  </si>
  <si>
    <t>\\acsfs\profiles$\layonmof\Downloads\336483ba-fc9e-4f58-b797-5844447ceb51.tmp</t>
  </si>
  <si>
    <t>01/13/2020 14:06:19</t>
  </si>
  <si>
    <t>e835e915-f54a-4905-a426-38c2207c5e0a.tmp</t>
  </si>
  <si>
    <t>\\acsfs\profiles$\layonmof\Downloads\e835e915-f54a-4905-a426-38c2207c5e0a.tmp</t>
  </si>
  <si>
    <t>01/13/2020 14:08:24</t>
  </si>
  <si>
    <t>01/13/2020 14:11:29</t>
  </si>
  <si>
    <t>6db826ac-b337-40a5-b71c-f75ce963dada.tmp</t>
  </si>
  <si>
    <t>\\acsfs\profiles$\gabrielamdp\Downloads\6db826ac-b337-40a5-b71c-f75ce963dada.tmp</t>
  </si>
  <si>
    <t>01/13/2020 14:11:49</t>
  </si>
  <si>
    <t>01/13/2020 14:12:29</t>
  </si>
  <si>
    <t>874171e1-dcc1-4c1a-928f-24cf8d272261.tmp</t>
  </si>
  <si>
    <t>\\acsfs\profiles$\adelvinsonle\Downloads\874171e1-dcc1-4c1a-928f-24cf8d272261.tmp</t>
  </si>
  <si>
    <t>01/13/2020 14:09:39</t>
  </si>
  <si>
    <t>01/13/2020 14:13:29</t>
  </si>
  <si>
    <t>01/13/2020 14:12:10</t>
  </si>
  <si>
    <t>ab90f665-d7d6-4939-9360-98ae4b472c1c.tmp</t>
  </si>
  <si>
    <t>\\acsfs\profiles$\rafaelamsv\Downloads\ab90f665-d7d6-4939-9360-98ae4b472c1c.tmp</t>
  </si>
  <si>
    <t>01/13/2020 14:11:34</t>
  </si>
  <si>
    <t>01/13/2020 14:14:29</t>
  </si>
  <si>
    <t>01/13/2020 14:11:36</t>
  </si>
  <si>
    <t>lu194641ypoiw.tmp</t>
  </si>
  <si>
    <t>\\acsfs\profiles$\marcellewdl\My Documents\lu194641ypoiw.tmp</t>
  </si>
  <si>
    <t>\\acsfs\profiles$\marcellewdl\My Documents\lu194641ypoiw.tmp\</t>
  </si>
  <si>
    <t>\\acsfs\profiles$\marcellewdl\My Documents\lu194641ypoiw.tmp\META-INF\</t>
  </si>
  <si>
    <t>\\acsfs\profiles$\marcellewdl\My Documents\lu194641ypoiw.tmp\Thumbnails\</t>
  </si>
  <si>
    <t>01/13/2020 14:11:44</t>
  </si>
  <si>
    <t>01/13/2020 14:11:06</t>
  </si>
  <si>
    <t>01/13/2020 14:09:47</t>
  </si>
  <si>
    <t>01/13/2020 14:15:29</t>
  </si>
  <si>
    <t>40da4903-10a0-4caf-ad59-6065f2ac4f7e.tmp</t>
  </si>
  <si>
    <t>\\acsfs\profiles$\alinepp\Downloads\40da4903-10a0-4caf-ad59-6065f2ac4f7e.tmp</t>
  </si>
  <si>
    <t>01/13/2020 14:11:15</t>
  </si>
  <si>
    <t>101fc467-940b-4f40-b1c7-fff8304d6f53.tmp</t>
  </si>
  <si>
    <t>\\acsfs\profiles$\alinepp\Downloads\101fc467-940b-4f40-b1c7-fff8304d6f53.tmp</t>
  </si>
  <si>
    <t>01/13/2020 14:12:21</t>
  </si>
  <si>
    <t>57c72a8a-05f2-4cfa-9960-f43bfa45866c.tmp</t>
  </si>
  <si>
    <t>\\acsfs\profiles$\alinepp\Downloads\57c72a8a-05f2-4cfa-9960-f43bfa45866c.tmp</t>
  </si>
  <si>
    <t>01/13/2020 14:12:20</t>
  </si>
  <si>
    <t>68d7c884-f2eb-4635-8733-2370f20336d6.tmp</t>
  </si>
  <si>
    <t>\\acsfs\profiles$\layonmof\Downloads\68d7c884-f2eb-4635-8733-2370f20336d6.tmp</t>
  </si>
  <si>
    <t>01/13/2020 14:12:06</t>
  </si>
  <si>
    <t>01/13/2020 14:16:29</t>
  </si>
  <si>
    <t>3fd664ac-78a3-4da5-a60c-a0b36d9a60a1.tmp</t>
  </si>
  <si>
    <t>\\acsfs\profiles$\brendadsl\Downloads\3fd664ac-78a3-4da5-a60c-a0b36d9a60a1.tmp</t>
  </si>
  <si>
    <t>01/13/2020 14:13:49</t>
  </si>
  <si>
    <t>01/13/2020 14:17:29</t>
  </si>
  <si>
    <t>574ec2e6-ae63-4c1c-b317-dbf123a7e1c1.tmp</t>
  </si>
  <si>
    <t>\\acsfs\profiles$\KARENJSS\Downloads\574ec2e6-ae63-4c1c-b317-dbf123a7e1c1.tmp</t>
  </si>
  <si>
    <t>01/13/2020 14:13:47</t>
  </si>
  <si>
    <t>01/13/2020 14:18:29</t>
  </si>
  <si>
    <t>01/13/2020 14:16:49</t>
  </si>
  <si>
    <t>01/13/2020 14:15:35</t>
  </si>
  <si>
    <t>Relatorio de Vendas - Auditoria BV Cartoes (Janeiro)...50 - original - Cópia.xlsx</t>
  </si>
  <si>
    <t>\\acsfs\DEPTOS\Operacao\Banco_Votorantim\Qualidade\Anderson\Jose\Atualizado\Relatorio de Vendas - Auditoria BV Cartoes (Janeiro)...50 - original - Cópia.xlsx</t>
  </si>
  <si>
    <t>01/13/2020 14:16:55</t>
  </si>
  <si>
    <t>01/13/2020 14:14:16</t>
  </si>
  <si>
    <t>296f8453-b9de-411e-985b-8302c5327ce9.tmp</t>
  </si>
  <si>
    <t>\\acsfs\profiles$\alinepp\Downloads\296f8453-b9de-411e-985b-8302c5327ce9.tmp</t>
  </si>
  <si>
    <t>01/13/2020 14:14:25</t>
  </si>
  <si>
    <t>b46f8006-3578-4c72-b13c-020c932c562e.tmp</t>
  </si>
  <si>
    <t>\\acsfs\profiles$\alinepp\Downloads\b46f8006-3578-4c72-b13c-020c932c562e.tmp</t>
  </si>
  <si>
    <t>e6e6baa3-8f51-4923-b464-c172e089e3b3.tmp</t>
  </si>
  <si>
    <t>\\acsfs\profiles$\alinepp\Downloads\e6e6baa3-8f51-4923-b464-c172e089e3b3.tmp</t>
  </si>
  <si>
    <t>01/13/2020 14:13:37</t>
  </si>
  <si>
    <t>01/13/2020 14:19:29</t>
  </si>
  <si>
    <t>\\acsfs\profiles$\marcellewdl\My Documents\$RECYCLE.BIN\</t>
  </si>
  <si>
    <t>$I97L14C.ods</t>
  </si>
  <si>
    <t>\\acsfs\profiles$\marcellewdl\My Documents\$RECYCLE.BIN\$I97L14C.ods</t>
  </si>
  <si>
    <t>01/13/2020 14:13:52</t>
  </si>
  <si>
    <t>01/13/2020 14:14:09</t>
  </si>
  <si>
    <t>$IK4ARUF.ods</t>
  </si>
  <si>
    <t>\\acsfs\profiles$\marcellewdl\My Documents\$RECYCLE.BIN\$IK4ARUF.ods</t>
  </si>
  <si>
    <t>01/13/2020 14:15:27</t>
  </si>
  <si>
    <t>GUSTAVO MOURA RODRIGUES (16).contact</t>
  </si>
  <si>
    <t>\\acsfs\profiles$\Gustavomro\Contacts\GUSTAVO MOURA RODRIGUES (16).contact</t>
  </si>
  <si>
    <t>01/13/2020 14:15:28</t>
  </si>
  <si>
    <t>01/13/2020 14:15:38</t>
  </si>
  <si>
    <t>01/13/2020 14:15:39</t>
  </si>
  <si>
    <t>01/13/2020 14:15:40</t>
  </si>
  <si>
    <t>01/13/2020 14:15:41</t>
  </si>
  <si>
    <t>01/13/2020 14:15:42</t>
  </si>
  <si>
    <t>01/13/2020 14:15:43</t>
  </si>
  <si>
    <t>01/13/2020 14:15:44</t>
  </si>
  <si>
    <t>01/13/2020 14:15:45</t>
  </si>
  <si>
    <t>01/13/2020 14:15:46</t>
  </si>
  <si>
    <t>01/13/2020 14:15:47</t>
  </si>
  <si>
    <t>01/13/2020 14:15:48</t>
  </si>
  <si>
    <t>01/13/2020 14:15:49</t>
  </si>
  <si>
    <t>01/13/2020 14:15:50</t>
  </si>
  <si>
    <t>01/13/2020 14:16:02</t>
  </si>
  <si>
    <t>\\acsfs\profiles$\GUSTAVOMRO\Favorites\Links for Brasil\</t>
  </si>
  <si>
    <t>\\acsfs\profiles$\GUSTAVOMRO\Favorites\Links for Brasil\desktop.ini</t>
  </si>
  <si>
    <t>\\acsfs\profiles$\GUSTAVOMRO\Favorites\Links for Brasil\Microsoft Brasil.url</t>
  </si>
  <si>
    <t>01/13/2020 14:16:03</t>
  </si>
  <si>
    <t>\\acsfs\profiles$\GUSTAVOMRO\Favorites\Links for Brasil\Windows Brasil.url</t>
  </si>
  <si>
    <t>\\acsfs\profiles$\GUSTAVOMRO\Favorites\Links for Brasil\MSN Brasil.url</t>
  </si>
  <si>
    <t>01/13/2020 14:16:04</t>
  </si>
  <si>
    <t>01/13/2020 14:17:01</t>
  </si>
  <si>
    <t>5be678d6-9673-4340-9b42-50768244daea.tmp</t>
  </si>
  <si>
    <t>\\acsfs\profiles$\nathaliaos\Downloads\5be678d6-9673-4340-9b42-50768244daea.tmp</t>
  </si>
  <si>
    <t>01/13/2020 14:14:38</t>
  </si>
  <si>
    <t>01/13/2020 14:20:28</t>
  </si>
  <si>
    <t>01/13/2020 14:16:39</t>
  </si>
  <si>
    <t>01/13/2020 14:16:01</t>
  </si>
  <si>
    <t>01/13/2020 14:17:24</t>
  </si>
  <si>
    <t>01/13/2020 14:17:32</t>
  </si>
  <si>
    <t>01/13/2020 14:17:33</t>
  </si>
  <si>
    <t>01/13/2020 14:17:37</t>
  </si>
  <si>
    <t>01/13/2020 14:17:42</t>
  </si>
  <si>
    <t>01/13/2020 14:17:45</t>
  </si>
  <si>
    <t>01/13/2020 14:17:47</t>
  </si>
  <si>
    <t>01/13/2020 14:17:48</t>
  </si>
  <si>
    <t>01/13/2020 14:17:50</t>
  </si>
  <si>
    <t>01/13/2020 14:17:52</t>
  </si>
  <si>
    <t>01/13/2020 14:17:55</t>
  </si>
  <si>
    <t>01/13/2020 14:17:57</t>
  </si>
  <si>
    <t>01/13/2020 14:17:59</t>
  </si>
  <si>
    <t>01/13/2020 14:18:02</t>
  </si>
  <si>
    <t>01/13/2020 14:18:03</t>
  </si>
  <si>
    <t>01/13/2020 14:18:05</t>
  </si>
  <si>
    <t>01/13/2020 14:18:08</t>
  </si>
  <si>
    <t>01/13/2020 14:18:10</t>
  </si>
  <si>
    <t>01/13/2020 14:18:11</t>
  </si>
  <si>
    <t>01/13/2020 14:18:15</t>
  </si>
  <si>
    <t>01/13/2020 14:20:29</t>
  </si>
  <si>
    <t>01/13/2020 14:18:17</t>
  </si>
  <si>
    <t>01/13/2020 14:18:19</t>
  </si>
  <si>
    <t>01/13/2020 14:18:21</t>
  </si>
  <si>
    <t>01/13/2020 14:18:24</t>
  </si>
  <si>
    <t>01/13/2020 14:18:26</t>
  </si>
  <si>
    <t>01/13/2020 14:18:31</t>
  </si>
  <si>
    <t>01/13/2020 14:18:35</t>
  </si>
  <si>
    <t>01/13/2020 14:18:37</t>
  </si>
  <si>
    <t>01/13/2020 14:18:40</t>
  </si>
  <si>
    <t>01/13/2020 14:18:43</t>
  </si>
  <si>
    <t>01/13/2020 14:18:46</t>
  </si>
  <si>
    <t>01/13/2020 14:18:48</t>
  </si>
  <si>
    <t>C:\Users\erichds\Desktop\</t>
  </si>
  <si>
    <t>01/13/2020 14:18:51</t>
  </si>
  <si>
    <t>01/13/2020 14:18:55</t>
  </si>
  <si>
    <t>01/13/2020 14:18:58</t>
  </si>
  <si>
    <t>01/13/2020 14:19:01</t>
  </si>
  <si>
    <t>01/13/2020 14:19:03</t>
  </si>
  <si>
    <t>01/13/2020 14:19:06</t>
  </si>
  <si>
    <t>01/13/2020 14:19:09</t>
  </si>
  <si>
    <t>01/13/2020 14:19:14</t>
  </si>
  <si>
    <t>01/13/2020 14:19:17</t>
  </si>
  <si>
    <t>01/13/2020 14:16:37</t>
  </si>
  <si>
    <t>01/13/2020 14:21:30</t>
  </si>
  <si>
    <t>01/13/2020 14:17:08</t>
  </si>
  <si>
    <t>01/13/2020 14:20:41</t>
  </si>
  <si>
    <t>01/13/2020 14:16:40</t>
  </si>
  <si>
    <t>LUANA ROSA DE ALMEIDA_1_6778095667533393829_1_32.wav</t>
  </si>
  <si>
    <t>\\acsfs\Deptos\EDUCACAO EMPRESARIAL\KÉSIA\Ligações 2º ciclo - Janeiro 2020\LUANA ROSA DE ALMEIDA_1_6778095667533393829_1_32.wav</t>
  </si>
  <si>
    <t>01/13/2020 14:18:57</t>
  </si>
  <si>
    <t>lu226161ybmgc.tmp</t>
  </si>
  <si>
    <t>\\acsfs\profiles$\luanarda\lu226161ybmgc.tmp</t>
  </si>
  <si>
    <t>\\acsfs\profiles$\luanarda\lu226161ybmgc.tmp\</t>
  </si>
  <si>
    <t>\\acsfs\profiles$\luanarda\lu226161ybmgc.tmp\META-INF\</t>
  </si>
  <si>
    <t>\\acsfs\profiles$\luanarda\lu226161ybmgc.tmp\Thumbnails\</t>
  </si>
  <si>
    <t>01/13/2020 14:23:29</t>
  </si>
  <si>
    <t>ac5c798f-3c59-496c-89a4-ed6b5b5591c4.tmp</t>
  </si>
  <si>
    <t>\\acsfs\profiles$\matheusmax\Downloads\ac5c798f-3c59-496c-89a4-ed6b5b5591c4.tmp</t>
  </si>
  <si>
    <t>01/13/2020 14:18:16</t>
  </si>
  <si>
    <t>b241cb62-cf7b-4513-93c4-a78616f4cec3.tmp</t>
  </si>
  <si>
    <t>\\acsfs\profiles$\matheusmax\Downloads\b241cb62-cf7b-4513-93c4-a78616f4cec3.tmp</t>
  </si>
  <si>
    <t>01/13/2020 14:21:23</t>
  </si>
  <si>
    <t>01/13/2020 14:22:34</t>
  </si>
  <si>
    <t>01/13/2020 14:24:28</t>
  </si>
  <si>
    <t>01/13/2020 14:22:35</t>
  </si>
  <si>
    <t>01/13/2020 14:22:36</t>
  </si>
  <si>
    <t>01/13/2020 14:20:21</t>
  </si>
  <si>
    <t>01/13/2020 14:21:35</t>
  </si>
  <si>
    <t>01/13/2020 14:21:39</t>
  </si>
  <si>
    <t>01/13/2020 14:21:41</t>
  </si>
  <si>
    <t>01/13/2020 14:21:43</t>
  </si>
  <si>
    <t>01/13/2020 14:21:48</t>
  </si>
  <si>
    <t>01/13/2020 14:21:51</t>
  </si>
  <si>
    <t>01/13/2020 14:21:54</t>
  </si>
  <si>
    <t>01/13/2020 14:22:02</t>
  </si>
  <si>
    <t>01/13/2020 14:22:03</t>
  </si>
  <si>
    <t>01/13/2020 14:22:12</t>
  </si>
  <si>
    <t>01/13/2020 14:22:14</t>
  </si>
  <si>
    <t>01/13/2020 14:22:16</t>
  </si>
  <si>
    <t>01/13/2020 14:22:17</t>
  </si>
  <si>
    <t>01/13/2020 14:22:19</t>
  </si>
  <si>
    <t>01/13/2020 14:22:21</t>
  </si>
  <si>
    <t>01/13/2020 14:22:22</t>
  </si>
  <si>
    <t>01/13/2020 14:22:25</t>
  </si>
  <si>
    <t>01/13/2020 14:22:27</t>
  </si>
  <si>
    <t>01/13/2020 14:22:28</t>
  </si>
  <si>
    <t>01/13/2020 14:22:30</t>
  </si>
  <si>
    <t>01/13/2020 14:22:32</t>
  </si>
  <si>
    <t>01/13/2020 14:22:37</t>
  </si>
  <si>
    <t>01/13/2020 14:22:38</t>
  </si>
  <si>
    <t>01/13/2020 14:22:41</t>
  </si>
  <si>
    <t>01/13/2020 14:22:42</t>
  </si>
  <si>
    <t>01/13/2020 14:23:03</t>
  </si>
  <si>
    <t>01/13/2020 14:23:06</t>
  </si>
  <si>
    <t>01/13/2020 14:23:08</t>
  </si>
  <si>
    <t>01/13/2020 14:23:18</t>
  </si>
  <si>
    <t>01/13/2020 14:23:20</t>
  </si>
  <si>
    <t>01/13/2020 14:23:22</t>
  </si>
  <si>
    <t>01/13/2020 14:23:23</t>
  </si>
  <si>
    <t>01/13/2020 14:23:25</t>
  </si>
  <si>
    <t>01/13/2020 14:23:34</t>
  </si>
  <si>
    <t>01/13/2020 14:23:36</t>
  </si>
  <si>
    <t>01/13/2020 14:23:38</t>
  </si>
  <si>
    <t>01/13/2020 14:23:40</t>
  </si>
  <si>
    <t>01/13/2020 14:23:42</t>
  </si>
  <si>
    <t>01/13/2020 14:20:31</t>
  </si>
  <si>
    <t>01/13/2020 14:25:29</t>
  </si>
  <si>
    <t>01/13/2020 14:21:50</t>
  </si>
  <si>
    <t>Incentivo BV - CRBV_VL1.xlsx</t>
  </si>
  <si>
    <t>\\acsfs\ACS\Gabriel da Silva\Contemporânea\Comissão e Incentivo\Incentivo BV - CRBV_VL1.xlsx</t>
  </si>
  <si>
    <t>01/13/2020 14:22:01</t>
  </si>
  <si>
    <t>01/13/2020 14:26:28</t>
  </si>
  <si>
    <t>01/13/2020 14:24:58</t>
  </si>
  <si>
    <t>10e07f6a-8d9a-4abd-932d-17ebedbe2f0e.tmp</t>
  </si>
  <si>
    <t>\\acsfs\profiles$\philipegsf\Downloads\10e07f6a-8d9a-4abd-932d-17ebedbe2f0e.tmp</t>
  </si>
  <si>
    <t>01/13/2020 14:23:24</t>
  </si>
  <si>
    <t>01/13/2020 14:28:29</t>
  </si>
  <si>
    <t>01/13/2020 14:25:31</t>
  </si>
  <si>
    <t>01/13/2020 14:24:47</t>
  </si>
  <si>
    <t>1a8ea5b7-8f51-4bdc-b80f-a0d2278070df.tmp</t>
  </si>
  <si>
    <t>\\acsfs\profiles$\alinepp\Downloads\1a8ea5b7-8f51-4bdc-b80f-a0d2278070df.tmp</t>
  </si>
  <si>
    <t>01/13/2020 14:23:56</t>
  </si>
  <si>
    <t>01/13/2020 14:29:29</t>
  </si>
  <si>
    <t>01/13/2020 14:23:58</t>
  </si>
  <si>
    <t>01/13/2020 14:24:26</t>
  </si>
  <si>
    <t>01/13/2020 14:25:04</t>
  </si>
  <si>
    <t>01/13/2020 14:24:52</t>
  </si>
  <si>
    <t>01/13/2020 14:24:53</t>
  </si>
  <si>
    <t>01/13/2020 14:24:54</t>
  </si>
  <si>
    <t>01/13/2020 14:24:57</t>
  </si>
  <si>
    <t>01/13/2020 14:24:59</t>
  </si>
  <si>
    <t>01/13/2020 14:25:02</t>
  </si>
  <si>
    <t>01/13/2020 14:25:17</t>
  </si>
  <si>
    <t>01/13/2020 14:25:19</t>
  </si>
  <si>
    <t>01/13/2020 14:25:20</t>
  </si>
  <si>
    <t>01/13/2020 14:25:21</t>
  </si>
  <si>
    <t>01/13/2020 14:25:24</t>
  </si>
  <si>
    <t>01/13/2020 14:25:25</t>
  </si>
  <si>
    <t>01/13/2020 14:25:26</t>
  </si>
  <si>
    <t>01/13/2020 14:25:27</t>
  </si>
  <si>
    <t>01/13/2020 14:25:28</t>
  </si>
  <si>
    <t>01/13/2020 14:25:30</t>
  </si>
  <si>
    <t>01/13/2020 14:25:33</t>
  </si>
  <si>
    <t>01/13/2020 14:25:35</t>
  </si>
  <si>
    <t>01/13/2020 14:25:36</t>
  </si>
  <si>
    <t>01/13/2020 14:25:37</t>
  </si>
  <si>
    <t>01/13/2020 14:25:38</t>
  </si>
  <si>
    <t>01/13/2020 14:25:39</t>
  </si>
  <si>
    <t>01/13/2020 14:25:41</t>
  </si>
  <si>
    <t>01/13/2020 14:25:42</t>
  </si>
  <si>
    <t>01/13/2020 14:25:43</t>
  </si>
  <si>
    <t>01/13/2020 14:25:44</t>
  </si>
  <si>
    <t>01/13/2020 14:25:45</t>
  </si>
  <si>
    <t>01/13/2020 14:25:46</t>
  </si>
  <si>
    <t>01/13/2020 14:25:48</t>
  </si>
  <si>
    <t>01/13/2020 14:25:50</t>
  </si>
  <si>
    <t>01/13/2020 14:25:51</t>
  </si>
  <si>
    <t>01/13/2020 14:25:53</t>
  </si>
  <si>
    <t>01/13/2020 14:25:54</t>
  </si>
  <si>
    <t>01/13/2020 14:25:57</t>
  </si>
  <si>
    <t>01/13/2020 14:25:58</t>
  </si>
  <si>
    <t>01/13/2020 14:26:19</t>
  </si>
  <si>
    <t>01/13/2020 14:26:26</t>
  </si>
  <si>
    <t>01/13/2020 14:28:20</t>
  </si>
  <si>
    <t>3cf40fc3-c220-4e59-adb0-4b85cd8f016a.tmp</t>
  </si>
  <si>
    <t>\\acsfs\profiles$\fabianobmf\Downloads\3cf40fc3-c220-4e59-adb0-4b85cd8f016a.tmp</t>
  </si>
  <si>
    <t>01/13/2020 14:26:20</t>
  </si>
  <si>
    <t>01/13/2020 14:30:29</t>
  </si>
  <si>
    <t>01/13/2020 14:29:08</t>
  </si>
  <si>
    <t>cbf4068d-2bf8-4890-8880-cbcdc634067b.tmp</t>
  </si>
  <si>
    <t>\\acsfs\profiles$\erichds\Downloads\cbf4068d-2bf8-4890-8880-cbcdc634067b.tmp</t>
  </si>
  <si>
    <t>01/13/2020 14:26:13</t>
  </si>
  <si>
    <t>01/13/2020 14:31:29</t>
  </si>
  <si>
    <t>71ed42b7-8c21-46f6-a6e5-1ebf9ff309fe.tmp</t>
  </si>
  <si>
    <t>\\acsfs\profiles$\philipegsf\Downloads\71ed42b7-8c21-46f6-a6e5-1ebf9ff309fe.tmp</t>
  </si>
  <si>
    <t>01/13/2020 14:28:31</t>
  </si>
  <si>
    <t>4d2355c0-177e-4e44-baf3-2c18488f13a3.tmp</t>
  </si>
  <si>
    <t>\\acsfs\profiles$\brendadsl\Downloads\4d2355c0-177e-4e44-baf3-2c18488f13a3.tmp</t>
  </si>
  <si>
    <t>01/13/2020 14:26:15</t>
  </si>
  <si>
    <t>01/13/2020 14:26:45</t>
  </si>
  <si>
    <t>01/13/2020 14:27:46</t>
  </si>
  <si>
    <t>01/13/2020 14:27:23</t>
  </si>
  <si>
    <t>01/13/2020 14:32:29</t>
  </si>
  <si>
    <t>01/13/2020 14:29:28</t>
  </si>
  <si>
    <t>01/13/2020 14:33:29</t>
  </si>
  <si>
    <t>01/13/2020 14:28:22</t>
  </si>
  <si>
    <t>d81633f9-209f-40cc-b6f7-d104f7837e2b.tmp</t>
  </si>
  <si>
    <t>\\acsfs\profiles$\matheusmax\Downloads\d81633f9-209f-40cc-b6f7-d104f7837e2b.tmp</t>
  </si>
  <si>
    <t>01/13/2020 14:30:43</t>
  </si>
  <si>
    <t>c96a0f00-0a18-4203-b05c-14a673483965.tmp</t>
  </si>
  <si>
    <t>\\acsfs\profiles$\matheusmax\Downloads\c96a0f00-0a18-4203-b05c-14a673483965.tmp</t>
  </si>
  <si>
    <t>01/13/2020 14:29:05</t>
  </si>
  <si>
    <t>01/13/2020 14:31:06</t>
  </si>
  <si>
    <t>01/13/2020 14:34:29</t>
  </si>
  <si>
    <t>01/13/2020 14:32:18</t>
  </si>
  <si>
    <t>01/13/2020 14:32:19</t>
  </si>
  <si>
    <t>01/13/2020 14:31:56</t>
  </si>
  <si>
    <t>01/13/2020 14:33:01</t>
  </si>
  <si>
    <t>7ca7cbfc-22d1-4035-80f2-b6c8789d5968.tmp</t>
  </si>
  <si>
    <t>\\acsfs\profiles$\gabrielafs\Downloads\7ca7cbfc-22d1-4035-80f2-b6c8789d5968.tmp</t>
  </si>
  <si>
    <t>01/13/2020 14:30:26</t>
  </si>
  <si>
    <t>8fc61c7e-7164-4dca-88e7-e5e2241e39be.tmp</t>
  </si>
  <si>
    <t>\\acsfs\profiles$\fabianobmf\Downloads\8fc61c7e-7164-4dca-88e7-e5e2241e39be.tmp</t>
  </si>
  <si>
    <t>01/13/2020 14:30:14</t>
  </si>
  <si>
    <t>01/13/2020 14:35:29</t>
  </si>
  <si>
    <t>ff263a69-4171-4c3f-8204-b75bbfa6fe86.tmp</t>
  </si>
  <si>
    <t>\\acsfs\profiles$\erichds\Downloads\ff263a69-4171-4c3f-8204-b75bbfa6fe86.tmp</t>
  </si>
  <si>
    <t>01/13/2020 14:33:53</t>
  </si>
  <si>
    <t>01/13/2020 14:34:33</t>
  </si>
  <si>
    <t>c223a1a7-d32b-4ac4-b76d-6fd661f14ef1.tmp</t>
  </si>
  <si>
    <t>\\acsfs\profiles$\henriqueco\Downloads\c223a1a7-d32b-4ac4-b76d-6fd661f14ef1.tmp</t>
  </si>
  <si>
    <t>30a8b967-b6a2-4f0b-996d-b3a2d8bb272f.tmp</t>
  </si>
  <si>
    <t>\\acsfs\profiles$\gabrielsma\Downloads\30a8b967-b6a2-4f0b-996d-b3a2d8bb272f.tmp</t>
  </si>
  <si>
    <t>01/13/2020 14:31:11</t>
  </si>
  <si>
    <t>01/13/2020 14:33:51</t>
  </si>
  <si>
    <t>01/13/2020 14:36:29</t>
  </si>
  <si>
    <t>01/13/2020 14:34:22</t>
  </si>
  <si>
    <t>01/13/2020 14:34:52</t>
  </si>
  <si>
    <t>01/13/2020 14:30:51</t>
  </si>
  <si>
    <t>01/13/2020 14:34:34</t>
  </si>
  <si>
    <t>PAULO VICTOR ALCANTARA DE CASTRO_1_6777735143683589385_1_32.wav</t>
  </si>
  <si>
    <t>\\acsfs\Deptos\EDUCACAO EMPRESARIAL\KÉSIA\Ligações 2º ciclo - Janeiro 2020\PAULO VICTOR ALCANTARA DE CASTRO_1_6777735143683589385_1_32.wav</t>
  </si>
  <si>
    <t>01/13/2020 14:31:30</t>
  </si>
  <si>
    <t>227393f8-a6e4-4d32-968f-f25bc8d820de.tmp</t>
  </si>
  <si>
    <t>\\acsfs\profiles$\fabianafv\Downloads\227393f8-a6e4-4d32-968f-f25bc8d820de.tmp</t>
  </si>
  <si>
    <t>01/13/2020 14:36:06</t>
  </si>
  <si>
    <t>706909e1-9b16-4c75-ba0f-4f943526190d.tmp</t>
  </si>
  <si>
    <t>\\acsfs\profiles$\fabianafv\Downloads\706909e1-9b16-4c75-ba0f-4f943526190d.tmp</t>
  </si>
  <si>
    <t>01/13/2020 14:33:28</t>
  </si>
  <si>
    <t>01/13/2020 14:38:29</t>
  </si>
  <si>
    <t>01/13/2020 14:34:07</t>
  </si>
  <si>
    <t>01/13/2020 14:39:29</t>
  </si>
  <si>
    <t>3d590920-c72c-4ab7-bef6-ffecca6d98ff.tmp</t>
  </si>
  <si>
    <t>\\acsfs\profiles$\leticiala\Downloads\3d590920-c72c-4ab7-bef6-ffecca6d98ff.tmp</t>
  </si>
  <si>
    <t>01/13/2020 14:37:09</t>
  </si>
  <si>
    <t>01/13/2020 14:38:15</t>
  </si>
  <si>
    <t>01/13/2020 14:40:30</t>
  </si>
  <si>
    <t>4e013ba1-d9c2-4111-9266-9602157aa6e8.tmp</t>
  </si>
  <si>
    <t>\\acsfs\profiles$\marcosvnds\Downloads\4e013ba1-d9c2-4111-9266-9602157aa6e8.tmp</t>
  </si>
  <si>
    <t>01/13/2020 14:35:50</t>
  </si>
  <si>
    <t>f7bf3120-9570-4c57-87aa-907c7d5d725a.tmp</t>
  </si>
  <si>
    <t>\\acsfs\profiles$\henriqueco\Downloads\f7bf3120-9570-4c57-87aa-907c7d5d725a.tmp</t>
  </si>
  <si>
    <t>01/13/2020 14:36:43</t>
  </si>
  <si>
    <t>01/13/2020 14:36:23</t>
  </si>
  <si>
    <t>01/13/2020 14:41:29</t>
  </si>
  <si>
    <t>01/13/2020 14:36:51</t>
  </si>
  <si>
    <t>d720255d-b6e3-4522-a867-8db6bbf111c2.tmp</t>
  </si>
  <si>
    <t>\\acsfs\profiles$\fabianafv\Downloads\d720255d-b6e3-4522-a867-8db6bbf111c2.tmp</t>
  </si>
  <si>
    <t>01/13/2020 14:38:26</t>
  </si>
  <si>
    <t>01/13/2020 14:42:30</t>
  </si>
  <si>
    <t>3612ab92-8042-418e-9e0f-0d07c0b648ab.tmp</t>
  </si>
  <si>
    <t>\\acsfs\profiles$\geovannasm\Downloads\3612ab92-8042-418e-9e0f-0d07c0b648ab.tmp</t>
  </si>
  <si>
    <t>1c449471-976f-4094-9e03-d804e0ade586.tmp</t>
  </si>
  <si>
    <t>\\acsfs\profiles$\geovannasm\Downloads\1c449471-976f-4094-9e03-d804e0ade586.tmp</t>
  </si>
  <si>
    <t>886290cc-4538-4dcf-8b7e-7395c654b064.tmp</t>
  </si>
  <si>
    <t>\\acsfs\profiles$\geovannasm\Downloads\886290cc-4538-4dcf-8b7e-7395c654b064.tmp</t>
  </si>
  <si>
    <t>01/13/2020 14:39:33</t>
  </si>
  <si>
    <t>e1e0e46e-482a-47a1-93b0-a47547f5079d.tmp</t>
  </si>
  <si>
    <t>\\acsfs\profiles$\geovannasm\Downloads\e1e0e46e-482a-47a1-93b0-a47547f5079d.tmp</t>
  </si>
  <si>
    <t>01/13/2020 14:40:07</t>
  </si>
  <si>
    <t>d8a9ccec-0978-4324-96bb-7e6878dc900e.tmp</t>
  </si>
  <si>
    <t>\\acsfs\profiles$\geovannasm\Downloads\d8a9ccec-0978-4324-96bb-7e6878dc900e.tmp</t>
  </si>
  <si>
    <t>01/13/2020 14:39:50</t>
  </si>
  <si>
    <t>01/13/2020 14:43:29</t>
  </si>
  <si>
    <t>1c2e23a9-0a0e-4e0c-883c-c8462a509ebc.tmp</t>
  </si>
  <si>
    <t>\\acsfs\profiles$\lorrainerdl\Downloads\1c2e23a9-0a0e-4e0c-883c-c8462a509ebc.tmp</t>
  </si>
  <si>
    <t>01/13/2020 14:40:25</t>
  </si>
  <si>
    <t>01/13/2020 14:40:37</t>
  </si>
  <si>
    <t>01/13/2020 14:42:43</t>
  </si>
  <si>
    <t>01/13/2020 14:42:29</t>
  </si>
  <si>
    <t>01/13/2020 14:44:30</t>
  </si>
  <si>
    <t>01/13/2020 14:42:31</t>
  </si>
  <si>
    <t>01/13/2020 14:42:33</t>
  </si>
  <si>
    <t>01/13/2020 14:42:45</t>
  </si>
  <si>
    <t>01/13/2020 14:43:07</t>
  </si>
  <si>
    <t>01/13/2020 14:41:42</t>
  </si>
  <si>
    <t>81122e74-a95c-4227-91db-8b2f7b74bc8c.tmp</t>
  </si>
  <si>
    <t>\\acsfs\profiles$\LUISPLS\Downloads\81122e74-a95c-4227-91db-8b2f7b74bc8c.tmp</t>
  </si>
  <si>
    <t>01/13/2020 14:43:31</t>
  </si>
  <si>
    <t>72287578-5664-435f-8945-a2529132d55b.tmp</t>
  </si>
  <si>
    <t>\\acsfs\profiles$\THYAGOSP\Downloads\72287578-5664-435f-8945-a2529132d55b.tmp</t>
  </si>
  <si>
    <t>01/13/2020 14:40:19</t>
  </si>
  <si>
    <t>01/13/2020 14:43:05</t>
  </si>
  <si>
    <t>01/13/2020 14:45:29</t>
  </si>
  <si>
    <t>01/13/2020 14:44:08</t>
  </si>
  <si>
    <t>01/13/2020 14:41:43</t>
  </si>
  <si>
    <t>af785970-efd9-49d4-8fc5-22f86621837c.tmp</t>
  </si>
  <si>
    <t>\\acsfs\profiles$\mariajra\Downloads\af785970-efd9-49d4-8fc5-22f86621837c.tmp</t>
  </si>
  <si>
    <t>01/13/2020 14:46:30</t>
  </si>
  <si>
    <t>01/13/2020 14:42:59</t>
  </si>
  <si>
    <t>01/13/2020 14:42:54</t>
  </si>
  <si>
    <t>d888d1d8-8f66-46a1-8433-5d56da880676.tmp</t>
  </si>
  <si>
    <t>\\acsfs\profiles$\gabrielamdp\Downloads\d888d1d8-8f66-46a1-8433-5d56da880676.tmp</t>
  </si>
  <si>
    <t>01/13/2020 14:43:45</t>
  </si>
  <si>
    <t>1786a0ca-81da-4a8f-bc1b-9d6742490c66.tmp</t>
  </si>
  <si>
    <t>\\acsfs\profiles$\gabrielamdp\Downloads\1786a0ca-81da-4a8f-bc1b-9d6742490c66.tmp</t>
  </si>
  <si>
    <t>01/13/2020 14:44:50</t>
  </si>
  <si>
    <t>1926c068-4ca6-4a04-8809-106024d275d4.tmp</t>
  </si>
  <si>
    <t>\\acsfs\profiles$\ingridsm\Downloads\1926c068-4ca6-4a04-8809-106024d275d4.tmp</t>
  </si>
  <si>
    <t>01/13/2020 14:43:55</t>
  </si>
  <si>
    <t>LUCAS NASCIMENTO SILVA_1_6777355464279654409_1_32.wav</t>
  </si>
  <si>
    <t>\\acsfs\Deptos\EDUCACAO EMPRESARIAL\KÉSIA\Ligações 2º ciclo - Janeiro 2020\LUCAS NASCIMENTO SILVA_1_6777355464279654409_1_32.wav</t>
  </si>
  <si>
    <t>01/13/2020 14:42:44</t>
  </si>
  <si>
    <t>01/13/2020 14:44:59</t>
  </si>
  <si>
    <t>01/13/2020 14:47:29</t>
  </si>
  <si>
    <t>01/13/2020 14:44:45</t>
  </si>
  <si>
    <t>4935e14e-9c29-4b08-a54c-c4cc92674e65.tmp</t>
  </si>
  <si>
    <t>\\acsfs\profiles$\geovannasm\Downloads\4935e14e-9c29-4b08-a54c-c4cc92674e65.tmp</t>
  </si>
  <si>
    <t>01/13/2020 14:43:43</t>
  </si>
  <si>
    <t>01/13/2020 14:47:38</t>
  </si>
  <si>
    <t>01/13/2020 14:48:30</t>
  </si>
  <si>
    <t>01/13/2020 14:45:46</t>
  </si>
  <si>
    <t>01/13/2020 14:49:29</t>
  </si>
  <si>
    <t>01/13/2020 14:44:17</t>
  </si>
  <si>
    <t>01/13/2020 14:48:44</t>
  </si>
  <si>
    <t>05615fe6-27e5-4211-99c4-042fdd9442c0.tmp</t>
  </si>
  <si>
    <t>\\acsfs\profiles$\marcelacdss\Downloads\05615fe6-27e5-4211-99c4-042fdd9442c0.tmp</t>
  </si>
  <si>
    <t>01/13/2020 14:48:48</t>
  </si>
  <si>
    <t>5b3004c7-a30e-417c-bf3f-5b67f0635d87.tmp</t>
  </si>
  <si>
    <t>\\acsfs\profiles$\marcelacdss\Downloads\5b3004c7-a30e-417c-bf3f-5b67f0635d87.tmp</t>
  </si>
  <si>
    <t>01/13/2020 14:50:30</t>
  </si>
  <si>
    <t>01/13/2020 14:47:40</t>
  </si>
  <si>
    <t>3b91118a-68a4-4175-a943-035d9962271e.tmp</t>
  </si>
  <si>
    <t>\\acsfs\profiles$\cintiadjl\Downloads\3b91118a-68a4-4175-a943-035d9962271e.tmp</t>
  </si>
  <si>
    <t>01/13/2020 14:47:43</t>
  </si>
  <si>
    <t>177ff3fd-ff5d-45fa-a81c-06c56ddd289b.tmp</t>
  </si>
  <si>
    <t>\\acsfs\profiles$\cintiadjl\Downloads\177ff3fd-ff5d-45fa-a81c-06c56ddd289b.tmp</t>
  </si>
  <si>
    <t>01/13/2020 14:46:02</t>
  </si>
  <si>
    <t>01/13/2020 14:51:29</t>
  </si>
  <si>
    <t>01/13/2020 14:47:50</t>
  </si>
  <si>
    <t>fd36c23e-56f0-4394-850b-3545457f1641.tmp</t>
  </si>
  <si>
    <t>\\acsfs\profiles$\andrezacapf\Downloads\fd36c23e-56f0-4394-850b-3545457f1641.tmp</t>
  </si>
  <si>
    <t>01/13/2020 14:46:45</t>
  </si>
  <si>
    <t>52d6f424-7129-4b96-8274-743ff2b7bd0d.tmp</t>
  </si>
  <si>
    <t>\\acsfs\profiles$\fabianafv\Downloads\52d6f424-7129-4b96-8274-743ff2b7bd0d.tmp</t>
  </si>
  <si>
    <t>01/13/2020 14:50:19</t>
  </si>
  <si>
    <t>01/13/2020 14:52:30</t>
  </si>
  <si>
    <t>01/13/2020 14:46:49</t>
  </si>
  <si>
    <t>c:\users\robsonams\documents\</t>
  </si>
  <si>
    <t>desligamento giulliany martins guimaraes aguiar.pdf</t>
  </si>
  <si>
    <t>01/13/2020 14:48:40</t>
  </si>
  <si>
    <t>01/13/2020 14:47:07</t>
  </si>
  <si>
    <t>5d1800ad-c1ca-48d6-8575-c70c288db956.tmp</t>
  </si>
  <si>
    <t>\\acsfs\profiles$\rafaelacdoc\Downloads\5d1800ad-c1ca-48d6-8575-c70c288db956.tmp</t>
  </si>
  <si>
    <t>01/13/2020 14:48:26</t>
  </si>
  <si>
    <t>aa6beba5-53f1-4778-b222-f38dc5d32955.tmp</t>
  </si>
  <si>
    <t>\\acsfs\profiles$\rafaelacdoc\Downloads\aa6beba5-53f1-4778-b222-f38dc5d32955.tmp</t>
  </si>
  <si>
    <t>01/13/2020 14:47:15</t>
  </si>
  <si>
    <t>c395bdd9-d724-4abc-bcd9-5c9b8af61cc3.tmp</t>
  </si>
  <si>
    <t>\\acsfs\profiles$\kellzylenneasr\Downloads\c395bdd9-d724-4abc-bcd9-5c9b8af61cc3.tmp</t>
  </si>
  <si>
    <t>01/13/2020 14:52:21</t>
  </si>
  <si>
    <t>mail.google.com/mail/u/0/jserror?script=https://mail.google.com/mail/u/0/#inbox/fmfcgxwgckkdqqcqvkqrpltvmvmdlnwq&amp;error=class$obf_1013: [/sync/u/0/i/bv] me: unsupported http status: 503&amp;line=not available&amp;txz=p</t>
  </si>
  <si>
    <t>01/13/2020 14:47:56</t>
  </si>
  <si>
    <t>01/13/2020 14:53:29</t>
  </si>
  <si>
    <t>01/13/2020 14:52:53</t>
  </si>
  <si>
    <t>01/13/2020 14:54:30</t>
  </si>
  <si>
    <t>4bd1e921-9057-4075-91b2-0075384a03d7.tmp</t>
  </si>
  <si>
    <t>\\acsfs\profiles$\vivianealda\Downloads\4bd1e921-9057-4075-91b2-0075384a03d7.tmp</t>
  </si>
  <si>
    <t>01/13/2020 14:53:04</t>
  </si>
  <si>
    <t>096e1556-0363-43ce-bc9c-58668670bcec.tmp</t>
  </si>
  <si>
    <t>\\acsfs\profiles$\vivianealda\Downloads\096e1556-0363-43ce-bc9c-58668670bcec.tmp</t>
  </si>
  <si>
    <t>01/13/2020 14:52:29</t>
  </si>
  <si>
    <t>01/13/2020 14:55:29</t>
  </si>
  <si>
    <t>01/13/2020 14:53:39</t>
  </si>
  <si>
    <t>01/13/2020 14:56:29</t>
  </si>
  <si>
    <t>01/13/2020 14:54:09</t>
  </si>
  <si>
    <t>01/13/2020 14:54:40</t>
  </si>
  <si>
    <t>01/13/2020 14:55:10</t>
  </si>
  <si>
    <t>01/13/2020 14:53:36</t>
  </si>
  <si>
    <t>c0e49b33-ba38-45e2-a129-0f00581a8ad5.tmp</t>
  </si>
  <si>
    <t>\\acsfs\profiles$\ingridsm\Downloads\c0e49b33-ba38-45e2-a129-0f00581a8ad5.tmp</t>
  </si>
  <si>
    <t>01/13/2020 14:55:01</t>
  </si>
  <si>
    <t>01/13/2020 14:55:06</t>
  </si>
  <si>
    <t>01/13/2020 14:55:31</t>
  </si>
  <si>
    <t>01/13/2020 14:55:35</t>
  </si>
  <si>
    <t>01/13/2020 14:51:07</t>
  </si>
  <si>
    <t>f6bfc1cb-63c7-48dc-b533-74c58473c028.tmp</t>
  </si>
  <si>
    <t>\\acsfs\profiles$\sarahbal\Downloads\f6bfc1cb-63c7-48dc-b533-74c58473c028.tmp</t>
  </si>
  <si>
    <t>01/13/2020 14:51:26</t>
  </si>
  <si>
    <t>10.200.66.125</t>
  </si>
  <si>
    <t>64-1C-67-9C-F8-6E</t>
  </si>
  <si>
    <t>VOTORANT-LB017</t>
  </si>
  <si>
    <t>yonaac</t>
  </si>
  <si>
    <t>https://udpwfmniceap02/web/guest/home?p_auth=wkcx06wn&amp;p_p_id=58&amp;p_p_lifecycle=1&amp;p_p_state=maximized&amp;p_p_mode=view&amp;savelastpath=0&amp;_58_struts_action=/login/forgot_password</t>
  </si>
  <si>
    <t>01/13/2020 14:51:38</t>
  </si>
  <si>
    <t>01/13/2020 14:54:39</t>
  </si>
  <si>
    <t>01/13/2020 14:54:54</t>
  </si>
  <si>
    <t>01/13/2020 14:55:22</t>
  </si>
  <si>
    <t>01/13/2020 14:54:22</t>
  </si>
  <si>
    <t>01/13/2020 14:55:11</t>
  </si>
  <si>
    <t>01/13/2020 14:57:29</t>
  </si>
  <si>
    <t>01/13/2020 14:52:09</t>
  </si>
  <si>
    <t>157b2dc0-3533-4398-8592-b4288b39adce.tmp</t>
  </si>
  <si>
    <t>\\acsfs\profiles$\geovannasm\Downloads\157b2dc0-3533-4398-8592-b4288b39adce.tmp</t>
  </si>
  <si>
    <t>01/13/2020 14:56:54</t>
  </si>
  <si>
    <t>01/13/2020 14:55:56</t>
  </si>
  <si>
    <t>01/13/2020 14:54:44</t>
  </si>
  <si>
    <t>01/13/2020 14:58:29</t>
  </si>
  <si>
    <t>IM (AIM)</t>
  </si>
  <si>
    <t>742&amp;i=145&amp;ai=mail:o.f382.7.1</t>
  </si>
  <si>
    <t>01/13/2020 14:58:15</t>
  </si>
  <si>
    <t>14847240-881a-4f70-bec8-e760abdc10c2.tmp</t>
  </si>
  <si>
    <t>\\acsfs\profiles$\laylaams\Downloads\14847240-881a-4f70-bec8-e760abdc10c2.tmp</t>
  </si>
  <si>
    <t>01/13/2020 14:58:42</t>
  </si>
  <si>
    <t>01/13/2020 15:00:29</t>
  </si>
  <si>
    <t>01/13/2020 14:57:42</t>
  </si>
  <si>
    <t>01/13/2020 15:01:29</t>
  </si>
  <si>
    <t>01/13/2020 14:58:43</t>
  </si>
  <si>
    <t>01/13/2020 14:59:13</t>
  </si>
  <si>
    <t>01/13/2020 14:59:05</t>
  </si>
  <si>
    <t>01/13/2020 14:57:15</t>
  </si>
  <si>
    <t>ec816973-c8a3-40ff-90a7-53608ebf79a8.tmp</t>
  </si>
  <si>
    <t>\\acsfs\profiles$\sarahbal\Downloads\ec816973-c8a3-40ff-90a7-53608ebf79a8.tmp</t>
  </si>
  <si>
    <t>01/13/2020 14:59:35</t>
  </si>
  <si>
    <t>GEOVANA ALINE SANTOS E SILVA_1_6777689320677511086_1_32.wav</t>
  </si>
  <si>
    <t>\\acsfs\Deptos\EDUCACAO EMPRESARIAL\KÉSIA\Ligações 2º ciclo - Janeiro 2020\GEOVANA ALINE SANTOS E SILVA_1_6777689320677511086_1_32.wav</t>
  </si>
  <si>
    <t>01/13/2020 14:57:50</t>
  </si>
  <si>
    <t>01/13/2020 14:58:06</t>
  </si>
  <si>
    <t>01/13/2020 15:02:29</t>
  </si>
  <si>
    <t>01/13/2020 15:00:07</t>
  </si>
  <si>
    <t>32be2827-7532-440a-bc74-160a3d78954d.tmp</t>
  </si>
  <si>
    <t>\\acsfs\profiles$\fernandofs\Downloads\32be2827-7532-440a-bc74-160a3d78954d.tmp</t>
  </si>
  <si>
    <t>01/13/2020 15:00:22</t>
  </si>
  <si>
    <t>fbb74bc7-c4d9-42a3-a507-2dd44d37b870.tmp</t>
  </si>
  <si>
    <t>\\acsfs\profiles$\fernandofs\Downloads\fbb74bc7-c4d9-42a3-a507-2dd44d37b870.tmp</t>
  </si>
  <si>
    <t>01/13/2020 15:03:29</t>
  </si>
  <si>
    <t>01/13/2020 14:57:51</t>
  </si>
  <si>
    <t>01/13/2020 14:58:40</t>
  </si>
  <si>
    <t>01/13/2020 14:58:46</t>
  </si>
  <si>
    <t>01/13/2020 15:00:56</t>
  </si>
  <si>
    <t>01/13/2020 15:04:29</t>
  </si>
  <si>
    <t>01/13/2020 15:02:44</t>
  </si>
  <si>
    <t>0a522211-52e2-4f0f-ae2b-8ed4f260e26c.tmp</t>
  </si>
  <si>
    <t>\\acsfs\profiles$\gustavoab\Downloads\0a522211-52e2-4f0f-ae2b-8ed4f260e26c.tmp</t>
  </si>
  <si>
    <t>01/13/2020 15:03:14</t>
  </si>
  <si>
    <t>355f34ba-709c-4dc3-a4b0-53f133ac676e.tmp</t>
  </si>
  <si>
    <t>\\acsfs\profiles$\gustavoab\Downloads\355f34ba-709c-4dc3-a4b0-53f133ac676e.tmp</t>
  </si>
  <si>
    <t>01/13/2020 15:03:15</t>
  </si>
  <si>
    <t>01/13/2020 15:05:29</t>
  </si>
  <si>
    <t>01/13/2020 15:02:52</t>
  </si>
  <si>
    <t>01/13/2020 15:02:53</t>
  </si>
  <si>
    <t>01/13/2020 15:06:30</t>
  </si>
  <si>
    <t>f6cd6212-860b-4da6-a499-54f47a5952b3.tmp</t>
  </si>
  <si>
    <t>\\acsfs\profiles$\brendadsl\Downloads\f6cd6212-860b-4da6-a499-54f47a5952b3.tmp</t>
  </si>
  <si>
    <t>01/13/2020 15:03:27</t>
  </si>
  <si>
    <t>01/13/2020 15:04:18</t>
  </si>
  <si>
    <t>01/13/2020 15:01:12</t>
  </si>
  <si>
    <t>01/13/2020 15:01:30</t>
  </si>
  <si>
    <t>01/13/2020 15:01:31</t>
  </si>
  <si>
    <t>01/13/2020 15:02:09</t>
  </si>
  <si>
    <t>01/13/2020 15:02:31</t>
  </si>
  <si>
    <t>01/13/2020 15:02:47</t>
  </si>
  <si>
    <t>01/13/2020 15:05:11</t>
  </si>
  <si>
    <t>01/13/2020 15:04:07</t>
  </si>
  <si>
    <t>01/13/2020 15:07:29</t>
  </si>
  <si>
    <t>01/13/2020 15:04:09</t>
  </si>
  <si>
    <t>01/13/2020 15:04:14</t>
  </si>
  <si>
    <t>01/13/2020 15:04:16</t>
  </si>
  <si>
    <t>01/13/2020 15:04:25</t>
  </si>
  <si>
    <t>01/13/2020 15:04:30</t>
  </si>
  <si>
    <t>01/13/2020 15:04:36</t>
  </si>
  <si>
    <t>01/13/2020 15:04:42</t>
  </si>
  <si>
    <t>01/13/2020 15:04:46</t>
  </si>
  <si>
    <t>01/13/2020 15:04:50</t>
  </si>
  <si>
    <t>01/13/2020 15:05:05</t>
  </si>
  <si>
    <t>XLOG_tiagosno_13012020_072135.log</t>
  </si>
  <si>
    <t>\\acsfs\profiles$\tiagosno\My Documents\xworkcenter\logs\XLOG_tiagosno_13012020_072135.log</t>
  </si>
  <si>
    <t>01/13/2020 15:03:05</t>
  </si>
  <si>
    <t>D4-AE-52-FC-98-A9</t>
  </si>
  <si>
    <t>VOTORANT-ACB009</t>
  </si>
  <si>
    <t>01/13/2020 15:08:44</t>
  </si>
  <si>
    <t>01/13/2020 15:10:29</t>
  </si>
  <si>
    <t>01/13/2020 15:09:31</t>
  </si>
  <si>
    <t>01/13/2020 15:08:32</t>
  </si>
  <si>
    <t>outlook.office.com/owa/service.svc?action=CreateItem&amp;app=Mail&amp;n=157</t>
  </si>
  <si>
    <t>01/13/2020 15:08:39</t>
  </si>
  <si>
    <t>01/13/2020 15:08:41</t>
  </si>
  <si>
    <t>outlook.office.com/owa/service.svc?action=UpdateItem&amp;app=Mail&amp;n=163</t>
  </si>
  <si>
    <t>01/13/2020 15:05:50</t>
  </si>
  <si>
    <t>01/13/2020 15:11:30</t>
  </si>
  <si>
    <t>01/13/2020 15:08:06</t>
  </si>
  <si>
    <t>2e2326c3-522f-4c2e-b442-076b38001ccd.tmp</t>
  </si>
  <si>
    <t>\\acsfs\profiles$\gabrielamdp\Downloads\2e2326c3-522f-4c2e-b442-076b38001ccd.tmp</t>
  </si>
  <si>
    <t>01/13/2020 15:07:21</t>
  </si>
  <si>
    <t>01/13/2020 15:10:11</t>
  </si>
  <si>
    <t>01/13/2020 15:09:07</t>
  </si>
  <si>
    <t>01/13/2020 15:12:29</t>
  </si>
  <si>
    <t>01/13/2020 15:11:53</t>
  </si>
  <si>
    <t>2b347184-0785-4b13-8e81-4d6f818aace1.tmp</t>
  </si>
  <si>
    <t>\\acsfs\profiles$\adelvinsonle\Downloads\2b347184-0785-4b13-8e81-4d6f818aace1.tmp</t>
  </si>
  <si>
    <t>01/13/2020 15:08:38</t>
  </si>
  <si>
    <t>bd507672-676b-4b04-ba19-2782c47617f1.tmp</t>
  </si>
  <si>
    <t>\\acsfs\profiles$\geovannasm\Downloads\bd507672-676b-4b04-ba19-2782c47617f1.tmp</t>
  </si>
  <si>
    <t>01/13/2020 15:11:39</t>
  </si>
  <si>
    <t>01/13/2020 15:08:12</t>
  </si>
  <si>
    <t>01/13/2020 15:13:30</t>
  </si>
  <si>
    <t>01/13/2020 15:08:52</t>
  </si>
  <si>
    <t>Relatorio de Vendas - Auditoria BV Cartoes (Janeiro)..cliente.xlsx</t>
  </si>
  <si>
    <t>\\acsfs\DEPTOS\Operacao\Banco_Votorantim\Qualidade\Anderson\Jose\Atualizado\Relatorio de Vendas - Auditoria BV Cartoes (Janeiro)..cliente.xlsx</t>
  </si>
  <si>
    <t>01/13/2020 15:11:40</t>
  </si>
  <si>
    <t>01/13/2020 15:12:50</t>
  </si>
  <si>
    <t>01/13/2020 15:14:30</t>
  </si>
  <si>
    <t>01/13/2020 15:14:32</t>
  </si>
  <si>
    <t>01/13/2020 15:15:29</t>
  </si>
  <si>
    <t>38f71b87-0b19-49c7-b57e-5e63a18ede48.tmp</t>
  </si>
  <si>
    <t>\\acsfs\profiles$\marcosvnds\Downloads\38f71b87-0b19-49c7-b57e-5e63a18ede48.tmp</t>
  </si>
  <si>
    <t>01/13/2020 15:14:29</t>
  </si>
  <si>
    <t>01/13/2020 15:14:31</t>
  </si>
  <si>
    <t>01/13/2020 15:14:41</t>
  </si>
  <si>
    <t>01/13/2020 15:14:43</t>
  </si>
  <si>
    <t>01/13/2020 15:14:57</t>
  </si>
  <si>
    <t>01/13/2020 15:15:02</t>
  </si>
  <si>
    <t>01/13/2020 15:14:54</t>
  </si>
  <si>
    <t>01/13/2020 15:16:30</t>
  </si>
  <si>
    <t>01/13/2020 15:15:45</t>
  </si>
  <si>
    <t>NATALIA CRISTINA DOS SANTOS LIMA_1_6777345246552460365_1_32.wav</t>
  </si>
  <si>
    <t>\\acsfs\Deptos\EDUCACAO EMPRESARIAL\KÉSIA\Ligações 2º ciclo - Janeiro 2020\NATALIA CRISTINA DOS SANTOS LIMA_1_6777345246552460365_1_32.wav</t>
  </si>
  <si>
    <t>01/13/2020 15:14:58</t>
  </si>
  <si>
    <t>XLOG_anacdos_13012020_065121.log</t>
  </si>
  <si>
    <t>\\acsfs\profiles$\anacdos\My Documents\xworkcenter\logs\XLOG_anacdos_13012020_065121.log</t>
  </si>
  <si>
    <t>01/13/2020 15:11:57</t>
  </si>
  <si>
    <t>01/13/2020 15:17:29</t>
  </si>
  <si>
    <t>233bc31d-8c35-4d59-b983-accd88350eb7.tmp</t>
  </si>
  <si>
    <t>\\acsfs\profiles$\adelvinsonle\Downloads\233bc31d-8c35-4d59-b983-accd88350eb7.tmp</t>
  </si>
  <si>
    <t>01/13/2020 15:13:12</t>
  </si>
  <si>
    <t>01/13/2020 15:13:36</t>
  </si>
  <si>
    <t>mail.google.com/mail/u/0/jserror?script=https://mail.google.com/mail/u/0/#inbox&amp;error=class$obf_1013: [/sync/u/0/i/bv] me: unsupported http status: 503&amp;line=not available&amp;txz=p</t>
  </si>
  <si>
    <t>01/13/2020 15:13:41</t>
  </si>
  <si>
    <t>01/13/2020 15:18:30</t>
  </si>
  <si>
    <t>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</t>
  </si>
  <si>
    <t>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</t>
  </si>
  <si>
    <t>01/13/2020 15:15:41</t>
  </si>
  <si>
    <t>01/13/2020 15:16:41</t>
  </si>
  <si>
    <t>01/13/2020 15:17:24</t>
  </si>
  <si>
    <t>01/13/2020 15:17:54</t>
  </si>
  <si>
    <t>01/13/2020 15:17:22</t>
  </si>
  <si>
    <t>01/13/2020 15:19:30</t>
  </si>
  <si>
    <t>a821dcf9-798d-470d-95fb-ba844bf98b5e.tmp</t>
  </si>
  <si>
    <t>\\acsfs\profiles$\larissaad\Downloads\a821dcf9-798d-470d-95fb-ba844bf98b5e.tmp</t>
  </si>
  <si>
    <t>01/13/2020 15:15:30</t>
  </si>
  <si>
    <t>e9561927-d4d8-4955-ac28-2b97bac07388.tmp</t>
  </si>
  <si>
    <t>\\acsfs\profiles$\LAISLG\Downloads\e9561927-d4d8-4955-ac28-2b97bac07388.tmp</t>
  </si>
  <si>
    <t>01/13/2020 15:17:23</t>
  </si>
  <si>
    <t>01/13/2020 15:18:10</t>
  </si>
  <si>
    <t>fea36c5c-d89a-4c84-b84d-de62861fb7d1.tmp</t>
  </si>
  <si>
    <t>\\acsfs\profiles$\rosileiam\Downloads\fea36c5c-d89a-4c84-b84d-de62861fb7d1.tmp</t>
  </si>
  <si>
    <t>01/13/2020 15:18:44</t>
  </si>
  <si>
    <t>01/13/2020 15:20:30</t>
  </si>
  <si>
    <t>dce8714c-d274-4d54-af25-d5df326cd251.tmp</t>
  </si>
  <si>
    <t>\\acsfs\profiles$\erichds\Downloads\dce8714c-d274-4d54-af25-d5df326cd251.tmp</t>
  </si>
  <si>
    <t>01/13/2020 15:16:57</t>
  </si>
  <si>
    <t>8196cb02-97f1-46be-a668-f2f60eadb1b0.tmp</t>
  </si>
  <si>
    <t>\\acsfs\profiles$\laurandos\Downloads\8196cb02-97f1-46be-a668-f2f60eadb1b0.tmp</t>
  </si>
  <si>
    <t>01/13/2020 15:16:59</t>
  </si>
  <si>
    <t>d02d6488-e8be-4f27-aaaa-7e3c11596462.tmp</t>
  </si>
  <si>
    <t>\\acsfs\profiles$\laurandos\Downloads\d02d6488-e8be-4f27-aaaa-7e3c11596462.tmp</t>
  </si>
  <si>
    <t>01/13/2020 15:18:22</t>
  </si>
  <si>
    <t>01/13/2020 15:16:14</t>
  </si>
  <si>
    <t>XLOG_gleycekos_13012020_070314.log</t>
  </si>
  <si>
    <t>\\acsfs\profiles$\gleycekos\My Documents\xworkcenter\logs\XLOG_gleycekos_13012020_070314.log</t>
  </si>
  <si>
    <t>01/13/2020 15:15:25</t>
  </si>
  <si>
    <t>01/13/2020 15:15:42</t>
  </si>
  <si>
    <t>01/13/2020 15:15:49</t>
  </si>
  <si>
    <t>01/13/2020 15:15:50</t>
  </si>
  <si>
    <t>01/13/2020 15:15:54</t>
  </si>
  <si>
    <t>01/13/2020 15:16:28</t>
  </si>
  <si>
    <t>01/13/2020 15:16:29</t>
  </si>
  <si>
    <t>01/13/2020 15:16:37</t>
  </si>
  <si>
    <t>01/13/2020 15:16:45</t>
  </si>
  <si>
    <t>01/13/2020 15:16:52</t>
  </si>
  <si>
    <t>01/13/2020 15:17:27</t>
  </si>
  <si>
    <t>01/13/2020 15:17:28</t>
  </si>
  <si>
    <t>01/13/2020 15:17:30</t>
  </si>
  <si>
    <t>01/13/2020 15:17:39</t>
  </si>
  <si>
    <t>01/13/2020 15:17:55</t>
  </si>
  <si>
    <t>01/13/2020 15:18:13</t>
  </si>
  <si>
    <t>01/13/2020 15:18:50</t>
  </si>
  <si>
    <t>01/13/2020 15:19:05</t>
  </si>
  <si>
    <t>01/13/2020 15:19:16</t>
  </si>
  <si>
    <t>01/13/2020 15:19:26</t>
  </si>
  <si>
    <t>01/13/2020 15:18:27</t>
  </si>
  <si>
    <t>01/13/2020 15:20:03</t>
  </si>
  <si>
    <t>01/13/2020 15:22:29</t>
  </si>
  <si>
    <t>b5efcc5f-1ef6-459b-afb8-4e163c4a9e63.tmp</t>
  </si>
  <si>
    <t>\\acsfs\profiles$\victoriaksr\Downloads\b5efcc5f-1ef6-459b-afb8-4e163c4a9e63.tmp</t>
  </si>
  <si>
    <t>01/13/2020 15:18:47</t>
  </si>
  <si>
    <t>email.txt</t>
  </si>
  <si>
    <t>\\acsfs\Deptos\Operacao\Banco_Votorantim\Supervisao\email.txt</t>
  </si>
  <si>
    <t>b519c6e9-99e4-4e11-9b9b-5134b3008233.tmp</t>
  </si>
  <si>
    <t>\\acsfs\profiles$\lucasgpe\Downloads\b519c6e9-99e4-4e11-9b9b-5134b3008233.tmp</t>
  </si>
  <si>
    <t>01/13/2020 15:19:04</t>
  </si>
  <si>
    <t>e758a8da-9e55-4718-a6a1-66e2bf147ede.tmp</t>
  </si>
  <si>
    <t>\\acsfs\profiles$\adelvinsonle\Downloads\e758a8da-9e55-4718-a6a1-66e2bf147ede.tmp</t>
  </si>
  <si>
    <t>01/13/2020 15:19:38</t>
  </si>
  <si>
    <t>01/13/2020 15:23:29</t>
  </si>
  <si>
    <t>01/13/2020 15:20:41</t>
  </si>
  <si>
    <t>01/13/2020 15:19:08</t>
  </si>
  <si>
    <t>01/13/2020 15:18:09</t>
  </si>
  <si>
    <t>Relatorio de Vendas - Auditoria BV Cartoes (Janeiro)..supervisor.xlsx</t>
  </si>
  <si>
    <t>\\acsfs\DEPTOS\Operacao\Banco_Votorantim\Qualidade\Anderson\Jose\Atualizado\Relatorio de Vendas - Auditoria BV Cartoes (Janeiro)..supervisor.xlsx</t>
  </si>
  <si>
    <t>01/13/2020 15:19:46</t>
  </si>
  <si>
    <t>01/13/2020 15:22:10</t>
  </si>
  <si>
    <t>56a712a9-18c5-45cf-a55b-00f0ce6b03be.tmp</t>
  </si>
  <si>
    <t>\\acsfs\profiles$\regisedsj\Downloads\56a712a9-18c5-45cf-a55b-00f0ce6b03be.tmp</t>
  </si>
  <si>
    <t>01/13/2020 15:23:34</t>
  </si>
  <si>
    <t>01/13/2020 15:24:30</t>
  </si>
  <si>
    <t>01/13/2020 15:23:35</t>
  </si>
  <si>
    <t>01/13/2020 15:19:03</t>
  </si>
  <si>
    <t>01/13/2020 15:19:31</t>
  </si>
  <si>
    <t>01/13/2020 15:19:41</t>
  </si>
  <si>
    <t>214cf64f-e082-4b17-9aba-a14a05043a96.tmp</t>
  </si>
  <si>
    <t>\\acsfs\profiles$\rosileiam\Downloads\214cf64f-e082-4b17-9aba-a14a05043a96.tmp</t>
  </si>
  <si>
    <t>01/13/2020 15:24:13</t>
  </si>
  <si>
    <t>01/13/2020 15:25:29</t>
  </si>
  <si>
    <t>111ce3ce-be2a-44c2-b8cb-a1286bff802d.tmp</t>
  </si>
  <si>
    <t>\\acsfs\profiles$\cintiadjl\Downloads\111ce3ce-be2a-44c2-b8cb-a1286bff802d.tmp</t>
  </si>
  <si>
    <t>01/13/2020 15:23:26</t>
  </si>
  <si>
    <t>717b3dd7-2ea8-48ca-91fa-33c50d6eaeb7.tmp</t>
  </si>
  <si>
    <t>\\acsfs\profiles$\nycolleemdj\Downloads\717b3dd7-2ea8-48ca-91fa-33c50d6eaeb7.tmp</t>
  </si>
  <si>
    <t>01/13/2020 15:24:47</t>
  </si>
  <si>
    <t>17c75b94-57b9-4ad6-8791-8b7582985262.tmp</t>
  </si>
  <si>
    <t>\\acsfs\profiles$\nycolleemdj\Downloads\17c75b94-57b9-4ad6-8791-8b7582985262.tmp</t>
  </si>
  <si>
    <t>01/13/2020 15:23:30</t>
  </si>
  <si>
    <t>01/13/2020 15:26:30</t>
  </si>
  <si>
    <t>d63fa671-08c3-4dbb-853d-1e01adcfc662.tmp</t>
  </si>
  <si>
    <t>\\acsfs\profiles$\taylaedoa\Downloads\d63fa671-08c3-4dbb-853d-1e01adcfc662.tmp</t>
  </si>
  <si>
    <t>01/13/2020 15:24:29</t>
  </si>
  <si>
    <t>83464ace-8a8a-46cd-a25e-80a52b9d0875.tmp</t>
  </si>
  <si>
    <t>\\acsfs\profiles$\taylaedoa\Downloads\83464ace-8a8a-46cd-a25e-80a52b9d0875.tmp</t>
  </si>
  <si>
    <t>01/13/2020 15:23:32</t>
  </si>
  <si>
    <t>ce3ca1c2-89b6-4fec-996d-4f2423d1c654.tmp</t>
  </si>
  <si>
    <t>\\acsfs\profiles$\andreapdsg\Downloads\ce3ca1c2-89b6-4fec-996d-4f2423d1c654.tmp</t>
  </si>
  <si>
    <t>Q29udHJvbGxlci5QYXl3YXJl (25).ica</t>
  </si>
  <si>
    <t>\\acsfs\profiles$\andreapdsg\Downloads\Q29udHJvbGxlci5QYXl3YXJl (25).ica</t>
  </si>
  <si>
    <t>01/13/2020 15:24:00</t>
  </si>
  <si>
    <t>01/13/2020 15:23:54</t>
  </si>
  <si>
    <t>01/13/2020 15:27:29</t>
  </si>
  <si>
    <t>0e4e33fd-5f18-4455-b5be-e9280d349642.tmp</t>
  </si>
  <si>
    <t>\\acsfs\profiles$\lucasgpe\Downloads\0e4e33fd-5f18-4455-b5be-e9280d349642.tmp</t>
  </si>
  <si>
    <t>01/13/2020 15:22:24</t>
  </si>
  <si>
    <t>01/13/2020 15:25:47</t>
  </si>
  <si>
    <t>01/13/2020 15:28:30</t>
  </si>
  <si>
    <t>01/13/2020 15:26:07</t>
  </si>
  <si>
    <t>01/13/2020 15:26:19</t>
  </si>
  <si>
    <t>"languagecode":"pt-br";"requesttype":"background_request";"scenariotype;"timezone":"-03:00";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;ess"}};p";</t>
  </si>
  <si>
    <t>"languagecode":"pt-br","requesttype":"background_request","scenariotype,"timezone":"-03:00",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,ess"}},p"</t>
  </si>
  <si>
    <t>01/13/2020 15:26:25</t>
  </si>
  <si>
    <t>01/13/2020 15:26:31</t>
  </si>
  <si>
    <t>0]ll,13/01/2020,142961685,1578931268841,5,[],[]]],andrelpsa@algartech.com,atuima2v-l-r4mlrttnejldjmmcmtjqqdb_eo8phe2_wqj_y1ojumr1iabvw2ppblwocree42tuodgonxc9zyivd_xfpqawwfk-djhhoaw8xisktehnirbxymmss-bbe\",false,null,true]"</t>
  </si>
  <si>
    <t>01/13/2020 15:26:35</t>
  </si>
  <si>
    <t>01/13/2020 15:26:44</t>
  </si>
  <si>
    <t>01/13/2020 15:26:52</t>
  </si>
  <si>
    <t>01/13/2020 15:26:56</t>
  </si>
  <si>
    <t>01/13/2020 15:27:01</t>
  </si>
  <si>
    <t>01/13/2020 15:27:26</t>
  </si>
  <si>
    <t>01/13/2020 15:24:46</t>
  </si>
  <si>
    <t>01/13/2020 15:29:29</t>
  </si>
  <si>
    <t>01/13/2020 15:27:09</t>
  </si>
  <si>
    <t>306346fe-08bc-4abb-9dc9-56415b1fa09a.tmp</t>
  </si>
  <si>
    <t>\\acsfs\profiles$\larissaad\Downloads\306346fe-08bc-4abb-9dc9-56415b1fa09a.tmp</t>
  </si>
  <si>
    <t>01/13/2020 15:27:35</t>
  </si>
  <si>
    <t>2b65d95b-8fb3-4ddf-b263-e7ba2999614d.tmp</t>
  </si>
  <si>
    <t>\\acsfs\profiles$\larissaad\Downloads\2b65d95b-8fb3-4ddf-b263-e7ba2999614d.tmp</t>
  </si>
  <si>
    <t>01/13/2020 15:26:50</t>
  </si>
  <si>
    <t>01/13/2020 15:24:58</t>
  </si>
  <si>
    <t>01/13/2020 15:30:30</t>
  </si>
  <si>
    <t>01a516db-d1d4-4292-8a40-33475e8d4847.tmp</t>
  </si>
  <si>
    <t>\\acsfs\profiles$\LUCASNS\Downloads\01a516db-d1d4-4292-8a40-33475e8d4847.tmp</t>
  </si>
  <si>
    <t>01/13/2020 15:26:16</t>
  </si>
  <si>
    <t>01/13/2020 15:29:43</t>
  </si>
  <si>
    <t>b398363b-d211-4277-9b45-fd2de02b6085.tmp</t>
  </si>
  <si>
    <t>\\acsfs\profiles$\gabrielsma\Downloads\b398363b-d211-4277-9b45-fd2de02b6085.tmp</t>
  </si>
  <si>
    <t>01/13/2020 15:29:48</t>
  </si>
  <si>
    <t>Não confirmado 180110.crdownload</t>
  </si>
  <si>
    <t>\\acsfs\ACS\Gabriel da Silva\Contemporânea\Comissão e Incentivo\Não confirmado 180110.crdownload</t>
  </si>
  <si>
    <t>01/13/2020 15:28:43</t>
  </si>
  <si>
    <t>Nice2.xls</t>
  </si>
  <si>
    <t>\\acsfs\ACS\001 - Qualidade Lilian\PAULO\Pasta Tainara\Nice2.xls</t>
  </si>
  <si>
    <t>01/13/2020 15:28:44</t>
  </si>
  <si>
    <t>01/13/2020 15:29:34</t>
  </si>
  <si>
    <t>01/13/2020 15:26:00</t>
  </si>
  <si>
    <t>01/13/2020 15:31:29</t>
  </si>
  <si>
    <t>01/13/2020 15:28:18</t>
  </si>
  <si>
    <t>QUINDAIZA APARECIDA GUEDES DA SILVA_1_6777714914387630488_1_32.wav</t>
  </si>
  <si>
    <t>\\acsfs\Deptos\EDUCACAO EMPRESARIAL\KÉSIA\Ligações 2º ciclo - Janeiro 2020\QUINDAIZA APARECIDA GUEDES DA SILVA_1_6777714914387630488_1_32.wav</t>
  </si>
  <si>
    <t>01/13/2020 15:27:04</t>
  </si>
  <si>
    <t>24402be2-1dbc-4750-8812-39e204faf896.tmp</t>
  </si>
  <si>
    <t>\\acsfs\profiles$\andreapdsg\Downloads\24402be2-1dbc-4750-8812-39e204faf896.tmp</t>
  </si>
  <si>
    <t>01/13/2020 15:30:54</t>
  </si>
  <si>
    <t>01/13/2020 15:32:30</t>
  </si>
  <si>
    <t>01/13/2020 15:27:39</t>
  </si>
  <si>
    <t>01/13/2020 15:33:29</t>
  </si>
  <si>
    <t>01/13/2020 15:28:32</t>
  </si>
  <si>
    <t>01/13/2020 15:31:00</t>
  </si>
  <si>
    <t>alinedsdi@algartech.com;</t>
  </si>
  <si>
    <t>alinedsdi@algartech.com</t>
  </si>
  <si>
    <t>01/13/2020 15:31:06</t>
  </si>
  <si>
    <t>alinedsdi@algartech.com;robsonams@algartech.com;</t>
  </si>
  <si>
    <t>alinedsdi@algartech.com,robsonams@algartech.com</t>
  </si>
  <si>
    <t>01/13/2020 15:31:11</t>
  </si>
  <si>
    <t>"mozilla/5.0 (windows nt 6.1) applewebkit/537.36 (khtml;1;13;13700014;13700109;13700185;13700451;13700951;13701207;13701298;13701422;13701430;13701450;13701506;13701537;13701573;13701577;13701625;13701657;13701693�;13701749;13701825;13701901;13701905;13701957;13701969;13702068;13702088;1578930052848000;1578930058554000;5701393;[[13701418;adfn-ct7ciskssyu-68afh9xg7xv2c6f8dx_seofhsqerkx2bhpqslb3crfufkpjjmcd4mgjscrt;alinedsdi@algartech.com;false];fu-jjgodysoi_w";k ken=ac4w5vhljczanhxnqi1woyx0avs9x8dipw:1578930052842&amp;buildlabel=drive.web-frontend_20200101.00_p4wxkoz47bdxjb2ruaxbvt2nvcnjlbmnpyttkzxnuaxbvt2nvcnjlbmnpyts+pjs+o3q8atwznd47qdxtzwxly2lvbmuuli47qwrpy2lvbmfsie5vdhvybm87qwr2zxj0w6puy2lho0fmyxn0yw1lbnrvo0f0zxn0ywrvo0f0zxn0ywrvigvtiehvcmfzo0nvbwlzc8ojbztdb21wzw5zyconw6nviejhbmnvierpytt;k ken=ac4w5vhljczanhxnqi1woyx0avs9x8dipw:1578930052842&amp;buildlabel=drive.web-frontend_20200101.00_p4wxkoz47bdxjb2ruaxbvt2nvcnjlbmnpyttkzxnuaxbvt2nvcnjlbmnpyts+pjs+o3q8atwznd47qdxtzwxly2lvbmuuli47qwrpy2lvbmfsie5vdhvybm87qwr2zxj0</t>
  </si>
  <si>
    <t>"mozilla/5.0 (windows nt 6.1) applewebkit/537.36 (khtml,1,13,13700014,13700109,13700185,13700451,13700951,13701207,13701298,13701422,13701430,13701450,13701506,13701537,13701573,13701577,13701625,13701657,13701693�,13701749,13701825,13701901,13701905,13701957,13701969,13702068,13702088,1578930052848000,1578930058554000,5701393,[[13701418,adfn-ct7ciskssyu-68afh9xg7xv2c6f8dx_seofhsqerkx2bhpqslb3crfufkpjjmcd4mgjscrt,alinedsdi@algartech.com,false],fu-jjgodysoi_w",k ken=ac4w5vhljczanhxnqi1woyx0avs9x8dipw:1578930052842&amp;buildlabel=drive.web-frontend_20200101.00_p4wxkoz47bdxjb2ruaxbvt2nvcnjlbmnpyttkzxnuaxbvt2nvcnjlbmnpyts+pjs+o3q8atwznd47qdxtzwxly2lvbmuuli47qwrpy2lvbmfsie5vdhvybm87qwr2zxj0w6puy2lho0fmyxn0yw1lbnrvo0f0zxn0ywrvo0f0zxn0ywrvigvtiehvcmfzo0nvbwlzc8ojbztdb21wzw5zyconw6nviejhbmnvierpytt,k ken=ac4w5vhljczanhxnqi1woyx0avs9x8dipw:1578930052842&amp;buildlabel=drive.web-frontend_20200101.00_p4wxkoz47bdxjb2ruaxbvt2nvcnjlbmnpyttkzxnuaxbvt2nvcnjlbmnpyts+pjs+o3q8atwznd47qdxtzwxly2lvbmuuli47qwrpy2lvbmfsie5vdhvybm87qwr2zxj0</t>
  </si>
  <si>
    <t>01/13/2020 15:31:31</t>
  </si>
  <si>
    <t>01/13/2020 15:32:15</t>
  </si>
  <si>
    <t>01/13/2020 15:32:34</t>
  </si>
  <si>
    <t>01/13/2020 15:32:37</t>
  </si>
  <si>
    <t>01/13/2020 15:32:43</t>
  </si>
  <si>
    <t>01/13/2020 15:32:45</t>
  </si>
  <si>
    <t>01/13/2020 15:30:08</t>
  </si>
  <si>
    <t>01/13/2020 15:30:10</t>
  </si>
  <si>
    <t>01/13/2020 15:30:16</t>
  </si>
  <si>
    <t>01/13/2020 15:31:54</t>
  </si>
  <si>
    <t>01/13/2020 15:32:25</t>
  </si>
  <si>
    <t>01/13/2020 15:32:33</t>
  </si>
  <si>
    <t>01/13/2020 15:32:40</t>
  </si>
  <si>
    <t>01/13/2020 15:32:48</t>
  </si>
  <si>
    <t>01/13/2020 15:33:09</t>
  </si>
  <si>
    <t>01/13/2020 15:33:12</t>
  </si>
  <si>
    <t>01/13/2020 15:30:43</t>
  </si>
  <si>
    <t>838400c8-462a-45fb-b7a4-c67b2c1088a2.tmp</t>
  </si>
  <si>
    <t>\\acsfs\profiles$\francislayneads\Downloads\838400c8-462a-45fb-b7a4-c67b2c1088a2.tmp</t>
  </si>
  <si>
    <t>01/13/2020 15:32:54</t>
  </si>
  <si>
    <t>01/13/2020 15:34:29</t>
  </si>
  <si>
    <t>mail.google.com/mail/u/0/jserror?script=https://mail.google.com/mail/u/0/#inbox&amp;error=class$obf_1010: [/sync/u/0/i/bv] me: unsupported http status: 503&amp;line=not available&amp;txz=p</t>
  </si>
  <si>
    <t>01/13/2020 15:33:23</t>
  </si>
  <si>
    <t>mail.google.com/mail/u/0/jserror?script=https://mail.google.com/mail/u/0/#inbox&amp;error=class$obf_1010: [/sync/u/0/el2] me: unsupported http status: 503&amp;line=not available&amp;txz=p</t>
  </si>
  <si>
    <t>01/13/2020 15:29:51</t>
  </si>
  <si>
    <t>01/13/2020 15:35:29</t>
  </si>
  <si>
    <t>d6c240db-6fc8-4a85-abf0-4d23e6daeafa.tmp</t>
  </si>
  <si>
    <t>\\acsfs\profiles$\myllenardl\Downloads\d6c240db-6fc8-4a85-abf0-4d23e6daeafa.tmp</t>
  </si>
  <si>
    <t>01/13/2020 15:32:17</t>
  </si>
  <si>
    <t>61fb2c46-e594-4d11-8b45-c6defd8dc939.tmp</t>
  </si>
  <si>
    <t>\\acsfs\profiles$\myllenardl\Downloads\61fb2c46-e594-4d11-8b45-c6defd8dc939.tmp</t>
  </si>
  <si>
    <t>01/13/2020 15:32:28</t>
  </si>
  <si>
    <t>dfb074d1-35d4-4be5-85e7-9d9d613708a0.tmp</t>
  </si>
  <si>
    <t>\\acsfs\profiles$\myllenardl\Downloads\dfb074d1-35d4-4be5-85e7-9d9d613708a0.tmp</t>
  </si>
  <si>
    <t>01/13/2020 15:31:17</t>
  </si>
  <si>
    <t>Incentivo BV - CHAT_Dezembro.19.xlsx</t>
  </si>
  <si>
    <t>\\acsfs\ACS\Gabriel da Silva\Contemporânea\Comissão e Incentivo\Incentivo BV - CHAT_Dezembro.19.xlsx</t>
  </si>
  <si>
    <t>outlook.office.com/owa/service.svc?action=CreateItem&amp;app=Mail&amp;n=187</t>
  </si>
  <si>
    <t>flaviacno@algartech.com;luanaca@algartech.com;</t>
  </si>
  <si>
    <t>flaviacno@algartech.com,luanaca@algartech.com</t>
  </si>
  <si>
    <t>01/13/2020 15:35:05</t>
  </si>
  <si>
    <t>01/13/2020 15:36:29</t>
  </si>
  <si>
    <t>01/13/2020 15:32:53</t>
  </si>
  <si>
    <t>01/13/2020 15:33:01</t>
  </si>
  <si>
    <t>mail.google.com/sync/u/0/i/s?hl=pt-BR&amp;c=969</t>
  </si>
  <si>
    <t>01/13/2020 15:33:03</t>
  </si>
  <si>
    <t>mail.google.com/sync/u/0/i/s?hl=pt-BR&amp;c=971</t>
  </si>
  <si>
    <t>01/13/2020 15:33:47</t>
  </si>
  <si>
    <t>andrelpsa@algartech.com;bvservicedesk@bancovotora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bvservicedesk@bancovotora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5:33:56</t>
  </si>
  <si>
    <t>andrelpsa@algartech.com;bvservicedesk@bancovotora;bvservicedesk@bancovotorantim.com.br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bvservicedesk@bancovotora,bvservicedesk@bancovotorantim.com.br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5:34:05</t>
  </si>
  <si>
    <t>andrelpsa@algartech.com;bvservicedesk@bancovotorantim.com.br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andrelpsa@algartech.com,bvservicedesk@bancovotorantim.com.br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3/2020 15:34:11</t>
  </si>
  <si>
    <t>bvservicedesk@bancovotorantim.com.br;</t>
  </si>
  <si>
    <t>bvservicedesk@bancovotorantim.com.br</t>
  </si>
  <si>
    <t>01/13/2020 15:34:19</t>
  </si>
  <si>
    <t>01/13/2020 15:34:23</t>
  </si>
  <si>
    <t>01/13/2020 15:35:21</t>
  </si>
  <si>
    <t>01/13/2020 15:35:30</t>
  </si>
  <si>
    <t>01/13/2020 15:35:40</t>
  </si>
  <si>
    <t>01/13/2020 15:33:36</t>
  </si>
  <si>
    <t>01/13/2020 15:37:29</t>
  </si>
  <si>
    <t>mail.google.com/mail/u/0/jserror?script=https://mail.google.com/mail/u/0/#inbox&amp;error=class$obf_1011: [/sync/u/0/el2] me: unsupported http status: 503&amp;line=not available&amp;txz=p</t>
  </si>
  <si>
    <t>01/13/2020 15:34:36</t>
  </si>
  <si>
    <t>01/13/2020 15:36:39</t>
  </si>
  <si>
    <t>mail.google.com/mail/u/0/jserror?script=https://mail.google.com/mail/u/0/#inbox?projector=1&amp;messagepartid=0.1.1&amp;error=class$obf_1010: [/sync/u/0/el2] me: unsupported http status: 503&amp;line=not available&amp;txz=p</t>
  </si>
  <si>
    <t>01/13/2020 15:33:24</t>
  </si>
  <si>
    <t>b621cea5-70d7-4fff-8c80-5ca6ba9c2816.tmp</t>
  </si>
  <si>
    <t>\\acsfs\profiles$\geovannasm\Downloads\b621cea5-70d7-4fff-8c80-5ca6ba9c2816.tmp</t>
  </si>
  <si>
    <t>f8bbe48a-cdff-47d7-842c-9265aaaffc18.tmp</t>
  </si>
  <si>
    <t>\\acsfs\profiles$\geovannasm\Downloads\f8bbe48a-cdff-47d7-842c-9265aaaffc18.tmp</t>
  </si>
  <si>
    <t>01/13/2020 15:33:17</t>
  </si>
  <si>
    <t>01/13/2020 15:38:29</t>
  </si>
  <si>
    <t>01/13/2020 15:35:09</t>
  </si>
  <si>
    <t>01/13/2020 15:35:17</t>
  </si>
  <si>
    <t>Planilha do Microsoft Excel1.xlsx</t>
  </si>
  <si>
    <t>Planilha do Microsoft Excel2.xlsx</t>
  </si>
  <si>
    <t>01/13/2020 15:35:24</t>
  </si>
  <si>
    <t>01/13/2020 15:36:05</t>
  </si>
  <si>
    <t>01/13/2020 15:36:07</t>
  </si>
  <si>
    <t>01/13/2020 15:36:27</t>
  </si>
  <si>
    <t>01/13/2020 15:36:32</t>
  </si>
  <si>
    <t>01/13/2020 15:36:42</t>
  </si>
  <si>
    <t>01/13/2020 15:36:46</t>
  </si>
  <si>
    <t>01/13/2020 15:36:59</t>
  </si>
  <si>
    <t>01/13/2020 15:37:03</t>
  </si>
  <si>
    <t>01/13/2020 15:37:24</t>
  </si>
  <si>
    <t>01/13/2020 15:33:39</t>
  </si>
  <si>
    <t>01/13/2020 15:33:59</t>
  </si>
  <si>
    <t>01/13/2020 15:34:52</t>
  </si>
  <si>
    <t>01/13/2020 15:35:02</t>
  </si>
  <si>
    <t>01/13/2020 15:36:15</t>
  </si>
  <si>
    <t>01/13/2020 15:39:29</t>
  </si>
  <si>
    <t>01/13/2020 15:36:19</t>
  </si>
  <si>
    <t>da82e8db-e33d-4fea-89fb-b26664d774f9.tmp</t>
  </si>
  <si>
    <t>\\acsfs\profiles$\francislayneads\Downloads\da82e8db-e33d-4fea-89fb-b26664d774f9.tmp</t>
  </si>
  <si>
    <t>2a1ad376-2d22-42a4-9bd3-0fabfa6a003b.tmp</t>
  </si>
  <si>
    <t>\\acsfs\profiles$\THYAGOSP\Downloads\2a1ad376-2d22-42a4-9bd3-0fabfa6a003b.tmp</t>
  </si>
  <si>
    <t>01/13/2020 15:34:49</t>
  </si>
  <si>
    <t>01/13/2020 15:34:24</t>
  </si>
  <si>
    <t>01/13/2020 15:38:31</t>
  </si>
  <si>
    <t>01/13/2020 15:40:29</t>
  </si>
  <si>
    <t>27301bc5-1885-4f9c-942a-d0231ac69bca.tmp</t>
  </si>
  <si>
    <t>\\acsfs\profiles$\welidicdj\Downloads\27301bc5-1885-4f9c-942a-d0231ac69bca.tmp</t>
  </si>
  <si>
    <t>01/13/2020 15:36:17</t>
  </si>
  <si>
    <t>01/13/2020 15:35:46</t>
  </si>
  <si>
    <t>01/13/2020 15:36:33</t>
  </si>
  <si>
    <t>a48a500c-0a3d-476c-aa71-66e659700509.tmp</t>
  </si>
  <si>
    <t>\\acsfs\profiles$\welidicdj\Downloads\a48a500c-0a3d-476c-aa71-66e659700509.tmp</t>
  </si>
  <si>
    <t>01/13/2020 15:37:18</t>
  </si>
  <si>
    <t>01/13/2020 15:40:17</t>
  </si>
  <si>
    <t>3036e4b2-db9b-4b30-83a4-9deab6da6e73.tmp</t>
  </si>
  <si>
    <t>\\acsfs\profiles$\layonmof\Downloads\3036e4b2-db9b-4b30-83a4-9deab6da6e73.tmp</t>
  </si>
  <si>
    <t>01/13/2020 15:37:31</t>
  </si>
  <si>
    <t>mail.google.com/mail/u/0/jserror?script=https://mail.google.com/mail/u/0/#inbox/fmfcgxwgckbbfsgjmwfpjqhsbbcfdqsl?projector=1&amp;messagepartid=0.1.0&amp;error=class$obf_1011: [/sync/u/0/i/bv] me: unsupported http status: 503&amp;line=not available&amp;txz=p</t>
  </si>
  <si>
    <t>01/13/2020 15:38:09</t>
  </si>
  <si>
    <t>01/13/2020 15:41:29</t>
  </si>
  <si>
    <t>cd00aaf3-d6ab-46f0-817f-aee89d972e69.tmp</t>
  </si>
  <si>
    <t>\\acsfs\profiles$\RAFAELRF\Downloads\cd00aaf3-d6ab-46f0-817f-aee89d972e69.tmp</t>
  </si>
  <si>
    <t>01/13/2020 15:38:26</t>
  </si>
  <si>
    <t>54be9e81-1bac-4adb-afd0-1f5693c180e9.tmp</t>
  </si>
  <si>
    <t>\\acsfs\profiles$\RAFAELRF\Downloads\54be9e81-1bac-4adb-afd0-1f5693c180e9.tmp</t>
  </si>
  <si>
    <t>01/13/2020 15:38:45</t>
  </si>
  <si>
    <t>f18abff5-1630-4826-ae2c-294ae138c850.tmp</t>
  </si>
  <si>
    <t>\\acsfs\profiles$\RAFAELRF\Downloads\f18abff5-1630-4826-ae2c-294ae138c850.tmp</t>
  </si>
  <si>
    <t>01/13/2020 15:39:01</t>
  </si>
  <si>
    <t>7a4471f3-860f-48fc-ad82-901b23ad5ce4.tmp</t>
  </si>
  <si>
    <t>\\acsfs\profiles$\RAFAELRF\Downloads\7a4471f3-860f-48fc-ad82-901b23ad5ce4.tmp</t>
  </si>
  <si>
    <t>01/13/2020 15:39:37</t>
  </si>
  <si>
    <t>1b6918ff-d374-47a8-97ed-6d78ea5e02fd.tmp</t>
  </si>
  <si>
    <t>\\acsfs\profiles$\RAFAELRF\Downloads\1b6918ff-d374-47a8-97ed-6d78ea5e02fd.tmp</t>
  </si>
  <si>
    <t>abacdd8e-96ae-45d5-a385-c2200980c8af.tmp</t>
  </si>
  <si>
    <t>\\acsfs\profiles$\gabrielamdp\Downloads\abacdd8e-96ae-45d5-a385-c2200980c8af.tmp</t>
  </si>
  <si>
    <t>01/13/2020 15:36:11</t>
  </si>
  <si>
    <t>mail.google.com/sync/u/0/i/s?hl=pt-BR&amp;c=999</t>
  </si>
  <si>
    <t>bvservicedesk@bancovotorantim.com.br;ricardodfm@algartech.com.br;</t>
  </si>
  <si>
    <t>bvservicedesk@bancovotorantim.com.br,ricardodfm@algartech.com.br</t>
  </si>
  <si>
    <t>01/13/2020 15:36:13</t>
  </si>
  <si>
    <t>01/13/2020 15:36:20</t>
  </si>
  <si>
    <t>mail.google.com/sync/u/0/i/s?hl=pt-BR&amp;c=1015</t>
  </si>
  <si>
    <t>01/13/2020 15:38:10</t>
  </si>
  <si>
    <t>01/13/2020 15:38:16</t>
  </si>
  <si>
    <t>01/13/2020 15:38:33</t>
  </si>
  <si>
    <t>01/13/2020 15:38:37</t>
  </si>
  <si>
    <t>mail.google.com/sync/u/0/i/s?hl=pt-BR&amp;c=1026</t>
  </si>
  <si>
    <t>01/13/2020 15:39:17</t>
  </si>
  <si>
    <t>mail.google.com/sync/u/0/i/s?hl=pt-BR&amp;c=1028</t>
  </si>
  <si>
    <t>01/13/2020 15:39:27</t>
  </si>
  <si>
    <t>01/13/2020 15:39:50</t>
  </si>
  <si>
    <t>01/13/2020 15:40:14</t>
  </si>
  <si>
    <t>01/13/2020 15:40:39</t>
  </si>
  <si>
    <t>01/13/2020 15:40:46</t>
  </si>
  <si>
    <t>01/13/2020 15:40:47</t>
  </si>
  <si>
    <t>01/13/2020 15:38:54</t>
  </si>
  <si>
    <t>MARCELLE WENDY DE LIMA_1_6777304504492688279_1_32.wav</t>
  </si>
  <si>
    <t>\\acsfs\Deptos\EDUCACAO EMPRESARIAL\KÉSIA\Ligações 2º ciclo - Janeiro 2020\MARCELLE WENDY DE LIMA_1_6777304504492688279_1_32.wav</t>
  </si>
  <si>
    <t>01/13/2020 15:40:13</t>
  </si>
  <si>
    <t>01/13/2020 15:39:44</t>
  </si>
  <si>
    <t>01/13/2020 15:42:29</t>
  </si>
  <si>
    <t>mail.google.com/mail/u/0/jserror?script=https://mail.google.com/mail/u/0/#inbox&amp;error=class$obf_1008: [/sync/u/0/i/s] me: unsupported http status: 503&amp;line=not available&amp;txz=p</t>
  </si>
  <si>
    <t>01/13/2020 15:39:46</t>
  </si>
  <si>
    <t>01/13/2020 15:39:55</t>
  </si>
  <si>
    <t>01/13/2020 15:40:02</t>
  </si>
  <si>
    <t>e299133e-2f75-4c20-b712-6051771c8d78;</t>
  </si>
  <si>
    <t>01/13/2020 15:40:03</t>
  </si>
  <si>
    <t>01/13/2020 15:40:05</t>
  </si>
  <si>
    <t>01/13/2020 15:40:16</t>
  </si>
  <si>
    <t>01/13/2020 15:40:20</t>
  </si>
  <si>
    <t>01/13/2020 15:40:32</t>
  </si>
  <si>
    <t>01/13/2020 15:40:35</t>
  </si>
  <si>
    <t>01/13/2020 15:40:51</t>
  </si>
  <si>
    <t>01/13/2020 15:40:57</t>
  </si>
  <si>
    <t>01/13/2020 15:40:59</t>
  </si>
  <si>
    <t>01/13/2020 15:41:16</t>
  </si>
  <si>
    <t>01/13/2020 15:38:05</t>
  </si>
  <si>
    <t>122c5ad5-0fa9-47fc-95c4-5448407a4d53.tmp</t>
  </si>
  <si>
    <t>\\acsfs\profiles$\adelvinsonle\Downloads\122c5ad5-0fa9-47fc-95c4-5448407a4d53.tmp</t>
  </si>
  <si>
    <t>01/13/2020 15:40:33</t>
  </si>
  <si>
    <t>740fb891-2dd6-48a5-8040-d205589b125e.tmp</t>
  </si>
  <si>
    <t>\\acsfs\profiles$\geovannasm\Downloads\740fb891-2dd6-48a5-8040-d205589b125e.tmp</t>
  </si>
  <si>
    <t>01/13/2020 15:41:24</t>
  </si>
  <si>
    <t>01/13/2020 15:43:29</t>
  </si>
  <si>
    <t>"languagecode":"pt-br";"requesttype":"background_request";"scenariotype;"timezone":"-03:00";#bco-inspetoria@bancovotorantim.com.br;0]l;142961685;1578940297233;35;[];[]]];ancestorhasaugmentedpermissions;atuima2v-l-r4mlrttnejldjmmcmtjqqdb_eo8phe2_wqj_y1ojumr1iabvw2ppblwocree42tuodgonxc9zyrpd_xfoykjevtevtwhy7y59ndrbaejlegewajwiplmm\";containsunsubscribedchildren;displayname;domain;emailaddress;ess"}}�;false;file(kind;fileid;filesize;hasthumbnail;hasvisitorpermissions;id;id);items(deleted;ken;kind;lastmodifyinguser(kind;lastviewedbymedate;modifiedbymedate;modifieddate;null;ontainsunsubscribedchildren;owners(kind;p";per;permissionid;picture;shared;sharedwithmedate;thumbnailversion;title;true]";userpermission(role);workspaceids;</t>
  </si>
  <si>
    <t>"languagecode":"pt-br","requesttype":"background_request","scenariotype,"timezone":"-03:00",#bco-inspetoria@bancovotorantim.com.br,0]l,142961685,1578940297233,35,[],[]]],ancestorhasaugmentedpermissions,atuima2v-l-r4mlrttnejldjmmcmtjqqdb_eo8phe2_wqj_y1ojumr1iabvw2ppblwocree42tuodgonxc9zyrpd_xfoykjevtevtwhy7y59ndrbaejlegewajwiplmm\",containsunsubscribedchildren,displayname,domain,emailaddress,ess"}}�,false,file(kind,fileid,filesize,hasthumbnail,hasvisitorpermissions,id,id),items(deleted,ken,kind,lastmodifyinguser(kind,lastviewedbymedate,modifiedbymedate,modifieddate,null,ontainsunsubscribedchildren,owners(kind,p",per,permissionid,picture,shared,sharedwithmedate,thumbnailversion,title,true]",userpermission(role),workspaceids</t>
  </si>
  <si>
    <t>01/13/2020 15:41:39</t>
  </si>
  <si>
    <t>#bco-inspetoria@bancovotorantim.com.br;flaviacno@algartech.com;gustavodsil@algartech.com;maristelavodq@bv.algartech.com;</t>
  </si>
  <si>
    <t>#bco-inspetoria@bancovotorantim.com.br,flaviacno@algartech.com,gustavodsil@algartech.com,maristelavodq@bv.algartech.com</t>
  </si>
  <si>
    <t>01/13/2020 15:41:51</t>
  </si>
  <si>
    <t>#bco-inspetoria@bancovotorantim.com.br;4repet0scaaaa4liaaaanmqf2kz44sg1npvhrp5ya-eah9mzpvg6kl9izriwjk97h6v_kcjh4sw2rf_itsulvo-3l6-wytsybqsmi4xv23fkeay8qmocdpcm6u6mkhgpg1ycp4mktrb_yi4ruhaswq2li4w3ybymavyxxvltnranpmk;</t>
  </si>
  <si>
    <t>#bco-inspetoria@bancovotorantim.com.br,4repet0scaaaa4liaaaanmqf2kz44sg1npvhrp5ya-eah9mzpvg6kl9izriwjk97h6v_kcjh4sw2rf_itsulvo-3l6-wytsybqsmi4xv23fkeay8qmocdpcm6u6mkhgpg1ycp4mktrb_yi4ruhaswq2li4w3ybymavyxxvltnranpmk</t>
  </si>
  <si>
    <t>01/13/2020 15:41:58</t>
  </si>
  <si>
    <t>01/13/2020 15:42:03</t>
  </si>
  <si>
    <t>mail.google.com/sync/u/0/i/s?hl=pt-BR&amp;c=1023</t>
  </si>
  <si>
    <t>01/13/2020 15:42:05</t>
  </si>
  <si>
    <t>01/13/2020 15:42:14</t>
  </si>
  <si>
    <t>0]rializab'i� pp;0]�&gt; 39;142961685;1578932472947;1578940899286;37;9;[];[]]];andrelpsa@algartech.com;atuima2v-l-r4mlrttnejldjmmcmtjqqdb_eo8phe2_wqj_y1ojumr1iabvw2ppblwocree42tuodgonxc9zyhvd_xfobdqaohtd6nhrws-0tlvuhqmo_hq2bynvqmoi\";atuima2v-l-r4mlrttnejldjmmcmtjqqdb_eo8phe2_wqj_y1ojumr1iabvw2ppblwocree42tuodgonxc9zyqvd_xfmxskzzowyihtcd9n55i4agig3jz4oqjptu1m8\";false;null;supervisaobancovotorantim@algartech.com;true]";</t>
  </si>
  <si>
    <t>0]rializab'i� pp,0]�&gt; 39,142961685,1578932472947,1578940899286,37,9,[],[]]],andrelpsa@algartech.com,atuima2v-l-r4mlrttnejldjmmcmtjqqdb_eo8phe2_wqj_y1ojumr1iabvw2ppblwocree42tuodgonxc9zyhvd_xfobdqaohtd6nhrws-0tlvuhqmo_hq2bynvqmoi\",atuima2v-l-r4mlrttnejldjmmcmtjqqdb_eo8phe2_wqj_y1ojumr1iabvw2ppblwocree42tuodgonxc9zyqvd_xfmxskzzowyihtcd9n55i4agig3jz4oqjptu1m8\",false,null,supervisaobancovotorantim@algartech.com,true]"</t>
  </si>
  <si>
    <t>01/13/2020 15:42:21</t>
  </si>
  <si>
    <t>#bco-inspetoria@bancovotorantim.com.br;andrelpsa@algartech.com;flaviacno@algartech.com;gustavodsil@algartech.com;maristelavodq@bv.algartech.com;supervisaobancovotorantim@algartech.com;</t>
  </si>
  <si>
    <t>#bco-inspetoria@bancovotorantim.com.br,andrelpsa@algartech.com,flaviacno@algartech.com,gustavodsil@algartech.com,maristelavodq@bv.algartech.com,supervisaobancovotorantim@algartech.com</t>
  </si>
  <si>
    <t>01/13/2020 15:41:22</t>
  </si>
  <si>
    <t>01/13/2020 15:38:48</t>
  </si>
  <si>
    <t>http://browser.pipe.aria.microsoft.com/collector/3.0/?qsp=true&amp;content-type=application/bond-compact-binary&amp;client-id=no_auth&amp;sdk-version=awt-web-js-1.8.1&amp;x-apikey=a387cfcf60114a43a7699f9fbb49289e-9bceb9fe-1c06-460f-96c5-6a0b247358bc-7238,708a9eb9fe2646fe8f4c37b7eee2e3da-9b97485a-57b9-43a8-8177-07ca7a653a30-6706,8025e5036b77483783612070662d3127-d2fcc34c-3b1d-4fdd-8759-7d2b573371c8-6859&amp;client-time-epoch-millis=1578899994065&amp;time-delta-to-apply-millis=-17</t>
  </si>
  <si>
    <t>http:///batch?%24ct=multipart%2Fmixed%3B%20boundary%3D%22%3D%3D%3D%3D%3Dwxfejawzjcd3%3D%3D%3D%3D%3D%22&amp;key=AIzaSyAy9VVXHSpS2IJpptzYtGbLP3-3_l0aBk4</t>
  </si>
  <si>
    <t>containsunsubscribedchildren;displayname;domain;emailaddress;filesize;hasvisitorpermissions;id);items(kind;ken;lastmodifyinguser(kind;lastviewedbymedate;modifiedbymedate;modifieddate;ontainsunsubscribedchildren;owners(kind;permissionid;picture;picture�;workspaceids;</t>
  </si>
  <si>
    <t>http://containsunsubscribedchildren,displayname,domain,emailaddress,filesize,hasvisitorpermissions,id),items(kind,ken,lastmodifyinguser(kind,lastviewedbymedate,modifiedbymedate,modifieddate,ontainsunsubscribedchildren,owners(kind,permissionid,picture,picture�,workspaceids</t>
  </si>
  <si>
    <t>01/13/2020 15:44:30</t>
  </si>
  <si>
    <t>01/13/2020 15:38:55</t>
  </si>
  <si>
    <t>http:///batch?%24ct=multipart%2Fmixed%3B%20boundary%3D%22%3D%3D%3D%3D%3D5n1kd12123mh%3D%3D%3D%3D%3D%22&amp;key=AIzaSyAy9VVXHSpS2IJpptzYtGbLP3-3_l0aBk4</t>
  </si>
  <si>
    <t>containsunsubscribedchildren;displayname;domain;emailaddress;filesize;hasvisitorpermissions;id);items(kind;ken;lastmodifyinguser(kind;lastviewedbymedate;modifiedbymedate;modifieddate;ontainsunsubscribedchildren;owners(kind;permiss;permissionid;picture;picture�;rpermissions;workspaceids;</t>
  </si>
  <si>
    <t>http://containsunsubscribedchildren,displayname,domain,emailaddress,filesize,hasvisitorpermissions,id),items(kind,ken,lastmodifyinguser(kind,lastviewedbymedate,modifiedbymedate,modifieddate,ontainsunsubscribedchildren,owners(kind,permiss,permissionid,picture,picture�,rpermissions,workspaceids</t>
  </si>
  <si>
    <t>http:///batch?%24ct=multipart%2Fmixed%3B%20boundary%3D%22%3D%3D%3D%3D%3Dqnowypcrb43l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onid;picture;picture�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onid,picture,picture�,rpermissions,shared,sharedwithmedate,thumbnailversion,title,userpermission(role),workspaceids</t>
  </si>
  <si>
    <t>01/13/2020 15:39:14</t>
  </si>
  <si>
    <t>http:///batch?%24ct=multipart%2Fmixed%3B%20boundary%3D%22%3D%3D%3D%3D%3Dau2ordnlwjv8%3D%3D%3D%3D%3D%22&amp;key=AIzaSyAy9VVXHSpS2IJpptzYtGbLP3-3_l0aBk4</t>
  </si>
  <si>
    <t>01/13/2020 15:39:15</t>
  </si>
  <si>
    <t>http:///batch?%24ct=multipart%2Fmixed%3B%20boundary%3D%22%3D%3D%3D%3D%3Drxxggis8feut%3D%3D%3D%3D%3D%22&amp;key=AIzaSyAy9VVXHSpS2IJpptzYtGbLP3-3_l0aBk4</t>
  </si>
  <si>
    <t>01/13/2020 15:39:16</t>
  </si>
  <si>
    <t>http:///batch?%24ct=multipart%2Fmixed%3B%20boundary%3D%22%3D%3D%3D%3D%3D78ovihl62ux7%3D%3D%3D%3D%3D%22&amp;key=AIzaSyAy9VVXHSpS2IJpptzYtGbLP3-3_l0aBk4</t>
  </si>
  <si>
    <t>01/13/2020 15:41:36</t>
  </si>
  <si>
    <t>http:///batch?%24ct=multipart%2Fmixed%3B%20boundary%3D%22%3D%3D%3D%3D%3Dted72rv72cy5%3D%3D%3D%3D%3D%22&amp;key=AIzaSyAy9VVXHSpS2IJpptzYtGbLP3-3_l0aBk4</t>
  </si>
  <si>
    <t>01/13/2020 15:41:37</t>
  </si>
  <si>
    <t>http:///batch?%24ct=multipart%2Fmixed%3B%20boundary%3D%22%3D%3D%3D%3D%3Dpvcieu6fb7bq%3D%3D%3D%3D%3D%22&amp;key=AIzaSyAy9VVXHSpS2IJpptzYtGbLP3-3_l0aBk4</t>
  </si>
  <si>
    <t>01/13/2020 15:41:38</t>
  </si>
  <si>
    <t>http:///batch?%24ct=multipart%2Fmixed%3B%20boundary%3D%22%3D%3D%3D%3D%3Dyg5vpv7s8tp3%3D%3D%3D%3D%3D%22&amp;key=AIzaSyAy9VVXHSpS2IJpptzYtGbLP3-3_l0aBk4</t>
  </si>
  <si>
    <t>01/13/2020 15:41:09</t>
  </si>
  <si>
    <t>01/13/2020 15:39:12</t>
  </si>
  <si>
    <t>01/13/2020 15:40:52</t>
  </si>
  <si>
    <t>01/13/2020 15:40:53</t>
  </si>
  <si>
    <t>01/13/2020 15:40:54</t>
  </si>
  <si>
    <t>01/13/2020 15:40:55</t>
  </si>
  <si>
    <t>01/13/2020 15:45:29</t>
  </si>
  <si>
    <t>01/13/2020 15:45:07</t>
  </si>
  <si>
    <t>01/13/2020 15:46:29</t>
  </si>
  <si>
    <t>01/13/2020 15:40:56</t>
  </si>
  <si>
    <t>46c31d13-0896-468a-b754-3a1043c187dc.tmp</t>
  </si>
  <si>
    <t>\\acsfs\profiles$\RAFAELRF\Downloads\46c31d13-0896-468a-b754-3a1043c187dc.tmp</t>
  </si>
  <si>
    <t>01/13/2020 15:44:31</t>
  </si>
  <si>
    <t>308c16e3-338b-47d3-abe6-b0aec8ac6cde.tmp</t>
  </si>
  <si>
    <t>\\acsfs\profiles$\RAFAELRF\Downloads\308c16e3-338b-47d3-abe6-b0aec8ac6cde.tmp</t>
  </si>
  <si>
    <t>01/13/2020 15:41:49</t>
  </si>
  <si>
    <t>01/13/2020 15:47:30</t>
  </si>
  <si>
    <t>01/13/2020 15:41:53</t>
  </si>
  <si>
    <t>01/13/2020 15:42:18</t>
  </si>
  <si>
    <t>01/13/2020 15:42:37</t>
  </si>
  <si>
    <t>01/13/2020 15:43:36</t>
  </si>
  <si>
    <t>01/13/2020 15:43:43</t>
  </si>
  <si>
    <t>01/13/2020 15:43:50</t>
  </si>
  <si>
    <t>01/13/2020 15:44:03</t>
  </si>
  <si>
    <t>mail.google.com/mail/u/0/jserror?script=https://mail.google.com/mail/u/0/#inbox&amp;error=class$obf_1008: [/sync/u/0/el2] jq: unauthorized&amp;line=not available&amp;txz=p</t>
  </si>
  <si>
    <t>01/13/2020 15:42:44</t>
  </si>
  <si>
    <t>01/13/2020 15:45:36</t>
  </si>
  <si>
    <t>01/13/2020 15:45:37</t>
  </si>
  <si>
    <t>01/13/2020 15:48:29</t>
  </si>
  <si>
    <t>01/13/2020 15:42:39</t>
  </si>
  <si>
    <t>"languagecode":"pt-br";"requesttype":"background_request";"scenariotype;"timezone":"-03:00";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;andrelpsa@algartech.com;ess"}};p";supervisaobancovotorantim@algartech.com;</t>
  </si>
  <si>
    <t>"languagecode":"pt-br","requesttype":"background_request","scenariotype,"timezone":"-03:00",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,andrelpsa@algartech.com,ess"}},p",supervisaobancovotorantim@algartech.com</t>
  </si>
  <si>
    <t>01/13/2020 15:43:00</t>
  </si>
  <si>
    <t>mail.google.com/sync/u/0/i/s?hl=pt-BR&amp;c=1071</t>
  </si>
  <si>
    <t>0]ll;13/01/2020;142961685;1578931268841;5;[];[]]];andrelpsa@algartech.com;atuima2v-l-r4mlrttnejldjmmcmtjqqdb_eo8phe2_wqj_y1ojumr1iabvw2ppblwocree42tuodgonxc9zyivd_xfpqawwfk-djhhoaw8xisktehnirbxymmss-bbe\";false;null;supervisaobancovotorantim@algartech.com;true]";</t>
  </si>
  <si>
    <t>0]ll,13/01/2020,142961685,1578931268841,5,[],[]]],andrelpsa@algartech.com,atuima2v-l-r4mlrttnejldjmmcmtjqqdb_eo8phe2_wqj_y1ojumr1iabvw2ppblwocree42tuodgonxc9zyivd_xfpqawwfk-djhhoaw8xisktehnirbxymmss-bbe\",false,null,supervisaobancovotorantim@algartech.com,true]"</t>
  </si>
  <si>
    <t>01/13/2020 15:43:01</t>
  </si>
  <si>
    <t>01/13/2020 15:45:39</t>
  </si>
  <si>
    <t>0]_x0003_8_x0007_1833�o� 99;13;142961685;1578933676053;4repet0scaaaa4liaaaajmqf2kz44sg1npvhrp5ya-eah9mzpvg6kl9izriwjk97h6v_kcjh4sw2rf_itsulvo-3l6-wytsybqsmi4xv23fkeay8qmocdpcm6u6mkhgpg1ycp4mktrb_yi4ruhaswq2li4w3ybymavyxxvltnranpmk;5rlbr5=====;[];[]]];ancestorhasaugmentedpermissions;andrelpsa@algartech.com;atuima2v-l-r4mlrttnejldjmmcmtjqqdb_eo8phe2_wqj_y1ojumr1iabvw2ppblwocree42tuodgonxc9zygvd_xfo4jjb0ynwwbgvglbfambcnxjxja8z9tfhl5ay\";cc5rlbr5===;containsunsubscribedchildren;displayname;domain;emailaddress;false;file(kind;fileid;filesize;hasthumbnail;hasvisitorpermissions;id;id);items(deleted;items(kind;ken;kind;lastmodifyinguser(kind;lastviewedbymedate;modifiedbymedate;modifieddate;null;ontainsunsubscribedchildren;owners(kind;per;permiss;permission;permissionid;picture;rpermissions;shared;sharedwithmedate;supervisaobancovotorantim@algartech.com;thumbnailversion;title;true]";userpermission(role);workspaceids;</t>
  </si>
  <si>
    <t>0]_x0003_8_x0007_1833�o� 99,13,142961685,1578933676053,4repet0scaaaa4liaaaajmqf2kz44sg1npvhrp5ya-eah9mzpvg6kl9izriwjk97h6v_kcjh4sw2rf_itsulvo-3l6-wytsybqsmi4xv23fkeay8qmocdpcm6u6mkhgpg1ycp4mktrb_yi4ruhaswq2li4w3ybymavyxxvltnranpmk,5rlbr5===== ,[],[]]],ancestorhasaugmentedpermissions,andrelpsa@algartech.com,atuima2v-l-r4mlrttnejldjmmcmtjqqdb_eo8phe2_wqj_y1ojumr1iabvw2ppblwocree42tuodgonxc9zygvd_xfo4jjb0ynwwbgvglbfambcnxjxja8z9tfhl5ay\",cc5rlbr5===,containsunsubscribedchildren,displayname,domain,emailaddress,false,file(kind,fileid,filesize,hasthumbnail,hasvisitorpermissions,id,id),items(deleted,items(kind,ken,kind,lastmodifyinguser(kind,lastviewedbymedate,modifiedbymedate,modifieddate,null,ontainsunsubscribedchildren,owners(kind,per,permiss,permission,permissionid,picture,rpermissions,shared,sharedwithmedate,supervisaobancovotorantim@algartech.com,thumbnailversion,title,true]",userpermission(role),workspaceids</t>
  </si>
  <si>
    <t>01/13/2020 15:44:14</t>
  </si>
  <si>
    <t>984a1062-b1d4-4e6c-b258-ffb3b7a33a3d.tmp</t>
  </si>
  <si>
    <t>\\acsfs\profiles$\francislayneads\Downloads\984a1062-b1d4-4e6c-b258-ffb3b7a33a3d.tmp</t>
  </si>
  <si>
    <t>01/13/2020 15:43:49</t>
  </si>
  <si>
    <t>01/13/2020 15:49:30</t>
  </si>
  <si>
    <t>01/13/2020 15:48:49</t>
  </si>
  <si>
    <t>01/13/2020 15:44:58</t>
  </si>
  <si>
    <t>01/13/2020 15:44:40</t>
  </si>
  <si>
    <t>01/13/2020 15:48:43</t>
  </si>
  <si>
    <t>27c862d1-f9ba-421e-a5fa-5d8aa0a8547a.tmp</t>
  </si>
  <si>
    <t>\\acsfs\profiles$\andressamf\Downloads\27c862d1-f9ba-421e-a5fa-5d8aa0a8547a.tmp</t>
  </si>
  <si>
    <t>01/13/2020 15:43:13</t>
  </si>
  <si>
    <t>XLOG_vanessacgs_13012020_081555.log</t>
  </si>
  <si>
    <t>\\acsfs\profiles$\vanessacgs\My Documents\xworkcenter\logs\XLOG_vanessacgs_13012020_081555.log</t>
  </si>
  <si>
    <t>01/13/2020 15:43:14</t>
  </si>
  <si>
    <t>01/13/2020 15:47:25</t>
  </si>
  <si>
    <t>01/13/2020 15:50:30</t>
  </si>
  <si>
    <t>mail.google.com/mail/u/0/jserror?script=https://mail.google.com/mail/u/0/#inbox&amp;error=class$obf_1011: [/sync/u/0/i/bv] me: unsupported http status: 503&amp;line=not available&amp;txz=p</t>
  </si>
  <si>
    <t>01/13/2020 15:48:10</t>
  </si>
  <si>
    <t>01/13/2020 15:51:29</t>
  </si>
  <si>
    <t>PEDRO HENRIQUE ALMEIDA BATISTA_1_6777351706183281793_1_32.wav</t>
  </si>
  <si>
    <t>\\acsfs\Deptos\EDUCACAO EMPRESARIAL\KÉSIA\Ligações 2º ciclo - Janeiro 2020\PEDRO HENRIQUE ALMEIDA BATISTA_1_6777351706183281793_1_32.wav</t>
  </si>
  <si>
    <t>01/13/2020 15:46:17</t>
  </si>
  <si>
    <t>7d3b8b9b-ee99-4764-9641-e7231dcc02d0.tmp</t>
  </si>
  <si>
    <t>\\acsfs\profiles$\fabianafv\Downloads\7d3b8b9b-ee99-4764-9641-e7231dcc02d0.tmp</t>
  </si>
  <si>
    <t>01/13/2020 15:52:30</t>
  </si>
  <si>
    <t>01/13/2020 15:51:14</t>
  </si>
  <si>
    <t>23441445-21dd-4650-b25f-7c7013e07f83.tmp</t>
  </si>
  <si>
    <t>\\acsfs\profiles$\brunalas\Downloads\23441445-21dd-4650-b25f-7c7013e07f83.tmp</t>
  </si>
  <si>
    <t>01/13/2020 15:51:02</t>
  </si>
  <si>
    <t>01/13/2020 15:53:29</t>
  </si>
  <si>
    <t>mail.google.com/sync/u/0/i/s?hl=pt-BR&amp;c=1123</t>
  </si>
  <si>
    <t>0]gc606;0]ll;142961685;1578932171927;1578941200313;38;8;[];[]]];andrelpsa@algartech.com;atuima2v-l-r4mlrttnejldjmmcmtjqqdb_eo8phe2_wqj_y1ojumr1iabvw2ppblwocree42tuodgonxc9zyh_d_xfps-jqqezf1j4drdoqy4aopcsgislg3yr1m0xs\";atuima2v-l-r4mlrttnejldjmmcmtjqqdb_eo8phe2_wqj_y1ojumr1iabvw2ppblwocree42tuodgonxc9zyqfd_xfodknqqomxix3tbfvik1pqdclfjshtlhqkvquq\";false;null;true]";</t>
  </si>
  <si>
    <t>0]gc606,0]ll,142961685,1578932171927,1578941200313,38,8,[],[]]],andrelpsa@algartech.com,atuima2v-l-r4mlrttnejldjmmcmtjqqdb_eo8phe2_wqj_y1ojumr1iabvw2ppblwocree42tuodgonxc9zyh_d_xfps-jqqezf1j4drdoqy4aopcsgislg3yr1m0xs\",atuima2v-l-r4mlrttnejldjmmcmtjqqdb_eo8phe2_wqj_y1ojumr1iabvw2ppblwocree42tuodgonxc9zyqfd_xfodknqqomxix3tbfvik1pqdclfjshtlhqkvquq\",false,null,true]"</t>
  </si>
  <si>
    <t>01/13/2020 15:48:06</t>
  </si>
  <si>
    <t>01/13/2020 15:53:02</t>
  </si>
  <si>
    <t>http:///batch?%24ct=multipart%2Fmixed%3B%20boundary%3D%22%3D%3D%3D%3D%3Dcxm0pgzcwqig%3D%3D%3D%3D%3D%22&amp;key=AIzaSyAy9VVXHSpS2IJpptzYtGbLP3-3_l0aBk4</t>
  </si>
  <si>
    <t>0]0]0];0]l;1;1578940729873;708385187;[];[]]];ancestorhasaugmentedpermissions;containsunsubscribedchildren;displayname;domain;emailaddress;false;file(kind;fileid;filesize;hasthumbnail;hasvisitorpermissions;id;id);items(deleted;iwagbqyq5_cmqlzbanwpacqolgbymbrky1hyw9wzwbrqebiph8iqz-_-nea8ajk3cl1u6dhazrweuy4acpn1lbxov-fxfxs7u6fxlrrmewru5fr4fy8cuk8t73sxehkspjr8dpf1-v_6eyefdj_s5ctm3pd-_i4y3cnuoucl3oesbl-jzrepmlegk3fjkfotz9m38lw8caruuoynsmx2_wbarbdq-7cd4qo\";ken;kind;lastmodifyinguser(kind;lastviewedbymedate;modifiedbymedate;modifieddate;null;ontainsunsubscribedchildren;owners(kind;per;permissionid;picture;shared;sharedwithmedate;thumbnailversion;title;true]";userpermission(role);workspaceids;</t>
  </si>
  <si>
    <t>http://0]0]0],0]l,1,1578940729873,708385187,[],[]]],ancestorhasaugmentedpermissions,containsunsubscribedchildren,displayname,domain,emailaddress,false,file(kind,fileid,filesize,hasthumbnail,hasvisitorpermissions,id,id),items(deleted,iwagbqyq5_cmqlzbanwpacqolgbymbrky1hyw9wzwbrqebiph8iqz-_-nea8ajk3cl1u6dhazrweuy4acpn1lbxov-fxfxs7u6fxlrrmewru5fr4fy8cuk8t73sxehkspjr8dpf1-v_6eyefdj_s5ctm3pd-_i4y3cnuoucl3oesbl-jzrepmlegk3fjkfotz9m38lw8caruuoynsmx2_wbarbdq-7cd4qo\",ken,kind,lastmodifyinguser(kind,lastviewedbymedate,modifiedbymedate,modifieddate,null,ontainsunsubscribedchildren,owners(kind,per,permissionid,picture,shared,sharedwithmedate,thumbnailversion,title,true]",userpermission(role),workspaceids</t>
  </si>
  <si>
    <t>01/13/2020 15:53:03</t>
  </si>
  <si>
    <t>http:///batch?%24ct=multipart%2Fmixed%3B%20boundary%3D%22%3D%3D%3D%3D%3Drjhecavn6icq%3D%3D%3D%3D%3D%22&amp;key=AIzaSyAy9VVXHSpS2IJpptzYtGbLP3-3_l0aBk4</t>
  </si>
  <si>
    <t>01/13/2020 15:53:04</t>
  </si>
  <si>
    <t>http:///batch?%24ct=multipart%2Fmixed%3B%20boundary%3D%22%3D%3D%3D%3D%3D1mc8lyps02vv%3D%3D%3D%3D%3D%22&amp;key=AIzaSyAy9VVXHSpS2IJpptzYtGbLP3-3_l0aBk4</t>
  </si>
  <si>
    <t>01/13/2020 15:52:11</t>
  </si>
  <si>
    <t>65c1fe71-c689-422c-a469-e168c5f5324e.tmp</t>
  </si>
  <si>
    <t>\\acsfs\profiles$\regisedsj\Downloads\65c1fe71-c689-422c-a469-e168c5f5324e.tmp</t>
  </si>
  <si>
    <t>01/13/2020 15:52:25</t>
  </si>
  <si>
    <t>23c2cc78-d909-4061-b666-c304e7cabebe.tmp</t>
  </si>
  <si>
    <t>\\acsfs\profiles$\regisedsj\Downloads\23c2cc78-d909-4061-b666-c304e7cabebe.tmp</t>
  </si>
  <si>
    <t>01/13/2020 15:49:05</t>
  </si>
  <si>
    <t>01/13/2020 15:54:30</t>
  </si>
  <si>
    <t>01/13/2020 15:49:34</t>
  </si>
  <si>
    <t>01/13/2020 15:49:39</t>
  </si>
  <si>
    <t>01/13/2020 15:50:07</t>
  </si>
  <si>
    <t>01/13/2020 15:50:13</t>
  </si>
  <si>
    <t>01/13/2020 15:50:52</t>
  </si>
  <si>
    <t>01/13/2020 15:50:06</t>
  </si>
  <si>
    <t>dadc5e74-4817-4d02-a36c-5b92a47b93a3.tmp</t>
  </si>
  <si>
    <t>\\acsfs\profiles$\andressamf\Downloads\dadc5e74-4817-4d02-a36c-5b92a47b93a3.tmp</t>
  </si>
  <si>
    <t>01/13/2020 15:49:57</t>
  </si>
  <si>
    <t>01/13/2020 15:55:30</t>
  </si>
  <si>
    <t>a0778d7c-0344-4857-b757-4ac3af25441b.tmp</t>
  </si>
  <si>
    <t>\\acsfs\profiles$\myllenardl\Downloads\a0778d7c-0344-4857-b757-4ac3af25441b.tmp</t>
  </si>
  <si>
    <t>01/13/2020 15:50:20</t>
  </si>
  <si>
    <t>7a3465fd-d749-4599-b866-9b57d521596b.tmp</t>
  </si>
  <si>
    <t>\\acsfs\profiles$\henriqueco\Downloads\7a3465fd-d749-4599-b866-9b57d521596b.tmp</t>
  </si>
  <si>
    <t>01/13/2020 15:50:34</t>
  </si>
  <si>
    <t>01/13/2020 15:56:29</t>
  </si>
  <si>
    <t>cf32c7d4-2b54-4385-ac95-866108515772.tmp</t>
  </si>
  <si>
    <t>\\acsfs\profiles$\taylaedoa\Downloads\cf32c7d4-2b54-4385-ac95-866108515772.tmp</t>
  </si>
  <si>
    <t>01/13/2020 15:52:08</t>
  </si>
  <si>
    <t>ea4edad5-fe22-46f4-90cc-79024df4168f.tmp</t>
  </si>
  <si>
    <t>\\acsfs\profiles$\brendadsl\Downloads\ea4edad5-fe22-46f4-90cc-79024df4168f.tmp</t>
  </si>
  <si>
    <t>01/13/2020 15:53:24</t>
  </si>
  <si>
    <t>e3f68702-4a9a-4da0-877d-6969801ecf1c.tmp</t>
  </si>
  <si>
    <t>\\acsfs\profiles$\brendadsl\Downloads\e3f68702-4a9a-4da0-877d-6969801ecf1c.tmp</t>
  </si>
  <si>
    <t>01/13/2020 15:54:51</t>
  </si>
  <si>
    <t>74bbff78-417b-45fd-aa24-962d8d65e4f1.tmp</t>
  </si>
  <si>
    <t>\\acsfs\profiles$\brendadsl\Downloads\74bbff78-417b-45fd-aa24-962d8d65e4f1.tmp</t>
  </si>
  <si>
    <t>01/13/2020 15:52:16</t>
  </si>
  <si>
    <t>01/13/2020 15:52:26</t>
  </si>
  <si>
    <t>mail.google.com/sync/u/0/i/s?hl=pt-BR&amp;c=1058</t>
  </si>
  <si>
    <t>01/13/2020 15:53:05</t>
  </si>
  <si>
    <t>01/13/2020 15:53:09</t>
  </si>
  <si>
    <t>bvservicedesk@bancovotorantim.com.br;cpc-controldeskavon@algartech.com;joseasn@algartech.com;ricardodfm@algartech.com.br;viniciussg@algartech.com;</t>
  </si>
  <si>
    <t>bvservicedesk@bancovotorantim.com.br,cpc-controldeskavon@algartech.com,joseasn@algartech.com,ricardodfm@algartech.com.br,viniciussg@algartech.com</t>
  </si>
  <si>
    <t>01/13/2020 15:53:12</t>
  </si>
  <si>
    <t>01/13/2020 15:53:17</t>
  </si>
  <si>
    <t>01/13/2020 15:54:24</t>
  </si>
  <si>
    <t>01/13/2020 15:53:08</t>
  </si>
  <si>
    <t>01/13/2020 15:57:30</t>
  </si>
  <si>
    <t>lu16208215ihh.tmp</t>
  </si>
  <si>
    <t>\\acsfs\profiles$\victoriaksr\My Documents\lu16208215ihh.tmp</t>
  </si>
  <si>
    <t>01/13/2020 15:55:23</t>
  </si>
  <si>
    <t>a45f73fb-a766-4174-8cd1-e5dd411bb3e3.tmp</t>
  </si>
  <si>
    <t>\\acsfs\profiles$\brunalas\Downloads\a45f73fb-a766-4174-8cd1-e5dd411bb3e3.tmp</t>
  </si>
  <si>
    <t>01/13/2020 15:56:26</t>
  </si>
  <si>
    <t>0cc35a88-ab15-4233-90e0-78a696529ec1.tmp</t>
  </si>
  <si>
    <t>\\acsfs\profiles$\ayalabfi\Downloads\0cc35a88-ab15-4233-90e0-78a696529ec1.tmp</t>
  </si>
  <si>
    <t>01/13/2020 15:53:18</t>
  </si>
  <si>
    <t>01/13/2020 15:58:29</t>
  </si>
  <si>
    <t>0]gc606;0]ll;142961685;1578932171927;1578941200313;1578941501336;38;39;8;[];[]]];andrelpsa@algartech.com;atuima2v-l-r4mlrttnejldjmmcmtjqqdb_eo8phe2_wqj_y1ojumr1iabvw2ppblwocree42tuodgonxc9zyh_d_xfps-jqqezf1j4drdoqy4aopcsgislg3yr1m0xs\";atuima2v-l-r4mlrttnejldjmmcmtjqqdb_eo8phe2_wqj_y1ojumr1iabvw2ppblwocree42tuodgonxc9zyqfd_xfodknqqomxix3tbfvik1pqdclfjshtlhqkvquq\";atuima2v-l-r4mlrttnejldjmmcmtjqqdb_eo8phe2_wqj_y1ojumr1iabvw2ppblwocree42tuodgonxc9zyqpd_xfnlmnetjjmyemkeg_xx_9cdgewsn9zyqph26fk\";false;null;true]";</t>
  </si>
  <si>
    <t>0]gc606,0]ll,142961685,1578932171927,1578941200313,1578941501336,38,39,8,[],[]]],andrelpsa@algartech.com,atuima2v-l-r4mlrttnejldjmmcmtjqqdb_eo8phe2_wqj_y1ojumr1iabvw2ppblwocree42tuodgonxc9zyh_d_xfps-jqqezf1j4drdoqy4aopcsgislg3yr1m0xs\",atuima2v-l-r4mlrttnejldjmmcmtjqqdb_eo8phe2_wqj_y1ojumr1iabvw2ppblwocree42tuodgonxc9zyqfd_xfodknqqomxix3tbfvik1pqdclfjshtlhqkvquq\",atuima2v-l-r4mlrttnejldjmmcmtjqqdb_eo8phe2_wqj_y1ojumr1iabvw2ppblwocree42tuodgonxc9zyqpd_xfnlmnetjjmyemkeg_xx_9cdgewsn9zyqph26fk\",false,null,true]"</t>
  </si>
  <si>
    <t>01/13/2020 15:53:43</t>
  </si>
  <si>
    <t>01/13/2020 15:53:51</t>
  </si>
  <si>
    <t>"mozilla/5.0 (windows nt 6.1) applewebkit/537.36 (khtml;0;0]22] �_x0003_�_x0006_(�?_x0007_�=�_x0006_9995;0]ll;1;13;13700014;13700109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882896000;1578915886959000;1578930052848000;1578930058554000;1578930666787;1578940598260;17;3;36;4;4100];5701393;6.1;6450];79;["mozilla/5.0 (windows nt 6.1) applewebkit/537.36 (khtml;[1;[[13701418;[[13701573;[[null;[];[]]];[false;[null;adfn-ct7ciskssyu-68afh9xg7xv2c6f8dx_seofhsqerkx2bhpqslb3crfufkpjjmcd4mgjscrt;adfn-cuic5g8_16whytgiekdf3jxrbjnjvixuvd0lznttt2taf-j5</t>
  </si>
  <si>
    <t>"mozilla/5.0 (windows nt 6.1) applewebkit/537.36 (khtml,0,0]22] �_x0003_�_x0006_(�?_x0007_�=�_x0006_9995,0]ll,1,13,13700014,13700109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882896000,1578915886959000,1578930052848000,1578930058554000,1578930666787,1578940598260,17,3,36,4,4100],5701393,6.1,6450],79,["mozilla/5.0 (windows nt 6.1) applewebkit/537.36 (khtml,[1,[[13701418,[[13701573,[[null,[],[]]],[false,[null,adfn-ct7ciskssyu-68afh9xg7xv2c6f8dx_seofhsqerkx2bhpqslb3crfufkpjjmcd4mgjscrt,adfn-cuic5g8_16whytgiekdf3jxrbjnjvixuvd0lznttt2taf-j5</t>
  </si>
  <si>
    <t>01/13/2020 15:54:01</t>
  </si>
  <si>
    <t>"mozilla/5.0 (windows nt 6.1) applewebkit/537.36 (khtml;(�d_x0011_n_x001A_si��lp�ߓv���ׁqa�[_x0016_�_x001A_�;)�i~a�_x001A_���qa�u�4-g�?�_x0008_���h֙_x0012_�g�_x0015__x0016__x001A_)_x001F_�d��`_x0007_�a_x0015__x0016__x0012_w[���n�w-_ txg"լn�t�����w��֖�j� jɑ_x0016_*;0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578930052848000;1578930058554000;17;4;4100];5701393;6.1;79;["mozilla/5.0 (windows nt 6.1) applewebkit/537.36 (khtml;[1;[[13701418;[[null;[];[false;[null;adfn-ct7ciskssyu-68afh9xg7xv2c6f8dx_seofhsqerkx2bhpqslb3crfufkpjjmcd4mgjscrt;drive.web-frontend_20200101.00_p4;false;false];false]];fu-jjgodysoi_w";https://lh3.google.com/u/0/d/11c5m9yc</t>
  </si>
  <si>
    <t>"mozilla/5.0 (windows nt 6.1) applewebkit/537.36 (khtml,(�d_x0011_n_x001A_si��lp�ߓv���ׁqa�[_x0016_�_x001A_�,)�i~a�_x001A_���qa�u�4-g�?�_x0008_���h֙_x0012_�g�_x0015__x0016__x001A_)_x001F_�d��`_x0007_�a_x0015__x0016__x0012_w[���n�w-_ txg"լn�t�����w��֖�j� jɑ_x0016_*,0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578930052848000,1578930058554000,17,4,4100],5701393,6.1,79,["mozilla/5.0 (windows nt 6.1) applewebkit/537.36 (khtml,[1,[[13701418,[[null,[],[false,[null,adfn-ct7ciskssyu-68afh9xg7xv2c6f8dx_seofhsqerkx2bhpqslb3crfufkpjjmcd4mgjscrt,drive.web-frontend_20200101.00_p4,false,false],false]],fu-jjgodysoi_w",https://lh3.google.com/u/0/d/11c5m9yc</t>
  </si>
  <si>
    <t>01/13/2020 15:54:08</t>
  </si>
  <si>
    <t>01/13/2020 15:54:31</t>
  </si>
  <si>
    <t>01/13/2020 15:54:44</t>
  </si>
  <si>
    <t>mail.google.com/sync/u/0/i/s?hl=pt-BR&amp;c=1162</t>
  </si>
  <si>
    <t>01/13/2020 15:54:54</t>
  </si>
  <si>
    <t>01/13/2020 15:55:07</t>
  </si>
  <si>
    <t>mail.google.com/sync/u/0/i/s?hl=pt-BR&amp;c=1166</t>
  </si>
  <si>
    <t>01/13/2020 15:55:34</t>
  </si>
  <si>
    <t>mail.google.com/sync/u/0/i/s?hl=pt-BR&amp;c=1168</t>
  </si>
  <si>
    <t>01/13/2020 15:55:57</t>
  </si>
  <si>
    <t>"mozilla/5.0 (windows nt 6.1) applewebkit/537.36 (khtml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];13701949;13701953;13701957;13701969;13702064;13702068;13702088;1578930052848000;1578930058554000;17;4repet0scaaaa4liaaaammqf2kz44sg1npvhrp5ya-eah9mzpvg6kl9izriwjk97h6v_kcjh4sw2rf_itsulvo-3l6-wytsybqsmi4xv23fkeay8qmocdpcm6u6mkhgpg1ycp4mktrb_yi4ruhaswq2li4w3ybymavyxxvltnranpmk;4repet0scaaaa4liaaaanmqf2kz44sg1npvhrp5ya-eah9mzpvg6kl9izriwjk97h6v_kcjh4sw2rf_itsulvo-3l6-wytsybqsmi4xv23fkeay8qmocdpcm6u6mkhgpg1ycp4mktrb_yi4ruhaswq2li4w3ybymavyxxvltnranpmk;5701393;79;[[13701418;[[null;[false;adfn-ct7ciskssyu-68afh9xg7xv2c6f8dx_seof</t>
  </si>
  <si>
    <t>"mozilla/5.0 (windows nt 6.1) applewebkit/537.36 (khtml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],13701949,13701953,13701957,13701969,13702064,13702068,13702088,1578930052848000,1578930058554000,17,4repet0scaaaa4liaaaammqf2kz44sg1npvhrp5ya-eah9mzpvg6kl9izriwjk97h6v_kcjh4sw2rf_itsulvo-3l6-wytsybqsmi4xv23fkeay8qmocdpcm6u6mkhgpg1ycp4mktrb_yi4ruhaswq2li4w3ybymavyxxvltnranpmk,4repet0scaaaa4liaaaanmqf2kz44sg1npvhrp5ya-eah9mzpvg6kl9izriwjk97h6v_kcjh4sw2rf_itsulvo-3l6-wytsybqsmi4xv23fkeay8qmocdpcm6u6mkhgpg1ycp4mktrb_yi4ruhaswq2li4w3ybymavyxxvltnranpmk,5701393,79,[[13701418,[[null,[false,adfn-ct7ciskssyu-68afh9xg7xv2c6f8dx_seof</t>
  </si>
  <si>
    <t>01/13/2020 15:56:05</t>
  </si>
  <si>
    <t>01/13/2020 15:56:12</t>
  </si>
  <si>
    <t>01/13/2020 15:56:15</t>
  </si>
  <si>
    <t>01/13/2020 15:57:09</t>
  </si>
  <si>
    <t>mail.google.com/sync/u/0/i/s?hl=pt-BR&amp;c=1180</t>
  </si>
  <si>
    <t>01/13/2020 15:57:16</t>
  </si>
  <si>
    <t>01/13/2020 15:57:24</t>
  </si>
  <si>
    <t>73bc6c27-9aa0-47df-adca-305901425652.tmp</t>
  </si>
  <si>
    <t>\\acsfs\profiles$\paulohaf\Downloads\73bc6c27-9aa0-47df-adca-305901425652.tmp</t>
  </si>
  <si>
    <t>01/13/2020 15:54:27</t>
  </si>
  <si>
    <t>377b4c69-0391-4ccd-adc5-801e72fe0caf.tmp</t>
  </si>
  <si>
    <t>\\acsfs\profiles$\paulohaf\Downloads\377b4c69-0391-4ccd-adc5-801e72fe0caf.tmp</t>
  </si>
  <si>
    <t>01/13/2020 15:56:02</t>
  </si>
  <si>
    <t>e7d1d68a-ea46-4dba-ab74-56cc7e993e88.tmp</t>
  </si>
  <si>
    <t>\\acsfs\profiles$\paulohaf\Downloads\e7d1d68a-ea46-4dba-ab74-56cc7e993e88.tmp</t>
  </si>
  <si>
    <t>01/13/2020 15:59:30</t>
  </si>
  <si>
    <t>01/13/2020 15:55:24</t>
  </si>
  <si>
    <t>01/13/2020 15:57:47</t>
  </si>
  <si>
    <t>01/13/2020 15:57:49</t>
  </si>
  <si>
    <t>01/13/2020 15:58:43</t>
  </si>
  <si>
    <t>01/13/2020 15:57:31</t>
  </si>
  <si>
    <t>01/13/2020 15:58:03</t>
  </si>
  <si>
    <t>01/13/2020 15:58:07</t>
  </si>
  <si>
    <t>01/13/2020 15:58:10</t>
  </si>
  <si>
    <t>01/13/2020 15:58:35</t>
  </si>
  <si>
    <t>01/13/2020 15:58:39</t>
  </si>
  <si>
    <t>01/13/2020 16:00:30</t>
  </si>
  <si>
    <t>b397631c-c21a-4333-8436-145302b2291c.tmp</t>
  </si>
  <si>
    <t>\\acsfs\profiles$\erichds\Downloads\b397631c-c21a-4333-8436-145302b2291c.tmp</t>
  </si>
  <si>
    <t>01/13/2020 15:59:06</t>
  </si>
  <si>
    <t>01/13/2020 15:58:59</t>
  </si>
  <si>
    <t>01/13/2020 15:56:40</t>
  </si>
  <si>
    <t>01/13/2020 16:01:30</t>
  </si>
  <si>
    <t>470e22a7-bdce-4275-8286-931886b10ea7.tmp</t>
  </si>
  <si>
    <t>\\acsfs\profiles$\taylaedoa\Downloads\470e22a7-bdce-4275-8286-931886b10ea7.tmp</t>
  </si>
  <si>
    <t>150e614c-9782-4591-a610-167c9d1767f9.tmp</t>
  </si>
  <si>
    <t>\\acsfs\profiles$\brendadsl\Downloads\150e614c-9782-4591-a610-167c9d1767f9.tmp</t>
  </si>
  <si>
    <t>01/13/2020 15:56:09</t>
  </si>
  <si>
    <t>\\udpavonfs01\AVON\00 - ACOMPANHAMENTO AVON\04 - BACKOFFICE CORNERSTONE\2020\01.2020\RELATORIO\11.01.2020\</t>
  </si>
  <si>
    <t>01/13/2020 15:56:47</t>
  </si>
  <si>
    <t>01/13/2020 16:01:07</t>
  </si>
  <si>
    <t>01/13/2020 16:02:30</t>
  </si>
  <si>
    <t>4931c929-a72c-4eb2-8e26-ae6e6d4ecf69.tmp</t>
  </si>
  <si>
    <t>\\acsfs\profiles$\geovannasm\Downloads\4931c929-a72c-4eb2-8e26-ae6e6d4ecf69.tmp</t>
  </si>
  <si>
    <t>01/13/2020 16:00:13</t>
  </si>
  <si>
    <t>01/13/2020 16:03:30</t>
  </si>
  <si>
    <t>holerite_122019_2110621.pdf</t>
  </si>
  <si>
    <t>01/13/2020 16:02:02</t>
  </si>
  <si>
    <t>01/13/2020 16:02:09</t>
  </si>
  <si>
    <t>01/13/2020 16:02:26</t>
  </si>
  <si>
    <t>01/13/2020 15:58:05</t>
  </si>
  <si>
    <t>01/13/2020 15:58:19</t>
  </si>
  <si>
    <t>mail.google.com/sync/u/0/i/s?hl=pt-BR&amp;c=1190</t>
  </si>
  <si>
    <t>01/13/2020 15:58:27</t>
  </si>
  <si>
    <t>01/13/2020 15:58:31</t>
  </si>
  <si>
    <t>01/13/2020 15:58:45</t>
  </si>
  <si>
    <t>01/13/2020 15:58:48</t>
  </si>
  <si>
    <t>01/13/2020 16:01:16</t>
  </si>
  <si>
    <t>e3a12b1f-7dcf-4283-8c5d-87cb5976c79c.tmp</t>
  </si>
  <si>
    <t>\\acsfs\profiles$\brunalas\Downloads\e3a12b1f-7dcf-4283-8c5d-87cb5976c79c.tmp</t>
  </si>
  <si>
    <t>01/13/2020 16:00:39</t>
  </si>
  <si>
    <t>http:///batch?%24ct=multipart%2Fmixed%3B%20boundary%3D%22%3D%3D%3D%3D%3D7vu9a93lprn8%3D%3D%3D%3D%3D%22&amp;key=AIzaSyAy9VVXHSpS2IJpptzYtGbLP3-3_l0aBk4</t>
  </si>
  <si>
    <t>01/13/2020 16:00:40</t>
  </si>
  <si>
    <t>http:///batch?%24ct=multipart%2Fmixed%3B%20boundary%3D%22%3D%3D%3D%3D%3D36dtooea5dz5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ea5dz5=====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ea5dz5=====,ontainsunsubscribedchildren,owners(kind,per,permissionid,picture,shared,sharedwithmedate,thumbnailversion,title,userpermission(role),workspaceids</t>
  </si>
  <si>
    <t>01/13/2020 16:00:41</t>
  </si>
  <si>
    <t>http:///batch?%24ct=multipart%2Fmixed%3B%20boundary%3D%22%3D%3D%3D%3D%3Dk3ifdroyqsi0%3D%3D%3D%3D%3D%22&amp;key=AIzaSyAy9VVXHSpS2IJpptzYtGbLP3-3_l0aBk4</t>
  </si>
  <si>
    <t>01/13/2020 15:58:42</t>
  </si>
  <si>
    <t>01/13/2020 15:59:25</t>
  </si>
  <si>
    <t>01/13/2020 16:04:30</t>
  </si>
  <si>
    <t>01/13/2020 16:03:10</t>
  </si>
  <si>
    <t>01/13/2020 15:59:00</t>
  </si>
  <si>
    <t>01/13/2020 15:59:13</t>
  </si>
  <si>
    <t>01/13/2020 15:59:39</t>
  </si>
  <si>
    <t>01/13/2020 15:59:42</t>
  </si>
  <si>
    <t>01/13/2020 15:59:43</t>
  </si>
  <si>
    <t>01/13/2020 16:03:00</t>
  </si>
  <si>
    <t>01/13/2020 16:03:06</t>
  </si>
  <si>
    <t>01/13/2020 16:03:48</t>
  </si>
  <si>
    <t>01/13/2020 16:03:53</t>
  </si>
  <si>
    <t>01/13/2020 16:03:59</t>
  </si>
  <si>
    <t>01/13/2020 16:01:43</t>
  </si>
  <si>
    <t>01/13/2020 16:04:14</t>
  </si>
  <si>
    <t>01/13/2020 16:05:29</t>
  </si>
  <si>
    <t>01/13/2020 16:03:50</t>
  </si>
  <si>
    <t>4d417a85-8a9e-48a9-964e-785927699ee4.tmp</t>
  </si>
  <si>
    <t>\\acsfs\profiles$\myllenardl\Downloads\4d417a85-8a9e-48a9-964e-785927699ee4.tmp</t>
  </si>
  <si>
    <t>01/13/2020 16:06:30</t>
  </si>
  <si>
    <t>01/13/2020 16:01:58</t>
  </si>
  <si>
    <t>01/13/2020 16:05:28</t>
  </si>
  <si>
    <t>01/13/2020 16:05:27</t>
  </si>
  <si>
    <t>01/13/2020 16:07:29</t>
  </si>
  <si>
    <t>lu16208215iho.tmp</t>
  </si>
  <si>
    <t>\\acsfs\profiles$\victoriaksr\My Documents\lu16208215iho.tmp</t>
  </si>
  <si>
    <t>01/13/2020 16:05:49</t>
  </si>
  <si>
    <t>01/13/2020 16:05:54</t>
  </si>
  <si>
    <t>ceffbad3-411c-485e-a855-25784baf91d7.tmp</t>
  </si>
  <si>
    <t>\\acsfs\profiles$\ayalabfi\Downloads\ceffbad3-411c-485e-a855-25784baf91d7.tmp</t>
  </si>
  <si>
    <t>01/13/2020 16:02:47</t>
  </si>
  <si>
    <t>01/13/2020 16:08:30</t>
  </si>
  <si>
    <t>01/13/2020 16:03:07</t>
  </si>
  <si>
    <t>01/13/2020 16:03:26</t>
  </si>
  <si>
    <t>01/13/2020 16:04:23</t>
  </si>
  <si>
    <t>01/13/2020 16:04:43</t>
  </si>
  <si>
    <t>01/13/2020 16:04:53</t>
  </si>
  <si>
    <t>01/13/2020 16:07:30</t>
  </si>
  <si>
    <t>01/13/2020 16:04:19</t>
  </si>
  <si>
    <t>9e110ce3-6d03-4c98-92ca-fcd120562168.tmp</t>
  </si>
  <si>
    <t>\\acsfs\profiles$\brunalas\Downloads\9e110ce3-6d03-4c98-92ca-fcd120562168.tmp</t>
  </si>
  <si>
    <t>01/13/2020 16:03:47</t>
  </si>
  <si>
    <t>http:///batch?%24ct=multipart%2Fmixed%3B%20boundary%3D%22%3D%3D%3D%3D%3Dy9kbpugspfgv%3D%3D%3D%3D%3D%22&amp;key=AIzaSyAy9VVXHSpS2IJpptzYtGbLP3-3_l0aBk4</t>
  </si>
  <si>
    <t>http:///batch?%24ct=multipart%2Fmixed%3B%20boundary%3D%22%3D%3D%3D%3D%3Dww3v8do69vpe%3D%3D%3D%3D%3D%22&amp;key=AIzaSyAy9VVXHSpS2IJpptzYtGbLP3-3_l0aBk4</t>
  </si>
  <si>
    <t>01/13/2020 16:03:49</t>
  </si>
  <si>
    <t>http:///batch?%24ct=multipart%2Fmixed%3B%20boundary%3D%22%3D%3D%3D%3D%3Du3v22kqw305%3D%3D%3D%3D%3D%22&amp;key=AIzaSyAy9VVXHSpS2IJpptzYtGbLP3-3_l0aBk4</t>
  </si>
  <si>
    <t>01/13/2020 16:04:07</t>
  </si>
  <si>
    <t>01/13/2020 16:09:30</t>
  </si>
  <si>
    <t>01/13/2020 16:04:08</t>
  </si>
  <si>
    <t>01/13/2020 16:04:04</t>
  </si>
  <si>
    <t>01/13/2020 16:04:24</t>
  </si>
  <si>
    <t>01/13/2020 16:06:25</t>
  </si>
  <si>
    <t>01/13/2020 16:05:24</t>
  </si>
  <si>
    <t>01/13/2020 16:10:30</t>
  </si>
  <si>
    <t>ca3c26fa-4474-48d2-b0a4-3334fe20829a.tmp</t>
  </si>
  <si>
    <t>\\acsfs\profiles$\nycolleemdj\Downloads\ca3c26fa-4474-48d2-b0a4-3334fe20829a.tmp</t>
  </si>
  <si>
    <t>01/13/2020 16:10:06</t>
  </si>
  <si>
    <t>b253bd5f-3260-4f84-952f-6cdb1eebd3cd.tmp</t>
  </si>
  <si>
    <t>\\acsfs\profiles$\layonmof\Downloads\b253bd5f-3260-4f84-952f-6cdb1eebd3cd.tmp</t>
  </si>
  <si>
    <t>01/13/2020 16:11:30</t>
  </si>
  <si>
    <t>01/13/2020 16:06:03</t>
  </si>
  <si>
    <t>01/13/2020 16:06:13</t>
  </si>
  <si>
    <t>mail.google.com/sync/u/0/i/s?hl=pt-BR&amp;c=1125</t>
  </si>
  <si>
    <t>bvservicedesk@bancovotorantim.com.br;catianalv@algartech.com;cpc-controldeskavon@algartech.com;joseasn@algartech.com;lucianarsantos@algartech.com;marianadjc@algartech.com;ricardodfm@algartech.com.br;senildapdo@algartecnologia.com.br;viniciussg@algartech.com;</t>
  </si>
  <si>
    <t>bvservicedesk@bancovotorantim.com.br,catianalv@algartech.com,cpc-controldeskavon@algartech.com,joseasn@algartech.com,lucianarsantos@algartech.com,marianadjc@algartech.com,ricardodfm@algartech.com.br,senildapdo@algartecnologia.com.br,viniciussg@algartech.com</t>
  </si>
  <si>
    <t>01/13/2020 16:06:56</t>
  </si>
  <si>
    <t>01/13/2020 16:07:57</t>
  </si>
  <si>
    <t>mail.google.com/sync/u/0/i/s?hl=pt-BR&amp;c=1131</t>
  </si>
  <si>
    <t>01/13/2020 16:08:02</t>
  </si>
  <si>
    <t>01/13/2020 16:08:37</t>
  </si>
  <si>
    <t>01/13/2020 16:08:59</t>
  </si>
  <si>
    <t>bvservicedesk@bancovotorantim.com.br;catianalv@algartech.com;cpc-controldeskavon@algartech.com;joseasn@algartech.com;lucianarsantos@algartech.com;marianadjc@algartech.com;ricardodfm@algartech.com.br;senildapdo@algartecnologia.com.br;</t>
  </si>
  <si>
    <t>bvservicedesk@bancovotorantim.com.br,catianalv@algartech.com,cpc-controldeskavon@algartech.com,joseasn@algartech.com,lucianarsantos@algartech.com,marianadjc@algartech.com,ricardodfm@algartech.com.br,senildapdo@algartecnologia.com.br</t>
  </si>
  <si>
    <t>01/13/2020 16:09:04</t>
  </si>
  <si>
    <t>01/13/2020 16:09:05</t>
  </si>
  <si>
    <t>01/13/2020 16:09:08</t>
  </si>
  <si>
    <t>mail.google.com/sync/u/0/i/s?hl=pt-BR&amp;c=1140</t>
  </si>
  <si>
    <t>01/13/2020 16:09:25</t>
  </si>
  <si>
    <t>01/13/2020 16:09:29</t>
  </si>
  <si>
    <t>mail.google.com/sync/u/0/i/s?hl=pt-BR&amp;c=1145</t>
  </si>
  <si>
    <t>01/13/2020 16:09:58</t>
  </si>
  <si>
    <t>mail.google.com/sync/u/0/i/s?hl=pt-BR&amp;c=1147</t>
  </si>
  <si>
    <t>01/13/2020 16:10:13</t>
  </si>
  <si>
    <t>01/13/2020 16:10:18</t>
  </si>
  <si>
    <t>01/13/2020 16:10:32</t>
  </si>
  <si>
    <t>01/13/2020 16:10:42</t>
  </si>
  <si>
    <t>01/13/2020 16:07:26</t>
  </si>
  <si>
    <t>KAMILLA CAROLINA RORIGUES_1_6777706083934873885_1_32.wav</t>
  </si>
  <si>
    <t>\\acsfs\Deptos\EDUCACAO EMPRESARIAL\KÉSIA\Ligações 2º ciclo - Janeiro 2020\KAMILLA CAROLINA RORIGUES_1_6777706083934873885_1_32.wav</t>
  </si>
  <si>
    <t>01/13/2020 16:11:36</t>
  </si>
  <si>
    <t>01/13/2020 16:13:30</t>
  </si>
  <si>
    <t>1dc40ea8-184c-4774-ae56-e436d3cdeb66.tmp</t>
  </si>
  <si>
    <t>\\acsfs\profiles$\lorrainerdl\Downloads\1dc40ea8-184c-4774-ae56-e436d3cdeb66.tmp</t>
  </si>
  <si>
    <t>01/13/2020 16:11:01</t>
  </si>
  <si>
    <t>01/13/2020 16:11:25</t>
  </si>
  <si>
    <t>01/13/2020 16:11:28</t>
  </si>
  <si>
    <t>01/13/2020 16:11:32</t>
  </si>
  <si>
    <t>01/13/2020 16:11:43</t>
  </si>
  <si>
    <t>01/13/2020 16:11:40</t>
  </si>
  <si>
    <t>01/13/2020 16:08:31</t>
  </si>
  <si>
    <t>http:///batch?%24ct=multipart%2Fmixed%3B%20boundary%3D%22%3D%3D%3D%3D%3Dfsug4wnl1pjk%3D%3D%3D%3D%3D%22&amp;key=AIzaSyAy9VVXHSpS2IJpptzYtGbLP3-3_l0aBk4</t>
  </si>
  <si>
    <t>01/13/2020 16:08:32</t>
  </si>
  <si>
    <t>http:///batch?%24ct=multipart%2Fmixed%3B%20boundary%3D%22%3D%3D%3D%3D%3Dvgnnuuus5hxy%3D%3D%3D%3D%3D%22&amp;key=AIzaSyAy9VVXHSpS2IJpptzYtGbLP3-3_l0aBk4</t>
  </si>
  <si>
    <t>4c86677da005a94a36_u x-goog-authuser: 0 --=====vgnnuuus5hxy=====--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4c86677da005a94a36_u x-goog-authuser: 0 --=====vgnnuuus5hxy=====-- 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01/13/2020 16:08:33</t>
  </si>
  <si>
    <t>http:///batch?%24ct=multipart%2Fmixed%3B%20boundary%3D%22%3D%3D%3D%3D%3D562yp8ul20s%3D%3D%3D%3D%3D%22&amp;key=AIzaSyAy9VVXHSpS2IJpptzYtGbLP3-3_l0aBk4</t>
  </si>
  <si>
    <t>01/13/2020 16:09:40</t>
  </si>
  <si>
    <t>01/13/2020 16:14:30</t>
  </si>
  <si>
    <t>a498a0d3-86c0-472f-a224-bb33f02d2334.tmp</t>
  </si>
  <si>
    <t>\\acsfs\profiles$\brendadsl\Downloads\a498a0d3-86c0-472f-a224-bb33f02d2334.tmp</t>
  </si>
  <si>
    <t>01/13/2020 16:10:11</t>
  </si>
  <si>
    <t>846f3037-a5d6-49e4-9fba-a04b35d4a3cf.tmp</t>
  </si>
  <si>
    <t>\\acsfs\profiles$\brendadsl\Downloads\846f3037-a5d6-49e4-9fba-a04b35d4a3cf.tmp</t>
  </si>
  <si>
    <t>92d91f38-cdbd-4f36-b353-cc642a9739d0.tmp</t>
  </si>
  <si>
    <t>\\acsfs\profiles$\brendadsl\Downloads\92d91f38-cdbd-4f36-b353-cc642a9739d0.tmp</t>
  </si>
  <si>
    <t>01/13/2020 16:10:14</t>
  </si>
  <si>
    <t>fbfed683-d1fb-4b3d-8bd9-3a0e5101a560.tmp</t>
  </si>
  <si>
    <t>\\acsfs\profiles$\brendadsl\Downloads\fbfed683-d1fb-4b3d-8bd9-3a0e5101a560.tmp</t>
  </si>
  <si>
    <t>01/13/2020 16:10:15</t>
  </si>
  <si>
    <t>23f38ded-1681-41d5-aa06-f099372f0245.tmp</t>
  </si>
  <si>
    <t>\\acsfs\profiles$\brendadsl\Downloads\23f38ded-1681-41d5-aa06-f099372f0245.tmp</t>
  </si>
  <si>
    <t>01/13/2020 16:10:54</t>
  </si>
  <si>
    <t>01/13/2020 16:15:30</t>
  </si>
  <si>
    <t>01/13/2020 16:12:11</t>
  </si>
  <si>
    <t>01/13/2020 16:15:03</t>
  </si>
  <si>
    <t>01/13/2020 16:16:30</t>
  </si>
  <si>
    <t>01/13/2020 16:15:04</t>
  </si>
  <si>
    <t>lu2733221pjol.tmp</t>
  </si>
  <si>
    <t>\\acsfs\profiles$\RAFAELRF\meu\lu2733221pjol.tmp</t>
  </si>
  <si>
    <t>\\acsfs\profiles$\RAFAELRF\meu\lu2733221pjol.tmp\</t>
  </si>
  <si>
    <t>\\acsfs\profiles$\RAFAELRF\meu\lu2733221pjol.tmp\META-INF\</t>
  </si>
  <si>
    <t>\\acsfs\profiles$\RAFAELRF\meu\lu2733221pjol.tmp\Thumbnails\</t>
  </si>
  <si>
    <t>01/13/2020 16:11:04</t>
  </si>
  <si>
    <t>01/13/2020 16:11:05</t>
  </si>
  <si>
    <t>01/13/2020 16:11:26</t>
  </si>
  <si>
    <t>01/13/2020 16:11:42</t>
  </si>
  <si>
    <t>01/13/2020 16:13:14</t>
  </si>
  <si>
    <t>10-01 RELATORIO DE LOGIN AVON - - Cópia.xlsm</t>
  </si>
  <si>
    <t>\\acsfs\deptos\Operacao\PCP\5 - Comum\CONTROL DESK\2 - DAC2\Control Desk AVON\Relatorios\Status de login\2020\10-01 RELATORIO DE LOGIN AVON - - Cópia.xlsm</t>
  </si>
  <si>
    <t>01/13/2020 16:11:45</t>
  </si>
  <si>
    <t>mail.google.com/_/upload?authuser=0&amp;dcp=asu-n&amp;upload_id=AEnB2UoNNQaE8EFXWlr1PFYKAv5gklVS3Mk1JTfb5yEzg7SEyfWIky75iVZzzl-GZmElFc21GfoJQe-ktKf6PbxNNSWDy6SOqgUx8AaRXq_FksRkF53HTk4&amp;upload_protocol=resumable</t>
  </si>
  <si>
    <t>01/13/2020 16:11:53</t>
  </si>
  <si>
    <t>01/13/2020 16:15:10</t>
  </si>
  <si>
    <t>ISABELLE GOMES TEIXEIRA DOS SANTOS_1_6778052138039836910_1_32.wav</t>
  </si>
  <si>
    <t>\\acsfs\Deptos\EDUCACAO EMPRESARIAL\KÉSIA\Ligações 2º ciclo - Janeiro 2020\ISABELLE GOMES TEIXEIRA DOS SANTOS_1_6778052138039836910_1_32.wav</t>
  </si>
  <si>
    <t>01/13/2020 16:12:18</t>
  </si>
  <si>
    <t>01/13/2020 16:17:30</t>
  </si>
  <si>
    <t>f4fb7c33-62f1-4b3e-9470-ffa9e2366ae1.tmp</t>
  </si>
  <si>
    <t>\\acsfs\profiles$\adelvinsonle\Downloads\f4fb7c33-62f1-4b3e-9470-ffa9e2366ae1.tmp</t>
  </si>
  <si>
    <t>01/13/2020 16:13:17</t>
  </si>
  <si>
    <t>c50c467c-4d18-4c69-805f-6242b2e81411.tmp</t>
  </si>
  <si>
    <t>\\acsfs\profiles$\adelvinsonle\Downloads\c50c467c-4d18-4c69-805f-6242b2e81411.tmp</t>
  </si>
  <si>
    <t>01/13/2020 16:13:46</t>
  </si>
  <si>
    <t>c4f971fe-48b1-4979-8a08-1eaf1ed1af15.tmp</t>
  </si>
  <si>
    <t>\\acsfs\profiles$\adelvinsonle\Downloads\c4f971fe-48b1-4979-8a08-1eaf1ed1af15.tmp</t>
  </si>
  <si>
    <t>01/13/2020 16:16:47</t>
  </si>
  <si>
    <t>01/13/2020 16:18:30</t>
  </si>
  <si>
    <t>01/13/2020 16:13:59</t>
  </si>
  <si>
    <t>01/13/2020 16:14:05</t>
  </si>
  <si>
    <t>01/13/2020 16:14:10</t>
  </si>
  <si>
    <t>01/13/2020 16:14:20</t>
  </si>
  <si>
    <t>01/13/2020 16:14:27</t>
  </si>
  <si>
    <t>01/13/2020 16:14:28</t>
  </si>
  <si>
    <t>01/13/2020 16:13:58</t>
  </si>
  <si>
    <t>01/13/2020 16:19:30</t>
  </si>
  <si>
    <t>01/13/2020 16:18:32</t>
  </si>
  <si>
    <t>01/13/2020 16:20:30</t>
  </si>
  <si>
    <t>01/13/2020 16:17:17</t>
  </si>
  <si>
    <t>01/13/2020 16:17:57</t>
  </si>
  <si>
    <t>01/13/2020 16:16:59</t>
  </si>
  <si>
    <t>\\acsfs\ACS\Gabriel da Silva\Contemporânea\BDBV\162BC657.tmp\</t>
  </si>
  <si>
    <t>\\acsfs\ACS\Gabriel da Silva\Contemporânea\BDBV\162BC657.tmp\:Zone.Identifier:$DATA</t>
  </si>
  <si>
    <t>01/13/2020 16:19:55</t>
  </si>
  <si>
    <t>\\acsfs\ACS\Gabriel da Silva\Contemporânea\BDBV\BC5A995A.tmp\</t>
  </si>
  <si>
    <t>\\acsfs\ACS\Gabriel da Silva\Contemporânea\BDBV\BC5A995A.tmp\:Zone.Identifier:$DATA</t>
  </si>
  <si>
    <t>01/13/2020 16:19:05</t>
  </si>
  <si>
    <t>6c8a65ba-b9c9-4e5c-9022-ce8b2c7777c8.tmp</t>
  </si>
  <si>
    <t>\\acsfs\profiles$\layonmof\Downloads\6c8a65ba-b9c9-4e5c-9022-ce8b2c7777c8.tmp</t>
  </si>
  <si>
    <t>01/13/2020 16:17:40</t>
  </si>
  <si>
    <t>01/13/2020 16:22:30</t>
  </si>
  <si>
    <t>7ed05249-156e-4781-9e3c-7fab98b1833c.tmp</t>
  </si>
  <si>
    <t>\\acsfs\profiles$\geovannasm\Downloads\7ed05249-156e-4781-9e3c-7fab98b1833c.tmp</t>
  </si>
  <si>
    <t>01/13/2020 16:20:34</t>
  </si>
  <si>
    <t>01/13/2020 16:17:50</t>
  </si>
  <si>
    <t>01/13/2020 16:23:29</t>
  </si>
  <si>
    <t>"languagecode":"pt-br";"requesttype":"background_request";"scenariotype;"timezone":"-03:00";#bco-inspetoria@bancovotorantim.com.br;0]l;142961685;1578940297233;35;[];[]]];ancestorhasaugmentedpermissions;andrelps@algartech.com;atuima2v-l-r4mlrttnejldjmmcmtjqqdb_eo8phe2_wqj_y1ojumr1iabvw2ppblwocree42tuodgonxc9zyrpd_xfoykjevtevtwhy7y59ndrbaejlegewajwiplmm\";containsunsubscribedchildren;displayname;domain;emailaddress;ess"}}�;false;file(kind;fileid;filesize;hasthumbnail;hasvisitorpermissions;id;id);items(deleted;ken;kind;lastmodifyinguser(kind;lastviewedbymedate;modifiedbymedate;modifieddate;null;ontainsunsubscribedchildren;ouvidoria@algar.com.br;owners(kind;p";per;permissionid;picture;shared;sharedwithmedate;thumbnailversion;title;true]";userpermission(role);workspaceids;</t>
  </si>
  <si>
    <t>"languagecode":"pt-br","requesttype":"background_request","scenariotype,"timezone":"-03:00",#bco-inspetoria@bancovotorantim.com.br,0]l,142961685,1578940297233,35,[],[]]],ancestorhasaugmentedpermissions,andrelps@algartech.com,atuima2v-l-r4mlrttnejldjmmcmtjqqdb_eo8phe2_wqj_y1ojumr1iabvw2ppblwocree42tuodgonxc9zyrpd_xfoykjevtevtwhy7y59ndrbaejlegewajwiplmm\",containsunsubscribedchildren,displayname,domain,emailaddress,ess"}}�,false,file(kind,fileid,filesize,hasthumbnail,hasvisitorpermissions,id,id),items(deleted,ken,kind,lastmodifyinguser(kind,lastviewedbymedate,modifiedbymedate,modifieddate,null,ontainsunsubscribedchildren,ouvidoria@algar.com.br,owners(kind,p",per,permissionid,picture,shared,sharedwithmedate,thumbnailversion,title,true]",userpermission(role),workspaceids</t>
  </si>
  <si>
    <t>01/13/2020 16:17:55</t>
  </si>
  <si>
    <t>01/13/2020 16:21:42</t>
  </si>
  <si>
    <t>188c311f-e834-44a6-928b-3169dbcb791b.tmp</t>
  </si>
  <si>
    <t>\\acsfs\profiles$\anafaes\Downloads\188c311f-e834-44a6-928b-3169dbcb791b.tmp</t>
  </si>
  <si>
    <t>23144935-259c-4d4b-986a-806e5888b862.tmp</t>
  </si>
  <si>
    <t>\\acsfs\profiles$\anafaes\Downloads\23144935-259c-4d4b-986a-806e5888b862.tmp</t>
  </si>
  <si>
    <t>01/13/2020 16:21:45</t>
  </si>
  <si>
    <t>abcf0a03-d01b-4c88-a269-fff164bd84f3.tmp</t>
  </si>
  <si>
    <t>\\acsfs\profiles$\anafaes\Downloads\abcf0a03-d01b-4c88-a269-fff164bd84f3.tmp</t>
  </si>
  <si>
    <t>01/13/2020 16:24:30</t>
  </si>
  <si>
    <t>01/13/2020 16:23:07</t>
  </si>
  <si>
    <t>01/13/2020 16:23:36</t>
  </si>
  <si>
    <t>01/13/2020 16:21:58</t>
  </si>
  <si>
    <t>9599ec9f-8341-4533-a5b9-730a381ad183.tmp</t>
  </si>
  <si>
    <t>\\acsfs\profiles$\KARENDSR\Downloads\9599ec9f-8341-4533-a5b9-730a381ad183.tmp</t>
  </si>
  <si>
    <t>01/13/2020 16:19:32</t>
  </si>
  <si>
    <t>01/13/2020 16:22:40</t>
  </si>
  <si>
    <t>\\acsfs\profiles$\quindaizaagds\My Documents\My Pictures\$RECYCLE.BIN\</t>
  </si>
  <si>
    <t>$IB7RXUI.txt</t>
  </si>
  <si>
    <t>\\acsfs\profiles$\quindaizaagds\My Documents\My Pictures\$RECYCLE.BIN\$IB7RXUI.txt</t>
  </si>
  <si>
    <t>01/13/2020 16:22:46</t>
  </si>
  <si>
    <t>$I5VMVL7.txt</t>
  </si>
  <si>
    <t>\\acsfs\profiles$\quindaizaagds\My Documents\My Pictures\$RECYCLE.BIN\$I5VMVL7.txt</t>
  </si>
  <si>
    <t>01/13/2020 16:22:55</t>
  </si>
  <si>
    <t>$IN764UX.txt</t>
  </si>
  <si>
    <t>\\acsfs\profiles$\quindaizaagds\My Documents\My Pictures\$RECYCLE.BIN\$IN764UX.txt</t>
  </si>
  <si>
    <t>01/13/2020 16:23:44</t>
  </si>
  <si>
    <t>01/13/2020 16:25:29</t>
  </si>
  <si>
    <t>c65d4364-c741-4638-a28b-19c40b7df625.tmp</t>
  </si>
  <si>
    <t>\\acsfs\profiles$\leonardocb\Downloads\c65d4364-c741-4638-a28b-19c40b7df625.tmp</t>
  </si>
  <si>
    <t>01/13/2020 16:23:48</t>
  </si>
  <si>
    <t>Q29udHJvbGxlci5JbmZvQlYtTm9pdGU- (16).ica</t>
  </si>
  <si>
    <t>\\acsfs\profiles$\leonardocb\Downloads\Q29udHJvbGxlci5JbmZvQlYtTm9pdGU- (16).ica</t>
  </si>
  <si>
    <t>01/13/2020 16:24:44</t>
  </si>
  <si>
    <t>4516a134-5832-4a1c-9e5b-5969d5761bba.tmp</t>
  </si>
  <si>
    <t>\\acsfs\profiles$\leonardocb\Downloads\4516a134-5832-4a1c-9e5b-5969d5761bba.tmp</t>
  </si>
  <si>
    <t>01/13/2020 16:20:15</t>
  </si>
  <si>
    <t>f43fe5a4-1ca5-4186-8315-d111b5fed918.tmp</t>
  </si>
  <si>
    <t>\\acsfs\profiles$\henriqueco\Downloads\f43fe5a4-1ca5-4186-8315-d111b5fed918.tmp</t>
  </si>
  <si>
    <t>01/13/2020 16:20:36</t>
  </si>
  <si>
    <t>01/13/2020 16:25:46</t>
  </si>
  <si>
    <t>01/13/2020 16:26:30</t>
  </si>
  <si>
    <t>01/13/2020 16:27:29</t>
  </si>
  <si>
    <t>01/13/2020 16:26:20</t>
  </si>
  <si>
    <t>6dc47566-ec4f-4d83-8d1f-b42d243fe77f.tmp</t>
  </si>
  <si>
    <t>\\acsfs\profiles$\fernandofs\Downloads\6dc47566-ec4f-4d83-8d1f-b42d243fe77f.tmp</t>
  </si>
  <si>
    <t>01/13/2020 16:26:17</t>
  </si>
  <si>
    <t>01/13/2020 16:26:23</t>
  </si>
  <si>
    <t>01/13/2020 16:28:29</t>
  </si>
  <si>
    <t>andrelpsa@algartech.com;fabianacscg@algartech.com;luizffn@algartech.com;mirianppb@algartech.com;talmaiardo@algartech.com;taysdss@algartech.com;</t>
  </si>
  <si>
    <t>andrelpsa@algartech.com,fabianacscg@algartech.com,luizffn@algartech.com,mirianppb@algartech.com,talmaiardo@algartech.com,taysdss@algartech.com</t>
  </si>
  <si>
    <t>01/13/2020 16:26:28</t>
  </si>
  <si>
    <t>mail.google.com/sync/u/0/i/s?hl=pt-BR&amp;c=1336</t>
  </si>
  <si>
    <t>01/13/2020 16:23:02</t>
  </si>
  <si>
    <t>5d994756-df78-42e4-9426-39ef5ae354b6.tmp</t>
  </si>
  <si>
    <t>\\acsfs\profiles$\anafaes\Downloads\5d994756-df78-42e4-9426-39ef5ae354b6.tmp</t>
  </si>
  <si>
    <t>01/13/2020 16:24:59</t>
  </si>
  <si>
    <t>01/13/2020 16:29:29</t>
  </si>
  <si>
    <t>01/13/2020 16:26:11</t>
  </si>
  <si>
    <t>2ae70cb0-cecd-4391-b8cc-816047e438c4.tmp</t>
  </si>
  <si>
    <t>\\acsfs\profiles$\larissaad\Downloads\2ae70cb0-cecd-4391-b8cc-816047e438c4.tmp</t>
  </si>
  <si>
    <t>01/13/2020 16:29:15</t>
  </si>
  <si>
    <t>01/13/2020 16:30:29</t>
  </si>
  <si>
    <t>01/13/2020 16:27:05</t>
  </si>
  <si>
    <t>01/13/2020 16:29:37</t>
  </si>
  <si>
    <t>01/13/2020 16:30:11</t>
  </si>
  <si>
    <t>7403f21c-1408-4c4b-81ce-e4c453ce341d.tmp</t>
  </si>
  <si>
    <t>\\acsfs\profiles$\gabrielsma\Downloads\7403f21c-1408-4c4b-81ce-e4c453ce341d.tmp</t>
  </si>
  <si>
    <t>01/13/2020 16:27:32</t>
  </si>
  <si>
    <t>01/13/2020 16:31:30</t>
  </si>
  <si>
    <t>9f24a939-2ff9-4456-8e88-31e6e7e4ac18.tmp</t>
  </si>
  <si>
    <t>\\acsfs\profiles$\ingridsm\Downloads\9f24a939-2ff9-4456-8e88-31e6e7e4ac18.tmp</t>
  </si>
  <si>
    <t>REGIS EZAIAS DA SILVA JUNIOR_1_6777446899838425824_1_32.wav</t>
  </si>
  <si>
    <t>\\acsfs\Deptos\EDUCACAO EMPRESARIAL\KÉSIA\Ligações 2º ciclo - Janeiro 2020\REGIS EZAIAS DA SILVA JUNIOR_1_6777446899838425824_1_32.wav</t>
  </si>
  <si>
    <t>01/13/2020 16:28:36</t>
  </si>
  <si>
    <t>01/13/2020 16:33:30</t>
  </si>
  <si>
    <t>01/13/2020 16:28:41</t>
  </si>
  <si>
    <t>01/13/2020 16:30:26</t>
  </si>
  <si>
    <t>5ead4c8f-d076-42a4-9f02-234ed206d98d.tmp</t>
  </si>
  <si>
    <t>\\acsfs\profiles$\brunalas\Downloads\5ead4c8f-d076-42a4-9f02-234ed206d98d.tmp</t>
  </si>
  <si>
    <t>01/13/2020 16:31:14</t>
  </si>
  <si>
    <t>34cd0f18-da9e-4c69-a909-efbf59e81b59.tmp</t>
  </si>
  <si>
    <t>\\acsfs\profiles$\alinepp\Downloads\34cd0f18-da9e-4c69-a909-efbf59e81b59.tmp</t>
  </si>
  <si>
    <t>01/13/2020 16:30:12</t>
  </si>
  <si>
    <t>dbd226be-64cd-46d9-888d-ae9f7daf5728.tmp</t>
  </si>
  <si>
    <t>\\acsfs\profiles$\regisedsj\Downloads\dbd226be-64cd-46d9-888d-ae9f7daf5728.tmp</t>
  </si>
  <si>
    <t>01/13/2020 16:30:30</t>
  </si>
  <si>
    <t>01/13/2020 16:34:29</t>
  </si>
  <si>
    <t>0458f9be-d32d-4f93-ad26-9af1afc9b779.tmp</t>
  </si>
  <si>
    <t>\\acsfs\profiles$\larissaad\Downloads\0458f9be-d32d-4f93-ad26-9af1afc9b779.tmp</t>
  </si>
  <si>
    <t>01/13/2020 16:30:35</t>
  </si>
  <si>
    <t>01/13/2020 16:30:52</t>
  </si>
  <si>
    <t>01/13/2020 16:31:15</t>
  </si>
  <si>
    <t>01/13/2020 16:33:54</t>
  </si>
  <si>
    <t>01/13/2020 16:29:02</t>
  </si>
  <si>
    <t>60814bc1-b003-4afa-a116-7c5b7ea3cf99.tmp</t>
  </si>
  <si>
    <t>\\acsfs\profiles$\leticiala\Downloads\60814bc1-b003-4afa-a116-7c5b7ea3cf99.tmp</t>
  </si>
  <si>
    <t>01/13/2020 16:34:06</t>
  </si>
  <si>
    <t>01/13/2020 16:35:30</t>
  </si>
  <si>
    <t>XLOG_marcosvnds_13012020_135835.log</t>
  </si>
  <si>
    <t>\\acsfs\profiles$\marcosvnds\My Documents\xworkcenter\logs\XLOG_marcosvnds_13012020_135835.log</t>
  </si>
  <si>
    <t>01/13/2020 16:30:27</t>
  </si>
  <si>
    <t>Não confirmado 203133.crdownload</t>
  </si>
  <si>
    <t>\\acsfs\ACS\Gabriel da Silva\Contemporânea\Acessos\Não confirmado 203133.crdownload</t>
  </si>
  <si>
    <t>01/13/2020 16:31:55</t>
  </si>
  <si>
    <t>8976d7ce-5951-453a-9367-5054b53ee1a8.tmp</t>
  </si>
  <si>
    <t>\\acsfs\profiles$\gabrielsma\Downloads\8976d7ce-5951-453a-9367-5054b53ee1a8.tmp</t>
  </si>
  <si>
    <t>01/13/2020 16:31:57</t>
  </si>
  <si>
    <t>01/13/2020 16:32:14</t>
  </si>
  <si>
    <t>01/13/2020 16:32:58</t>
  </si>
  <si>
    <t>01/13/2020 16:33:08</t>
  </si>
  <si>
    <t>01/13/2020 16:33:15</t>
  </si>
  <si>
    <t>01/13/2020 16:33:17</t>
  </si>
  <si>
    <t>01/13/2020 16:33:24</t>
  </si>
  <si>
    <t>01/13/2020 16:33:29</t>
  </si>
  <si>
    <t>01/13/2020 16:33:37</t>
  </si>
  <si>
    <t>01/13/2020 16:33:41</t>
  </si>
  <si>
    <t>01/13/2020 16:33:50</t>
  </si>
  <si>
    <t>01/13/2020 16:33:56</t>
  </si>
  <si>
    <t>01/13/2020 16:34:12</t>
  </si>
  <si>
    <t>01/13/2020 16:34:18</t>
  </si>
  <si>
    <t>01/13/2020 16:34:24</t>
  </si>
  <si>
    <t>01/13/2020 16:34:35</t>
  </si>
  <si>
    <t>01/13/2020 16:34:41</t>
  </si>
  <si>
    <t>01/13/2020 16:34:42</t>
  </si>
  <si>
    <t>01/13/2020 16:34:46</t>
  </si>
  <si>
    <t>01/13/2020 16:34:51</t>
  </si>
  <si>
    <t>01/13/2020 16:35:05</t>
  </si>
  <si>
    <t>01/13/2020 16:36:29</t>
  </si>
  <si>
    <t>01/13/2020 16:35:09</t>
  </si>
  <si>
    <t>01/13/2020 16:32:23</t>
  </si>
  <si>
    <t>01/13/2020 16:37:30</t>
  </si>
  <si>
    <t>01/13/2020 16:35:11</t>
  </si>
  <si>
    <t>10.200.67.69</t>
  </si>
  <si>
    <t>654d58cb-dd70-43f5-bf41-ac45aca336d7.tmp</t>
  </si>
  <si>
    <t>\\acsfs\profiles$\marcosvnds\Downloads\654d58cb-dd70-43f5-bf41-ac45aca336d7.tmp</t>
  </si>
  <si>
    <t>01/13/2020 16:35:27</t>
  </si>
  <si>
    <t>d49217bf-4796-412c-9380-0c58e0c302e3.tmp</t>
  </si>
  <si>
    <t>\\acsfs\profiles$\marcosvnds\Downloads\d49217bf-4796-412c-9380-0c58e0c302e3.tmp</t>
  </si>
  <si>
    <t>01/13/2020 16:34:52</t>
  </si>
  <si>
    <t>01/13/2020 16:38:30</t>
  </si>
  <si>
    <t>01/13/2020 16:33:19</t>
  </si>
  <si>
    <t>01/13/2020 16:36:10</t>
  </si>
  <si>
    <t>0f9df741-cc49-436c-81d0-a7c9ffec7e43.tmp</t>
  </si>
  <si>
    <t>\\acsfs\profiles$\alinepp\Downloads\0f9df741-cc49-436c-81d0-a7c9ffec7e43.tmp</t>
  </si>
  <si>
    <t>01/13/2020 16:35:52</t>
  </si>
  <si>
    <t>01/13/2020 16:39:30</t>
  </si>
  <si>
    <t>01/13/2020 16:34:26</t>
  </si>
  <si>
    <t>1ef8319f-c1d8-4db4-9a62-75f15d76234f.tmp</t>
  </si>
  <si>
    <t>\\acsfs\profiles$\LUISPLS\Downloads\1ef8319f-c1d8-4db4-9a62-75f15d76234f.tmp</t>
  </si>
  <si>
    <t>01/13/2020 16:35:47</t>
  </si>
  <si>
    <t>d6502bbc-e34c-465e-9b2f-f4d2200f5648.tmp</t>
  </si>
  <si>
    <t>\\acsfs\profiles$\lorraynevam\Downloads\d6502bbc-e34c-465e-9b2f-f4d2200f5648.tmp</t>
  </si>
  <si>
    <t>01/13/2020 16:39:31</t>
  </si>
  <si>
    <t>01/13/2020 16:41:30</t>
  </si>
  <si>
    <t>mail.google.com/_/upload?authuser=0&amp;dcp=asu-n&amp;upload_id=AEnB2UoNYoB1JKkMFuid1E27MY0u58lln_-feWrJ--hGVYMT-Rwtz2Y28SAMv7c27tbUfnluOybRcifa5r7fAICs-Gh6UHdvlcDAYN9mfoKaY79lNQRpFkg&amp;upload_protocol=resumable</t>
  </si>
  <si>
    <t>2º CICLO.txt</t>
  </si>
  <si>
    <t>01/13/2020 16:36:42</t>
  </si>
  <si>
    <t>01/13/2020 16:42:30</t>
  </si>
  <si>
    <t>lu16208215ii0.tmp</t>
  </si>
  <si>
    <t>\\acsfs\profiles$\victoriaksr\My Documents\lu16208215ii0.tmp</t>
  </si>
  <si>
    <t>01/13/2020 16:41:29</t>
  </si>
  <si>
    <t>01/13/2020 16:36:56</t>
  </si>
  <si>
    <t>lu3856188eoe.tmp</t>
  </si>
  <si>
    <t>\\acsfs\profiles$\lucasgpe\Desktop\lu3856188eoe.tmp</t>
  </si>
  <si>
    <t>\\acsfs\profiles$\lucasgpe\Desktop\lu3856188eoe.tmp\</t>
  </si>
  <si>
    <t>\\acsfs\profiles$\lucasgpe\Desktop\lu3856188eoe.tmp\META-INF\</t>
  </si>
  <si>
    <t>\\acsfs\profiles$\lucasgpe\Desktop\lu3856188eoe.tmp\Thumbnails\</t>
  </si>
  <si>
    <t>01/13/2020 16:37:34</t>
  </si>
  <si>
    <t>01/13/2020 16:37:35</t>
  </si>
  <si>
    <t>01/13/2020 16:37:36</t>
  </si>
  <si>
    <t>01/13/2020 16:37:37</t>
  </si>
  <si>
    <t>01/13/2020 16:37:38</t>
  </si>
  <si>
    <t>01/13/2020 16:37:39</t>
  </si>
  <si>
    <t>01/13/2020 16:37:40</t>
  </si>
  <si>
    <t>01/13/2020 16:37:41</t>
  </si>
  <si>
    <t>01/13/2020 16:37:42</t>
  </si>
  <si>
    <t>01/13/2020 16:37:43</t>
  </si>
  <si>
    <t>01/13/2020 16:37:44</t>
  </si>
  <si>
    <t>01/13/2020 16:37:45</t>
  </si>
  <si>
    <t>01/13/2020 16:37:46</t>
  </si>
  <si>
    <t>01/13/2020 16:37:47</t>
  </si>
  <si>
    <t>01/13/2020 16:37:48</t>
  </si>
  <si>
    <t>01/13/2020 16:37:49</t>
  </si>
  <si>
    <t>01/13/2020 16:37:50</t>
  </si>
  <si>
    <t>01/13/2020 16:37:51</t>
  </si>
  <si>
    <t>01/13/2020 16:37:52</t>
  </si>
  <si>
    <t>01/13/2020 16:37:53</t>
  </si>
  <si>
    <t>01/13/2020 16:37:54</t>
  </si>
  <si>
    <t>01/13/2020 16:37:55</t>
  </si>
  <si>
    <t>01/13/2020 16:37:56</t>
  </si>
  <si>
    <t>01/13/2020 16:37:57</t>
  </si>
  <si>
    <t>01/13/2020 16:37:58</t>
  </si>
  <si>
    <t>01/13/2020 16:37:59</t>
  </si>
  <si>
    <t>01/13/2020 16:38:00</t>
  </si>
  <si>
    <t>01/13/2020 16:38:01</t>
  </si>
  <si>
    <t>01/13/2020 16:38:02</t>
  </si>
  <si>
    <t>01/13/2020 16:38:03</t>
  </si>
  <si>
    <t>01/13/2020 16:38:04</t>
  </si>
  <si>
    <t>01/13/2020 16:38:05</t>
  </si>
  <si>
    <t>01/13/2020 16:38:06</t>
  </si>
  <si>
    <t>01/13/2020 16:38:07</t>
  </si>
  <si>
    <t>01/13/2020 16:38:08</t>
  </si>
  <si>
    <t>01/13/2020 16:38:09</t>
  </si>
  <si>
    <t>01/13/2020 16:40:25</t>
  </si>
  <si>
    <t>01/13/2020 16:43:29</t>
  </si>
  <si>
    <t>01/13/2020 16:39:56</t>
  </si>
  <si>
    <t>01/13/2020 16:44:30</t>
  </si>
  <si>
    <t>01/13/2020 16:43:19</t>
  </si>
  <si>
    <t>lu16756236otp.tmp</t>
  </si>
  <si>
    <t>\\acsfs\profiles$\lorraynevam\lu16756236otp.tmp</t>
  </si>
  <si>
    <t>\\acsfs\profiles$\lorraynevam\lu16756236otp.tmp\</t>
  </si>
  <si>
    <t>\\acsfs\profiles$\lorraynevam\lu16756236otp.tmp\META-INF\</t>
  </si>
  <si>
    <t>\\acsfs\profiles$\lorraynevam\lu16756236otp.tmp\Thumbnails\</t>
  </si>
  <si>
    <t>01/13/2020 16:43:36</t>
  </si>
  <si>
    <t>\\acsfs\profiles$\LORRAYNEVAM\.~lock.CONTROLE DE VENDAS JANEIRO.ods#</t>
  </si>
  <si>
    <t>01/13/2020 16:39:54</t>
  </si>
  <si>
    <t>01/13/2020 16:43:11</t>
  </si>
  <si>
    <t>01/13/2020 16:45:29</t>
  </si>
  <si>
    <t>01/13/2020 16:40:54</t>
  </si>
  <si>
    <t>01/13/2020 16:41:33</t>
  </si>
  <si>
    <t>01/13/2020 16:46:30</t>
  </si>
  <si>
    <t>01/13/2020 16:42:54</t>
  </si>
  <si>
    <t>01/13/2020 16:43:14</t>
  </si>
  <si>
    <t>01/13/2020 16:43:20</t>
  </si>
  <si>
    <t>01/13/2020 16:43:38</t>
  </si>
  <si>
    <t>mail.google.com/sync/u/0/i/s?hl=pt-BR&amp;c=1181</t>
  </si>
  <si>
    <t>01/13/2020 16:43:45</t>
  </si>
  <si>
    <t>01/13/2020 16:44:08</t>
  </si>
  <si>
    <t>01/13/2020 16:44:18</t>
  </si>
  <si>
    <t>01/13/2020 16:44:23</t>
  </si>
  <si>
    <t>01/13/2020 16:44:41</t>
  </si>
  <si>
    <t>andrelpsa@algartech.com;bvservicedesk@bancovotorantim.com.br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viniciussg@algartech.com;</t>
  </si>
  <si>
    <t>andrelpsa@algartech.com,bvservicedesk@bancovotorantim.com.br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,viniciussg@algartech.com</t>
  </si>
  <si>
    <t>01/13/2020 16:45:07</t>
  </si>
  <si>
    <t>mail.google.com/sync/u/0/i/s?hl=pt-BR&amp;c=1195</t>
  </si>
  <si>
    <t>01/13/2020 16:45:13</t>
  </si>
  <si>
    <t>01/13/2020 16:45:17</t>
  </si>
  <si>
    <t>01/13/2020 16:45:20</t>
  </si>
  <si>
    <t>01/13/2020 16:45:25</t>
  </si>
  <si>
    <t>01/13/2020 16:45:53</t>
  </si>
  <si>
    <t>01/13/2020 16:46:25</t>
  </si>
  <si>
    <t>01/13/2020 16:47:29</t>
  </si>
  <si>
    <t>01/13/2020 16:43:54</t>
  </si>
  <si>
    <t>01/13/2020 16:48:30</t>
  </si>
  <si>
    <t>01/13/2020 16:44:10</t>
  </si>
  <si>
    <t>01/13/2020 16:49:29</t>
  </si>
  <si>
    <t>e205cdf3-2081-493d-82ea-c7f152983012.tmp</t>
  </si>
  <si>
    <t>\\acsfs\profiles$\andressamf\Downloads\e205cdf3-2081-493d-82ea-c7f152983012.tmp</t>
  </si>
  <si>
    <t>01/13/2020 16:46:10</t>
  </si>
  <si>
    <t>01/13/2020 16:47:01</t>
  </si>
  <si>
    <t>01/13/2020 16:50:29</t>
  </si>
  <si>
    <t>01/13/2020 16:47:08</t>
  </si>
  <si>
    <t>01/13/2020 16:48:27</t>
  </si>
  <si>
    <t>01/13/2020 16:49:07</t>
  </si>
  <si>
    <t>01/13/2020 16:49:11</t>
  </si>
  <si>
    <t>01/13/2020 16:49:22</t>
  </si>
  <si>
    <t>01/13/2020 16:49:31</t>
  </si>
  <si>
    <t>01/13/2020 16:46:31</t>
  </si>
  <si>
    <t>01/13/2020 16:51:30</t>
  </si>
  <si>
    <t>01/13/2020 16:52:19</t>
  </si>
  <si>
    <t>01/13/2020 16:53:30</t>
  </si>
  <si>
    <t>XLOG_maxmillianosv_10012020_100158.log</t>
  </si>
  <si>
    <t>\\acsfs\profiles$\maxmillianosv\My Documents\xworkcenter\logs\XLOG_maxmillianosv_10012020_100158.log</t>
  </si>
  <si>
    <t>01/13/2020 16:50:07</t>
  </si>
  <si>
    <t>01/13/2020 16:55:29</t>
  </si>
  <si>
    <t>01/13/2020 16:51:28</t>
  </si>
  <si>
    <t>d5c8cb44-0b25-474b-a112-6a8358282ab8.tmp</t>
  </si>
  <si>
    <t>\\acsfs\profiles$\laurandos\Downloads\d5c8cb44-0b25-474b-a112-6a8358282ab8.tmp</t>
  </si>
  <si>
    <t>01/13/2020 16:53:57</t>
  </si>
  <si>
    <t>01/13/2020 16:50:11</t>
  </si>
  <si>
    <t>01/13/2020 16:50:13</t>
  </si>
  <si>
    <t>01/13/2020 16:50:19</t>
  </si>
  <si>
    <t>01/13/2020 16:50:42</t>
  </si>
  <si>
    <t>100014251170101;joaogvc@algartech.com;marianadjc@algartech.com;planejamentodeoperacoesetrafego@bv.com.br;ricardodfm@algartech.com.br;taysdss@algartech.com;viniciussg@algartech.com;</t>
  </si>
  <si>
    <t>https://100014251170101,joaogvc@algartech.com,marianadjc@algartech.com,planejamentodeoperacoesetrafego@bv.com.br,ricardodfm@algartech.com.br,taysdss@algartech.com,viniciussg@algartech.com</t>
  </si>
  <si>
    <t>01/13/2020 16:54:18</t>
  </si>
  <si>
    <t>01/13/2020 16:52:17</t>
  </si>
  <si>
    <t>01/13/2020 16:56:30</t>
  </si>
  <si>
    <t>01/13/2020 16:54:01</t>
  </si>
  <si>
    <t>01/13/2020 16:54:03</t>
  </si>
  <si>
    <t>01/13/2020 16:55:21</t>
  </si>
  <si>
    <t>01/13/2020 16:57:29</t>
  </si>
  <si>
    <t>fee98ba3-b22e-4e19-9414-9e0d9dc9ea4b.tmp</t>
  </si>
  <si>
    <t>\\acsfs\profiles$\fernandofs\Downloads\fee98ba3-b22e-4e19-9414-9e0d9dc9ea4b.tmp</t>
  </si>
  <si>
    <t>01/13/2020 16:59:29</t>
  </si>
  <si>
    <t>9ae2bf56-36cc-4719-a91c-b101b4d40e6c.tmp</t>
  </si>
  <si>
    <t>\\acsfs\profiles$\brendadsl\Downloads\9ae2bf56-36cc-4719-a91c-b101b4d40e6c.tmp</t>
  </si>
  <si>
    <t>01/13/2020 16:54:22</t>
  </si>
  <si>
    <t>1d010d76-8177-41a7-99e0-678f94334abc.tmp</t>
  </si>
  <si>
    <t>\\acsfs\profiles$\brendadsl\Downloads\1d010d76-8177-41a7-99e0-678f94334abc.tmp</t>
  </si>
  <si>
    <t>01/13/2020 16:54:23</t>
  </si>
  <si>
    <t>c5fb0983-512e-4054-b36a-9a2a566f206d.tmp</t>
  </si>
  <si>
    <t>\\acsfs\profiles$\brendadsl\Downloads\c5fb0983-512e-4054-b36a-9a2a566f206d.tmp</t>
  </si>
  <si>
    <t>01/13/2020 16:54:25</t>
  </si>
  <si>
    <t>7e52f90c-93d6-4ca7-9349-539abb6d89df.tmp</t>
  </si>
  <si>
    <t>\\acsfs\profiles$\brendadsl\Downloads\7e52f90c-93d6-4ca7-9349-539abb6d89df.tmp</t>
  </si>
  <si>
    <t>1619d1cb-5936-48e8-8aea-8ab1d9937ce4.tmp</t>
  </si>
  <si>
    <t>\\acsfs\profiles$\brendadsl\Downloads\1619d1cb-5936-48e8-8aea-8ab1d9937ce4.tmp</t>
  </si>
  <si>
    <t>01/13/2020 16:57:24</t>
  </si>
  <si>
    <t>01/13/2020 17:00:29</t>
  </si>
  <si>
    <t>01/13/2020 16:57:26</t>
  </si>
  <si>
    <t>01/13/2020 16:57:58</t>
  </si>
  <si>
    <t>01/13/2020 17:01:30</t>
  </si>
  <si>
    <t>9e69cc6d-6597-4551-bd63-a2efa867dd3d.tmp</t>
  </si>
  <si>
    <t>\\acsfs\profiles$\gabrielamdp\Downloads\9e69cc6d-6597-4551-bd63-a2efa867dd3d.tmp</t>
  </si>
  <si>
    <t>01/13/2020 17:00:27</t>
  </si>
  <si>
    <t>01/13/2020 16:59:27</t>
  </si>
  <si>
    <t>01/13/2020 17:00:52</t>
  </si>
  <si>
    <t>01/13/2020 17:01:45</t>
  </si>
  <si>
    <t>01/13/2020 17:02:29</t>
  </si>
  <si>
    <t>01/13/2020 17:01:33</t>
  </si>
  <si>
    <t>01/13/2020 17:00:55</t>
  </si>
  <si>
    <t>01/13/2020 17:02:22</t>
  </si>
  <si>
    <t>01/13/2020 17:03:30</t>
  </si>
  <si>
    <t>01/13/2020 17:02:48</t>
  </si>
  <si>
    <t>84964f37-4931-4d04-a8ae-0e46f0157d8f.tmp</t>
  </si>
  <si>
    <t>\\acsfs\profiles$\regisedsj\Downloads\84964f37-4931-4d04-a8ae-0e46f0157d8f.tmp</t>
  </si>
  <si>
    <t>01/13/2020 17:00:40</t>
  </si>
  <si>
    <t>01/13/2020 17:04:29</t>
  </si>
  <si>
    <t>01/13/2020 17:02:39</t>
  </si>
  <si>
    <t>01/13/2020 17:05:30</t>
  </si>
  <si>
    <t>01/13/2020 17:03:06</t>
  </si>
  <si>
    <t>01/13/2020 17:06:29</t>
  </si>
  <si>
    <t>Não confirmado 515779.crdownload</t>
  </si>
  <si>
    <t>\\acsfs\Deptos\Operacao\Banco_Votorantim\Supervisao\Maristela\CRBV vendas\Desligamento\Não confirmado 515779.crdownload</t>
  </si>
  <si>
    <t>01/13/2020 17:04:03</t>
  </si>
  <si>
    <t>Giuliany - rescisão.7z</t>
  </si>
  <si>
    <t>\\acsfs\Deptos\Operacao\Banco_Votorantim\Supervisao\Maristela\CRBV vendas\Desligamento\Giuliany - rescisão.7z</t>
  </si>
  <si>
    <t>\\acsfs\Deptos\Operacao\Banco_Votorantim\Supervisao\Maristela\CRBV vendas\Desligamento\Giuliany - rescisão.7z\</t>
  </si>
  <si>
    <t>Giuliany - rescisÃ£o.pdf</t>
  </si>
  <si>
    <t>01/13/2020 17:04:12</t>
  </si>
  <si>
    <t>13/01/2020;</t>
  </si>
  <si>
    <t>https://13/01/2020</t>
  </si>
  <si>
    <t>01/13/2020 17:05:40</t>
  </si>
  <si>
    <t>Giulliany - rescisão.7z</t>
  </si>
  <si>
    <t>\\acsfs\Deptos\Operacao\Banco_Votorantim\Supervisao\Maristela\CRBV vendas\Desligamento\Giulliany - rescisão.7z\</t>
  </si>
  <si>
    <t>01/13/2020 17:05:52</t>
  </si>
  <si>
    <t>https://algar.folhasinergyrh.com.br/rescisao/upload?id=0&amp;idsolicitacao=20678&amp;idprerescisao=0</t>
  </si>
  <si>
    <t>01/13/2020 17:04:15</t>
  </si>
  <si>
    <t>https://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,viniciussg@algartech.com</t>
  </si>
  <si>
    <t>01/13/2020 17:04:56</t>
  </si>
  <si>
    <t>01/13/2020 17:07:30</t>
  </si>
  <si>
    <t>01/13/2020 17:04:57</t>
  </si>
  <si>
    <t>01/13/2020 17:05:37</t>
  </si>
  <si>
    <t>01/13/2020 17:05:59</t>
  </si>
  <si>
    <t>01/13/2020 17:06:26</t>
  </si>
  <si>
    <t>01/13/2020 17:03:20</t>
  </si>
  <si>
    <t>01/13/2020 17:08:29</t>
  </si>
  <si>
    <t>01/13/2020 17:03:21</t>
  </si>
  <si>
    <t>01/13/2020 17:03:22</t>
  </si>
  <si>
    <t>01/13/2020 17:03:23</t>
  </si>
  <si>
    <t>01/13/2020 17:03:24</t>
  </si>
  <si>
    <t>01/13/2020 17:03:25</t>
  </si>
  <si>
    <t>01/13/2020 17:03:26</t>
  </si>
  <si>
    <t>01/13/2020 17:03:27</t>
  </si>
  <si>
    <t>01/13/2020 17:03:28</t>
  </si>
  <si>
    <t>01/13/2020 17:03:29</t>
  </si>
  <si>
    <t>01/13/2020 17:03:31</t>
  </si>
  <si>
    <t>01/13/2020 17:03:32</t>
  </si>
  <si>
    <t>01/13/2020 17:03:33</t>
  </si>
  <si>
    <t>01/13/2020 17:03:34</t>
  </si>
  <si>
    <t>01/13/2020 17:03:35</t>
  </si>
  <si>
    <t>01/13/2020 17:03:36</t>
  </si>
  <si>
    <t>01/13/2020 17:03:37</t>
  </si>
  <si>
    <t>01/13/2020 17:03:38</t>
  </si>
  <si>
    <t>01/13/2020 17:03:39</t>
  </si>
  <si>
    <t>01/13/2020 17:03:40</t>
  </si>
  <si>
    <t>01/13/2020 17:03:41</t>
  </si>
  <si>
    <t>01/13/2020 17:03:42</t>
  </si>
  <si>
    <t>01/13/2020 17:03:43</t>
  </si>
  <si>
    <t>01/13/2020 17:03:44</t>
  </si>
  <si>
    <t>01/13/2020 17:03:45</t>
  </si>
  <si>
    <t>01/13/2020 17:05:08</t>
  </si>
  <si>
    <t>01/13/2020 17:10:29</t>
  </si>
  <si>
    <t>01/13/2020 17:06:54</t>
  </si>
  <si>
    <t>01/13/2020 17:11:29</t>
  </si>
  <si>
    <t>01/13/2020 17:07:05</t>
  </si>
  <si>
    <t>01/13/2020 17:07:13</t>
  </si>
  <si>
    <t>mail.google.com/sync/u/0/i/s?hl=pt-BR&amp;c=1227</t>
  </si>
  <si>
    <t>01/13/2020 17:07:33</t>
  </si>
  <si>
    <t>01/13/2020 17:07:57</t>
  </si>
  <si>
    <t>01/13/2020 17:08:06</t>
  </si>
  <si>
    <t>mail.google.com/sync/u/0/i/s?hl=pt-BR&amp;c=1234</t>
  </si>
  <si>
    <t>01/13/2020 17:08:09</t>
  </si>
  <si>
    <t>mail.google.com/sync/u/0/i/s?hl=pt-BR&amp;c=1236</t>
  </si>
  <si>
    <t>01/13/2020 17:08:16</t>
  </si>
  <si>
    <t>mail.google.com/sync/u/0/i/s?hl=pt-BR&amp;c=1238</t>
  </si>
  <si>
    <t>01/13/2020 17:08:22</t>
  </si>
  <si>
    <t>01/13/2020 17:12:06</t>
  </si>
  <si>
    <t>01/13/2020 17:13:29</t>
  </si>
  <si>
    <t>01/13/2020 17:12:52</t>
  </si>
  <si>
    <t>01/13/2020 17:14:30</t>
  </si>
  <si>
    <t>01/13/2020 17:09:14</t>
  </si>
  <si>
    <t>01/13/2020 17:12:59</t>
  </si>
  <si>
    <t>01/13/2020 17:15:29</t>
  </si>
  <si>
    <t>01/13/2020 17:14:42</t>
  </si>
  <si>
    <t>\\acsfs\ACS\Gabriel da Silva\Contemporânea\NPS\NPS CRBV_Base.xlsb\</t>
  </si>
  <si>
    <t>\\acsfs\ACS\Gabriel da Silva\Contemporânea\NPS\NPS CRBV_Base.xlsb</t>
  </si>
  <si>
    <t>NPS CRBV_Base.xlsb</t>
  </si>
  <si>
    <t>01/13/2020 17:15:21</t>
  </si>
  <si>
    <t>ba53fd14-4276-4d41-a28c-b58a934d8087.tmp</t>
  </si>
  <si>
    <t>\\acsfs\profiles$\layonmof\Downloads\ba53fd14-4276-4d41-a28c-b58a934d8087.tmp</t>
  </si>
  <si>
    <t>01/13/2020 17:13:01</t>
  </si>
  <si>
    <t>01/13/2020 17:16:29</t>
  </si>
  <si>
    <t>7707643b-bb02-42f3-b856-a2020509e434.tmp</t>
  </si>
  <si>
    <t>\\acsfs\profiles$\ingridsm\Downloads\7707643b-bb02-42f3-b856-a2020509e434.tmp</t>
  </si>
  <si>
    <t>01/13/2020 17:15:45</t>
  </si>
  <si>
    <t>01/13/2020 17:15:47</t>
  </si>
  <si>
    <t>01/13/2020 17:18:30</t>
  </si>
  <si>
    <t>01/13/2020 17:16:06</t>
  </si>
  <si>
    <t>01/13/2020 17:16:25</t>
  </si>
  <si>
    <t>01/13/2020 17:16:34</t>
  </si>
  <si>
    <t>01/13/2020 17:16:51</t>
  </si>
  <si>
    <t>01/13/2020 17:16:59</t>
  </si>
  <si>
    <t>01/13/2020 17:17:07</t>
  </si>
  <si>
    <t>01/13/2020 17:17:12</t>
  </si>
  <si>
    <t>01/13/2020 17:17:17</t>
  </si>
  <si>
    <t>01/13/2020 17:17:19</t>
  </si>
  <si>
    <t>01/13/2020 17:14:38</t>
  </si>
  <si>
    <t>01/13/2020 17:19:29</t>
  </si>
  <si>
    <t>01/13/2020 17:17:42</t>
  </si>
  <si>
    <t>01/13/2020 17:20:30</t>
  </si>
  <si>
    <t>82b4e1d2-963b-4b25-95db-6f26abf19edf.tmp</t>
  </si>
  <si>
    <t>\\acsfs\profiles$\henriqueco\Downloads\82b4e1d2-963b-4b25-95db-6f26abf19edf.tmp</t>
  </si>
  <si>
    <t>01/13/2020 17:19:57</t>
  </si>
  <si>
    <t>9ab7da14-a95b-4484-ac45-a05383925b27.tmp</t>
  </si>
  <si>
    <t>\\acsfs\profiles$\gabrielsma\Downloads\9ab7da14-a95b-4484-ac45-a05383925b27.tmp</t>
  </si>
  <si>
    <t>01/13/2020 17:20:02</t>
  </si>
  <si>
    <t>01/13/2020 17:15:41</t>
  </si>
  <si>
    <t>dedd97cf-9c0e-4614-a954-a2a581b83270.tmp</t>
  </si>
  <si>
    <t>\\acsfs\profiles$\layonmof\Downloads\dedd97cf-9c0e-4614-a954-a2a581b83270.tmp</t>
  </si>
  <si>
    <t>a11f55b5-c1aa-4f6b-9d0f-c4b584c6475f.tmp</t>
  </si>
  <si>
    <t>\\acsfs\profiles$\layonmof\Downloads\a11f55b5-c1aa-4f6b-9d0f-c4b584c6475f.tmp</t>
  </si>
  <si>
    <t>01/13/2020 17:19:37</t>
  </si>
  <si>
    <t>01/13/2020 17:21:29</t>
  </si>
  <si>
    <t>01/13/2020 17:20:17</t>
  </si>
  <si>
    <t>01/13/2020 17:21:50</t>
  </si>
  <si>
    <t>01/13/2020 17:22:29</t>
  </si>
  <si>
    <t>b514e74c-8dc5-4877-98d1-26bbd27fd1b9.tmp</t>
  </si>
  <si>
    <t>\\acsfs\profiles$\fernandofs\Downloads\b514e74c-8dc5-4877-98d1-26bbd27fd1b9.tmp</t>
  </si>
  <si>
    <t>01/13/2020 17:19:41</t>
  </si>
  <si>
    <t>01/13/2020 17:23:30</t>
  </si>
  <si>
    <t>01/13/2020 17:20:11</t>
  </si>
  <si>
    <t>01/13/2020 17:21:38</t>
  </si>
  <si>
    <t>01/13/2020 17:25:30</t>
  </si>
  <si>
    <t>79eb8ea3-8202-4e4e-90dc-34e712e2a240.tmp</t>
  </si>
  <si>
    <t>\\acsfs\profiles$\gabrielsma\Downloads\79eb8ea3-8202-4e4e-90dc-34e712e2a240.tmp</t>
  </si>
  <si>
    <t>01/13/2020 17:21:40</t>
  </si>
  <si>
    <t>01/13/2020 17:23:11</t>
  </si>
  <si>
    <t>4ed3e80b-6cdc-4590-a96f-ca24cd9b40cb.tmp</t>
  </si>
  <si>
    <t>\\acsfs\profiles$\gabrielsma\Downloads\4ed3e80b-6cdc-4590-a96f-ca24cd9b40cb.tmp</t>
  </si>
  <si>
    <t>01/13/2020 17:23:12</t>
  </si>
  <si>
    <t>Q29udHJvbGxlci5TQUNBLVNBQy1UUkFDRV8x.ica.crdownload</t>
  </si>
  <si>
    <t>\\acsfs\ACS\Gabriel da Silva\Contemporânea\Acessos\Q29udHJvbGxlci5TQUNBLVNBQy1UUkFDRV8x.ica.crdownload</t>
  </si>
  <si>
    <t>01/13/2020 17:24:34</t>
  </si>
  <si>
    <t>01/13/2020 17:24:44</t>
  </si>
  <si>
    <t>01/13/2020 17:25:17</t>
  </si>
  <si>
    <t>d347b35a-9938-48bd-b900-eabf21c82086.tmp</t>
  </si>
  <si>
    <t>\\acsfs\profiles$\gabrielsma\Downloads\d347b35a-9938-48bd-b900-eabf21c82086.tmp</t>
  </si>
  <si>
    <t>01/13/2020 17:25:19</t>
  </si>
  <si>
    <t>01/13/2020 17:25:59</t>
  </si>
  <si>
    <t>01/13/2020 17:26:29</t>
  </si>
  <si>
    <t>fernandaab@algartech.com;kesiadof@algartech.com;lilianls@algartech.com;talmaiardo@algartech.com;</t>
  </si>
  <si>
    <t>fernandaab@algartech.com,kesiadof@algartech.com,lilianls@algartech.com,talmaiardo@algartech.com</t>
  </si>
  <si>
    <t>01/13/2020 17:26:09</t>
  </si>
  <si>
    <t>01/13/2020 17:27:27</t>
  </si>
  <si>
    <t>01/13/2020 17:29:30</t>
  </si>
  <si>
    <t>01/13/2020 17:26:41</t>
  </si>
  <si>
    <t>01/13/2020 17:26:43</t>
  </si>
  <si>
    <t>01/13/2020 17:26:06</t>
  </si>
  <si>
    <t>01/13/2020 17:27:35</t>
  </si>
  <si>
    <t>01/13/2020 17:27:37</t>
  </si>
  <si>
    <t>01/13/2020 17:27:56</t>
  </si>
  <si>
    <t>01/13/2020 17:27:58</t>
  </si>
  <si>
    <t>01/13/2020 17:27:59</t>
  </si>
  <si>
    <t>01/13/2020 17:28:02</t>
  </si>
  <si>
    <t>01/13/2020 17:28:03</t>
  </si>
  <si>
    <t>01/13/2020 17:28:08</t>
  </si>
  <si>
    <t>01/13/2020 17:28:09</t>
  </si>
  <si>
    <t>01/13/2020 17:28:15</t>
  </si>
  <si>
    <t>01/13/2020 17:28:20</t>
  </si>
  <si>
    <t>01/13/2020 17:28:21</t>
  </si>
  <si>
    <t>01/13/2020 17:28:28</t>
  </si>
  <si>
    <t>01/13/2020 17:28:29</t>
  </si>
  <si>
    <t>01/13/2020 17:28:31</t>
  </si>
  <si>
    <t>01/13/2020 17:28:32</t>
  </si>
  <si>
    <t>01/13/2020 17:28:34</t>
  </si>
  <si>
    <t>01/13/2020 17:28:35</t>
  </si>
  <si>
    <t>01/13/2020 17:28:36</t>
  </si>
  <si>
    <t>01/13/2020 17:28:39</t>
  </si>
  <si>
    <t>01/13/2020 17:28:42</t>
  </si>
  <si>
    <t>01/13/2020 17:28:44</t>
  </si>
  <si>
    <t>01/13/2020 17:28:46</t>
  </si>
  <si>
    <t>01/13/2020 17:28:48</t>
  </si>
  <si>
    <t>01/13/2020 17:28:50</t>
  </si>
  <si>
    <t>01/13/2020 17:28:51</t>
  </si>
  <si>
    <t>01/13/2020 17:28:52</t>
  </si>
  <si>
    <t>01/13/2020 17:28:54</t>
  </si>
  <si>
    <t>01/13/2020 17:28:56</t>
  </si>
  <si>
    <t>01/13/2020 17:28:58</t>
  </si>
  <si>
    <t>01/13/2020 17:28:59</t>
  </si>
  <si>
    <t>01/13/2020 17:29:00</t>
  </si>
  <si>
    <t>01/13/2020 17:29:02</t>
  </si>
  <si>
    <t>01/13/2020 17:29:03</t>
  </si>
  <si>
    <t>01/13/2020 17:25:44</t>
  </si>
  <si>
    <t>01/13/2020 17:30:29</t>
  </si>
  <si>
    <t>01/13/2020 17:25:55</t>
  </si>
  <si>
    <t>01/13/2020 17:31:29</t>
  </si>
  <si>
    <t>10e5f72d-b38f-41e2-a46f-5db6c0c326c4.tmp</t>
  </si>
  <si>
    <t>\\acsfs\profiles$\joselrb\Downloads\10e5f72d-b38f-41e2-a46f-5db6c0c326c4.tmp</t>
  </si>
  <si>
    <t>01/13/2020 17:26:49</t>
  </si>
  <si>
    <t>01/13/2020 17:27:30</t>
  </si>
  <si>
    <t>01/13/2020 17:30:27</t>
  </si>
  <si>
    <t>01/13/2020 17:29:19</t>
  </si>
  <si>
    <t>a2043ba3-8cf2-426a-a502-07f64e2791d0.tmp</t>
  </si>
  <si>
    <t>\\acsfs\profiles$\fabianafv\Downloads\a2043ba3-8cf2-426a-a502-07f64e2791d0.tmp</t>
  </si>
  <si>
    <t>01/13/2020 17:32:29</t>
  </si>
  <si>
    <t>lu564844brpbp.tmp</t>
  </si>
  <si>
    <t>\\acsfs\profiles$\ALEXANDREMM\lu564844brpbp.tmp</t>
  </si>
  <si>
    <t>\\acsfs\profiles$\ALEXANDREMM\lu564844brpbp.tmp\</t>
  </si>
  <si>
    <t>\\acsfs\profiles$\ALEXANDREMM\lu564844brpbp.tmp\META-INF\</t>
  </si>
  <si>
    <t>\\acsfs\profiles$\ALEXANDREMM\lu564844brpbp.tmp\Thumbnails\</t>
  </si>
  <si>
    <t>01/13/2020 17:31:09</t>
  </si>
  <si>
    <t>01/13/2020 17:33:29</t>
  </si>
  <si>
    <t>01/13/2020 17:28:25</t>
  </si>
  <si>
    <t>9930e141-c10b-4d23-9a15-6ac1c84b392d.tmp</t>
  </si>
  <si>
    <t>\\acsfs\profiles$\paulohaf\Downloads\9930e141-c10b-4d23-9a15-6ac1c84b392d.tmp</t>
  </si>
  <si>
    <t>01/13/2020 17:29:04</t>
  </si>
  <si>
    <t>01/13/2020 17:34:30</t>
  </si>
  <si>
    <t>01/13/2020 17:31:41</t>
  </si>
  <si>
    <t>servicosdetran (1).pdf</t>
  </si>
  <si>
    <t>01/13/2020 17:31:50</t>
  </si>
  <si>
    <t>servicosdetran.pdf</t>
  </si>
  <si>
    <t>01/13/2020 17:31:57</t>
  </si>
  <si>
    <t>ipva (1).pdf</t>
  </si>
  <si>
    <t>01/13/2020 17:32:09</t>
  </si>
  <si>
    <t>ipva.pdf</t>
  </si>
  <si>
    <t>01/13/2020 17:32:32</t>
  </si>
  <si>
    <t>20a7369e-2e11-4cec-92c4-f574b8f0bcce.tmp</t>
  </si>
  <si>
    <t>\\acsfs\profiles$\gabrielsma\Downloads\20a7369e-2e11-4cec-92c4-f574b8f0bcce.tmp</t>
  </si>
  <si>
    <t>01/13/2020 17:32:41</t>
  </si>
  <si>
    <t>01/13/2020 17:31:22</t>
  </si>
  <si>
    <t>041ce7d0-9002-4a28-a4f2-94782cfe1bf5.tmp</t>
  </si>
  <si>
    <t>\\acsfs\profiles$\mariajaf\Downloads\041ce7d0-9002-4a28-a4f2-94782cfe1bf5.tmp</t>
  </si>
  <si>
    <t>01/13/2020 17:32:01</t>
  </si>
  <si>
    <t>01/13/2020 17:32:45</t>
  </si>
  <si>
    <t>4abada3e-e152-4ab2-b9f3-84e66d9e1d08.tmp</t>
  </si>
  <si>
    <t>\\acsfs\profiles$\mariajaf\Downloads\4abada3e-e152-4ab2-b9f3-84e66d9e1d08.tmp</t>
  </si>
  <si>
    <t>01/13/2020 17:35:26</t>
  </si>
  <si>
    <t>01/13/2020 17:35:30</t>
  </si>
  <si>
    <t>10.200.67.140</t>
  </si>
  <si>
    <t>3f4e907b-5303-4925-84c1-05c3372419af.tmp</t>
  </si>
  <si>
    <t>\\acsfs\profiles$\victorgl\Downloads\3f4e907b-5303-4925-84c1-05c3372419af.tmp</t>
  </si>
  <si>
    <t>01/13/2020 17:30:57</t>
  </si>
  <si>
    <t>01/13/2020 17:36:31</t>
  </si>
  <si>
    <t>01/13/2020 17:33:27</t>
  </si>
  <si>
    <t>01/13/2020 17:33:47</t>
  </si>
  <si>
    <t>01/13/2020 17:34:57</t>
  </si>
  <si>
    <t>01/13/2020 17:35:38</t>
  </si>
  <si>
    <t>11-01 RELATORIO DE LOGIN AVON.xlsm</t>
  </si>
  <si>
    <t>\\acsfs\deptos\Operacao\PCP\5 - Comum\CONTROL DESK\2 - DAC2\Control Desk AVON\Relatorios\Status de login\2020\11-01 RELATORIO DE LOGIN AVON.xlsm</t>
  </si>
  <si>
    <t>01/13/2020 17:32:18</t>
  </si>
  <si>
    <t>01/13/2020 17:37:30</t>
  </si>
  <si>
    <t>01/13/2020 17:32:47</t>
  </si>
  <si>
    <t>01/13/2020 17:32:48</t>
  </si>
  <si>
    <t>01/13/2020 17:32:51</t>
  </si>
  <si>
    <t>01/13/2020 17:32:53</t>
  </si>
  <si>
    <t>01/13/2020 17:32:54</t>
  </si>
  <si>
    <t>01/13/2020 17:32:55</t>
  </si>
  <si>
    <t>01/13/2020 17:33:08</t>
  </si>
  <si>
    <t>01/13/2020 17:33:14</t>
  </si>
  <si>
    <t>01/13/2020 17:33:18</t>
  </si>
  <si>
    <t>01/13/2020 17:33:53</t>
  </si>
  <si>
    <t>01/13/2020 17:33:55</t>
  </si>
  <si>
    <t>01/13/2020 17:33:57</t>
  </si>
  <si>
    <t>01/13/2020 17:33:58</t>
  </si>
  <si>
    <t>01/13/2020 17:34:00</t>
  </si>
  <si>
    <t>01/13/2020 17:34:01</t>
  </si>
  <si>
    <t>01/13/2020 17:34:02</t>
  </si>
  <si>
    <t>01/13/2020 17:34:03</t>
  </si>
  <si>
    <t>01/13/2020 17:34:04</t>
  </si>
  <si>
    <t>01/13/2020 17:34:05</t>
  </si>
  <si>
    <t>01/13/2020 17:34:06</t>
  </si>
  <si>
    <t>01/13/2020 17:34:07</t>
  </si>
  <si>
    <t>01/13/2020 17:34:08</t>
  </si>
  <si>
    <t>01/13/2020 17:34:09</t>
  </si>
  <si>
    <t>01/13/2020 17:34:10</t>
  </si>
  <si>
    <t>01/13/2020 17:34:12</t>
  </si>
  <si>
    <t>01/13/2020 17:34:13</t>
  </si>
  <si>
    <t>01/13/2020 17:34:14</t>
  </si>
  <si>
    <t>01/13/2020 17:34:16</t>
  </si>
  <si>
    <t>01/13/2020 17:34:17</t>
  </si>
  <si>
    <t>01/13/2020 17:34:40</t>
  </si>
  <si>
    <t>01/13/2020 17:35:20</t>
  </si>
  <si>
    <t>01278e9d-e674-4410-8187-cd04449b49d3.tmp</t>
  </si>
  <si>
    <t>\\acsfs\profiles$\nathaliaos\Downloads\01278e9d-e674-4410-8187-cd04449b49d3.tmp</t>
  </si>
  <si>
    <t>01/13/2020 17:35:43</t>
  </si>
  <si>
    <t>c84325e9-bd98-49f5-bd5f-510f4ae116c5.tmp</t>
  </si>
  <si>
    <t>\\acsfs\profiles$\nathaliaos\Downloads\c84325e9-bd98-49f5-bd5f-510f4ae116c5.tmp</t>
  </si>
  <si>
    <t>01/13/2020 17:36:08</t>
  </si>
  <si>
    <t>ed0e7e92-1fa1-4f70-9745-5d1529ca720b.tmp</t>
  </si>
  <si>
    <t>\\acsfs\profiles$\nathaliaos\Downloads\ed0e7e92-1fa1-4f70-9745-5d1529ca720b.tmp</t>
  </si>
  <si>
    <t>01/13/2020 17:36:54</t>
  </si>
  <si>
    <t>01/13/2020 17:39:30</t>
  </si>
  <si>
    <t>01/13/2020 17:35:06</t>
  </si>
  <si>
    <t>ulog_AcroARM2_ARM2Update_3b8210f9-3618-47e4-b9cc-5aaaba62831a_a24bf04b-d096-4bc7-ba31-caab2c92873c_0.log</t>
  </si>
  <si>
    <t>C:\Users\flaviacno\AppData\Roaming\Adobe\LogTransport2\Logs\ulog_AcroARM2_ARM2Update_3b8210f9-3618-47e4-b9cc-5aaaba62831a_a24bf04b-d096-4bc7-ba31-caab2c92873c_0.log\</t>
  </si>
  <si>
    <t>ulog_AcroARM2_Reader_3b8210f9-3618-47e4-b9cc-5aaaba62831a_2444da60-d621-488a-a6ed-3025efe4db4c_0.log</t>
  </si>
  <si>
    <t>C:\Users\flaviacno\AppData\Roaming\Adobe\LogTransport2\Logs\ulog_AcroARM2_Reader_3b8210f9-3618-47e4-b9cc-5aaaba62831a_2444da60-d621-488a-a6ed-3025efe4db4c_0.log\</t>
  </si>
  <si>
    <t>ulog_AcroARM2_Reader_3b8210f9-3618-47e4-b9cc-5aaaba62831a_744b4dfe-567c-403e-aa0f-a85cb98cb3bf_0.log</t>
  </si>
  <si>
    <t>C:\Users\flaviacno\AppData\Roaming\Adobe\LogTransport2\Logs\ulog_AcroARM2_Reader_3b8210f9-3618-47e4-b9cc-5aaaba62831a_744b4dfe-567c-403e-aa0f-a85cb98cb3bf_0.log\</t>
  </si>
  <si>
    <t>ulog_AcroARM2_Reader_3b8210f9-3618-47e4-b9cc-5aaaba62831a_9ac652d7-bdb9-4d2c-95c1-79dbddd6012a_0.log</t>
  </si>
  <si>
    <t>C:\Users\flaviacno\AppData\Roaming\Adobe\LogTransport2\Logs\ulog_AcroARM2_Reader_3b8210f9-3618-47e4-b9cc-5aaaba62831a_9ac652d7-bdb9-4d2c-95c1-79dbddd6012a_0.log\</t>
  </si>
  <si>
    <t>01/13/2020 17:35:07</t>
  </si>
  <si>
    <t>ulog_Acrobat12_Reader_3b8210f9-3618-47e4-b9cc-5aaaba62831a_dd28ed71-6dac-4ee8-8b35-0328951c5b35_0.log</t>
  </si>
  <si>
    <t>C:\Users\flaviacno\AppData\Roaming\Adobe\LogTransport2\Logs\ulog_Acrobat12_Reader_3b8210f9-3618-47e4-b9cc-5aaaba62831a_dd28ed71-6dac-4ee8-8b35-0328951c5b35_0.log\</t>
  </si>
  <si>
    <t>ulog_Acrobat12_Reader_3b8210f9-3618-47e4-b9cc-5aaaba62831a_f6af95dc-1287-430a-910a-6ff64a510f1a_0.log</t>
  </si>
  <si>
    <t>C:\Users\flaviacno\AppData\Roaming\Adobe\LogTransport2\Logs\ulog_Acrobat12_Reader_3b8210f9-3618-47e4-b9cc-5aaaba62831a_f6af95dc-1287-430a-910a-6ff64a510f1a_0.log\</t>
  </si>
  <si>
    <t>ulog_HeadlightsOptinProductFamily_HeadlightsOptinProduct_00000000-0000-0000-0000-000000000000_7f01d662-203e-4327-a731-700e19d42cbe.log</t>
  </si>
  <si>
    <t>C:\Users\flaviacno\AppData\Roaming\Adobe\LogTransport2\Logs\ulog_HeadlightsOptinProductFamily_HeadlightsOptinProduct_00000000-0000-0000-0000-000000000000_7f01d662-203e-4327-a731-700e19d42cbe.log\</t>
  </si>
  <si>
    <t>01/13/2020 17:37:56</t>
  </si>
  <si>
    <t>01/13/2020 17:35:10</t>
  </si>
  <si>
    <t>28ff980b-fb41-48d3-81d3-396042d8ada1.tmp</t>
  </si>
  <si>
    <t>\\acsfs\profiles$\gabrielsma\Downloads\28ff980b-fb41-48d3-81d3-396042d8ada1.tmp</t>
  </si>
  <si>
    <t>01/13/2020 17:35:18</t>
  </si>
  <si>
    <t>d8c57f03-760d-43ff-9d73-17b79fd7c808.tmp</t>
  </si>
  <si>
    <t>\\acsfs\profiles$\gabrielsma\Downloads\d8c57f03-760d-43ff-9d73-17b79fd7c808.tmp</t>
  </si>
  <si>
    <t>01/13/2020 17:35:21</t>
  </si>
  <si>
    <t>Q29udHJvbGxlci5TQUNBLVNBQy1UUkFDRV8x (1).ica.crdownload</t>
  </si>
  <si>
    <t>\\acsfs\ACS\Gabriel da Silva\Contemporânea\Acessos\Q29udHJvbGxlci5TQUNBLVNBQy1UUkFDRV8x (1).ica.crdownload</t>
  </si>
  <si>
    <t>01/13/2020 17:39:50</t>
  </si>
  <si>
    <t>01/13/2020 17:40:31</t>
  </si>
  <si>
    <t>eae989b3-aa84-4ddd-9bd5-f8af9aee13a1.tmp</t>
  </si>
  <si>
    <t>\\acsfs\profiles$\nycolleemdj\Downloads\eae989b3-aa84-4ddd-9bd5-f8af9aee13a1.tmp</t>
  </si>
  <si>
    <t>01/13/2020 17:35:55</t>
  </si>
  <si>
    <t>510a9f3e-c2d4-4b0d-ab6d-e79891ac1bc2.tmp</t>
  </si>
  <si>
    <t>\\acsfs\profiles$\victorgl\Downloads\510a9f3e-c2d4-4b0d-ab6d-e79891ac1bc2.tmp</t>
  </si>
  <si>
    <t>01/13/2020 17:36:58</t>
  </si>
  <si>
    <t>a3e1733f-8491-45bc-8994-ac072f65a81c.tmp</t>
  </si>
  <si>
    <t>\\acsfs\profiles$\victorgl\Downloads\a3e1733f-8491-45bc-8994-ac072f65a81c.tmp</t>
  </si>
  <si>
    <t>01/13/2020 17:37:43</t>
  </si>
  <si>
    <t>56d6cab4-b45a-4ace-aeb1-224290917286.tmp</t>
  </si>
  <si>
    <t>\\acsfs\profiles$\victorgl\Downloads\56d6cab4-b45a-4ace-aeb1-224290917286.tmp</t>
  </si>
  <si>
    <t>01/13/2020 17:41:30</t>
  </si>
  <si>
    <t>2771749 MASTERCARD - OPERADOR FABIANO BRUNO MENDES FILHO_1_6767759270389810846_1_32.wav</t>
  </si>
  <si>
    <t>\\acsfs\Deptos\EDUCACAO EMPRESARIAL\KÉSIA\OUVIDORIA, PROCON, BACEN E RECLAME AQUI\2771749 MASTERCARD - OPERADOR FABIANO BRUNO MENDES FILHO_1_6767759270389810846_1_32.wav</t>
  </si>
  <si>
    <t>01/13/2020 17:37:01</t>
  </si>
  <si>
    <t>01/13/2020 17:37:02</t>
  </si>
  <si>
    <t>01/13/2020 17:38:14</t>
  </si>
  <si>
    <t>01/13/2020 17:38:21</t>
  </si>
  <si>
    <t>01/13/2020 17:38:26</t>
  </si>
  <si>
    <t>01/13/2020 17:40:25</t>
  </si>
  <si>
    <t>01/13/2020 17:40:28</t>
  </si>
  <si>
    <t>01/13/2020 17:40:46</t>
  </si>
  <si>
    <t>01/13/2020 17:40:56</t>
  </si>
  <si>
    <t>01/13/2020 17:41:10</t>
  </si>
  <si>
    <t>01/13/2020 17:39:24</t>
  </si>
  <si>
    <t>16b6ac65-8e29-4a6d-8a2e-600cd60c6e83.tmp</t>
  </si>
  <si>
    <t>\\acsfs\profiles$\andreapdsg\Downloads\16b6ac65-8e29-4a6d-8a2e-600cd60c6e83.tmp</t>
  </si>
  <si>
    <t>01/13/2020 17:39:31</t>
  </si>
  <si>
    <t>8c1b6866-9bcc-4cf3-bc7d-b7335a2e08d1.tmp</t>
  </si>
  <si>
    <t>\\acsfs\profiles$\andreapdsg\Downloads\8c1b6866-9bcc-4cf3-bc7d-b7335a2e08d1.tmp</t>
  </si>
  <si>
    <t>01/13/2020 17:42:01</t>
  </si>
  <si>
    <t>01/13/2020 17:42:31</t>
  </si>
  <si>
    <t>01/13/2020 17:39:26</t>
  </si>
  <si>
    <t>01/13/2020 17:43:30</t>
  </si>
  <si>
    <t>01/13/2020 17:39:28</t>
  </si>
  <si>
    <t>\\acsfs\Deptos\Operacao\Banco_Votorantim\Comum\Josias\Thumbs.db</t>
  </si>
  <si>
    <t>01/13/2020 17:41:02</t>
  </si>
  <si>
    <t>4095a0c4-09e2-4bcd-9cce-da700ff7c102.tmp</t>
  </si>
  <si>
    <t>\\acsfs\profiles$\leonardocb\Downloads\4095a0c4-09e2-4bcd-9cce-da700ff7c102.tmp</t>
  </si>
  <si>
    <t>01/13/2020 17:40:45</t>
  </si>
  <si>
    <t>01/13/2020 17:44:31</t>
  </si>
  <si>
    <t>7ea3b314-a1c4-4250-9d51-2df4f99542cf.tmp</t>
  </si>
  <si>
    <t>\\acsfs\profiles$\gabrielsma\Downloads\7ea3b314-a1c4-4250-9d51-2df4f99542cf.tmp</t>
  </si>
  <si>
    <t>01/13/2020 17:40:47</t>
  </si>
  <si>
    <t>Q29udHJvbGxlci5JRS1TYWxlcy1Gb3JjZQ--.ica.crdownload</t>
  </si>
  <si>
    <t>\\acsfs\ACS\Gabriel da Silva\Contemporânea\Acessos\Q29udHJvbGxlci5JRS1TYWxlcy1Gb3JjZQ--.ica.crdownload</t>
  </si>
  <si>
    <t>01/13/2020 17:43:29</t>
  </si>
  <si>
    <t>43d1befa-5f53-403a-b726-4c2ae8cedea6.tmp</t>
  </si>
  <si>
    <t>\\acsfs\profiles$\gabrielsma\Downloads\43d1befa-5f53-403a-b726-4c2ae8cedea6.tmp</t>
  </si>
  <si>
    <t>01/13/2020 17:43:32</t>
  </si>
  <si>
    <t>01/13/2020 17:44:16</t>
  </si>
  <si>
    <t>01/13/2020 17:45:02</t>
  </si>
  <si>
    <t>01/13/2020 17:45:30</t>
  </si>
  <si>
    <t>7649976b-639d-4b5f-9c88-74d2b592732e.tmp</t>
  </si>
  <si>
    <t>\\acsfs\profiles$\welidicdj\Downloads\7649976b-639d-4b5f-9c88-74d2b592732e.tmp</t>
  </si>
  <si>
    <t>01/13/2020 17:41:45</t>
  </si>
  <si>
    <t>01/13/2020 17:46:30</t>
  </si>
  <si>
    <t>074ffd9a-86d8-43f4-82f5-2ad3a18747f2.tmp</t>
  </si>
  <si>
    <t>\\acsfs\profiles$\philipegsf\Downloads\074ffd9a-86d8-43f4-82f5-2ad3a18747f2.tmp</t>
  </si>
  <si>
    <t>01/13/2020 17:44:08</t>
  </si>
  <si>
    <t>01/13/2020 17:41:13</t>
  </si>
  <si>
    <t>01/13/2020 17:41:19</t>
  </si>
  <si>
    <t>01/13/2020 17:41:49</t>
  </si>
  <si>
    <t>01/13/2020 17:42:14</t>
  </si>
  <si>
    <t>01/13/2020 17:42:20</t>
  </si>
  <si>
    <t>01/13/2020 17:43:52</t>
  </si>
  <si>
    <t>01/13/2020 17:44:17</t>
  </si>
  <si>
    <t>01/13/2020 17:44:20</t>
  </si>
  <si>
    <t>01/13/2020 17:45:14</t>
  </si>
  <si>
    <t>01/13/2020 17:45:31</t>
  </si>
  <si>
    <t>01/13/2020 17:45:39</t>
  </si>
  <si>
    <t>01/13/2020 17:45:53</t>
  </si>
  <si>
    <t>cpc-controldeskavon@algartech.com;fernandaab@algartech.com;joseasn@algartech.com;kesiadof@algartech.com;lilianls@algartech.com;talmaiardo@algartech.com;</t>
  </si>
  <si>
    <t>cpc-controldeskavon@algartech.com,fernandaab@algartech.com,joseasn@algartech.com,kesiadof@algartech.com,lilianls@algartech.com,talmaiardo@algartech.com</t>
  </si>
  <si>
    <t>01/13/2020 17:45:55</t>
  </si>
  <si>
    <t>01/13/2020 17:45:56</t>
  </si>
  <si>
    <t>01/13/2020 17:46:37</t>
  </si>
  <si>
    <t>01/13/2020 17:48:30</t>
  </si>
  <si>
    <t>80eebd53-98a4-49a1-b341-e71a8b71e17c.tmp</t>
  </si>
  <si>
    <t>\\acsfs\profiles$\leonardocb\Downloads\80eebd53-98a4-49a1-b341-e71a8b71e17c.tmp</t>
  </si>
  <si>
    <t>01/13/2020 17:44:51</t>
  </si>
  <si>
    <t>01/13/2020 17:49:31</t>
  </si>
  <si>
    <t>01/13/2020 17:44:53</t>
  </si>
  <si>
    <t>01/13/2020 17:44:55</t>
  </si>
  <si>
    <t>01/13/2020 17:44:56</t>
  </si>
  <si>
    <t>01/13/2020 17:44:57</t>
  </si>
  <si>
    <t>01/13/2020 17:44:59</t>
  </si>
  <si>
    <t>01/13/2020 17:45:00</t>
  </si>
  <si>
    <t>01/13/2020 17:45:03</t>
  </si>
  <si>
    <t>01/13/2020 17:45:04</t>
  </si>
  <si>
    <t>01/13/2020 17:45:06</t>
  </si>
  <si>
    <t>01/13/2020 17:45:08</t>
  </si>
  <si>
    <t>01/13/2020 17:45:09</t>
  </si>
  <si>
    <t>01/13/2020 17:45:11</t>
  </si>
  <si>
    <t>01/13/2020 17:45:12</t>
  </si>
  <si>
    <t>01/13/2020 17:45:15</t>
  </si>
  <si>
    <t>01/13/2020 17:45:18</t>
  </si>
  <si>
    <t>01/13/2020 17:45:19</t>
  </si>
  <si>
    <t>01/13/2020 17:45:20</t>
  </si>
  <si>
    <t>01/13/2020 17:45:21</t>
  </si>
  <si>
    <t>01/13/2020 17:45:22</t>
  </si>
  <si>
    <t>01/13/2020 17:45:23</t>
  </si>
  <si>
    <t>01/13/2020 17:45:24</t>
  </si>
  <si>
    <t>01/13/2020 17:45:27</t>
  </si>
  <si>
    <t>01/13/2020 17:45:28</t>
  </si>
  <si>
    <t>01/13/2020 17:45:34</t>
  </si>
  <si>
    <t>01/13/2020 17:45:35</t>
  </si>
  <si>
    <t>01/13/2020 17:45:37</t>
  </si>
  <si>
    <t>01/13/2020 17:45:38</t>
  </si>
  <si>
    <t>01/13/2020 17:45:41</t>
  </si>
  <si>
    <t>01/13/2020 17:45:43</t>
  </si>
  <si>
    <t>01/13/2020 17:45:45</t>
  </si>
  <si>
    <t>01/13/2020 17:45:47</t>
  </si>
  <si>
    <t>01/13/2020 17:45:49</t>
  </si>
  <si>
    <t>01/13/2020 17:45:50</t>
  </si>
  <si>
    <t>01/13/2020 17:45:51</t>
  </si>
  <si>
    <t>01/13/2020 17:45:57</t>
  </si>
  <si>
    <t>01/13/2020 17:46:29</t>
  </si>
  <si>
    <t>01/13/2020 17:47:47</t>
  </si>
  <si>
    <t>c9e817fc-2f0b-4ae3-86e5-998f234c83ae.tmp</t>
  </si>
  <si>
    <t>\\acsfs\profiles$\andressamf\Downloads\c9e817fc-2f0b-4ae3-86e5-998f234c83ae.tmp</t>
  </si>
  <si>
    <t>01/13/2020 17:48:55</t>
  </si>
  <si>
    <t>01/13/2020 17:47:07</t>
  </si>
  <si>
    <t>01/13/2020 17:49:21</t>
  </si>
  <si>
    <t>01/13/2020 17:50:30</t>
  </si>
  <si>
    <t>01/13/2020 17:49:52</t>
  </si>
  <si>
    <t>01/13/2020 17:51:30</t>
  </si>
  <si>
    <t>10.200.66.2</t>
  </si>
  <si>
    <t>74-86-7A-FB-17-7B</t>
  </si>
  <si>
    <t>VOTORANT-LB011</t>
  </si>
  <si>
    <t>01/13/2020 17:50:00</t>
  </si>
  <si>
    <t>01/13/2020 17:48:20</t>
  </si>
  <si>
    <t>01/13/2020 17:47:34</t>
  </si>
  <si>
    <t>01/13/2020 17:49:27</t>
  </si>
  <si>
    <t>11-01 RELATORIO DE LOGIN AVON - Cópia.xlsm</t>
  </si>
  <si>
    <t>\\acsfs\deptos\Operacao\PCP\5 - Comum\CONTROL DESK\2 - DAC2\Control Desk AVON\Relatorios\Status de login\2020\11-01 RELATORIO DE LOGIN AVON - Cópia.xlsm</t>
  </si>
  <si>
    <t>01/13/2020 17:47:50</t>
  </si>
  <si>
    <t>01/13/2020 17:52:30</t>
  </si>
  <si>
    <t>0136a4d3-2390-45a6-8fa8-b956e6b402c9.tmp</t>
  </si>
  <si>
    <t>\\acsfs\profiles$\fernandofs\Downloads\0136a4d3-2390-45a6-8fa8-b956e6b402c9.tmp</t>
  </si>
  <si>
    <t>01/13/2020 17:51:42</t>
  </si>
  <si>
    <t>01/13/2020 17:53:31</t>
  </si>
  <si>
    <t>01/13/2020 17:51:50</t>
  </si>
  <si>
    <t>ae54274c-8071-4780-b48c-0060c913878d.tmp</t>
  </si>
  <si>
    <t>\\acsfs\profiles$\gabrielsma\Downloads\ae54274c-8071-4780-b48c-0060c913878d.tmp</t>
  </si>
  <si>
    <t>01/13/2020 17:51:53</t>
  </si>
  <si>
    <t>01/13/2020 17:50:24</t>
  </si>
  <si>
    <t>01/13/2020 17:51:09</t>
  </si>
  <si>
    <t>01/13/2020 17:55:31</t>
  </si>
  <si>
    <t>01/13/2020 17:52:00</t>
  </si>
  <si>
    <t>01/13/2020 17:52:03</t>
  </si>
  <si>
    <t>01/13/2020 17:52:15</t>
  </si>
  <si>
    <t>01/13/2020 17:52:16</t>
  </si>
  <si>
    <t>01/13/2020 17:52:28</t>
  </si>
  <si>
    <t>01/13/2020 17:52:31</t>
  </si>
  <si>
    <t>01/13/2020 17:52:32</t>
  </si>
  <si>
    <t>01/13/2020 17:52:33</t>
  </si>
  <si>
    <t>01/13/2020 17:52:34</t>
  </si>
  <si>
    <t>01/13/2020 17:52:40</t>
  </si>
  <si>
    <t>01/13/2020 17:52:42</t>
  </si>
  <si>
    <t>01/13/2020 17:52:43</t>
  </si>
  <si>
    <t>01/13/2020 17:52:45</t>
  </si>
  <si>
    <t>01/13/2020 17:52:46</t>
  </si>
  <si>
    <t>01/13/2020 17:52:47</t>
  </si>
  <si>
    <t>01/13/2020 17:52:51</t>
  </si>
  <si>
    <t>01/13/2020 17:52:53</t>
  </si>
  <si>
    <t>01/13/2020 17:52:54</t>
  </si>
  <si>
    <t>01/13/2020 17:52:56</t>
  </si>
  <si>
    <t>01/13/2020 17:52:59</t>
  </si>
  <si>
    <t>01/13/2020 17:53:04</t>
  </si>
  <si>
    <t>01/13/2020 17:53:05</t>
  </si>
  <si>
    <t>01/13/2020 17:53:07</t>
  </si>
  <si>
    <t>01/13/2020 17:53:09</t>
  </si>
  <si>
    <t>01/13/2020 17:53:10</t>
  </si>
  <si>
    <t>01/13/2020 17:53:11</t>
  </si>
  <si>
    <t>01/13/2020 17:53:12</t>
  </si>
  <si>
    <t>01/13/2020 17:53:14</t>
  </si>
  <si>
    <t>01/13/2020 17:53:15</t>
  </si>
  <si>
    <t>01/13/2020 17:53:17</t>
  </si>
  <si>
    <t>01/13/2020 17:53:18</t>
  </si>
  <si>
    <t>01/13/2020 17:53:19</t>
  </si>
  <si>
    <t>01/13/2020 17:53:20</t>
  </si>
  <si>
    <t>01/13/2020 17:53:22</t>
  </si>
  <si>
    <t>01/13/2020 17:53:24</t>
  </si>
  <si>
    <t>01/13/2020 17:53:26</t>
  </si>
  <si>
    <t>01/13/2020 17:53:27</t>
  </si>
  <si>
    <t>01/13/2020 17:53:28</t>
  </si>
  <si>
    <t>01/13/2020 17:53:30</t>
  </si>
  <si>
    <t>01/13/2020 17:53:34</t>
  </si>
  <si>
    <t>01/13/2020 17:53:36</t>
  </si>
  <si>
    <t>01/13/2020 17:54:04</t>
  </si>
  <si>
    <t>winrt--{S-1-5-21-602162358-764733703-839522115-358593}-.searchconnector-ms</t>
  </si>
  <si>
    <t>\\acsfs\profiles$\joycemmdl\Searches\winrt--{S-1-5-21-602162358-764733703-839522115-358593}-.searchconnector-ms</t>
  </si>
  <si>
    <t>01/13/2020 17:51:58</t>
  </si>
  <si>
    <t>01/13/2020 17:54:33</t>
  </si>
  <si>
    <t>01/13/2020 17:54:36</t>
  </si>
  <si>
    <t>01/13/2020 17:54:37</t>
  </si>
  <si>
    <t>01/13/2020 17:54:38</t>
  </si>
  <si>
    <t>01/13/2020 17:54:39</t>
  </si>
  <si>
    <t>01/13/2020 17:54:40</t>
  </si>
  <si>
    <t>01/13/2020 17:54:42</t>
  </si>
  <si>
    <t>01/13/2020 17:54:44</t>
  </si>
  <si>
    <t>01/13/2020 17:54:46</t>
  </si>
  <si>
    <t>01/13/2020 17:54:47</t>
  </si>
  <si>
    <t>01/13/2020 17:54:48</t>
  </si>
  <si>
    <t>01/13/2020 17:54:49</t>
  </si>
  <si>
    <t>01/13/2020 17:54:51</t>
  </si>
  <si>
    <t>01/13/2020 17:54:52</t>
  </si>
  <si>
    <t>01/13/2020 17:54:53</t>
  </si>
  <si>
    <t>01/13/2020 17:54:56</t>
  </si>
  <si>
    <t>01/13/2020 17:55:05</t>
  </si>
  <si>
    <t>01/13/2020 17:55:06</t>
  </si>
  <si>
    <t>01/13/2020 17:55:09</t>
  </si>
  <si>
    <t>01/13/2020 17:55:13</t>
  </si>
  <si>
    <t>01/13/2020 17:55:14</t>
  </si>
  <si>
    <t>01/13/2020 17:55:15</t>
  </si>
  <si>
    <t>01/13/2020 17:55:17</t>
  </si>
  <si>
    <t>01/13/2020 17:55:18</t>
  </si>
  <si>
    <t>01/13/2020 17:55:20</t>
  </si>
  <si>
    <t>01/13/2020 17:55:21</t>
  </si>
  <si>
    <t>01/13/2020 17:54:08</t>
  </si>
  <si>
    <t>01/13/2020 17:56:30</t>
  </si>
  <si>
    <t>626a7280-5619-4bc7-8f51-970a7accae95.tmp</t>
  </si>
  <si>
    <t>\\acsfs\profiles$\taylaedoa\Downloads\626a7280-5619-4bc7-8f51-970a7accae95.tmp</t>
  </si>
  <si>
    <t>01/13/2020 17:51:57</t>
  </si>
  <si>
    <t>CONTA 2771749 - MC - EDILSON DE JESUS .pdf</t>
  </si>
  <si>
    <t>\\acsfs\Deptos\EDUCACAO EMPRESARIAL\KÉSIA\CONTA 2771749 - MC - EDILSON DE JESUS .pdf</t>
  </si>
  <si>
    <t>01/13/2020 17:52:36</t>
  </si>
  <si>
    <t>01/13/2020 17:52:50</t>
  </si>
  <si>
    <t>01/13/2020 17:53:01</t>
  </si>
  <si>
    <t>01/13/2020 17:51:40</t>
  </si>
  <si>
    <t>02-01 RELATORIO DE LOGIN AVON - Cópia.xlsm</t>
  </si>
  <si>
    <t>\\acsfs\deptos\Operacao\PCP\5 - Comum\CONTROL DESK\2 - DAC2\Control Desk AVON\Relatorios\Status de login\2020\02-01 RELATORIO DE LOGIN AVON - Cópia.xlsm</t>
  </si>
  <si>
    <t>01/13/2020 17:57:30</t>
  </si>
  <si>
    <t>Padrão de atendimento.txt</t>
  </si>
  <si>
    <t>\\acsfs\profiles$\higorss\My Documents\Padrão de atendimento.txt</t>
  </si>
  <si>
    <t>8c5298bd-2bf5-4f93-aa2a-ee2e9837b8d3.tmp</t>
  </si>
  <si>
    <t>\\acsfs\profiles$\fernandofs\Downloads\8c5298bd-2bf5-4f93-aa2a-ee2e9837b8d3.tmp</t>
  </si>
  <si>
    <t>01/13/2020 17:57:40</t>
  </si>
  <si>
    <t>01/13/2020 17:58:30</t>
  </si>
  <si>
    <t>01/13/2020 17:56:58</t>
  </si>
  <si>
    <t>01/13/2020 17:59:31</t>
  </si>
  <si>
    <t>01/13/2020 17:58:02</t>
  </si>
  <si>
    <t>01/13/2020 17:58:25</t>
  </si>
  <si>
    <t>01/13/2020 17:57:17</t>
  </si>
  <si>
    <t>54bc4ca4-4cb9-4909-a648-26dd7e575927.tmp</t>
  </si>
  <si>
    <t>\\acsfs\profiles$\leonardocb\Downloads\54bc4ca4-4cb9-4909-a648-26dd7e575927.tmp</t>
  </si>
  <si>
    <t>01/13/2020 17:57:41</t>
  </si>
  <si>
    <t>e4059440-e9b4-4820-b983-00b7ddc0c2f1.tmp</t>
  </si>
  <si>
    <t>\\acsfs\profiles$\leonardocb\Downloads\e4059440-e9b4-4820-b983-00b7ddc0c2f1.tmp</t>
  </si>
  <si>
    <t>01/13/2020 17:57:45</t>
  </si>
  <si>
    <t>Q29udHJvbGxlci5QYXl3YXJlLU5vaXRl (41).ica</t>
  </si>
  <si>
    <t>\\acsfs\profiles$\leonardocb\Downloads\Q29udHJvbGxlci5QYXl3YXJlLU5vaXRl (41).ica</t>
  </si>
  <si>
    <t>01/13/2020 17:55:54</t>
  </si>
  <si>
    <t>01/13/2020 18:00:30</t>
  </si>
  <si>
    <t>3b0c11ce-38ed-44a9-a6e6-5820b4163bfd.tmp</t>
  </si>
  <si>
    <t>\\acsfs\profiles$\joycemmdl\Downloads\3b0c11ce-38ed-44a9-a6e6-5820b4163bfd.tmp</t>
  </si>
  <si>
    <t>01/13/2020 17:56:04</t>
  </si>
  <si>
    <t>Unconfirmed 684098.crdownload</t>
  </si>
  <si>
    <t>\\acsfs\profiles$\joycemmdl\Downloads\Unconfirmed 684098.crdownload</t>
  </si>
  <si>
    <t>01/13/2020 17:56:10</t>
  </si>
  <si>
    <t>01/13/2020 17:56:20</t>
  </si>
  <si>
    <t>79408d5e-e8eb-42a0-864d-bfd8cf297f7a.tmp</t>
  </si>
  <si>
    <t>\\acsfs\profiles$\joycemmdl\Downloads\79408d5e-e8eb-42a0-864d-bfd8cf297f7a.tmp</t>
  </si>
  <si>
    <t>01/13/2020 17:57:19</t>
  </si>
  <si>
    <t>eae8b7d7-1a86-4bb4-96a3-749ece2c023b.tmp</t>
  </si>
  <si>
    <t>\\acsfs\profiles$\joycemmdl\Downloads\eae8b7d7-1a86-4bb4-96a3-749ece2c023b.tmp</t>
  </si>
  <si>
    <t>aec96d83-85d2-46ed-8de0-3d8b6f92a7c2.tmp</t>
  </si>
  <si>
    <t>\\acsfs\profiles$\nycolleemdj\Downloads\aec96d83-85d2-46ed-8de0-3d8b6f92a7c2.tmp</t>
  </si>
  <si>
    <t>01/13/2020 17:57:36</t>
  </si>
  <si>
    <t>01/13/2020 17:55:22</t>
  </si>
  <si>
    <t>01/13/2020 17:55:23</t>
  </si>
  <si>
    <t>01/13/2020 17:55:24</t>
  </si>
  <si>
    <t>01/13/2020 17:55:25</t>
  </si>
  <si>
    <t>01/13/2020 17:55:26</t>
  </si>
  <si>
    <t>01/13/2020 17:55:28</t>
  </si>
  <si>
    <t>01/13/2020 17:55:30</t>
  </si>
  <si>
    <t>01/13/2020 17:55:32</t>
  </si>
  <si>
    <t>01/13/2020 17:55:33</t>
  </si>
  <si>
    <t>01/13/2020 17:55:34</t>
  </si>
  <si>
    <t>01/13/2020 17:57:25</t>
  </si>
  <si>
    <t>e191e5cc-7bf6-46ca-91b3-430bb51c4e53.tmp</t>
  </si>
  <si>
    <t>\\acsfs\profiles$\Adrieledgc\Downloads\e191e5cc-7bf6-46ca-91b3-430bb51c4e53.tmp</t>
  </si>
  <si>
    <t>01/13/2020 17:58:38</t>
  </si>
  <si>
    <t>01/13/2020 18:01:31</t>
  </si>
  <si>
    <t>34a53653-63aa-471c-a6a7-c242a44016ff.tmp</t>
  </si>
  <si>
    <t>\\acsfs\profiles$\taylaedoa\Downloads\34a53653-63aa-471c-a6a7-c242a44016ff.tmp</t>
  </si>
  <si>
    <t>01/13/2020 17:58:26</t>
  </si>
  <si>
    <t>30386774-6b94-4977-a18a-e80ab44fedfe.tmp</t>
  </si>
  <si>
    <t>\\acsfs\profiles$\gisellyador\Downloads\30386774-6b94-4977-a18a-e80ab44fedfe.tmp</t>
  </si>
  <si>
    <t>01/13/2020 17:58:32</t>
  </si>
  <si>
    <t>01/13/2020 17:58:39</t>
  </si>
  <si>
    <t>01/13/2020 17:59:00</t>
  </si>
  <si>
    <t>mail.google.com/_/upload?authuser=0&amp;dcp=asu-n&amp;upload_id=AEnB2UpuXDIIi_OFaKKQbiNaWbG_KA9p6GeDD6Ld3sTc-dMxT4H7P-nH9X3_nUKu_np3zWj5Lot20MRLShatsC7T19pbs_a_kipAxzD1di0L5Y67It4tngg&amp;upload_protocol=resumable</t>
  </si>
  <si>
    <t>01/13/2020 17:59:03</t>
  </si>
  <si>
    <t>01/13/2020 17:59:30</t>
  </si>
  <si>
    <t>01/13/2020 18:00:28</t>
  </si>
  <si>
    <t>REPORT ACOMPANHAMENTO - BV - JANEIRO2 - Cópia.xlsb</t>
  </si>
  <si>
    <t>\\acsfs\deptos\Operacao\PCP\5 - Comum\PLANEJAMENTO BV\14 - ACOMPANHAMENTO\1 - REPORT ACOMPANHAMENTO\2020\1 - JANEIRO\FINANCEIRA\REPORT ACOMPANHAMENTO - BV - JANEIRO2 - Cópia.xlsb</t>
  </si>
  <si>
    <t>01/13/2020 17:58:17</t>
  </si>
  <si>
    <t>01/13/2020 18:02:30</t>
  </si>
  <si>
    <t>01/13/2020 18:03:31</t>
  </si>
  <si>
    <t>\\acsfs\Deptos\Operacao\Banco_Votorantim\Supervisao\DIÁRIO DE BORDO BV\</t>
  </si>
  <si>
    <t>\\acsfs\Deptos\Operacao\Banco_Votorantim\Supervisao\DIÁRIO DE BORDO BV\Cópia de Diario de Bordo - BV...xlsb</t>
  </si>
  <si>
    <t>\\acsfs\Deptos\Operacao\Banco_Votorantim\Supervisao\DIÁRIO DE BORDO BV\Thumbs.db</t>
  </si>
  <si>
    <t>01/13/2020 18:01:08</t>
  </si>
  <si>
    <t>01/13/2020 18:00:13</t>
  </si>
  <si>
    <t>01/13/2020 18:04:30</t>
  </si>
  <si>
    <t>01/13/2020 18:02:19</t>
  </si>
  <si>
    <t>01/13/2020 18:02:36</t>
  </si>
  <si>
    <t>01/13/2020 18:05:30</t>
  </si>
  <si>
    <t>01/13/2020 18:04:01</t>
  </si>
  <si>
    <t>3cd6f653-2367-4878-b8a0-39c4abea5dc9.tmp</t>
  </si>
  <si>
    <t>\\acsfs\profiles$\cintiadjl\Downloads\3cd6f653-2367-4878-b8a0-39c4abea5dc9.tmp</t>
  </si>
  <si>
    <t>01/13/2020 18:03:29</t>
  </si>
  <si>
    <t>9def2fce-fc7e-4852-b3ae-bc795fd7ba1e.tmp</t>
  </si>
  <si>
    <t>\\acsfs\profiles$\Adrieledgc\Downloads\9def2fce-fc7e-4852-b3ae-bc795fd7ba1e.tmp</t>
  </si>
  <si>
    <t>01/13/2020 18:01:49</t>
  </si>
  <si>
    <t>01/13/2020 18:06:31</t>
  </si>
  <si>
    <t>e779b5d3-9a0c-4e11-ac61-d170dbacc9fb.tmp</t>
  </si>
  <si>
    <t>\\acsfs\profiles$\andreapdsg\Downloads\e779b5d3-9a0c-4e11-ac61-d170dbacc9fb.tmp</t>
  </si>
  <si>
    <t>01/13/2020 18:01:35</t>
  </si>
  <si>
    <t>REPORT ACOMPANHAMENTO - BV - JANEIRO2 - Cópia.xls</t>
  </si>
  <si>
    <t>\\acsfs\deptos\Operacao\PCP\5 - Comum\PLANEJAMENTO BV\14 - ACOMPANHAMENTO\1 - REPORT ACOMPANHAMENTO\2020\1 - JANEIRO\FINANCEIRA\REPORT ACOMPANHAMENTO - BV - JANEIRO2 - Cópia.xls</t>
  </si>
  <si>
    <t>01/13/2020 18:01:56</t>
  </si>
  <si>
    <t>mail.google.com/_/upload?authuser=0&amp;dcp=asu-n&amp;upload_id=AEnB2Uo8tUH7gb76N6XOivvl688DyFs4XBQsnN0j59aSD5YmZW3r7PlUxbtq_79dCfbeN95MWiNZMoGd1ZsVCClvt7WAqvvjUfu-1kbHNEtB2gLL2iPVCos&amp;upload_protocol=resumable</t>
  </si>
  <si>
    <t>01/13/2020 18:02:10</t>
  </si>
  <si>
    <t>01/13/2020 18:04:06</t>
  </si>
  <si>
    <t>01/13/2020 18:09:30</t>
  </si>
  <si>
    <t>01/13/2020 18:04:11</t>
  </si>
  <si>
    <t>01/13/2020 18:04:08</t>
  </si>
  <si>
    <t>01/13/2020 18:04:36</t>
  </si>
  <si>
    <t>e7e7d2a9-1884-486f-96ba-e4124171a8ce.tmp</t>
  </si>
  <si>
    <t>\\acsfs\profiles$\leonardocb\Downloads\e7e7d2a9-1884-486f-96ba-e4124171a8ce.tmp</t>
  </si>
  <si>
    <t>01/13/2020 18:10:30</t>
  </si>
  <si>
    <t>01/13/2020 18:06:35</t>
  </si>
  <si>
    <t>aba796e5-96eb-49b0-b368-c9d1f1283e9a.tmp</t>
  </si>
  <si>
    <t>\\acsfs\profiles$\joycemmdl\Downloads\aba796e5-96eb-49b0-b368-c9d1f1283e9a.tmp</t>
  </si>
  <si>
    <t>01/13/2020 18:06:48</t>
  </si>
  <si>
    <t>19c082b5-74e0-4c4c-9d91-46b2a680f298.tmp</t>
  </si>
  <si>
    <t>\\acsfs\profiles$\joycemmdl\Downloads\19c082b5-74e0-4c4c-9d91-46b2a680f298.tmp</t>
  </si>
  <si>
    <t>01/13/2020 18:05:52</t>
  </si>
  <si>
    <t>01/13/2020 18:08:03</t>
  </si>
  <si>
    <t>65b5be4d-7ea7-4ea4-bdcf-754eeca26c28.tmp</t>
  </si>
  <si>
    <t>\\acsfs\profiles$\rosileiam\Downloads\65b5be4d-7ea7-4ea4-bdcf-754eeca26c28.tmp</t>
  </si>
  <si>
    <t>01/13/2020 18:09:20</t>
  </si>
  <si>
    <t>acbadd79-5d63-47ad-a507-ed989d97d079.tmp</t>
  </si>
  <si>
    <t>\\acsfs\profiles$\rosileiam\Downloads\acbadd79-5d63-47ad-a507-ed989d97d079.tmp</t>
  </si>
  <si>
    <t>01/13/2020 18:09:51</t>
  </si>
  <si>
    <t>01/13/2020 18:09:27</t>
  </si>
  <si>
    <t>01/13/2020 18:11:30</t>
  </si>
  <si>
    <t>01/13/2020 18:09:34</t>
  </si>
  <si>
    <t>01/13/2020 18:10:42</t>
  </si>
  <si>
    <t>01/13/2020 18:10:51</t>
  </si>
  <si>
    <t>01/13/2020 18:11:11</t>
  </si>
  <si>
    <t>01/13/2020 18:11:13</t>
  </si>
  <si>
    <t>01/13/2020 18:10:52</t>
  </si>
  <si>
    <t>https://algar.folhasinergyrh.com.br/funcionario/uploadfoto?identificador=20712&amp;isworkflow=true</t>
  </si>
  <si>
    <t>true;</t>
  </si>
  <si>
    <t>C:\Users\Public\Pictures\Sample Pictures\</t>
  </si>
  <si>
    <t>download.jpg</t>
  </si>
  <si>
    <t>https://true</t>
  </si>
  <si>
    <t>01/13/2020 18:11:59</t>
  </si>
  <si>
    <t>01/13/2020 18:14:30</t>
  </si>
  <si>
    <t>01/13/2020 18:13:25</t>
  </si>
  <si>
    <t>01/13/2020 18:14:01</t>
  </si>
  <si>
    <t>75930b62-1ded-4f00-8b22-44860fe155cb.tmp</t>
  </si>
  <si>
    <t>\\acsfs\profiles$\brendadsl\Downloads\75930b62-1ded-4f00-8b22-44860fe155cb.tmp</t>
  </si>
  <si>
    <t>01/13/2020 18:12:05</t>
  </si>
  <si>
    <t>01/13/2020 18:15:29</t>
  </si>
  <si>
    <t>01/13/2020 18:11:45</t>
  </si>
  <si>
    <t>01/13/2020 18:16:30</t>
  </si>
  <si>
    <t>01/13/2020 18:11:18</t>
  </si>
  <si>
    <t>01/13/2020 18:11:42</t>
  </si>
  <si>
    <t>01/13/2020 18:12:16</t>
  </si>
  <si>
    <t>01/13/2020 18:12:22</t>
  </si>
  <si>
    <t>01/13/2020 18:16:01</t>
  </si>
  <si>
    <t>01/13/2020 18:17:40</t>
  </si>
  <si>
    <t>01/13/2020 18:18:29</t>
  </si>
  <si>
    <t>aa0aedf7-d33e-41b0-a238-ab01d96beb39.tmp</t>
  </si>
  <si>
    <t>\\acsfs\profiles$\alinepp\Downloads\aa0aedf7-d33e-41b0-a238-ab01d96beb39.tmp</t>
  </si>
  <si>
    <t>01/13/2020 18:14:17</t>
  </si>
  <si>
    <t>01/13/2020 18:19:30</t>
  </si>
  <si>
    <t>01/13/2020 18:15:56</t>
  </si>
  <si>
    <t>01/13/2020 18:16:16</t>
  </si>
  <si>
    <t>01/13/2020 18:21:30</t>
  </si>
  <si>
    <t>01/13/2020 18:16:20</t>
  </si>
  <si>
    <t>01/13/2020 18:16:33</t>
  </si>
  <si>
    <t>01/13/2020 18:16:37</t>
  </si>
  <si>
    <t>01/13/2020 18:16:40</t>
  </si>
  <si>
    <t>01/13/2020 18:16:44</t>
  </si>
  <si>
    <t>01/13/2020 18:17:41</t>
  </si>
  <si>
    <t>01/13/2020 18:18:44</t>
  </si>
  <si>
    <t>01/13/2020 18:18:46</t>
  </si>
  <si>
    <t>01/13/2020 18:19:03</t>
  </si>
  <si>
    <t>01/13/2020 18:19:15</t>
  </si>
  <si>
    <t>01/13/2020 18:19:16</t>
  </si>
  <si>
    <t>01/13/2020 18:19:26</t>
  </si>
  <si>
    <t>01/13/2020 18:19:27</t>
  </si>
  <si>
    <t>01/13/2020 18:22:29</t>
  </si>
  <si>
    <t>01/13/2020 18:19:32</t>
  </si>
  <si>
    <t>01/13/2020 18:19:35</t>
  </si>
  <si>
    <t>01/13/2020 18:19:43</t>
  </si>
  <si>
    <t>01/13/2020 18:19:54</t>
  </si>
  <si>
    <t>01/13/2020 18:19:34</t>
  </si>
  <si>
    <t>01/13/2020 18:23:30</t>
  </si>
  <si>
    <t>01/13/2020 18:21:37</t>
  </si>
  <si>
    <t>https://algar.folhasinergyrh.com.br/afastamento/upload?id=0&amp;idsolicitacao=0&amp;temp=true</t>
  </si>
  <si>
    <t>atestado Cinthia.zip</t>
  </si>
  <si>
    <t>C:\Users\camillarl\Desktop\atestado Cinthia.zip\</t>
  </si>
  <si>
    <t>atestado Cinthia.jpg</t>
  </si>
  <si>
    <t>01/13/2020 18:21:41</t>
  </si>
  <si>
    <t>https://algar.folhasinergyrh.com.br/afastamento/validaferias</t>
  </si>
  <si>
    <t>01/13/2020 18:21:42</t>
  </si>
  <si>
    <t>01/13/2020 18:21:43</t>
  </si>
  <si>
    <t>https://algar.folhasinergyrh.com.br/afastamento/upload?id=0&amp;idsolicitacao=20721</t>
  </si>
  <si>
    <t>01/13/2020 18:22:39</t>
  </si>
  <si>
    <t>01/13/2020 18:24:40</t>
  </si>
  <si>
    <t>01/13/2020 18:25:29</t>
  </si>
  <si>
    <t>c3112073-5d6e-48e8-b2a2-b5818c0af6bb.tmp</t>
  </si>
  <si>
    <t>\\acsfs\profiles$\laurandos\Downloads\c3112073-5d6e-48e8-b2a2-b5818c0af6bb.tmp</t>
  </si>
  <si>
    <t>01/13/2020 18:21:05</t>
  </si>
  <si>
    <t>01/13/2020 18:22:21</t>
  </si>
  <si>
    <t>01/13/2020 18:26:29</t>
  </si>
  <si>
    <t>01/13/2020 18:22:22</t>
  </si>
  <si>
    <t>01/13/2020 18:22:31</t>
  </si>
  <si>
    <t>01/13/2020 18:22:32</t>
  </si>
  <si>
    <t>01/13/2020 18:22:58</t>
  </si>
  <si>
    <t>01/13/2020 18:23:47</t>
  </si>
  <si>
    <t>01/13/2020 18:27:29</t>
  </si>
  <si>
    <t>01/13/2020 18:26:22</t>
  </si>
  <si>
    <t>01/13/2020 18:26:26</t>
  </si>
  <si>
    <t>01/13/2020 18:30:30</t>
  </si>
  <si>
    <t>01/13/2020 18:29:31</t>
  </si>
  <si>
    <t>01/13/2020 18:31:30</t>
  </si>
  <si>
    <t>01/13/2020 18:25:51</t>
  </si>
  <si>
    <t>01/13/2020 18:32:29</t>
  </si>
  <si>
    <t>01/13/2020 18:28:56</t>
  </si>
  <si>
    <t>01/13/2020 18:29:07</t>
  </si>
  <si>
    <t>01/13/2020 18:34:30</t>
  </si>
  <si>
    <t>01/13/2020 18:35:22</t>
  </si>
  <si>
    <t>01/13/2020 18:36:30</t>
  </si>
  <si>
    <t>XLOG_leydianeamd_13012020_132336.log</t>
  </si>
  <si>
    <t>\\acsfs\profiles$\leydianeamd\My Documents\xworkcenter\logs\XLOG_leydianeamd_13012020_132336.log</t>
  </si>
  <si>
    <t>01/13/2020 18:35:50</t>
  </si>
  <si>
    <t>01/13/2020 18:37:30</t>
  </si>
  <si>
    <t>9c1b178f-0cfc-4154-8f19-4e4f4702179c.tmp</t>
  </si>
  <si>
    <t>\\acsfs\profiles$\nathaliaos\Downloads\9c1b178f-0cfc-4154-8f19-4e4f4702179c.tmp</t>
  </si>
  <si>
    <t>01/13/2020 18:37:28</t>
  </si>
  <si>
    <t>01/13/2020 18:39:30</t>
  </si>
  <si>
    <t>01/13/2020 18:36:32</t>
  </si>
  <si>
    <t>01/13/2020 18:41:30</t>
  </si>
  <si>
    <t>cfea6a2b-2776-444e-8a2e-484adb5f207c.tmp</t>
  </si>
  <si>
    <t>\\acsfs\profiles$\andreapdsg\Downloads\cfea6a2b-2776-444e-8a2e-484adb5f207c.tmp</t>
  </si>
  <si>
    <t>01/13/2020 18:39:29</t>
  </si>
  <si>
    <t>01/13/2020 18:42:29</t>
  </si>
  <si>
    <t>e3ed265c-cd62-498b-bcc1-0d20bb1cad72.tmp</t>
  </si>
  <si>
    <t>\\acsfs\profiles$\nathaliaos\Downloads\e3ed265c-cd62-498b-bcc1-0d20bb1cad72.tmp</t>
  </si>
  <si>
    <t>01/13/2020 18:39:42</t>
  </si>
  <si>
    <t>c7bdc6b1-4d20-4e8f-88a2-2046d56bf884.tmp</t>
  </si>
  <si>
    <t>\\acsfs\profiles$\nathaliaos\Downloads\c7bdc6b1-4d20-4e8f-88a2-2046d56bf884.tmp</t>
  </si>
  <si>
    <t>01/13/2020 18:39:41</t>
  </si>
  <si>
    <t>01/13/2020 18:40:43</t>
  </si>
  <si>
    <t>01/13/2020 18:43:30</t>
  </si>
  <si>
    <t>\\acsfs\Deptos\Operacao\Banco_Votorantim\Supervisao\CAMILLA LIMA RODRIGUES\</t>
  </si>
  <si>
    <t>\\acsfs\Deptos\Operacao\Banco_Votorantim\Supervisao\CAMILLA LIMA RODRIGUES\LINKS.txt</t>
  </si>
  <si>
    <t>01/13/2020 18:37:48</t>
  </si>
  <si>
    <t>8c16886d-6117-4bd1-afa3-dec1c1704538.tmp</t>
  </si>
  <si>
    <t>\\acsfs\profiles$\anafaes\Downloads\8c16886d-6117-4bd1-afa3-dec1c1704538.tmp</t>
  </si>
  <si>
    <t>01/13/2020 18:38:05</t>
  </si>
  <si>
    <t>13d4119e-3c33-4387-a814-c49279cabd7d.tmp</t>
  </si>
  <si>
    <t>\\acsfs\profiles$\anafaes\Downloads\13d4119e-3c33-4387-a814-c49279cabd7d.tmp</t>
  </si>
  <si>
    <t>01/13/2020 18:39:57</t>
  </si>
  <si>
    <t>01/13/2020 18:44:30</t>
  </si>
  <si>
    <t>01/13/2020 18:40:06</t>
  </si>
  <si>
    <t>01/13/2020 18:40:23</t>
  </si>
  <si>
    <t>01/13/2020 18:40:31</t>
  </si>
  <si>
    <t>01/13/2020 18:40:32</t>
  </si>
  <si>
    <t>01/13/2020 18:40:44</t>
  </si>
  <si>
    <t>01/13/2020 18:40:52</t>
  </si>
  <si>
    <t>01/13/2020 18:40:53</t>
  </si>
  <si>
    <t>01/13/2020 18:44:59</t>
  </si>
  <si>
    <t>01/13/2020 18:45:30</t>
  </si>
  <si>
    <t>5cc22815-3528-472f-9a36-1d9deadaf279.tmp</t>
  </si>
  <si>
    <t>\\acsfs\profiles$\victorgl\Downloads\5cc22815-3528-472f-9a36-1d9deadaf279.tmp</t>
  </si>
  <si>
    <t>01/13/2020 18:42:05</t>
  </si>
  <si>
    <t>01/13/2020 18:46:30</t>
  </si>
  <si>
    <t>81698ce3-d5e8-4c64-8037-f36f0f717694.tmp</t>
  </si>
  <si>
    <t>\\acsfs\profiles$\lorrainerdl\Downloads\81698ce3-d5e8-4c64-8037-f36f0f717694.tmp</t>
  </si>
  <si>
    <t>01/13/2020 18:43:19</t>
  </si>
  <si>
    <t>5569bcc2-f231-4f66-9760-13bb215e9e91.tmp</t>
  </si>
  <si>
    <t>\\acsfs\profiles$\joselrb\Downloads\5569bcc2-f231-4f66-9760-13bb215e9e91.tmp</t>
  </si>
  <si>
    <t>01/13/2020 18:42:08</t>
  </si>
  <si>
    <t>01/13/2020 18:47:29</t>
  </si>
  <si>
    <t>01/13/2020 18:44:19</t>
  </si>
  <si>
    <t>01/13/2020 18:42:47</t>
  </si>
  <si>
    <t>01/13/2020 18:48:30</t>
  </si>
  <si>
    <t>66fc1009-47dd-454c-899a-2954a4b2686b.tmp</t>
  </si>
  <si>
    <t>\\acsfs\profiles$\anafaes\Downloads\66fc1009-47dd-454c-899a-2954a4b2686b.tmp</t>
  </si>
  <si>
    <t>01/13/2020 18:46:01</t>
  </si>
  <si>
    <t>78f81564-f298-42eb-a4bb-2ac905dba95b.tmp</t>
  </si>
  <si>
    <t>\\acsfs\profiles$\anafaes\Downloads\78f81564-f298-42eb-a4bb-2ac905dba95b.tmp</t>
  </si>
  <si>
    <t>01/13/2020 18:44:24</t>
  </si>
  <si>
    <t>01/13/2020 18:45:44</t>
  </si>
  <si>
    <t>01/13/2020 18:44:46</t>
  </si>
  <si>
    <t>d3d5b919-be89-4272-a436-8048c0ae174f.tmp</t>
  </si>
  <si>
    <t>\\acsfs\profiles$\gabrielamdp\Downloads\d3d5b919-be89-4272-a436-8048c0ae174f.tmp</t>
  </si>
  <si>
    <t>aac033bc-2ffc-4abc-9f42-3d6747131ad5.tmp</t>
  </si>
  <si>
    <t>\\acsfs\profiles$\gabrielamdp\Downloads\aac033bc-2ffc-4abc-9f42-3d6747131ad5.tmp</t>
  </si>
  <si>
    <t>65057e59-dfb6-4657-b1b7-6f6a152e8c48.tmp</t>
  </si>
  <si>
    <t>\\acsfs\profiles$\gabrielamdp\Downloads\65057e59-dfb6-4657-b1b7-6f6a152e8c48.tmp</t>
  </si>
  <si>
    <t>01/13/2020 18:47:16</t>
  </si>
  <si>
    <t>32e836da-d673-400f-a3e7-bb4b711080ed.tmp</t>
  </si>
  <si>
    <t>\\acsfs\profiles$\gabrielamdp\Downloads\32e836da-d673-400f-a3e7-bb4b711080ed.tmp</t>
  </si>
  <si>
    <t>01/13/2020 18:47:55</t>
  </si>
  <si>
    <t>b1934cf1-2cdf-4c57-b4e9-eb548a581085.tmp</t>
  </si>
  <si>
    <t>\\acsfs\profiles$\gabrielamdp\Downloads\b1934cf1-2cdf-4c57-b4e9-eb548a581085.tmp</t>
  </si>
  <si>
    <t>01/13/2020 18:49:30</t>
  </si>
  <si>
    <t>01/13/2020 18:45:00</t>
  </si>
  <si>
    <t>01/13/2020 18:50:30</t>
  </si>
  <si>
    <t>29258354-ed34-413d-9957-c81b0c6ca04f.tmp</t>
  </si>
  <si>
    <t>\\acsfs\profiles$\erichds\Downloads\29258354-ed34-413d-9957-c81b0c6ca04f.tmp</t>
  </si>
  <si>
    <t>01/13/2020 18:45:23</t>
  </si>
  <si>
    <t>cd6495e0-0262-40cb-bdc8-fbb4e8414590.tmp</t>
  </si>
  <si>
    <t>\\acsfs\profiles$\erichds\Downloads\cd6495e0-0262-40cb-bdc8-fbb4e8414590.tmp</t>
  </si>
  <si>
    <t>01/13/2020 18:47:02</t>
  </si>
  <si>
    <t>01/13/2020 18:45:59</t>
  </si>
  <si>
    <t>01/13/2020 18:51:30</t>
  </si>
  <si>
    <t>01/13/2020 18:48:24</t>
  </si>
  <si>
    <t>01/13/2020 18:53:30</t>
  </si>
  <si>
    <t>9e63a4b1-c1a6-43b0-8b41-5e6bf327c4d9.tmp</t>
  </si>
  <si>
    <t>\\acsfs\profiles$\gabrielamdp\Downloads\9e63a4b1-c1a6-43b0-8b41-5e6bf327c4d9.tmp</t>
  </si>
  <si>
    <t>01/13/2020 18:50:00</t>
  </si>
  <si>
    <t>3f2fa161-3986-46fa-b3ae-75ca04a3594c.tmp</t>
  </si>
  <si>
    <t>\\acsfs\profiles$\gabrielamdp\Downloads\3f2fa161-3986-46fa-b3ae-75ca04a3594c.tmp</t>
  </si>
  <si>
    <t>01/13/2020 18:49:46</t>
  </si>
  <si>
    <t>01/13/2020 18:54:31</t>
  </si>
  <si>
    <t>b7ccd819-230a-4b58-a80b-c9da3fcd6af3.tmp</t>
  </si>
  <si>
    <t>\\acsfs\profiles$\brendadsl\Downloads\b7ccd819-230a-4b58-a80b-c9da3fcd6af3.tmp</t>
  </si>
  <si>
    <t>01/13/2020 18:57:30</t>
  </si>
  <si>
    <t>01/13/2020 18:56:21</t>
  </si>
  <si>
    <t>01/13/2020 18:58:30</t>
  </si>
  <si>
    <t>01/13/2020 18:57:35</t>
  </si>
  <si>
    <t>01/13/2020 18:58:55</t>
  </si>
  <si>
    <t>01/13/2020 19:00:30</t>
  </si>
  <si>
    <t>62991c90-8eb4-43a6-a94b-175bd7a96dca.tmp</t>
  </si>
  <si>
    <t>\\acsfs\profiles$\anafaes\Downloads\62991c90-8eb4-43a6-a94b-175bd7a96dca.tmp</t>
  </si>
  <si>
    <t>01/13/2020 18:58:59</t>
  </si>
  <si>
    <t>7c16659d-7804-4494-9455-963741f0c556.tmp</t>
  </si>
  <si>
    <t>\\acsfs\profiles$\anafaes\Downloads\7c16659d-7804-4494-9455-963741f0c556.tmp</t>
  </si>
  <si>
    <t>01/13/2020 18:59:27</t>
  </si>
  <si>
    <t>e2367d2e-c4a8-4036-93f4-daec94ff4881.tmp</t>
  </si>
  <si>
    <t>\\acsfs\profiles$\anafaes\Downloads\e2367d2e-c4a8-4036-93f4-daec94ff4881.tmp</t>
  </si>
  <si>
    <t>01/13/2020 18:57:10</t>
  </si>
  <si>
    <t>17a451e9-85c0-4e7d-a3ff-5be67f99f86e.tmp</t>
  </si>
  <si>
    <t>\\acsfs\profiles$\erichds\Downloads\17a451e9-85c0-4e7d-a3ff-5be67f99f86e.tmp</t>
  </si>
  <si>
    <t>01/13/2020 18:58:50</t>
  </si>
  <si>
    <t>01/13/2020 19:01:30</t>
  </si>
  <si>
    <t>01/13/2020 18:58:02</t>
  </si>
  <si>
    <t>01/13/2020 19:03:29</t>
  </si>
  <si>
    <t>01/13/2020 18:58:24</t>
  </si>
  <si>
    <t>01/13/2020 18:58:33</t>
  </si>
  <si>
    <t>01/13/2020 18:58:44</t>
  </si>
  <si>
    <t>01/13/2020 18:59:25</t>
  </si>
  <si>
    <t>01/13/2020 18:59:45</t>
  </si>
  <si>
    <t>01/13/2020 18:59:56</t>
  </si>
  <si>
    <t>01/13/2020 19:00:05</t>
  </si>
  <si>
    <t>01/13/2020 19:00:07</t>
  </si>
  <si>
    <t>01/13/2020 19:00:19</t>
  </si>
  <si>
    <t>01/13/2020 19:00:20</t>
  </si>
  <si>
    <t>01/13/2020 19:03:30</t>
  </si>
  <si>
    <t>d8c8850b-2825-449d-88aa-96c394277862.tmp</t>
  </si>
  <si>
    <t>\\acsfs\profiles$\regisedsj\Downloads\d8c8850b-2825-449d-88aa-96c394277862.tmp</t>
  </si>
  <si>
    <t>01/13/2020 19:01:24</t>
  </si>
  <si>
    <t>01/13/2020 19:01:59</t>
  </si>
  <si>
    <t>01/13/2020 19:05:31</t>
  </si>
  <si>
    <t>01/13/2020 19:05:02</t>
  </si>
  <si>
    <t>https://joaogvc@algartech.com,leonardoao@algartech.com,marianadjc@algartech.com,paulacn@algartech.com,rafaelggs@algartech.com,ricardodfm@algartech.com.br,robsonams@algartech.com,taysdss@algartech.com,viniciussg@algartech.com</t>
  </si>
  <si>
    <t>01/13/2020 19:06:37</t>
  </si>
  <si>
    <t>01/13/2020 19:07:31</t>
  </si>
  <si>
    <t>01/13/2020 19:06:44</t>
  </si>
  <si>
    <t>01/13/2020 19:06:07</t>
  </si>
  <si>
    <t>01/13/2020 19:05:27</t>
  </si>
  <si>
    <t>01/13/2020 19:09:30</t>
  </si>
  <si>
    <t>01/13/2020 19:06:19</t>
  </si>
  <si>
    <t>01/13/2020 19:10:30</t>
  </si>
  <si>
    <t>087ac686-adbd-4032-ac29-f85dcaf3efd8.tmp</t>
  </si>
  <si>
    <t>\\acsfs\profiles$\henriqueco\Downloads\087ac686-adbd-4032-ac29-f85dcaf3efd8.tmp</t>
  </si>
  <si>
    <t>01/13/2020 19:06:26</t>
  </si>
  <si>
    <t>01/13/2020 19:07:04</t>
  </si>
  <si>
    <t>01/13/2020 19:12:30</t>
  </si>
  <si>
    <t>01/13/2020 19:14:23</t>
  </si>
  <si>
    <t>01/13/2020 19:19:30</t>
  </si>
  <si>
    <t>d37bf947-3f50-4248-b2e1-ca629a52fa1e.tmp</t>
  </si>
  <si>
    <t>\\acsfs\profiles$\gabrielamdp\Downloads\d37bf947-3f50-4248-b2e1-ca629a52fa1e.tmp</t>
  </si>
  <si>
    <t>01/13/2020 19:14:25</t>
  </si>
  <si>
    <t>a618194a-4a5b-42c5-a4d3-8dbf2724778a.tmp</t>
  </si>
  <si>
    <t>\\acsfs\profiles$\gabrielamdp\Downloads\a618194a-4a5b-42c5-a4d3-8dbf2724778a.tmp</t>
  </si>
  <si>
    <t>01/13/2020 19:14:26</t>
  </si>
  <si>
    <t>eecfb02e-87ab-4296-9917-3e7bebee621d.tmp</t>
  </si>
  <si>
    <t>\\acsfs\profiles$\gabrielamdp\Downloads\eecfb02e-87ab-4296-9917-3e7bebee621d.tmp</t>
  </si>
  <si>
    <t>01/13/2020 19:18:12</t>
  </si>
  <si>
    <t>01/13/2020 19:22:30</t>
  </si>
  <si>
    <t>01/13/2020 19:21:29</t>
  </si>
  <si>
    <t>01/13/2020 19:23:30</t>
  </si>
  <si>
    <t>01/13/2020 19:25:55</t>
  </si>
  <si>
    <t>01/13/2020 19:28:29</t>
  </si>
  <si>
    <t>01/13/2020 19:28:23</t>
  </si>
  <si>
    <t>01/13/2020 19:29:30</t>
  </si>
  <si>
    <t>01/13/2020 19:29:10</t>
  </si>
  <si>
    <t>01/13/2020 19:28:18</t>
  </si>
  <si>
    <t>01/13/2020 19:30:31</t>
  </si>
  <si>
    <t>01/13/2020 19:26:21</t>
  </si>
  <si>
    <t>ae63026a-64be-499a-a8f3-0dfdd4a1e2ad.tmp</t>
  </si>
  <si>
    <t>\\acsfs\profiles$\layonmof\Downloads\ae63026a-64be-499a-a8f3-0dfdd4a1e2ad.tmp</t>
  </si>
  <si>
    <t>01/13/2020 19:29:01</t>
  </si>
  <si>
    <t>01/13/2020 19:33:30</t>
  </si>
  <si>
    <t>01/13/2020 19:32:26</t>
  </si>
  <si>
    <t>01/13/2020 19:34:31</t>
  </si>
  <si>
    <t>cd6a674e-2483-4437-b6c3-7c1238782c87.tmp</t>
  </si>
  <si>
    <t>\\acsfs\profiles$\LUISPLS\Downloads\cd6a674e-2483-4437-b6c3-7c1238782c87.tmp</t>
  </si>
  <si>
    <t>01/13/2020 19:33:36</t>
  </si>
  <si>
    <t>01/13/2020 19:31:14</t>
  </si>
  <si>
    <t>625a161d-f1a7-4820-ac0e-6d3378a1929a.tmp</t>
  </si>
  <si>
    <t>\\acsfs\profiles$\regisadsa\Downloads\625a161d-f1a7-4820-ac0e-6d3378a1929a.tmp</t>
  </si>
  <si>
    <t>01/13/2020 19:30:29</t>
  </si>
  <si>
    <t>01/13/2020 19:35:31</t>
  </si>
  <si>
    <t>32a299c3-6c75-4027-ab8b-6710262d7a64.tmp</t>
  </si>
  <si>
    <t>\\acsfs\profiles$\anafaes\Downloads\32a299c3-6c75-4027-ab8b-6710262d7a64.tmp</t>
  </si>
  <si>
    <t>01/13/2020 19:31:32</t>
  </si>
  <si>
    <t>01/13/2020 19:36:30</t>
  </si>
  <si>
    <t>8be2ea1f-a3d7-4f92-8d78-08525340d9ee.tmp</t>
  </si>
  <si>
    <t>\\acsfs\profiles$\philipegsf\Downloads\8be2ea1f-a3d7-4f92-8d78-08525340d9ee.tmp</t>
  </si>
  <si>
    <t>01/13/2020 19:34:02</t>
  </si>
  <si>
    <t>01/13/2020 19:39:31</t>
  </si>
  <si>
    <t>01/13/2020 19:34:56</t>
  </si>
  <si>
    <t>01/13/2020 19:40:30</t>
  </si>
  <si>
    <t>01/13/2020 19:40:18</t>
  </si>
  <si>
    <t>01/13/2020 19:42:31</t>
  </si>
  <si>
    <t>01/13/2020 19:41:36</t>
  </si>
  <si>
    <t>01/13/2020 19:43:30</t>
  </si>
  <si>
    <t>01/13/2020 19:42:56</t>
  </si>
  <si>
    <t>01/13/2020 19:43:45</t>
  </si>
  <si>
    <t>01/13/2020 19:47:30</t>
  </si>
  <si>
    <t>01/13/2020 19:45:34</t>
  </si>
  <si>
    <t>01/13/2020 19:44:13</t>
  </si>
  <si>
    <t>01/13/2020 19:48:30</t>
  </si>
  <si>
    <t>01/13/2020 19:46:50</t>
  </si>
  <si>
    <t>01/13/2020 19:49:31</t>
  </si>
  <si>
    <t>ddcffd9c-4a79-4c3a-ac16-0e35c3fe79b1.tmp</t>
  </si>
  <si>
    <t>\\acsfs\profiles$\layonmof\Downloads\ddcffd9c-4a79-4c3a-ac16-0e35c3fe79b1.tmp</t>
  </si>
  <si>
    <t>01/13/2020 19:47:25</t>
  </si>
  <si>
    <t>8a17d827-339b-43d0-8ee7-508e530073e7.tmp</t>
  </si>
  <si>
    <t>\\acsfs\profiles$\layonmof\Downloads\8a17d827-339b-43d0-8ee7-508e530073e7.tmp</t>
  </si>
  <si>
    <t>01/13/2020 19:45:48</t>
  </si>
  <si>
    <t>01/13/2020 19:50:34</t>
  </si>
  <si>
    <t>01/13/2020 19:51:30</t>
  </si>
  <si>
    <t>01/13/2020 19:50:53</t>
  </si>
  <si>
    <t>01/13/2020 19:52:31</t>
  </si>
  <si>
    <t>01/13/2020 19:54:14</t>
  </si>
  <si>
    <t>01/13/2020 19:55:30</t>
  </si>
  <si>
    <t>01/13/2020 19:55:10</t>
  </si>
  <si>
    <t>01/13/2020 19:53:06</t>
  </si>
  <si>
    <t>01/13/2020 19:56:31</t>
  </si>
  <si>
    <t>8cf74728-e529-4b0a-a99b-89afeae4d318.tmp</t>
  </si>
  <si>
    <t>\\acsfs\profiles$\taylaedoa\Downloads\8cf74728-e529-4b0a-a99b-89afeae4d318.tmp</t>
  </si>
  <si>
    <t>01/13/2020 19:55:26</t>
  </si>
  <si>
    <t>01/13/2020 19:54:50</t>
  </si>
  <si>
    <t>01/13/2020 19:58:31</t>
  </si>
  <si>
    <t>01/13/2020 19:53:57</t>
  </si>
  <si>
    <t>01/13/2020 19:55:28</t>
  </si>
  <si>
    <t>01/13/2020 19:58:05</t>
  </si>
  <si>
    <t>01/13/2020 20:00:30</t>
  </si>
  <si>
    <t>01/13/2020 19:58:55</t>
  </si>
  <si>
    <t>01/13/2020 20:03:31</t>
  </si>
  <si>
    <t>01/13/2020 20:00:01</t>
  </si>
  <si>
    <t>01/13/2020 20:05:30</t>
  </si>
  <si>
    <t>01/13/2020 20:01:50</t>
  </si>
  <si>
    <t>b84b31f1-9cfb-4a78-9dc0-4915f0b5395a.tmp</t>
  </si>
  <si>
    <t>\\acsfs\profiles$\cintiadjl\Downloads\b84b31f1-9cfb-4a78-9dc0-4915f0b5395a.tmp</t>
  </si>
  <si>
    <t>01/13/2020 20:04:26</t>
  </si>
  <si>
    <t>01/13/2020 20:06:30</t>
  </si>
  <si>
    <t>01/13/2020 20:01:49</t>
  </si>
  <si>
    <t>01/13/2020 20:07:28</t>
  </si>
  <si>
    <t>01/13/2020 20:09:30</t>
  </si>
  <si>
    <t>01/13/2020 20:09:28</t>
  </si>
  <si>
    <t>01/13/2020 20:10:31</t>
  </si>
  <si>
    <t>01/13/2020 20:07:55</t>
  </si>
  <si>
    <t>01/13/2020 20:11:30</t>
  </si>
  <si>
    <t>3e441df3-c302-494b-b890-463282492bd1.tmp</t>
  </si>
  <si>
    <t>\\acsfs\profiles$\taylaedoa\Downloads\3e441df3-c302-494b-b890-463282492bd1.tmp</t>
  </si>
  <si>
    <t>01/13/2020 20:07:20</t>
  </si>
  <si>
    <t>01/13/2020 20:09:39</t>
  </si>
  <si>
    <t>795bb6e2-a35d-45dd-82e9-bbdb8cafba78.tmp</t>
  </si>
  <si>
    <t>\\acsfs\profiles$\myllenardl\Downloads\795bb6e2-a35d-45dd-82e9-bbdb8cafba78.tmp</t>
  </si>
  <si>
    <t>01/13/2020 20:10:44</t>
  </si>
  <si>
    <t>01/13/2020 20:12:31</t>
  </si>
  <si>
    <t>01/13/2020 20:13:04</t>
  </si>
  <si>
    <t>01/13/2020 20:13:30</t>
  </si>
  <si>
    <t>5635ff7b-dac4-43ed-afc1-c1172caed7dc.tmp</t>
  </si>
  <si>
    <t>\\acsfs\profiles$\alinepp\Downloads\5635ff7b-dac4-43ed-afc1-c1172caed7dc.tmp</t>
  </si>
  <si>
    <t>01/13/2020 20:11:49</t>
  </si>
  <si>
    <t>01/13/2020 20:14:31</t>
  </si>
  <si>
    <t>01/13/2020 20:12:28</t>
  </si>
  <si>
    <t>01/13/2020 20:11:20</t>
  </si>
  <si>
    <t>c92fbb55-a073-4e04-b1af-fa4041254f60.tmp</t>
  </si>
  <si>
    <t>\\acsfs\profiles$\brendadsl\Downloads\c92fbb55-a073-4e04-b1af-fa4041254f60.tmp</t>
  </si>
  <si>
    <t>01/13/2020 20:11:41</t>
  </si>
  <si>
    <t>6f6f4103-9b5d-40c9-9b6c-ed759d052591.tmp</t>
  </si>
  <si>
    <t>\\acsfs\profiles$\brendadsl\Downloads\6f6f4103-9b5d-40c9-9b6c-ed759d052591.tmp</t>
  </si>
  <si>
    <t>01/13/2020 20:12:00</t>
  </si>
  <si>
    <t>1c38f688-cc1e-4c0a-9394-b7c0572533f7.tmp</t>
  </si>
  <si>
    <t>\\acsfs\profiles$\brendadsl\Downloads\1c38f688-cc1e-4c0a-9394-b7c0572533f7.tmp</t>
  </si>
  <si>
    <t>01/13/2020 20:14:57</t>
  </si>
  <si>
    <t>01/13/2020 20:15:30</t>
  </si>
  <si>
    <t>01/13/2020 20:14:13</t>
  </si>
  <si>
    <t>01/13/2020 20:16:30</t>
  </si>
  <si>
    <t>https://pdf</t>
  </si>
  <si>
    <t>01/13/2020 20:13:35</t>
  </si>
  <si>
    <t>01/13/2020 20:17:31</t>
  </si>
  <si>
    <t>850aad7b-7d7d-4cf1-8d79-17df609f6690.tmp</t>
  </si>
  <si>
    <t>\\acsfs\profiles$\gabrielamdp\Downloads\850aad7b-7d7d-4cf1-8d79-17df609f6690.tmp</t>
  </si>
  <si>
    <t>01/13/2020 20:13:36</t>
  </si>
  <si>
    <t>84f19c81-3bfd-4078-b871-d965f6193827.tmp</t>
  </si>
  <si>
    <t>\\acsfs\profiles$\gabrielamdp\Downloads\84f19c81-3bfd-4078-b871-d965f6193827.tmp</t>
  </si>
  <si>
    <t>01/13/2020 20:15:42</t>
  </si>
  <si>
    <t>01/13/2020 20:13:37</t>
  </si>
  <si>
    <t>e8b5c8e8-590c-4008-92ee-f75562bb8ce3.tmp</t>
  </si>
  <si>
    <t>\\acsfs\profiles$\gabrielamdp\Downloads\e8b5c8e8-590c-4008-92ee-f75562bb8ce3.tmp</t>
  </si>
  <si>
    <t>01/13/2020 20:15:25</t>
  </si>
  <si>
    <t>01/13/2020 20:18:30</t>
  </si>
  <si>
    <t>10.200.66.50</t>
  </si>
  <si>
    <t>01/13/2020 20:14:19</t>
  </si>
  <si>
    <t>01/13/2020 20:19:31</t>
  </si>
  <si>
    <t>01/13/2020 20:18:44</t>
  </si>
  <si>
    <t>01/13/2020 20:20:30</t>
  </si>
  <si>
    <t>01/13/2020 20:16:15</t>
  </si>
  <si>
    <t>01/13/2020 20:21:31</t>
  </si>
  <si>
    <t>01/13/2020 20:17:46</t>
  </si>
  <si>
    <t>0bfdccba-6afe-48c5-8589-272ef16ed314.tmp</t>
  </si>
  <si>
    <t>\\acsfs\profiles$\fabianafv\Downloads\0bfdccba-6afe-48c5-8589-272ef16ed314.tmp</t>
  </si>
  <si>
    <t>01/13/2020 20:18:12</t>
  </si>
  <si>
    <t>9e6f3a3c-9820-4aa9-8ff2-d8b7f60e7924.tmp</t>
  </si>
  <si>
    <t>\\acsfs\profiles$\fabianafv\Downloads\9e6f3a3c-9820-4aa9-8ff2-d8b7f60e7924.tmp</t>
  </si>
  <si>
    <t>01/13/2020 20:19:41</t>
  </si>
  <si>
    <t>01/13/2020 20:20:42</t>
  </si>
  <si>
    <t>01/13/2020 20:16:53</t>
  </si>
  <si>
    <t>01/13/2020 20:22:31</t>
  </si>
  <si>
    <t>adee415d-9afc-45e1-b7fc-837ab2ebcd57.tmp</t>
  </si>
  <si>
    <t>\\acsfs\profiles$\gabrielamdp\Downloads\adee415d-9afc-45e1-b7fc-837ab2ebcd57.tmp</t>
  </si>
  <si>
    <t>01/13/2020 20:17:50</t>
  </si>
  <si>
    <t>e6a7810a-b15e-42cb-bdc2-5e8995ceb0b9.tmp</t>
  </si>
  <si>
    <t>\\acsfs\profiles$\gabrielamdp\Downloads\e6a7810a-b15e-42cb-bdc2-5e8995ceb0b9.tmp</t>
  </si>
  <si>
    <t>01/13/2020 20:18:37</t>
  </si>
  <si>
    <t>a5f4e6ab-3d63-4ecf-89f9-def2dc853f82.tmp</t>
  </si>
  <si>
    <t>\\acsfs\profiles$\gabrielamdp\Downloads\a5f4e6ab-3d63-4ecf-89f9-def2dc853f82.tmp</t>
  </si>
  <si>
    <t>a194c53b-1d27-42b4-b7f1-d05be5afd82a.tmp</t>
  </si>
  <si>
    <t>\\acsfs\profiles$\gabrielamdp\Downloads\a194c53b-1d27-42b4-b7f1-d05be5afd82a.tmp</t>
  </si>
  <si>
    <t>01/13/2020 20:18:51</t>
  </si>
  <si>
    <t>074c6af2-7267-41f5-a6b9-2490c98902b2.tmp</t>
  </si>
  <si>
    <t>\\acsfs\profiles$\gabrielamdp\Downloads\074c6af2-7267-41f5-a6b9-2490c98902b2.tmp</t>
  </si>
  <si>
    <t>01/13/2020 20:20:00</t>
  </si>
  <si>
    <t>3ffa44fe-c292-4a6b-98b9-bb56270bd0d4.tmp</t>
  </si>
  <si>
    <t>\\acsfs\profiles$\gabrielamdp\Downloads\3ffa44fe-c292-4a6b-98b9-bb56270bd0d4.tmp</t>
  </si>
  <si>
    <t>01/13/2020 20:23:31</t>
  </si>
  <si>
    <t>01/13/2020 20:22:25</t>
  </si>
  <si>
    <t>01/13/2020 20:24:31</t>
  </si>
  <si>
    <t>01/13/2020 20:22:47</t>
  </si>
  <si>
    <t>01/13/2020 20:22:52</t>
  </si>
  <si>
    <t>01/13/2020 20:22:58</t>
  </si>
  <si>
    <t>Modelo Funil - Consolidado Reneg Oficial.xlsx</t>
  </si>
  <si>
    <t>01/13/2020 20:23:04</t>
  </si>
  <si>
    <t>01/13/2020 20:23:05</t>
  </si>
  <si>
    <t>01/13/2020 20:23:06</t>
  </si>
  <si>
    <t>01/13/2020 20:23:09</t>
  </si>
  <si>
    <t>01/13/2020 20:25:30</t>
  </si>
  <si>
    <t>01/13/2020 20:20:49</t>
  </si>
  <si>
    <t>de45413d-edac-4ad7-bea8-9f6e0f6e9f36.tmp</t>
  </si>
  <si>
    <t>\\acsfs\profiles$\victorgl\Downloads\de45413d-edac-4ad7-bea8-9f6e0f6e9f36.tmp</t>
  </si>
  <si>
    <t>01/13/2020 20:26:31</t>
  </si>
  <si>
    <t>07e2ceec-2b7c-4f71-8e27-23acab5d778b.tmp</t>
  </si>
  <si>
    <t>\\acsfs\profiles$\taylaedoa\Downloads\07e2ceec-2b7c-4f71-8e27-23acab5d778b.tmp</t>
  </si>
  <si>
    <t>01/13/2020 20:23:10</t>
  </si>
  <si>
    <t>01/13/2020 20:21:42</t>
  </si>
  <si>
    <t>01/13/2020 20:25:37</t>
  </si>
  <si>
    <t>01/13/2020 20:26:28</t>
  </si>
  <si>
    <t>01/13/2020 20:27:30</t>
  </si>
  <si>
    <t>01/13/2020 20:28:31</t>
  </si>
  <si>
    <t>01/13/2020 20:26:48</t>
  </si>
  <si>
    <t>01/13/2020 20:28:02</t>
  </si>
  <si>
    <t>01/13/2020 20:23:27</t>
  </si>
  <si>
    <t>e86876aa-93fa-471d-b3fb-9c5bf1414171.tmp</t>
  </si>
  <si>
    <t>\\acsfs\profiles$\gabrielamdp\Downloads\e86876aa-93fa-471d-b3fb-9c5bf1414171.tmp</t>
  </si>
  <si>
    <t>01/13/2020 20:25:07</t>
  </si>
  <si>
    <t>424a8021-6cf4-4439-8d68-7e05f015a56f.tmp</t>
  </si>
  <si>
    <t>\\acsfs\profiles$\gabrielamdp\Downloads\424a8021-6cf4-4439-8d68-7e05f015a56f.tmp</t>
  </si>
  <si>
    <t>01/13/2020 20:24:20</t>
  </si>
  <si>
    <t>e1ec72f4-8bb7-4b65-8b49-535b12d42e7c.tmp</t>
  </si>
  <si>
    <t>\\acsfs\profiles$\alinepp\Downloads\e1ec72f4-8bb7-4b65-8b49-535b12d42e7c.tmp</t>
  </si>
  <si>
    <t>01/13/2020 20:28:53</t>
  </si>
  <si>
    <t>01/13/2020 20:30:30</t>
  </si>
  <si>
    <t>01/13/2020 20:28:35</t>
  </si>
  <si>
    <t>01/13/2020 20:26:56</t>
  </si>
  <si>
    <t>01/13/2020 20:31:31</t>
  </si>
  <si>
    <t>01/13/2020 20:30:32</t>
  </si>
  <si>
    <t>01/13/2020 20:31:17</t>
  </si>
  <si>
    <t>01/13/2020 20:32:30</t>
  </si>
  <si>
    <t>\\acsfs\profiles$\rafaelacdoc\</t>
  </si>
  <si>
    <t>\\acsfs\profiles$\rafaelacdoc\.~lock.VENDAS.ods#</t>
  </si>
  <si>
    <t>lu17060vsanq.tmp</t>
  </si>
  <si>
    <t>\\acsfs\profiles$\rafaelacdoc\lu17060vsanq.tmp</t>
  </si>
  <si>
    <t>\\acsfs\profiles$\rafaelacdoc\lu17060vsanq.tmp\</t>
  </si>
  <si>
    <t>\\acsfs\profiles$\rafaelacdoc\lu17060vsanq.tmp\META-INF\</t>
  </si>
  <si>
    <t>\\acsfs\profiles$\rafaelacdoc\lu17060vsanq.tmp\Thumbnails\</t>
  </si>
  <si>
    <t>01/13/2020 20:29:35</t>
  </si>
  <si>
    <t>01/13/2020 20:33:31</t>
  </si>
  <si>
    <t>01/13/2020 20:29:46</t>
  </si>
  <si>
    <t>01/13/2020 20:28:55</t>
  </si>
  <si>
    <t>ligar amanhã.txt</t>
  </si>
  <si>
    <t>\\acsfs\profiles$\thaynaracsl\My Documents\ligar amanhã.txt</t>
  </si>
  <si>
    <t>01/13/2020 20:28:10</t>
  </si>
  <si>
    <t>01/13/2020 20:31:40</t>
  </si>
  <si>
    <t>c9022555-3133-4fda-89b0-da989e95dba5.tmp</t>
  </si>
  <si>
    <t>\\acsfs\profiles$\gabrielamdp\Downloads\c9022555-3133-4fda-89b0-da989e95dba5.tmp</t>
  </si>
  <si>
    <t>258f14fa-44b0-483a-9b85-f0be6f810578.tmp</t>
  </si>
  <si>
    <t>\\acsfs\profiles$\gabrielamdp\Downloads\258f14fa-44b0-483a-9b85-f0be6f810578.tmp</t>
  </si>
  <si>
    <t>01/13/2020 20:31:41</t>
  </si>
  <si>
    <t>9191ca68-4d67-46ae-91e7-2ed23743db2e.tmp</t>
  </si>
  <si>
    <t>\\acsfs\profiles$\gabrielamdp\Downloads\9191ca68-4d67-46ae-91e7-2ed23743db2e.tmp</t>
  </si>
  <si>
    <t>01/13/2020 20:32:24</t>
  </si>
  <si>
    <t>39e40ff0-242b-4b38-9f34-8eb80a5e18df.tmp</t>
  </si>
  <si>
    <t>\\acsfs\profiles$\gabrielamdp\Downloads\39e40ff0-242b-4b38-9f34-8eb80a5e18df.tmp</t>
  </si>
  <si>
    <t>01/13/2020 20:32:31</t>
  </si>
  <si>
    <t>f3c3ebc5-c69a-4c3d-a0e4-f85004f81c5b.tmp</t>
  </si>
  <si>
    <t>\\acsfs\profiles$\gabrielamdp\Downloads\f3c3ebc5-c69a-4c3d-a0e4-f85004f81c5b.tmp</t>
  </si>
  <si>
    <t>01/13/2020 20:35:24</t>
  </si>
  <si>
    <t>01/13/2020 20:36:31</t>
  </si>
  <si>
    <t>01/13/2020 20:34:09</t>
  </si>
  <si>
    <t>01/13/2020 20:38:32</t>
  </si>
  <si>
    <t>ecd4365d-485f-4add-831f-89b695aa4760.tmp</t>
  </si>
  <si>
    <t>\\acsfs\profiles$\gabrielamdp\Downloads\ecd4365d-485f-4add-831f-89b695aa4760.tmp</t>
  </si>
  <si>
    <t>01/13/2020 20:34:30</t>
  </si>
  <si>
    <t>2c24413d-6045-4dac-9ffb-4755013b102a.tmp</t>
  </si>
  <si>
    <t>\\acsfs\profiles$\gabrielamdp\Downloads\2c24413d-6045-4dac-9ffb-4755013b102a.tmp</t>
  </si>
  <si>
    <t>01/13/2020 20:36:16</t>
  </si>
  <si>
    <t>01/13/2020 20:39:32</t>
  </si>
  <si>
    <t>23d15aaa-d59a-4b97-9f9a-24c109bde476.tmp</t>
  </si>
  <si>
    <t>\\acsfs\profiles$\layonmof\Downloads\23d15aaa-d59a-4b97-9f9a-24c109bde476.tmp</t>
  </si>
  <si>
    <t>01/13/2020 20:38:27</t>
  </si>
  <si>
    <t>3a0256d3-3b84-4316-913e-ac1864f68d1c.tmp</t>
  </si>
  <si>
    <t>\\acsfs\profiles$\layonmof\Downloads\3a0256d3-3b84-4316-913e-ac1864f68d1c.tmp</t>
  </si>
  <si>
    <t>01/13/2020 20:40:31</t>
  </si>
  <si>
    <t>01/13/2020 20:37:42</t>
  </si>
  <si>
    <t>01/13/2020 20:42:32</t>
  </si>
  <si>
    <t>01/13/2020 20:41:19</t>
  </si>
  <si>
    <t>01/13/2020 20:43:32</t>
  </si>
  <si>
    <t>01/13/2020 20:41:09</t>
  </si>
  <si>
    <t>01/13/2020 20:45:29</t>
  </si>
  <si>
    <t>01/13/2020 20:46:31</t>
  </si>
  <si>
    <t>543c74ec-7ae6-4c84-be17-d5e26c709a63.tmp</t>
  </si>
  <si>
    <t>\\acsfs\profiles$\ingridsm\Downloads\543c74ec-7ae6-4c84-be17-d5e26c709a63.tmp</t>
  </si>
  <si>
    <t>01/13/2020 20:42:45</t>
  </si>
  <si>
    <t>01/13/2020 20:47:32</t>
  </si>
  <si>
    <t>3bd87b9d-3b57-4989-929a-5eef3d31c231.tmp</t>
  </si>
  <si>
    <t>\\acsfs\profiles$\rafaelacdoc\Downloads\3bd87b9d-3b57-4989-929a-5eef3d31c231.tmp</t>
  </si>
  <si>
    <t>01/13/2020 20:46:27</t>
  </si>
  <si>
    <t>d2df61ed-f9f0-4642-8ff0-0e099ee61411.tmp</t>
  </si>
  <si>
    <t>\\acsfs\profiles$\rafaelacdoc\Downloads\d2df61ed-f9f0-4642-8ff0-0e099ee61411.tmp</t>
  </si>
  <si>
    <t>01/13/2020 20:46:42</t>
  </si>
  <si>
    <t>ac4f4b2f-0739-4e59-b3d5-b70baa138911.tmp</t>
  </si>
  <si>
    <t>\\acsfs\profiles$\rafaelacdoc\Downloads\ac4f4b2f-0739-4e59-b3d5-b70baa138911.tmp</t>
  </si>
  <si>
    <t>01/13/2020 20:45:24</t>
  </si>
  <si>
    <t>01/13/2020 20:50:32</t>
  </si>
  <si>
    <t>62ce2ca8-4f28-4b8d-a3c6-5b2a88349084.tmp</t>
  </si>
  <si>
    <t>\\acsfs\profiles$\gabrielamdp\Downloads\62ce2ca8-4f28-4b8d-a3c6-5b2a88349084.tmp</t>
  </si>
  <si>
    <t>01/13/2020 20:45:51</t>
  </si>
  <si>
    <t>2e0d2ce1-d7a3-452a-bd50-001cca8c2075.tmp</t>
  </si>
  <si>
    <t>\\acsfs\profiles$\gabrielamdp\Downloads\2e0d2ce1-d7a3-452a-bd50-001cca8c2075.tmp</t>
  </si>
  <si>
    <t>01/13/2020 20:46:13</t>
  </si>
  <si>
    <t>a29b78b5-001c-4a48-8d09-313d7d91060f.tmp</t>
  </si>
  <si>
    <t>\\acsfs\profiles$\gabrielamdp\Downloads\a29b78b5-001c-4a48-8d09-313d7d91060f.tmp</t>
  </si>
  <si>
    <t>01/13/2020 20:46:06</t>
  </si>
  <si>
    <t>01/13/2020 20:49:28</t>
  </si>
  <si>
    <t>01/13/2020 20:52:32</t>
  </si>
  <si>
    <t>01/13/2020 20:52:11</t>
  </si>
  <si>
    <t>01/13/2020 20:53:32</t>
  </si>
  <si>
    <t>01/13/2020 20:51:26</t>
  </si>
  <si>
    <t>01/13/2020 20:55:32</t>
  </si>
  <si>
    <t>99f53953-457e-439a-8fe6-425624fd5251.tmp</t>
  </si>
  <si>
    <t>\\acsfs\profiles$\gabrielamdp\Downloads\99f53953-457e-439a-8fe6-425624fd5251.tmp</t>
  </si>
  <si>
    <t>01/13/2020 20:52:03</t>
  </si>
  <si>
    <t>491d2382-426d-4b53-b8d3-8c527583897a.tmp</t>
  </si>
  <si>
    <t>\\acsfs\profiles$\gabrielamdp\Downloads\491d2382-426d-4b53-b8d3-8c527583897a.tmp</t>
  </si>
  <si>
    <t>01/13/2020 20:52:04</t>
  </si>
  <si>
    <t>e9799238-397a-46bc-9a77-111159628504.tmp</t>
  </si>
  <si>
    <t>\\acsfs\profiles$\gabrielamdp\Downloads\e9799238-397a-46bc-9a77-111159628504.tmp</t>
  </si>
  <si>
    <t>01/13/2020 20:54:22</t>
  </si>
  <si>
    <t>01/13/2020 20:56:32</t>
  </si>
  <si>
    <t>01/13/2020 20:58:41</t>
  </si>
  <si>
    <t>01/13/2020 21:00:32</t>
  </si>
  <si>
    <t>01/13/2020 20:56:02</t>
  </si>
  <si>
    <t>721a8b70-0454-4c5a-8a71-4489a19cbd43.tmp</t>
  </si>
  <si>
    <t>\\acsfs\profiles$\laurandos\Downloads\721a8b70-0454-4c5a-8a71-4489a19cbd43.tmp</t>
  </si>
  <si>
    <t>01/13/2020 20:57:19</t>
  </si>
  <si>
    <t>01/13/2020 21:01:31</t>
  </si>
  <si>
    <t>01/13/2020 21:00:06</t>
  </si>
  <si>
    <t>01/13/2020 21:02:32</t>
  </si>
  <si>
    <t>XLOG_marcosvnds_13012020_163728.log</t>
  </si>
  <si>
    <t>\\acsfs\profiles$\marcosvnds\My Documents\xworkcenter\logs\XLOG_marcosvnds_13012020_163728.log</t>
  </si>
  <si>
    <t>01/13/2020 21:00:34</t>
  </si>
  <si>
    <t>01/13/2020 21:05:31</t>
  </si>
  <si>
    <t>59662398-49b9-4318-8db6-74a797b2b1f4.tmp</t>
  </si>
  <si>
    <t>\\acsfs\profiles$\laurandos\Downloads\59662398-49b9-4318-8db6-74a797b2b1f4.tmp</t>
  </si>
  <si>
    <t>01/13/2020 21:02:27</t>
  </si>
  <si>
    <t>c78db1a0-5538-4770-b2dd-7a1d43116809.tmp</t>
  </si>
  <si>
    <t>\\acsfs\profiles$\laurandos\Downloads\c78db1a0-5538-4770-b2dd-7a1d43116809.tmp</t>
  </si>
  <si>
    <t>01/13/2020 21:03:49</t>
  </si>
  <si>
    <t>0be33b52-6c54-4031-8765-2bb1c6b69237.tmp</t>
  </si>
  <si>
    <t>\\acsfs\profiles$\ingridsm\Downloads\0be33b52-6c54-4031-8765-2bb1c6b69237.tmp</t>
  </si>
  <si>
    <t>01/13/2020 21:04:11</t>
  </si>
  <si>
    <t>01/13/2020 21:07:29</t>
  </si>
  <si>
    <t>01/13/2020 21:07:31</t>
  </si>
  <si>
    <t>01/13/2020 21:04:13</t>
  </si>
  <si>
    <t>01/13/2020 21:08:31</t>
  </si>
  <si>
    <t>4b879d53-05ed-460e-9e14-0d7f1713000e.tmp</t>
  </si>
  <si>
    <t>\\acsfs\profiles$\alinepp\Downloads\4b879d53-05ed-460e-9e14-0d7f1713000e.tmp</t>
  </si>
  <si>
    <t>01/13/2020 21:09:10</t>
  </si>
  <si>
    <t>01/13/2020 21:10:31</t>
  </si>
  <si>
    <t>01/13/2020 21:07:53</t>
  </si>
  <si>
    <t>0dbba28b-a0fe-4822-a011-4fc85bfcb55c.tmp</t>
  </si>
  <si>
    <t>\\acsfs\profiles$\ingridsm\Downloads\0dbba28b-a0fe-4822-a011-4fc85bfcb55c.tmp</t>
  </si>
  <si>
    <t>01/13/2020 21:08:46</t>
  </si>
  <si>
    <t>10bffe71-ca6d-4c6e-861d-0850186216b0.tmp</t>
  </si>
  <si>
    <t>\\acsfs\profiles$\ingridsm\Downloads\10bffe71-ca6d-4c6e-861d-0850186216b0.tmp</t>
  </si>
  <si>
    <t>01/13/2020 21:09:55</t>
  </si>
  <si>
    <t>01/13/2020 21:11:36</t>
  </si>
  <si>
    <t>01/13/2020 21:13:31</t>
  </si>
  <si>
    <t>VENDAS VALORES.txt</t>
  </si>
  <si>
    <t>\\acsfs\profiles$\julianeas\My Documents\VENDAS VALORES.txt</t>
  </si>
  <si>
    <t>01/13/2020 21:12:58</t>
  </si>
  <si>
    <t>01/13/2020 21:14:32</t>
  </si>
  <si>
    <t>f6645e11-52a1-4073-89e2-9700b74a7585.tmp</t>
  </si>
  <si>
    <t>\\acsfs\profiles$\brendadsl\Downloads\f6645e11-52a1-4073-89e2-9700b74a7585.tmp</t>
  </si>
  <si>
    <t>01/13/2020 21:14:22</t>
  </si>
  <si>
    <t>01/13/2020 21:15:32</t>
  </si>
  <si>
    <t>4eb7bebf-3759-471a-a11f-7fcf792ba280.tmp</t>
  </si>
  <si>
    <t>\\acsfs\profiles$\ingridsm\Downloads\4eb7bebf-3759-471a-a11f-7fcf792ba280.tmp</t>
  </si>
  <si>
    <t>01/13/2020 21:15:04</t>
  </si>
  <si>
    <t>01/13/2020 21:16:31</t>
  </si>
  <si>
    <t>01/13/2020 21:15:44</t>
  </si>
  <si>
    <t>01/13/2020 21:18:31</t>
  </si>
  <si>
    <t>01/13/2020 21:15:21</t>
  </si>
  <si>
    <t>8e808db9-8df0-4b1e-b489-cea694afca47.tmp</t>
  </si>
  <si>
    <t>\\acsfs\profiles$\alinepp\Downloads\8e808db9-8df0-4b1e-b489-cea694afca47.tmp</t>
  </si>
  <si>
    <t>01/13/2020 21:13:47</t>
  </si>
  <si>
    <t>01/13/2020 21:19:31</t>
  </si>
  <si>
    <t>01/13/2020 21:19:21</t>
  </si>
  <si>
    <t>01/13/2020 21:20:31</t>
  </si>
  <si>
    <t>4dc5a55e-96c2-4c65-9d3e-d8dfe0f82932.tmp</t>
  </si>
  <si>
    <t>\\acsfs\profiles$\Adrieledgc\Downloads\4dc5a55e-96c2-4c65-9d3e-d8dfe0f82932.tmp</t>
  </si>
  <si>
    <t>01/13/2020 21:19:24</t>
  </si>
  <si>
    <t>01/13/2020 21:19:25</t>
  </si>
  <si>
    <t>01/13/2020 21:19:27</t>
  </si>
  <si>
    <t>01/13/2020 21:19:28</t>
  </si>
  <si>
    <t>01/13/2020 21:19:30</t>
  </si>
  <si>
    <t>01/13/2020 21:19:32</t>
  </si>
  <si>
    <t>01/13/2020 21:19:33</t>
  </si>
  <si>
    <t>01/13/2020 21:19:34</t>
  </si>
  <si>
    <t>01/13/2020 21:19:39</t>
  </si>
  <si>
    <t>01/13/2020 21:19:49</t>
  </si>
  <si>
    <t>01/13/2020 21:19:51</t>
  </si>
  <si>
    <t>01/13/2020 21:19:52</t>
  </si>
  <si>
    <t>01/13/2020 21:19:53</t>
  </si>
  <si>
    <t>01/13/2020 21:21:31</t>
  </si>
  <si>
    <t>01/13/2020 21:19:54</t>
  </si>
  <si>
    <t>01/13/2020 21:19:57</t>
  </si>
  <si>
    <t>01/13/2020 21:19:58</t>
  </si>
  <si>
    <t>01/13/2020 21:19:59</t>
  </si>
  <si>
    <t>01/13/2020 21:20:02</t>
  </si>
  <si>
    <t>01/13/2020 21:20:04</t>
  </si>
  <si>
    <t>01/13/2020 21:20:07</t>
  </si>
  <si>
    <t>01/13/2020 21:17:29</t>
  </si>
  <si>
    <t>01/13/2020 21:18:27</t>
  </si>
  <si>
    <t>01/13/2020 21:22:41</t>
  </si>
  <si>
    <t>01/13/2020 21:23:31</t>
  </si>
  <si>
    <t>f0023aef-fd3c-4eb9-b53e-e640e4a13f4b.tmp</t>
  </si>
  <si>
    <t>\\acsfs\profiles$\alinepp\Downloads\f0023aef-fd3c-4eb9-b53e-e640e4a13f4b.tmp</t>
  </si>
  <si>
    <t>01/13/2020 21:20:09</t>
  </si>
  <si>
    <t>01/13/2020 21:24:32</t>
  </si>
  <si>
    <t>01/13/2020 21:22:23</t>
  </si>
  <si>
    <t>01/13/2020 21:25:31</t>
  </si>
  <si>
    <t>01/13/2020 21:21:05</t>
  </si>
  <si>
    <t>01/13/2020 21:21:03</t>
  </si>
  <si>
    <t>https://www.google.com.br/domainreliability/upload</t>
  </si>
  <si>
    <t>01/13/2020 21:21:22</t>
  </si>
  <si>
    <t>f7202be8-4697-4c5f-96bb-d135eb233dc3.tmp</t>
  </si>
  <si>
    <t>\\acsfs\profiles$\victorgl\Downloads\f7202be8-4697-4c5f-96bb-d135eb233dc3.tmp</t>
  </si>
  <si>
    <t>01/13/2020 21:26:31</t>
  </si>
  <si>
    <t>01/13/2020 21:26:52</t>
  </si>
  <si>
    <t>01/13/2020 21:30:32</t>
  </si>
  <si>
    <t>01/13/2020 21:27:43</t>
  </si>
  <si>
    <t>b7994962-41d7-4861-946f-df8321923e59.tmp</t>
  </si>
  <si>
    <t>\\acsfs\profiles$\gabrielamdp\Downloads\b7994962-41d7-4861-946f-df8321923e59.tmp</t>
  </si>
  <si>
    <t>01/13/2020 21:28:57</t>
  </si>
  <si>
    <t>01/13/2020 21:28:03</t>
  </si>
  <si>
    <t>01/13/2020 21:28:07</t>
  </si>
  <si>
    <t>01/13/2020 21:28:08</t>
  </si>
  <si>
    <t>01/13/2020 21:28:14</t>
  </si>
  <si>
    <t>01/13/2020 21:28:27</t>
  </si>
  <si>
    <t>01/13/2020 21:28:28</t>
  </si>
  <si>
    <t>01/13/2020 21:28:29</t>
  </si>
  <si>
    <t>01/13/2020 21:28:31</t>
  </si>
  <si>
    <t>01/13/2020 21:28:37</t>
  </si>
  <si>
    <t>01/13/2020 21:28:38</t>
  </si>
  <si>
    <t>01/13/2020 21:28:40</t>
  </si>
  <si>
    <t>01/13/2020 21:28:41</t>
  </si>
  <si>
    <t>01/13/2020 21:30:25</t>
  </si>
  <si>
    <t>01/13/2020 21:33:31</t>
  </si>
  <si>
    <t>01/13/2020 21:29:07</t>
  </si>
  <si>
    <t>01/13/2020 21:34:32</t>
  </si>
  <si>
    <t>4c13c462-7da5-48da-a657-f7b08f0a3f5f.tmp</t>
  </si>
  <si>
    <t>\\acsfs\profiles$\layonmof\Downloads\4c13c462-7da5-48da-a657-f7b08f0a3f5f.tmp</t>
  </si>
  <si>
    <t>01/13/2020 21:30:06</t>
  </si>
  <si>
    <t>01/13/2020 21:35:31</t>
  </si>
  <si>
    <t>d4c0a79e-8a18-4920-9ebe-b4d55fe998cd.tmp</t>
  </si>
  <si>
    <t>\\acsfs\profiles$\joycemmdl\Downloads\d4c0a79e-8a18-4920-9ebe-b4d55fe998cd.tmp</t>
  </si>
  <si>
    <t>01/13/2020 21:32:39</t>
  </si>
  <si>
    <t>6796ffe2-0e47-46de-84c9-6724bd92fc69.tmp</t>
  </si>
  <si>
    <t>\\acsfs\profiles$\joycemmdl\Downloads\6796ffe2-0e47-46de-84c9-6724bd92fc69.tmp</t>
  </si>
  <si>
    <t>01/13/2020 21:32:45</t>
  </si>
  <si>
    <t>01/13/2020 21:31:14</t>
  </si>
  <si>
    <t>01/13/2020 21:36:31</t>
  </si>
  <si>
    <t>01/13/2020 21:31:15</t>
  </si>
  <si>
    <t>01/13/2020 21:31:16</t>
  </si>
  <si>
    <t>01/13/2020 21:31:17</t>
  </si>
  <si>
    <t>01/13/2020 21:31:19</t>
  </si>
  <si>
    <t>01/13/2020 21:31:43</t>
  </si>
  <si>
    <t>01/13/2020 21:31:24</t>
  </si>
  <si>
    <t>01/13/2020 21:31:46</t>
  </si>
  <si>
    <t>01/13/2020 21:31:48</t>
  </si>
  <si>
    <t>01/13/2020 21:32:21</t>
  </si>
  <si>
    <t>01/13/2020 21:35:19</t>
  </si>
  <si>
    <t>01/13/2020 21:35:21</t>
  </si>
  <si>
    <t>01/13/2020 21:35:22</t>
  </si>
  <si>
    <t>01/13/2020 21:35:23</t>
  </si>
  <si>
    <t>01/13/2020 21:35:28</t>
  </si>
  <si>
    <t>01/13/2020 21:36:26</t>
  </si>
  <si>
    <t>01/13/2020 21:38:31</t>
  </si>
  <si>
    <t>3852d03d-de90-4b68-9b80-7d5e30220e12.tmp</t>
  </si>
  <si>
    <t>\\acsfs\profiles$\alinepp\Downloads\3852d03d-de90-4b68-9b80-7d5e30220e12.tmp</t>
  </si>
  <si>
    <t>01/13/2020 21:35:53</t>
  </si>
  <si>
    <t>01/13/2020 21:40:32</t>
  </si>
  <si>
    <t>85fd1852-dba2-4356-a288-8f0b6a628e37.tmp</t>
  </si>
  <si>
    <t>\\acsfs\profiles$\ingridsm\Downloads\85fd1852-dba2-4356-a288-8f0b6a628e37.tmp</t>
  </si>
  <si>
    <t>01/13/2020 21:35:41</t>
  </si>
  <si>
    <t>01/13/2020 21:41:32</t>
  </si>
  <si>
    <t>01/13/2020 21:35:42</t>
  </si>
  <si>
    <t>01/13/2020 21:35:44</t>
  </si>
  <si>
    <t>01/13/2020 21:35:45</t>
  </si>
  <si>
    <t>01/13/2020 21:35:48</t>
  </si>
  <si>
    <t>01/13/2020 21:35:49</t>
  </si>
  <si>
    <t>01/13/2020 21:35:55</t>
  </si>
  <si>
    <t>01/13/2020 21:36:03</t>
  </si>
  <si>
    <t>01/13/2020 21:36:05</t>
  </si>
  <si>
    <t>01/13/2020 21:36:06</t>
  </si>
  <si>
    <t>01/13/2020 21:36:07</t>
  </si>
  <si>
    <t>01/13/2020 21:36:09</t>
  </si>
  <si>
    <t>01/13/2020 21:36:10</t>
  </si>
  <si>
    <t>01/13/2020 21:36:11</t>
  </si>
  <si>
    <t>01/13/2020 21:36:13</t>
  </si>
  <si>
    <t>01/13/2020 21:36:14</t>
  </si>
  <si>
    <t>01/13/2020 21:36:16</t>
  </si>
  <si>
    <t>01/13/2020 21:36:20</t>
  </si>
  <si>
    <t>01/13/2020 21:36:28</t>
  </si>
  <si>
    <t>01/13/2020 21:36:29</t>
  </si>
  <si>
    <t>01/13/2020 21:36:30</t>
  </si>
  <si>
    <t>01/13/2020 21:36:32</t>
  </si>
  <si>
    <t>01/13/2020 21:36:34</t>
  </si>
  <si>
    <t>01/13/2020 21:36:35</t>
  </si>
  <si>
    <t>01/13/2020 21:36:36</t>
  </si>
  <si>
    <t>01/13/2020 21:36:37</t>
  </si>
  <si>
    <t>01/13/2020 21:36:41</t>
  </si>
  <si>
    <t>01/13/2020 21:36:56</t>
  </si>
  <si>
    <t>01/13/2020 21:37:30</t>
  </si>
  <si>
    <t>01/13/2020 21:37:32</t>
  </si>
  <si>
    <t>01/13/2020 21:37:33</t>
  </si>
  <si>
    <t>01/13/2020 21:37:34</t>
  </si>
  <si>
    <t>01/13/2020 21:37:38</t>
  </si>
  <si>
    <t>01/13/2020 21:37:39</t>
  </si>
  <si>
    <t>01/13/2020 21:37:43</t>
  </si>
  <si>
    <t>01/13/2020 21:37:46</t>
  </si>
  <si>
    <t>01/13/2020 21:37:47</t>
  </si>
  <si>
    <t>01/13/2020 21:37:48</t>
  </si>
  <si>
    <t>01/13/2020 21:37:52</t>
  </si>
  <si>
    <t>01/13/2020 21:37:53</t>
  </si>
  <si>
    <t>01/13/2020 21:37:54</t>
  </si>
  <si>
    <t>01/13/2020 21:37:55</t>
  </si>
  <si>
    <t>01/13/2020 21:37:56</t>
  </si>
  <si>
    <t>01/13/2020 21:38:01</t>
  </si>
  <si>
    <t>01/13/2020 21:38:03</t>
  </si>
  <si>
    <t>01/13/2020 21:38:06</t>
  </si>
  <si>
    <t>01/13/2020 21:38:07</t>
  </si>
  <si>
    <t>01/13/2020 21:38:08</t>
  </si>
  <si>
    <t>01/13/2020 21:38:11</t>
  </si>
  <si>
    <t>01/13/2020 21:38:16</t>
  </si>
  <si>
    <t>01/13/2020 21:38:17</t>
  </si>
  <si>
    <t>01/13/2020 21:38:20</t>
  </si>
  <si>
    <t>01/13/2020 21:38:22</t>
  </si>
  <si>
    <t>01/13/2020 21:39:01</t>
  </si>
  <si>
    <t>01/13/2020 21:39:02</t>
  </si>
  <si>
    <t>01/13/2020 21:39:03</t>
  </si>
  <si>
    <t>01/13/2020 21:39:04</t>
  </si>
  <si>
    <t>01/13/2020 21:37:27</t>
  </si>
  <si>
    <t>01/13/2020 21:38:33</t>
  </si>
  <si>
    <t>01/13/2020 21:42:32</t>
  </si>
  <si>
    <t>01/13/2020 21:41:15</t>
  </si>
  <si>
    <t>01/13/2020 21:45:32</t>
  </si>
  <si>
    <t>01/13/2020 21:42:08</t>
  </si>
  <si>
    <t>01/13/2020 21:46:32</t>
  </si>
  <si>
    <t>01/13/2020 21:46:21</t>
  </si>
  <si>
    <t>01/13/2020 21:47:32</t>
  </si>
  <si>
    <t>01/13/2020 21:45:15</t>
  </si>
  <si>
    <t>01/13/2020 21:50:32</t>
  </si>
  <si>
    <t>01/13/2020 21:45:36</t>
  </si>
  <si>
    <t>f4db4954-f576-4661-9f62-ec1fe2611ea8.tmp</t>
  </si>
  <si>
    <t>\\acsfs\profiles$\ingridsm\Downloads\f4db4954-f576-4661-9f62-ec1fe2611ea8.tmp</t>
  </si>
  <si>
    <t>01/13/2020 21:46:59</t>
  </si>
  <si>
    <t>01/13/2020 21:51:31</t>
  </si>
  <si>
    <t>01/13/2020 21:46:35</t>
  </si>
  <si>
    <t>01/13/2020 21:46:44</t>
  </si>
  <si>
    <t>01/13/2020 21:46:45</t>
  </si>
  <si>
    <t>01/13/2020 21:46:46</t>
  </si>
  <si>
    <t>01/13/2020 21:46:49</t>
  </si>
  <si>
    <t>01/13/2020 21:46:51</t>
  </si>
  <si>
    <t>01/13/2020 21:46:52</t>
  </si>
  <si>
    <t>01/13/2020 21:46:53</t>
  </si>
  <si>
    <t>01/13/2020 21:46:54</t>
  </si>
  <si>
    <t>01/13/2020 21:46:55</t>
  </si>
  <si>
    <t>01/13/2020 21:46:56</t>
  </si>
  <si>
    <t>01/13/2020 21:47:01</t>
  </si>
  <si>
    <t>01/13/2020 21:47:02</t>
  </si>
  <si>
    <t>01/13/2020 21:47:03</t>
  </si>
  <si>
    <t>01/13/2020 21:47:05</t>
  </si>
  <si>
    <t>01/13/2020 21:47:06</t>
  </si>
  <si>
    <t>01/13/2020 21:47:08</t>
  </si>
  <si>
    <t>01/13/2020 21:47:10</t>
  </si>
  <si>
    <t>01/13/2020 21:47:11</t>
  </si>
  <si>
    <t>01/13/2020 21:47:12</t>
  </si>
  <si>
    <t>01/13/2020 21:47:13</t>
  </si>
  <si>
    <t>01/13/2020 21:47:16</t>
  </si>
  <si>
    <t>01/13/2020 21:47:21</t>
  </si>
  <si>
    <t>01/13/2020 21:49:09</t>
  </si>
  <si>
    <t>01/13/2020 21:54:32</t>
  </si>
  <si>
    <t>01/13/2020 21:52:09</t>
  </si>
  <si>
    <t>01/13/2020 21:55:32</t>
  </si>
  <si>
    <t>01/13/2020 21:58:11</t>
  </si>
  <si>
    <t>01/13/2020 22:00:32</t>
  </si>
  <si>
    <t>01/13/2020 21:56:53</t>
  </si>
  <si>
    <t>01/13/2020 21:57:29</t>
  </si>
  <si>
    <t>01/13/2020 22:01:31</t>
  </si>
  <si>
    <t>65e3c84b-b1f5-4dfe-bcd0-fea326069513.tmp</t>
  </si>
  <si>
    <t>\\acsfs\profiles$\victorgl\Downloads\65e3c84b-b1f5-4dfe-bcd0-fea326069513.tmp</t>
  </si>
  <si>
    <t>01/13/2020 22:00:28</t>
  </si>
  <si>
    <t>186983f5-d06f-4cbd-8eef-6150dd7f1886.tmp</t>
  </si>
  <si>
    <t>\\acsfs\profiles$\fabianafv\Downloads\186983f5-d06f-4cbd-8eef-6150dd7f1886.tmp</t>
  </si>
  <si>
    <t>01/13/2020 21:57:48</t>
  </si>
  <si>
    <t>01/13/2020 22:02:31</t>
  </si>
  <si>
    <t>5a1f3198-3b2d-4954-a6b0-36a2215fe966.tmp</t>
  </si>
  <si>
    <t>\\acsfs\profiles$\rogeriofd\Downloads\5a1f3198-3b2d-4954-a6b0-36a2215fe966.tmp</t>
  </si>
  <si>
    <t>01/13/2020 21:59:25</t>
  </si>
  <si>
    <t>aefa68a6-4cf6-42e4-a1ac-4eda7f32c61d.tmp</t>
  </si>
  <si>
    <t>\\acsfs\profiles$\rogeriofd\Downloads\aefa68a6-4cf6-42e4-a1ac-4eda7f32c61d.tmp</t>
  </si>
  <si>
    <t>01/13/2020 22:00:52</t>
  </si>
  <si>
    <t>01/13/2020 22:02:42</t>
  </si>
  <si>
    <t>01/13/2020 22:03:32</t>
  </si>
  <si>
    <t>a0eba776-8f51-4137-b23c-6c59df786895.tmp</t>
  </si>
  <si>
    <t>\\acsfs\profiles$\ROBERTM\Downloads\a0eba776-8f51-4137-b23c-6c59df786895.tmp</t>
  </si>
  <si>
    <t>01/13/2020 22:03:27</t>
  </si>
  <si>
    <t>01/13/2020 22:06:32</t>
  </si>
  <si>
    <t>XLOG_andrezacapf_13012020_135133.log</t>
  </si>
  <si>
    <t>\\acsfs\profiles$\andrezacapf\My Documents\xworkcenter\logs\XLOG_andrezacapf_13012020_135133.log</t>
  </si>
  <si>
    <t>01/13/2020 22:04:35</t>
  </si>
  <si>
    <t>01/13/2020 22:03:45</t>
  </si>
  <si>
    <t>01/13/2020 22:07:32</t>
  </si>
  <si>
    <t>01/13/2020 22:04:51</t>
  </si>
  <si>
    <t>01/13/2020 22:08:32</t>
  </si>
  <si>
    <t>521e032d-2416-4720-9471-7dbb830780cd.tmp</t>
  </si>
  <si>
    <t>\\acsfs\profiles$\ROBERTM\Downloads\521e032d-2416-4720-9471-7dbb830780cd.tmp</t>
  </si>
  <si>
    <t>01/13/2020 22:09:32</t>
  </si>
  <si>
    <t>01/13/2020 22:10:32</t>
  </si>
  <si>
    <t>01/13/2020 22:08:42</t>
  </si>
  <si>
    <t>ec0c88b7-958b-4df6-8865-4bbdd146b66c.tmp</t>
  </si>
  <si>
    <t>\\acsfs\profiles$\Adrieledgc\Downloads\ec0c88b7-958b-4df6-8865-4bbdd146b66c.tmp</t>
  </si>
  <si>
    <t>01/13/2020 22:12:09</t>
  </si>
  <si>
    <t>01/13/2020 22:15:31</t>
  </si>
  <si>
    <t>b4c32b91-33a2-4dc6-8f7d-e6f8b3a0d3a1.tmp</t>
  </si>
  <si>
    <t>\\acsfs\profiles$\gabrielamdp\Downloads\b4c32b91-33a2-4dc6-8f7d-e6f8b3a0d3a1.tmp</t>
  </si>
  <si>
    <t>01/13/2020 22:21:21</t>
  </si>
  <si>
    <t>01/13/2020 22:23:32</t>
  </si>
  <si>
    <t>01/13/2020 22:24:09</t>
  </si>
  <si>
    <t>01/13/2020 22:26:31</t>
  </si>
  <si>
    <t>01/13/2020 22:25:03</t>
  </si>
  <si>
    <t>01/13/2020 22:29:31</t>
  </si>
  <si>
    <t>01/13/2020 22:25:34</t>
  </si>
  <si>
    <t>01/13/2020 22:30:32</t>
  </si>
  <si>
    <t>01/13/2020 22:25:38</t>
  </si>
  <si>
    <t>01/13/2020 22:32:17</t>
  </si>
  <si>
    <t>01/13/2020 22:34:31</t>
  </si>
  <si>
    <t>01/13/2020 22:31:05</t>
  </si>
  <si>
    <t>ERIC HENRIQUE DA SILVA (12).contact</t>
  </si>
  <si>
    <t>\\acsfs\profiles$\erichds\Contacts\ERIC HENRIQUE DA SILVA (12).contact</t>
  </si>
  <si>
    <t>01/13/2020 22:31:19</t>
  </si>
  <si>
    <t>01/13/2020 22:31:20</t>
  </si>
  <si>
    <t>01/13/2020 22:31:21</t>
  </si>
  <si>
    <t>01/13/2020 22:31:22</t>
  </si>
  <si>
    <t>01/13/2020 22:31:23</t>
  </si>
  <si>
    <t>01/13/2020 22:31:24</t>
  </si>
  <si>
    <t>01/13/2020 22:31:25</t>
  </si>
  <si>
    <t>01/13/2020 22:31:26</t>
  </si>
  <si>
    <t>01/13/2020 22:31:27</t>
  </si>
  <si>
    <t>01/13/2020 22:31:28</t>
  </si>
  <si>
    <t>01/13/2020 22:35:31</t>
  </si>
  <si>
    <t>01/13/2020 22:31:29</t>
  </si>
  <si>
    <t>01/13/2020 22:31:30</t>
  </si>
  <si>
    <t>01/13/2020 22:31:31</t>
  </si>
  <si>
    <t>01/13/2020 22:31:32</t>
  </si>
  <si>
    <t>\\acsfs\profiles$\erichds\Saved Games\</t>
  </si>
  <si>
    <t>01/13/2020 22:31:49</t>
  </si>
  <si>
    <t>\\acsfs\profiles$\erichds\Favorites\Links for Brasil\</t>
  </si>
  <si>
    <t>\\acsfs\profiles$\erichds\Favorites\Links for Brasil\desktop.ini</t>
  </si>
  <si>
    <t>\\acsfs\profiles$\erichds\Favorites\Links for Brasil\Microsoft Brasil.url</t>
  </si>
  <si>
    <t>01/13/2020 22:31:50</t>
  </si>
  <si>
    <t>\\acsfs\profiles$\erichds\Favorites\Links for Brasil\Windows Brasil.url</t>
  </si>
  <si>
    <t>01/13/2020 22:31:51</t>
  </si>
  <si>
    <t>01/13/2020 22:31:52</t>
  </si>
  <si>
    <t>\\acsfs\profiles$\erichds\Favorites\Links for Brasil\MSN Brasil.url</t>
  </si>
  <si>
    <t>01/13/2020 22:31:54</t>
  </si>
  <si>
    <t>\\acsfs\profiles$\erichds\My Documents\Automation Anywhere Files\ConfigFiles\</t>
  </si>
  <si>
    <t>\\acsfs\profiles$\erichds\My Documents\Automation Anywhere Files\ConfigFiles\log4net-config.xml</t>
  </si>
  <si>
    <t>01/13/2020 22:31:55</t>
  </si>
  <si>
    <t>\\acsfs\profiles$\erichds\My Documents\Automation Anywhere Files\</t>
  </si>
  <si>
    <t>\\acsfs\profiles$\erichds\My Documents\Automation Anywhere Files\AA.Trigger.xml</t>
  </si>
  <si>
    <t>01/13/2020 22:32:41</t>
  </si>
  <si>
    <t>01/13/2020 22:32:46</t>
  </si>
  <si>
    <t>01/13/2020 22:36:31</t>
  </si>
  <si>
    <t>d5f0ef57-524b-4c16-9c74-a93a74f0f449.tmp</t>
  </si>
  <si>
    <t>\\acsfs\profiles$\fabianafv\Downloads\d5f0ef57-524b-4c16-9c74-a93a74f0f449.tmp</t>
  </si>
  <si>
    <t>01/13/2020 22:34:48</t>
  </si>
  <si>
    <t>01/13/2020 22:40:31</t>
  </si>
  <si>
    <t>aca62a27-6900-4329-b899-f5d3b83b9ca3.tmp</t>
  </si>
  <si>
    <t>\\acsfs\profiles$\erichds\Downloads\aca62a27-6900-4329-b899-f5d3b83b9ca3.tmp</t>
  </si>
  <si>
    <t>01/13/2020 22:34:54</t>
  </si>
  <si>
    <t>Q29udHJvbGxlci5DYWxjdWxhZG9yYURlVmVuY2lt (40).ica</t>
  </si>
  <si>
    <t>\\acsfs\profiles$\erichds\Downloads\Q29udHJvbGxlci5DYWxjdWxhZG9yYURlVmVuY2lt (40).ica</t>
  </si>
  <si>
    <t>01/13/2020 22:39:14</t>
  </si>
  <si>
    <t>01/13/2020 22:42:06</t>
  </si>
  <si>
    <t>01/13/2020 22:44:31</t>
  </si>
  <si>
    <t>01/13/2020 22:48:46</t>
  </si>
  <si>
    <t>01/13/2020 22:51:32</t>
  </si>
  <si>
    <t>01/13/2020 22:52:29</t>
  </si>
  <si>
    <t>01/13/2020 22:54:31</t>
  </si>
  <si>
    <t>01/13/2020 22:49:30</t>
  </si>
  <si>
    <t>01/13/2020 22:56:21</t>
  </si>
  <si>
    <t>01/13/2020 22:58:31</t>
  </si>
  <si>
    <t>01/13/2020 22:56:34</t>
  </si>
  <si>
    <t>01/13/2020 23:00:31</t>
  </si>
  <si>
    <t>01/13/2020 23:00:00</t>
  </si>
  <si>
    <t>01/13/2020 23:04:31</t>
  </si>
  <si>
    <t>01/13/2020 23:04:04</t>
  </si>
  <si>
    <t>f58ba5e2-da13-48af-a875-387d0d0c3a0b.tmp</t>
  </si>
  <si>
    <t>\\acsfs\profiles$\leonardocb\Downloads\f58ba5e2-da13-48af-a875-387d0d0c3a0b.tmp</t>
  </si>
  <si>
    <t>01/13/2020 23:08:34</t>
  </si>
  <si>
    <t>01/13/2020 23:09:31</t>
  </si>
  <si>
    <t>01/13/2020 23:04:52</t>
  </si>
  <si>
    <t>01/13/2020 23:05:08</t>
  </si>
  <si>
    <t>01/13/2020 23:10:31</t>
  </si>
  <si>
    <t>01/13/2020 23:05:05</t>
  </si>
  <si>
    <t>01/13/2020 23:14:06</t>
  </si>
  <si>
    <t>01/13/2020 23:15:32</t>
  </si>
  <si>
    <t>01/13/2020 23:11:06</t>
  </si>
  <si>
    <t>01/13/2020 23:18:06</t>
  </si>
  <si>
    <t>01/13/2020 23:19:31</t>
  </si>
  <si>
    <t>01/13/2020 23:17:01</t>
  </si>
  <si>
    <t>01/13/2020 23:22:31</t>
  </si>
  <si>
    <t>01/13/2020 23:21:18</t>
  </si>
  <si>
    <t>01/13/2020 23:23:48</t>
  </si>
  <si>
    <t>01/13/2020 23:24:31</t>
  </si>
  <si>
    <t>01/13/2020 23:19:57</t>
  </si>
  <si>
    <t>01/13/2020 23:19:59</t>
  </si>
  <si>
    <t>01/13/2020 23:20:00</t>
  </si>
  <si>
    <t>01/13/2020 23:20:02</t>
  </si>
  <si>
    <t>01/13/2020 23:20:03</t>
  </si>
  <si>
    <t>01/13/2020 23:20:05</t>
  </si>
  <si>
    <t>01/13/2020 23:20:06</t>
  </si>
  <si>
    <t>01/13/2020 23:20:07</t>
  </si>
  <si>
    <t>01/13/2020 23:20:09</t>
  </si>
  <si>
    <t>01/13/2020 23:20:11</t>
  </si>
  <si>
    <t>01/13/2020 23:20:13</t>
  </si>
  <si>
    <t>01/13/2020 23:20:14</t>
  </si>
  <si>
    <t>01/13/2020 23:20:15</t>
  </si>
  <si>
    <t>01/13/2020 23:20:17</t>
  </si>
  <si>
    <t>01/13/2020 23:20:20</t>
  </si>
  <si>
    <t>01/13/2020 23:20:22</t>
  </si>
  <si>
    <t>01/13/2020 23:20:23</t>
  </si>
  <si>
    <t>01/13/2020 23:20:24</t>
  </si>
  <si>
    <t>01/13/2020 23:20:27</t>
  </si>
  <si>
    <t>01/13/2020 23:20:28</t>
  </si>
  <si>
    <t>01/13/2020 23:20:30</t>
  </si>
  <si>
    <t>01/13/2020 23:20:32</t>
  </si>
  <si>
    <t>01/13/2020 23:20:34</t>
  </si>
  <si>
    <t>01/13/2020 23:20:37</t>
  </si>
  <si>
    <t>01/13/2020 23:20:38</t>
  </si>
  <si>
    <t>01/13/2020 23:20:39</t>
  </si>
  <si>
    <t>01/13/2020 23:20:40</t>
  </si>
  <si>
    <t>01/13/2020 23:20:42</t>
  </si>
  <si>
    <t>01/13/2020 23:20:43</t>
  </si>
  <si>
    <t>01/13/2020 23:20:45</t>
  </si>
  <si>
    <t>01/13/2020 23:20:47</t>
  </si>
  <si>
    <t>01/13/2020 23:20:48</t>
  </si>
  <si>
    <t>01/13/2020 23:20:49</t>
  </si>
  <si>
    <t>01/13/2020 23:20:51</t>
  </si>
  <si>
    <t>01/13/2020 23:20:54</t>
  </si>
  <si>
    <t>01/13/2020 23:20:56</t>
  </si>
  <si>
    <t>01/13/2020 23:20:57</t>
  </si>
  <si>
    <t>01/13/2020 23:20:58</t>
  </si>
  <si>
    <t>01/13/2020 23:20:59</t>
  </si>
  <si>
    <t>01/13/2020 23:21:00</t>
  </si>
  <si>
    <t>01/13/2020 23:21:04</t>
  </si>
  <si>
    <t>01/13/2020 23:21:06</t>
  </si>
  <si>
    <t>01/13/2020 23:21:30</t>
  </si>
  <si>
    <t>01/13/2020 23:22:24</t>
  </si>
  <si>
    <t>01/13/2020 23:25:31</t>
  </si>
  <si>
    <t>01/13/2020 23:23:25</t>
  </si>
  <si>
    <t>01/13/2020 23:27:32</t>
  </si>
  <si>
    <t>01/13/2020 23:24:14</t>
  </si>
  <si>
    <t>01/13/2020 23:25:08</t>
  </si>
  <si>
    <t>01/13/2020 23:29:32</t>
  </si>
  <si>
    <t>01/13/2020 23:26:22</t>
  </si>
  <si>
    <t>3bc70344-f82d-4199-8b38-d8bada046ee4.tmp</t>
  </si>
  <si>
    <t>\\acsfs\profiles$\joycemmdl\Downloads\3bc70344-f82d-4199-8b38-d8bada046ee4.tmp</t>
  </si>
  <si>
    <t>01/13/2020 23:26:34</t>
  </si>
  <si>
    <t>Unconfirmed 703585.crdownload</t>
  </si>
  <si>
    <t>\\acsfs\profiles$\joycemmdl\Downloads\Unconfirmed 703585.crdownload</t>
  </si>
  <si>
    <t>01/13/2020 23:26:50</t>
  </si>
  <si>
    <t>b3eff1c5-e7cc-4e3a-9160-28f4ebbedd3e.tmp</t>
  </si>
  <si>
    <t>\\acsfs\profiles$\joycemmdl\Downloads\b3eff1c5-e7cc-4e3a-9160-28f4ebbedd3e.tmp</t>
  </si>
  <si>
    <t>01/13/2020 23:28:00</t>
  </si>
  <si>
    <t>9ebf0d42-3e42-4ce3-b0da-655867021454.tmp</t>
  </si>
  <si>
    <t>\\acsfs\profiles$\joycemmdl\Downloads\9ebf0d42-3e42-4ce3-b0da-655867021454.tmp</t>
  </si>
  <si>
    <t>01/13/2020 23:27:46</t>
  </si>
  <si>
    <t>01/13/2020 23:32:31</t>
  </si>
  <si>
    <t>01/13/2020 23:32:19</t>
  </si>
  <si>
    <t>01/13/2020 23:34:32</t>
  </si>
  <si>
    <t>01/13/2020 23:33:38</t>
  </si>
  <si>
    <t>01/13/2020 23:37:31</t>
  </si>
  <si>
    <t>01/13/2020 23:37:02</t>
  </si>
  <si>
    <t>01/13/2020 23:42:32</t>
  </si>
  <si>
    <t>01/13/2020 23:44:27</t>
  </si>
  <si>
    <t>01/13/2020 23:48:31</t>
  </si>
  <si>
    <t>01/13/2020 23:44:53</t>
  </si>
  <si>
    <t>01/13/2020 23:49:32</t>
  </si>
  <si>
    <t>01/13/2020 23:47:37</t>
  </si>
  <si>
    <t>01/13/2020 23:46:29</t>
  </si>
  <si>
    <t>01/13/2020 23:50:31</t>
  </si>
  <si>
    <t>01/13/2020 23:45:56</t>
  </si>
  <si>
    <t>01/13/2020 23:49:13</t>
  </si>
  <si>
    <t>01/13/2020 23:46:11</t>
  </si>
  <si>
    <t>01/13/2020 23:49:33</t>
  </si>
  <si>
    <t>01/13/2020 23:54:32</t>
  </si>
  <si>
    <t>01/13/2020 23:51:19</t>
  </si>
  <si>
    <t>01/13/2020 23:56:32</t>
  </si>
  <si>
    <t>b9a87ecc-1f9b-467f-81ea-ed4c184055e3.tmp</t>
  </si>
  <si>
    <t>\\acsfs\profiles$\taylaedoa\Downloads\b9a87ecc-1f9b-467f-81ea-ed4c184055e3.tmp</t>
  </si>
  <si>
    <t>01/13/2020 23:55:10</t>
  </si>
  <si>
    <t>01/13/2020 23:57:31</t>
  </si>
  <si>
    <t>01/13/2020 23:52:59</t>
  </si>
  <si>
    <t>a71e2c60-e409-432a-8bb7-588587854e15.tmp</t>
  </si>
  <si>
    <t>\\acsfs\profiles$\marlyannegdls\Downloads\a71e2c60-e409-432a-8bb7-588587854e15.tmp</t>
  </si>
  <si>
    <t>01/13/2020 23:54:07</t>
  </si>
  <si>
    <t>808e22df-068c-4432-af8d-a95d150e87ee.tmp</t>
  </si>
  <si>
    <t>\\acsfs\profiles$\marlyannegdls\Downloads\808e22df-068c-4432-af8d-a95d150e87ee.tmp</t>
  </si>
  <si>
    <t>01/13/2020 23:55:31</t>
  </si>
  <si>
    <t>01/13/2020 23:59:31</t>
  </si>
  <si>
    <t>01/14/2020 00:02:17</t>
  </si>
  <si>
    <t>01/14/2020 00:05:32</t>
  </si>
  <si>
    <t>01/14/2020 00:06:31</t>
  </si>
  <si>
    <t>01/13/2020 23:59:39</t>
  </si>
  <si>
    <t>01/14/2020 00:01:26</t>
  </si>
  <si>
    <t>01/14/2020 00:01:42</t>
  </si>
  <si>
    <t>01/14/2020 00:02:42</t>
  </si>
  <si>
    <t>01/14/2020 00:03:34</t>
  </si>
  <si>
    <t>01/14/2020 00:02:50</t>
  </si>
  <si>
    <t>01/14/2020 00:06:56</t>
  </si>
  <si>
    <t>01/14/2020 00:07:32</t>
  </si>
  <si>
    <t>01/14/2020 00:06:55</t>
  </si>
  <si>
    <t>01/14/2020 00:08:31</t>
  </si>
  <si>
    <t>01/14/2020 00:07:26</t>
  </si>
  <si>
    <t>01/14/2020 00:09:32</t>
  </si>
  <si>
    <t>01/14/2020 00:05:35</t>
  </si>
  <si>
    <t>01/14/2020 00:05:52</t>
  </si>
  <si>
    <t>01/14/2020 00:08:30</t>
  </si>
  <si>
    <t>01/14/2020 00:10:32</t>
  </si>
  <si>
    <t>01/14/2020 00:05:27</t>
  </si>
  <si>
    <t>01/14/2020 00:08:34</t>
  </si>
  <si>
    <t>01/14/2020 00:08:58</t>
  </si>
  <si>
    <t>01/14/2020 00:07:14</t>
  </si>
  <si>
    <t>01/14/2020 00:09:50</t>
  </si>
  <si>
    <t>01/14/2020 00:11:31</t>
  </si>
  <si>
    <t>01/14/2020 00:10:54</t>
  </si>
  <si>
    <t>01/14/2020 00:12:32</t>
  </si>
  <si>
    <t>01/14/2020 00:10:29</t>
  </si>
  <si>
    <t>01/14/2020 00:11:39</t>
  </si>
  <si>
    <t>01/14/2020 00:09:35</t>
  </si>
  <si>
    <t>01/14/2020 00:11:30</t>
  </si>
  <si>
    <t>01/14/2020 00:13:31</t>
  </si>
  <si>
    <t>01/14/2020 00:12:17</t>
  </si>
  <si>
    <t>01/14/2020 00:13:15</t>
  </si>
  <si>
    <t>01/14/2020 00:11:01</t>
  </si>
  <si>
    <t>01/14/2020 00:14:32</t>
  </si>
  <si>
    <t>01/14/2020 00:13:16</t>
  </si>
  <si>
    <t>01/14/2020 00:15:31</t>
  </si>
  <si>
    <t>01/14/2020 00:14:58</t>
  </si>
  <si>
    <t>01/14/2020 00:18:31</t>
  </si>
  <si>
    <t>01/14/2020 00:15:52</t>
  </si>
  <si>
    <t>01/14/2020 00:16:06</t>
  </si>
  <si>
    <t>01/14/2020 00:19:32</t>
  </si>
  <si>
    <t>01/14/2020 00:15:45</t>
  </si>
  <si>
    <t>01/14/2020 00:16:40</t>
  </si>
  <si>
    <t>01/14/2020 00:21:40</t>
  </si>
  <si>
    <t>01/14/2020 00:23:31</t>
  </si>
  <si>
    <t>01/14/2020 00:22:14</t>
  </si>
  <si>
    <t>01/14/2020 00:25:32</t>
  </si>
  <si>
    <t>01/14/2020 00:23:23</t>
  </si>
  <si>
    <t>01/14/2020 00:27:07</t>
  </si>
  <si>
    <t>01/14/2020 00:28:32</t>
  </si>
  <si>
    <t>01/14/2020 00:27:06</t>
  </si>
  <si>
    <t>01/14/2020 00:31:31</t>
  </si>
  <si>
    <t>01/14/2020 00:39:50</t>
  </si>
  <si>
    <t>01/14/2020 00:43:31</t>
  </si>
  <si>
    <t>01/14/2020 00:43:10</t>
  </si>
  <si>
    <t>01/14/2020 00:44:31</t>
  </si>
  <si>
    <t>01/14/2020 00:40:16</t>
  </si>
  <si>
    <t>01/14/2020 00:39:46</t>
  </si>
  <si>
    <t>01/14/2020 00:45:31</t>
  </si>
  <si>
    <t>01/14/2020 00:44:21</t>
  </si>
  <si>
    <t>01/14/2020 00:48:32</t>
  </si>
  <si>
    <t>01/14/2020 00:48:25</t>
  </si>
  <si>
    <t>01/14/2020 00:50:31</t>
  </si>
  <si>
    <t>01/14/2020 00:47:45</t>
  </si>
  <si>
    <t>01/14/2020 00:51:31</t>
  </si>
  <si>
    <t>01/14/2020 00:53:46</t>
  </si>
  <si>
    <t>01/14/2020 00:58:31</t>
  </si>
  <si>
    <t>01/14/2020 00:56:05</t>
  </si>
  <si>
    <t>01/14/2020 00:59:31</t>
  </si>
  <si>
    <t>01/14/2020 00:57:40</t>
  </si>
  <si>
    <t>01/14/2020 01:00:31</t>
  </si>
  <si>
    <t>01/14/2020 00:58:48</t>
  </si>
  <si>
    <t>01/14/2020 01:01:31</t>
  </si>
  <si>
    <t>01/14/2020 00:55:49</t>
  </si>
  <si>
    <t>01/14/2020 01:02:03</t>
  </si>
  <si>
    <t>01/14/2020 01:03:31</t>
  </si>
  <si>
    <t>01/14/2020 01:04:05</t>
  </si>
  <si>
    <t>01/14/2020 01:07:31</t>
  </si>
  <si>
    <t>01/14/2020 01:07:21</t>
  </si>
  <si>
    <t>01/14/2020 01:09:31</t>
  </si>
  <si>
    <t>01/14/2020 01:15:44</t>
  </si>
  <si>
    <t>01/14/2020 01:17:30</t>
  </si>
  <si>
    <t>01/14/2020 01:15:20</t>
  </si>
  <si>
    <t>01/14/2020 01:19:31</t>
  </si>
  <si>
    <t>01/14/2020 01:18:08</t>
  </si>
  <si>
    <t>01/14/2020 01:21:31</t>
  </si>
  <si>
    <t>01/14/2020 01:29:00</t>
  </si>
  <si>
    <t>01/14/2020 01:31:31</t>
  </si>
  <si>
    <t>01/14/2020 01:31:23</t>
  </si>
  <si>
    <t>01/14/2020 01:34:32</t>
  </si>
  <si>
    <t>01/14/2020 01:33:00</t>
  </si>
  <si>
    <t>01/14/2020 01:35:31</t>
  </si>
  <si>
    <t>01/14/2020 01:36:45</t>
  </si>
  <si>
    <t>01/14/2020 01:37:31</t>
  </si>
  <si>
    <t>01/14/2020 01:36:55</t>
  </si>
  <si>
    <t>a69eaf43-f8ef-43dd-929c-29298769e3a7.tmp</t>
  </si>
  <si>
    <t>\\acsfs\profiles$\rogeriofd\Downloads\a69eaf43-f8ef-43dd-929c-29298769e3a7.tmp</t>
  </si>
  <si>
    <t>01/14/2020 01:49:11</t>
  </si>
  <si>
    <t>01/14/2020 01:50:32</t>
  </si>
  <si>
    <t>01/14/2020 01:45:46</t>
  </si>
  <si>
    <t>01/14/2020 01:52:12</t>
  </si>
  <si>
    <t>01/14/2020 01:55:31</t>
  </si>
  <si>
    <t>01/14/2020 01:55:55</t>
  </si>
  <si>
    <t>01/14/2020 01:59:32</t>
  </si>
  <si>
    <t>01/14/2020 02:00:25</t>
  </si>
  <si>
    <t>01/14/2020 02:02:31</t>
  </si>
  <si>
    <t>01/14/2020 02:00:14</t>
  </si>
  <si>
    <t>01/14/2020 02:04:31</t>
  </si>
  <si>
    <t>01/14/2020 02:03:56</t>
  </si>
  <si>
    <t>01/14/2020 02:09:19</t>
  </si>
  <si>
    <t>01/14/2020 02:10:32</t>
  </si>
  <si>
    <t>01/14/2020 02:08:28</t>
  </si>
  <si>
    <t>01/14/2020 02:11:31</t>
  </si>
  <si>
    <t>01/14/2020 02:18:27</t>
  </si>
  <si>
    <t>01/14/2020 02:22:31</t>
  </si>
  <si>
    <t>01/14/2020 02:21:36</t>
  </si>
  <si>
    <t>01/14/2020 02:23:31</t>
  </si>
  <si>
    <t>5282a371-1eeb-4e0c-b89b-1d997b8b5a21.tmp</t>
  </si>
  <si>
    <t>\\acsfs\profiles$\ROBERTM\Downloads\5282a371-1eeb-4e0c-b89b-1d997b8b5a21.tmp</t>
  </si>
  <si>
    <t>01/14/2020 02:21:38</t>
  </si>
  <si>
    <t>e85a7e75-904b-4e10-9dd9-422afd02a3c2.tmp</t>
  </si>
  <si>
    <t>\\acsfs\profiles$\ROBERTM\Downloads\e85a7e75-904b-4e10-9dd9-422afd02a3c2.tmp</t>
  </si>
  <si>
    <t>01/14/2020 02:22:13</t>
  </si>
  <si>
    <t>dbeb7bf3-a1a4-445a-a186-a37aef201bc0.tmp</t>
  </si>
  <si>
    <t>\\acsfs\profiles$\ROBERTM\Downloads\dbeb7bf3-a1a4-445a-a186-a37aef201bc0.tmp</t>
  </si>
  <si>
    <t>01/14/2020 02:22:32</t>
  </si>
  <si>
    <t>9cb601d0-7795-427a-a673-f19d1db5f9f4.tmp</t>
  </si>
  <si>
    <t>\\acsfs\profiles$\ROBERTM\Downloads\9cb601d0-7795-427a-a673-f19d1db5f9f4.tmp</t>
  </si>
  <si>
    <t>01/14/2020 02:21:06</t>
  </si>
  <si>
    <t>01/14/2020 02:23:09</t>
  </si>
  <si>
    <t>01/14/2020 02:25:31</t>
  </si>
  <si>
    <t>01/14/2020 02:25:14</t>
  </si>
  <si>
    <t>01/14/2020 02:27:31</t>
  </si>
  <si>
    <t>01/14/2020 02:45:31</t>
  </si>
  <si>
    <t>01/14/2020 02:48:31</t>
  </si>
  <si>
    <t>01/14/2020 02:45:53</t>
  </si>
  <si>
    <t>01/14/2020 02:51:31</t>
  </si>
  <si>
    <t>01/14/2020 02:51:41</t>
  </si>
  <si>
    <t>01/14/2020 02:56:32</t>
  </si>
  <si>
    <t>01/14/2020 03:02:06</t>
  </si>
  <si>
    <t>01/14/2020 03:03:33</t>
  </si>
  <si>
    <t>01/14/2020 03:05:07</t>
  </si>
  <si>
    <t>01/14/2020 03:07:32</t>
  </si>
  <si>
    <t>01/14/2020 03:03:55</t>
  </si>
  <si>
    <t>01/14/2020 03:08:32</t>
  </si>
  <si>
    <t>01/14/2020 03:15:04</t>
  </si>
  <si>
    <t>01/14/2020 03:20:32</t>
  </si>
  <si>
    <t>01/14/2020 03:17:27</t>
  </si>
  <si>
    <t>01/14/2020 03:21:32</t>
  </si>
  <si>
    <t>01/14/2020 03:22:07</t>
  </si>
  <si>
    <t>01/14/2020 03:22:32</t>
  </si>
  <si>
    <t>01/14/2020 03:20:09</t>
  </si>
  <si>
    <t>01/14/2020 03:24:32</t>
  </si>
  <si>
    <t>01/14/2020 03:26:36</t>
  </si>
  <si>
    <t>01/14/2020 03:27:32</t>
  </si>
  <si>
    <t>01/14/2020 03:25:28</t>
  </si>
  <si>
    <t>01/14/2020 03:29:32</t>
  </si>
  <si>
    <t>01/14/2020 03:26:16</t>
  </si>
  <si>
    <t>01/14/2020 03:30:32</t>
  </si>
  <si>
    <t>01/14/2020 03:27:28</t>
  </si>
  <si>
    <t>01/14/2020 03:31:32</t>
  </si>
  <si>
    <t>01/14/2020 03:29:51</t>
  </si>
  <si>
    <t>01/14/2020 03:33:33</t>
  </si>
  <si>
    <t>01/14/2020 03:31:58</t>
  </si>
  <si>
    <t>01/14/2020 03:35:32</t>
  </si>
  <si>
    <t>01/14/2020 03:35:37</t>
  </si>
  <si>
    <t>01/14/2020 03:37:32</t>
  </si>
  <si>
    <t>01/14/2020 03:38:07</t>
  </si>
  <si>
    <t>01/14/2020 03:40:33</t>
  </si>
  <si>
    <t>01/14/2020 03:41:02</t>
  </si>
  <si>
    <t>01/14/2020 03:45:33</t>
  </si>
  <si>
    <t>01/14/2020 03:41:08</t>
  </si>
  <si>
    <t>01/14/2020 03:45:10</t>
  </si>
  <si>
    <t>01/14/2020 03:47:33</t>
  </si>
  <si>
    <t>01/14/2020 03:47:45</t>
  </si>
  <si>
    <t>01/14/2020 03:48:33</t>
  </si>
  <si>
    <t>01/14/2020 03:44:41</t>
  </si>
  <si>
    <t>01/14/2020 03:49:33</t>
  </si>
  <si>
    <t>01/14/2020 03:44:55</t>
  </si>
  <si>
    <t>01/14/2020 03:45:45</t>
  </si>
  <si>
    <t>01/14/2020 03:46:58</t>
  </si>
  <si>
    <t>01/14/2020 03:50:33</t>
  </si>
  <si>
    <t>01/14/2020 03:47:50</t>
  </si>
  <si>
    <t>01/14/2020 03:46:57</t>
  </si>
  <si>
    <t>01/14/2020 03:51:33</t>
  </si>
  <si>
    <t>01/14/2020 03:51:10</t>
  </si>
  <si>
    <t>01/14/2020 03:53:32</t>
  </si>
  <si>
    <t>01/14/2020 03:51:49</t>
  </si>
  <si>
    <t>01/14/2020 03:55:32</t>
  </si>
  <si>
    <t>01/14/2020 03:53:39</t>
  </si>
  <si>
    <t>01/14/2020 03:57:12</t>
  </si>
  <si>
    <t>01/14/2020 03:58:33</t>
  </si>
  <si>
    <t>01/14/2020 03:57:31</t>
  </si>
  <si>
    <t>01/14/2020 04:04:32</t>
  </si>
  <si>
    <t>01/14/2020 04:01:33</t>
  </si>
  <si>
    <t>01/14/2020 04:00:53</t>
  </si>
  <si>
    <t>01/14/2020 03:59:01</t>
  </si>
  <si>
    <t>01/14/2020 03:59:11</t>
  </si>
  <si>
    <t>01/14/2020 03:59:58</t>
  </si>
  <si>
    <t>01/14/2020 04:05:33</t>
  </si>
  <si>
    <t>01/14/2020 04:07:33</t>
  </si>
  <si>
    <t>01/14/2020 04:08:32</t>
  </si>
  <si>
    <t>01/14/2020 04:04:08</t>
  </si>
  <si>
    <t>01/14/2020 04:09:33</t>
  </si>
  <si>
    <t>01/14/2020 04:07:21</t>
  </si>
  <si>
    <t>01/14/2020 04:09:48</t>
  </si>
  <si>
    <t>01/14/2020 04:11:32</t>
  </si>
  <si>
    <t>01/14/2020 04:13:28</t>
  </si>
  <si>
    <t>01/14/2020 04:15:32</t>
  </si>
  <si>
    <t>01/14/2020 04:13:22</t>
  </si>
  <si>
    <t>01/14/2020 04:17:32</t>
  </si>
  <si>
    <t>01/14/2020 04:18:24</t>
  </si>
  <si>
    <t>01/14/2020 04:22:32</t>
  </si>
  <si>
    <t>01/14/2020 04:20:29</t>
  </si>
  <si>
    <t>01/14/2020 04:22:25</t>
  </si>
  <si>
    <t>01/14/2020 04:23:32</t>
  </si>
  <si>
    <t>01/14/2020 04:24:13</t>
  </si>
  <si>
    <t>01/14/2020 04:25:32</t>
  </si>
  <si>
    <t>01/14/2020 04:23:48</t>
  </si>
  <si>
    <t>01/14/2020 04:22:02</t>
  </si>
  <si>
    <t>01/14/2020 04:26:32</t>
  </si>
  <si>
    <t>01/14/2020 04:24:46</t>
  </si>
  <si>
    <t>01/14/2020 04:27:32</t>
  </si>
  <si>
    <t>01/14/2020 04:24:59</t>
  </si>
  <si>
    <t>01/14/2020 04:29:32</t>
  </si>
  <si>
    <t>01/14/2020 04:30:30</t>
  </si>
  <si>
    <t>01/14/2020 04:33:32</t>
  </si>
  <si>
    <t>01/14/2020 04:31:26</t>
  </si>
  <si>
    <t>01/14/2020 04:34:18</t>
  </si>
  <si>
    <t>01/14/2020 04:35:32</t>
  </si>
  <si>
    <t>01/14/2020 04:30:43</t>
  </si>
  <si>
    <t>01/14/2020 04:35:50</t>
  </si>
  <si>
    <t>01/14/2020 04:40:33</t>
  </si>
  <si>
    <t>01/14/2020 04:38:23</t>
  </si>
  <si>
    <t>01/14/2020 04:39:40</t>
  </si>
  <si>
    <t>01/14/2020 04:43:31</t>
  </si>
  <si>
    <t>01/14/2020 04:39:09</t>
  </si>
  <si>
    <t>01/14/2020 04:44:32</t>
  </si>
  <si>
    <t>01/14/2020 04:42:11</t>
  </si>
  <si>
    <t>01/14/2020 04:44:11</t>
  </si>
  <si>
    <t>01/14/2020 04:46:32</t>
  </si>
  <si>
    <t>01/14/2020 04:47:38</t>
  </si>
  <si>
    <t>01/14/2020 04:49:32</t>
  </si>
  <si>
    <t>01/14/2020 04:48:57</t>
  </si>
  <si>
    <t>01/14/2020 04:51:32</t>
  </si>
  <si>
    <t>01/14/2020 04:49:20</t>
  </si>
  <si>
    <t>01/14/2020 04:53:32</t>
  </si>
  <si>
    <t>01/14/2020 04:57:12</t>
  </si>
  <si>
    <t>01/14/2020 04:57:32</t>
  </si>
  <si>
    <t>01/14/2020 04:57:06</t>
  </si>
  <si>
    <t>01/14/2020 04:59:32</t>
  </si>
  <si>
    <t>01/14/2020 05:03:31</t>
  </si>
  <si>
    <t>01/14/2020 05:05:32</t>
  </si>
  <si>
    <t>01/14/2020 05:03:13</t>
  </si>
  <si>
    <t>01/14/2020 05:06:32</t>
  </si>
  <si>
    <t>01/14/2020 05:03:04</t>
  </si>
  <si>
    <t>01/14/2020 05:07:32</t>
  </si>
  <si>
    <t>01/14/2020 05:04:11</t>
  </si>
  <si>
    <t>01/14/2020 05:08:32</t>
  </si>
  <si>
    <t>01/14/2020 05:04:20</t>
  </si>
  <si>
    <t>01/14/2020 05:11:09</t>
  </si>
  <si>
    <t>01/14/2020 05:16:32</t>
  </si>
  <si>
    <t>01/14/2020 05:13:30</t>
  </si>
  <si>
    <t>01/14/2020 05:17:32</t>
  </si>
  <si>
    <t>01/14/2020 05:19:13</t>
  </si>
  <si>
    <t>01/14/2020 05:24:32</t>
  </si>
  <si>
    <t>01/14/2020 05:19:33</t>
  </si>
  <si>
    <t>01/14/2020 05:21:17</t>
  </si>
  <si>
    <t>01/14/2020 05:21:23</t>
  </si>
  <si>
    <t>01/14/2020 05:25:33</t>
  </si>
  <si>
    <t>01/14/2020 05:23:36</t>
  </si>
  <si>
    <t>01/14/2020 05:24:13</t>
  </si>
  <si>
    <t>01/14/2020 05:27:33</t>
  </si>
  <si>
    <t>01/14/2020 05:24:58</t>
  </si>
  <si>
    <t>01/14/2020 05:28:32</t>
  </si>
  <si>
    <t>b91418da-a541-4fa2-b4c5-159b45605e4c.tmp</t>
  </si>
  <si>
    <t>\\acsfs\profiles$\ROBERTM\Downloads\b91418da-a541-4fa2-b4c5-159b45605e4c.tmp</t>
  </si>
  <si>
    <t>01/14/2020 05:26:43</t>
  </si>
  <si>
    <t>01/14/2020 05:31:32</t>
  </si>
  <si>
    <t>01/14/2020 05:33:00</t>
  </si>
  <si>
    <t>01/14/2020 05:35:32</t>
  </si>
  <si>
    <t>01/14/2020 05:30:58</t>
  </si>
  <si>
    <t>01/14/2020 05:36:32</t>
  </si>
  <si>
    <t>01/14/2020 05:35:23</t>
  </si>
  <si>
    <t>01/14/2020 05:38:32</t>
  </si>
  <si>
    <t>01/14/2020 05:38:15</t>
  </si>
  <si>
    <t>01/14/2020 05:40:32</t>
  </si>
  <si>
    <t>01/14/2020 05:39:36</t>
  </si>
  <si>
    <t>01/14/2020 05:42:33</t>
  </si>
  <si>
    <t>01/14/2020 05:44:32</t>
  </si>
  <si>
    <t>01/14/2020 05:49:33</t>
  </si>
  <si>
    <t>01/14/2020 05:44:52</t>
  </si>
  <si>
    <t>01/14/2020 05:49:15</t>
  </si>
  <si>
    <t>23d1b217-6804-4454-adf9-b42cc7f34c88.tmp</t>
  </si>
  <si>
    <t>\\acsfs\profiles$\ROZENCAM\Downloads\23d1b217-6804-4454-adf9-b42cc7f34c88.tmp</t>
  </si>
  <si>
    <t>01/14/2020 05:50:17</t>
  </si>
  <si>
    <t>01/14/2020 05:54:32</t>
  </si>
  <si>
    <t>cffd0bc8-7d42-4faf-8f2f-f2148eece4dc.tmp</t>
  </si>
  <si>
    <t>\\acsfs\profiles$\ROZENCAM\Downloads\cffd0bc8-7d42-4faf-8f2f-f2148eece4dc.tmp</t>
  </si>
  <si>
    <t>01/14/2020 05:58:56</t>
  </si>
  <si>
    <t>01/14/2020 05:59:32</t>
  </si>
  <si>
    <t>01/14/2020 05:56:52</t>
  </si>
  <si>
    <t>cd3282ab-6ed1-458b-8e9a-e8ff2e9874d5.tmp</t>
  </si>
  <si>
    <t>\\acsfs\profiles$\lucasqdss\Downloads\cd3282ab-6ed1-458b-8e9a-e8ff2e9874d5.tmp</t>
  </si>
  <si>
    <t>01/14/2020 05:58:19</t>
  </si>
  <si>
    <t>74d0abf9-4846-4474-a50d-74b601fc1251.tmp</t>
  </si>
  <si>
    <t>\\acsfs\profiles$\lucasqdss\Downloads\74d0abf9-4846-4474-a50d-74b601fc1251.tmp</t>
  </si>
  <si>
    <t>01/14/2020 06:16:33</t>
  </si>
  <si>
    <t>01/14/2020 06:17:32</t>
  </si>
  <si>
    <t>01/14/2020 06:14:51</t>
  </si>
  <si>
    <t>01/14/2020 06:18:32</t>
  </si>
  <si>
    <t>01/14/2020 06:19:27</t>
  </si>
  <si>
    <t>01/14/2020 06:20:32</t>
  </si>
  <si>
    <t>01/14/2020 06:21:40</t>
  </si>
  <si>
    <t>01/14/2020 06:23:32</t>
  </si>
  <si>
    <t>01/14/2020 06:21:03</t>
  </si>
  <si>
    <t>01/14/2020 06:23:23</t>
  </si>
  <si>
    <t>01/14/2020 06:25:32</t>
  </si>
  <si>
    <t>01/14/2020 06:22:46</t>
  </si>
  <si>
    <t>01/14/2020 06:27:32</t>
  </si>
  <si>
    <t>01/14/2020 06:25:08</t>
  </si>
  <si>
    <t>01/14/2020 06:23:21</t>
  </si>
  <si>
    <t>01/14/2020 06:28:32</t>
  </si>
  <si>
    <t>01/14/2020 06:27:47</t>
  </si>
  <si>
    <t>01/14/2020 06:28:01</t>
  </si>
  <si>
    <t>b4592cf4-9a80-4543-9425-6054c9d84380.tmp</t>
  </si>
  <si>
    <t>\\acsfs\profiles$\ALYNYA\Downloads\b4592cf4-9a80-4543-9425-6054c9d84380.tmp</t>
  </si>
  <si>
    <t>01/14/2020 06:26:53</t>
  </si>
  <si>
    <t>01/14/2020 06:27:53</t>
  </si>
  <si>
    <t>01/14/2020 06:32:33</t>
  </si>
  <si>
    <t>32aea9b8-3e2d-4dbe-b62d-f7127d2a6446.tmp</t>
  </si>
  <si>
    <t>\\acsfs\profiles$\danielac\Downloads\32aea9b8-3e2d-4dbe-b62d-f7127d2a6446.tmp</t>
  </si>
  <si>
    <t>01/14/2020 06:29:18</t>
  </si>
  <si>
    <t>98ca228f-e829-43a8-a90c-6f787fb19f82.tmp</t>
  </si>
  <si>
    <t>\\acsfs\profiles$\danielac\Downloads\98ca228f-e829-43a8-a90c-6f787fb19f82.tmp</t>
  </si>
  <si>
    <t>01/14/2020 06:28:36</t>
  </si>
  <si>
    <t>01/14/2020 06:33:33</t>
  </si>
  <si>
    <t>7d5900da-5d6c-4e1a-90c3-7697058739fd.tmp</t>
  </si>
  <si>
    <t>\\acsfs\profiles$\BRUNAAR\Downloads\7d5900da-5d6c-4e1a-90c3-7697058739fd.tmp</t>
  </si>
  <si>
    <t>01/14/2020 06:29:39</t>
  </si>
  <si>
    <t>8444be1c-a359-480c-8fff-b3436ca6d883.tmp</t>
  </si>
  <si>
    <t>\\acsfs\profiles$\BRUNAAR\Downloads\8444be1c-a359-480c-8fff-b3436ca6d883.tmp</t>
  </si>
  <si>
    <t>01/14/2020 06:31:54</t>
  </si>
  <si>
    <t>01/14/2020 06:29:35</t>
  </si>
  <si>
    <t>3b77dffe-5d06-4be8-b5cb-9fc12f40a3b0.tmp</t>
  </si>
  <si>
    <t>\\acsfs\profiles$\ALYNYA\Downloads\3b77dffe-5d06-4be8-b5cb-9fc12f40a3b0.tmp</t>
  </si>
  <si>
    <t>01/14/2020 06:35:34</t>
  </si>
  <si>
    <t>01/14/2020 06:37:32</t>
  </si>
  <si>
    <t>01/14/2020 06:34:05</t>
  </si>
  <si>
    <t>01/14/2020 06:38:32</t>
  </si>
  <si>
    <t>01/14/2020 06:35:11</t>
  </si>
  <si>
    <t>01/14/2020 06:36:15</t>
  </si>
  <si>
    <t>01/14/2020 06:39:32</t>
  </si>
  <si>
    <t>00bae466-a66c-4406-a149-f7b2b8bea4fd.tmp</t>
  </si>
  <si>
    <t>\\acsfs\profiles$\ROZENCAM\Downloads\00bae466-a66c-4406-a149-f7b2b8bea4fd.tmp</t>
  </si>
  <si>
    <t>01/14/2020 06:37:19</t>
  </si>
  <si>
    <t>01/14/2020 06:40:33</t>
  </si>
  <si>
    <t>01/14/2020 06:36:27</t>
  </si>
  <si>
    <t>01/14/2020 06:41:32</t>
  </si>
  <si>
    <t>01/14/2020 06:39:50</t>
  </si>
  <si>
    <t>f8342e27-3a62-4d51-bf51-720a04ad56ce.tmp</t>
  </si>
  <si>
    <t>\\acsfs\profiles$\monicargds\Downloads\f8342e27-3a62-4d51-bf51-720a04ad56ce.tmp</t>
  </si>
  <si>
    <t>01/14/2020 06:39:51</t>
  </si>
  <si>
    <t>a90b7fee-9ee3-41bb-8020-df7312a27331.tmp</t>
  </si>
  <si>
    <t>\\acsfs\profiles$\monicargds\Downloads\a90b7fee-9ee3-41bb-8020-df7312a27331.tmp</t>
  </si>
  <si>
    <t>01/14/2020 06:40:01</t>
  </si>
  <si>
    <t>01/14/2020 06:40:57</t>
  </si>
  <si>
    <t>01/14/2020 06:43:33</t>
  </si>
  <si>
    <t>01/14/2020 06:42:03</t>
  </si>
  <si>
    <t>01/14/2020 06:46:32</t>
  </si>
  <si>
    <t>f680f8ce-2331-49dd-80dc-b6f60dcdef33.tmp</t>
  </si>
  <si>
    <t>\\acsfs\profiles$\monicargds\Downloads\f680f8ce-2331-49dd-80dc-b6f60dcdef33.tmp</t>
  </si>
  <si>
    <t>01/14/2020 06:44:46</t>
  </si>
  <si>
    <t>bdd1b211-0a1e-4151-8671-bd4f744f7a24.tmp</t>
  </si>
  <si>
    <t>\\acsfs\profiles$\monicargds\Downloads\bdd1b211-0a1e-4151-8671-bd4f744f7a24.tmp</t>
  </si>
  <si>
    <t>01/14/2020 06:45:12</t>
  </si>
  <si>
    <t>01/14/2020 06:47:33</t>
  </si>
  <si>
    <t>01/14/2020 06:43:15</t>
  </si>
  <si>
    <t>01/14/2020 06:45:39</t>
  </si>
  <si>
    <t>01/14/2020 06:44:20</t>
  </si>
  <si>
    <t>01/14/2020 06:48:33</t>
  </si>
  <si>
    <t>01/14/2020 06:44:09</t>
  </si>
  <si>
    <t>01/14/2020 06:43:32</t>
  </si>
  <si>
    <t>2cba728e-8683-4534-90d9-3253d744ce39.tmp</t>
  </si>
  <si>
    <t>\\acsfs\profiles$\ALYNYA\Downloads\2cba728e-8683-4534-90d9-3253d744ce39.tmp</t>
  </si>
  <si>
    <t>01/14/2020 06:47:46</t>
  </si>
  <si>
    <t>01/14/2020 06:51:33</t>
  </si>
  <si>
    <t>01/14/2020 06:52:03</t>
  </si>
  <si>
    <t>01/14/2020 06:53:33</t>
  </si>
  <si>
    <t>01/14/2020 06:52:04</t>
  </si>
  <si>
    <t>lu11748c87e.tmp</t>
  </si>
  <si>
    <t>\\acsfs\profiles$\BRUNAAR\Numero\lu11748c87e.tmp</t>
  </si>
  <si>
    <t>01/14/2020 06:53:46</t>
  </si>
  <si>
    <t>01/14/2020 06:56:32</t>
  </si>
  <si>
    <t>01/14/2020 06:54:33</t>
  </si>
  <si>
    <t>841cf03c-fc23-451d-aa62-3b52231564fb.tmp</t>
  </si>
  <si>
    <t>\\acsfs\profiles$\cintiadcf\Downloads\841cf03c-fc23-451d-aa62-3b52231564fb.tmp</t>
  </si>
  <si>
    <t>01/14/2020 06:54:35</t>
  </si>
  <si>
    <t>0b4a07fa-d069-410a-922c-d751eed6549c.tmp</t>
  </si>
  <si>
    <t>\\acsfs\profiles$\cintiadcf\Downloads\0b4a07fa-d069-410a-922c-d751eed6549c.tmp</t>
  </si>
  <si>
    <t>01/14/2020 06:54:05</t>
  </si>
  <si>
    <t>01/14/2020 06:57:33</t>
  </si>
  <si>
    <t>01/14/2020 06:54:55</t>
  </si>
  <si>
    <t>01/14/2020 06:58:33</t>
  </si>
  <si>
    <t>01/14/2020 06:55:47</t>
  </si>
  <si>
    <t>a689428e-278e-4b85-b5a1-8ae84869de12.tmp</t>
  </si>
  <si>
    <t>\\acsfs\profiles$\ALYNYA\Downloads\a689428e-278e-4b85-b5a1-8ae84869de12.tmp</t>
  </si>
  <si>
    <t>01/14/2020 06:54:47</t>
  </si>
  <si>
    <t>01/14/2020 06:59:33</t>
  </si>
  <si>
    <t>99bf5880-8af6-4197-9cad-59aa25d190b7.tmp</t>
  </si>
  <si>
    <t>\\acsfs\profiles$\vivianealda\Downloads\99bf5880-8af6-4197-9cad-59aa25d190b7.tmp</t>
  </si>
  <si>
    <t>01/14/2020 06:56:12</t>
  </si>
  <si>
    <t>1d936971-4fd5-4688-a5ed-3a39fd368416.tmp</t>
  </si>
  <si>
    <t>\\acsfs\profiles$\vivianealda\Downloads\1d936971-4fd5-4688-a5ed-3a39fd368416.tmp</t>
  </si>
  <si>
    <t>01/14/2020 06:57:55</t>
  </si>
  <si>
    <t>d166836e-6db1-4cfc-805e-a70032ee91e7.tmp</t>
  </si>
  <si>
    <t>\\acsfs\profiles$\anafsb\Downloads\d166836e-6db1-4cfc-805e-a70032ee91e7.tmp</t>
  </si>
  <si>
    <t>01/14/2020 06:57:56</t>
  </si>
  <si>
    <t>81ca5a35-afcc-4890-b476-0a8b26c828e5.tmp</t>
  </si>
  <si>
    <t>\\acsfs\profiles$\anafsb\Downloads\81ca5a35-afcc-4890-b476-0a8b26c828e5.tmp</t>
  </si>
  <si>
    <t>01/14/2020 06:58:00</t>
  </si>
  <si>
    <t>83abdffc-d5b4-41bb-94ba-23d9665743a3.tmp</t>
  </si>
  <si>
    <t>\\acsfs\profiles$\anafsb\Downloads\83abdffc-d5b4-41bb-94ba-23d9665743a3.tmp</t>
  </si>
  <si>
    <t>01/14/2020 06:58:23</t>
  </si>
  <si>
    <t>1ecd9138-acf1-491f-8de9-351496b3da81.tmp</t>
  </si>
  <si>
    <t>\\acsfs\profiles$\anafsb\Downloads\1ecd9138-acf1-491f-8de9-351496b3da81.tmp</t>
  </si>
  <si>
    <t>01/14/2020 06:58:24</t>
  </si>
  <si>
    <t>49fa5ef4-30e0-4ed2-acce-193671d0d22b.tmp</t>
  </si>
  <si>
    <t>\\acsfs\profiles$\anafsb\Downloads\49fa5ef4-30e0-4ed2-acce-193671d0d22b.tmp</t>
  </si>
  <si>
    <t>01/14/2020 06:58:50</t>
  </si>
  <si>
    <t>bce66240-af0d-48d9-826a-fc8bc9350d1b.tmp</t>
  </si>
  <si>
    <t>\\acsfs\profiles$\nayarasds\Downloads\bce66240-af0d-48d9-826a-fc8bc9350d1b.tmp</t>
  </si>
  <si>
    <t>01/14/2020 06:58:41</t>
  </si>
  <si>
    <t>09c8c188-afe6-40a6-acb4-15ec72f7462e.tmp</t>
  </si>
  <si>
    <t>\\acsfs\profiles$\gustavoab\Downloads\09c8c188-afe6-40a6-acb4-15ec72f7462e.tmp</t>
  </si>
  <si>
    <t>01/14/2020 06:56:02</t>
  </si>
  <si>
    <t>01/14/2020 07:01:33</t>
  </si>
  <si>
    <t>2724984e-0b9d-4873-b477-40c56eb8a9ba.tmp</t>
  </si>
  <si>
    <t>\\acsfs\profiles$\cintiadcf\Downloads\2724984e-0b9d-4873-b477-40c56eb8a9ba.tmp</t>
  </si>
  <si>
    <t>01/14/2020 06:59:40</t>
  </si>
  <si>
    <t>01/14/2020 07:02:33</t>
  </si>
  <si>
    <t>01/14/2020 06:59:41</t>
  </si>
  <si>
    <t>01/14/2020 06:59:42</t>
  </si>
  <si>
    <t>01/14/2020 06:59:43</t>
  </si>
  <si>
    <t>01/14/2020 06:59:44</t>
  </si>
  <si>
    <t>01/14/2020 06:59:45</t>
  </si>
  <si>
    <t>01/14/2020 06:59:46</t>
  </si>
  <si>
    <t>01/14/2020 06:59:47</t>
  </si>
  <si>
    <t>01/14/2020 06:59:48</t>
  </si>
  <si>
    <t>01/14/2020 06:59:49</t>
  </si>
  <si>
    <t>01/14/2020 06:59:50</t>
  </si>
  <si>
    <t>01/14/2020 06:59:51</t>
  </si>
  <si>
    <t>01/14/2020 06:59:52</t>
  </si>
  <si>
    <t>01/14/2020 06:59:53</t>
  </si>
  <si>
    <t>01/14/2020 06:59:54</t>
  </si>
  <si>
    <t>01/14/2020 06:59:55</t>
  </si>
  <si>
    <t>01/14/2020 06:59:56</t>
  </si>
  <si>
    <t>01/14/2020 06:59:57</t>
  </si>
  <si>
    <t>01/14/2020 06:59:58</t>
  </si>
  <si>
    <t>01/14/2020 06:59:59</t>
  </si>
  <si>
    <t>01/14/2020 07:00:00</t>
  </si>
  <si>
    <t>01/14/2020 07:00:01</t>
  </si>
  <si>
    <t>01/14/2020 07:00:02</t>
  </si>
  <si>
    <t>01/14/2020 07:00:16</t>
  </si>
  <si>
    <t>01/14/2020 06:58:43</t>
  </si>
  <si>
    <t>01/14/2020 07:04:33</t>
  </si>
  <si>
    <t>a26fc154-f5a4-4634-ad0f-1d2ae7d5f01d.tmp</t>
  </si>
  <si>
    <t>\\acsfs\profiles$\vivianealda\Downloads\a26fc154-f5a4-4634-ad0f-1d2ae7d5f01d.tmp</t>
  </si>
  <si>
    <t>01/14/2020 06:59:32</t>
  </si>
  <si>
    <t>edbd447b-212c-4d7c-9301-7590e04742b2.tmp</t>
  </si>
  <si>
    <t>\\acsfs\profiles$\vivianealda\Downloads\edbd447b-212c-4d7c-9301-7590e04742b2.tmp</t>
  </si>
  <si>
    <t>01/14/2020 07:00:54</t>
  </si>
  <si>
    <t>b664a4c3-4781-4d26-bfe6-a26384c09ac5.tmp</t>
  </si>
  <si>
    <t>\\acsfs\profiles$\vivianealda\Downloads\b664a4c3-4781-4d26-bfe6-a26384c09ac5.tmp</t>
  </si>
  <si>
    <t>01/14/2020 07:02:44</t>
  </si>
  <si>
    <t>c79741d0-f733-4e78-bc95-152cea9ab933.tmp</t>
  </si>
  <si>
    <t>\\acsfs\profiles$\vivianealda\Downloads\c79741d0-f733-4e78-bc95-152cea9ab933.tmp</t>
  </si>
  <si>
    <t>de7a72c2-db1d-4456-b4dd-6f9620ba29ca.tmp</t>
  </si>
  <si>
    <t>\\acsfs\profiles$\anafsb\Downloads\de7a72c2-db1d-4456-b4dd-6f9620ba29ca.tmp</t>
  </si>
  <si>
    <t>01/14/2020 07:00:20</t>
  </si>
  <si>
    <t>5fcfc593-e9fc-474e-8a00-4f61f9efc1a2.tmp</t>
  </si>
  <si>
    <t>\\acsfs\profiles$\anafsb\Downloads\5fcfc593-e9fc-474e-8a00-4f61f9efc1a2.tmp</t>
  </si>
  <si>
    <t>3cff790d-64b7-4d04-ada6-bffa28160751.tmp</t>
  </si>
  <si>
    <t>\\acsfs\profiles$\nayarasds\Downloads\3cff790d-64b7-4d04-ada6-bffa28160751.tmp</t>
  </si>
  <si>
    <t>01/14/2020 07:01:53</t>
  </si>
  <si>
    <t>91d9283a-32b8-4b6f-8a9d-0cd5e1b7ec31.tmp</t>
  </si>
  <si>
    <t>\\acsfs\profiles$\nayarasds\Downloads\91d9283a-32b8-4b6f-8a9d-0cd5e1b7ec31.tmp</t>
  </si>
  <si>
    <t>01/14/2020 07:01:59</t>
  </si>
  <si>
    <t>c0a65754-76f7-426a-b2f3-1a6cd7057763.tmp</t>
  </si>
  <si>
    <t>\\acsfs\profiles$\nayarasds\Downloads\c0a65754-76f7-426a-b2f3-1a6cd7057763.tmp</t>
  </si>
  <si>
    <t>01/14/2020 07:02:42</t>
  </si>
  <si>
    <t>8233f65c-3978-4b13-a79d-f969bebba1bb.tmp</t>
  </si>
  <si>
    <t>\\acsfs\profiles$\nayarasds\Downloads\8233f65c-3978-4b13-a79d-f969bebba1bb.tmp</t>
  </si>
  <si>
    <t>01/14/2020 07:02:17</t>
  </si>
  <si>
    <t>01/14/2020 06:59:37</t>
  </si>
  <si>
    <t>f520c75f-152b-4f08-8635-dfd1eb118c06.tmp</t>
  </si>
  <si>
    <t>\\acsfs\profiles$\gustavoab\Downloads\f520c75f-152b-4f08-8635-dfd1eb118c06.tmp</t>
  </si>
  <si>
    <t>88e13bbd-d59a-4ef8-bb02-93690a6ec13d.tmp</t>
  </si>
  <si>
    <t>\\acsfs\profiles$\gustavoab\Downloads\88e13bbd-d59a-4ef8-bb02-93690a6ec13d.tmp</t>
  </si>
  <si>
    <t>01/14/2020 07:00:30</t>
  </si>
  <si>
    <t>a8c98554-c501-4751-aa8c-4adef497652c.tmp</t>
  </si>
  <si>
    <t>\\acsfs\profiles$\gustavoab\Downloads\a8c98554-c501-4751-aa8c-4adef497652c.tmp</t>
  </si>
  <si>
    <t>01/14/2020 07:00:23</t>
  </si>
  <si>
    <t>01/14/2020 07:05:04</t>
  </si>
  <si>
    <t>01/14/2020 07:07:33</t>
  </si>
  <si>
    <t>01/14/2020 07:03:49</t>
  </si>
  <si>
    <t>01/14/2020 07:04:09</t>
  </si>
  <si>
    <t>01/14/2020 07:04:22</t>
  </si>
  <si>
    <t>01/14/2020 07:04:26</t>
  </si>
  <si>
    <t>01/14/2020 07:06:17</t>
  </si>
  <si>
    <t>01/14/2020 07:06:18</t>
  </si>
  <si>
    <t>01/14/2020 07:06:19</t>
  </si>
  <si>
    <t>01/14/2020 07:06:20</t>
  </si>
  <si>
    <t>01/14/2020 07:06:21</t>
  </si>
  <si>
    <t>01/14/2020 07:06:22</t>
  </si>
  <si>
    <t>01/14/2020 07:06:24</t>
  </si>
  <si>
    <t>01/14/2020 07:06:25</t>
  </si>
  <si>
    <t>01/14/2020 07:05:23</t>
  </si>
  <si>
    <t>01/14/2020 07:06:26</t>
  </si>
  <si>
    <t>01/14/2020 07:06:27</t>
  </si>
  <si>
    <t>01/14/2020 07:06:28</t>
  </si>
  <si>
    <t>01/14/2020 07:06:29</t>
  </si>
  <si>
    <t>01/14/2020 07:06:30</t>
  </si>
  <si>
    <t>01/14/2020 07:06:31</t>
  </si>
  <si>
    <t>01/14/2020 07:06:32</t>
  </si>
  <si>
    <t>01/14/2020 07:06:33</t>
  </si>
  <si>
    <t>01/14/2020 07:08:33</t>
  </si>
  <si>
    <t>01/14/2020 07:06:34</t>
  </si>
  <si>
    <t>01/14/2020 07:04:56</t>
  </si>
  <si>
    <t>84bd214d-0899-4133-aed5-e2ed974f705e.tmp</t>
  </si>
  <si>
    <t>\\acsfs\profiles$\ALYNYA\Downloads\84bd214d-0899-4133-aed5-e2ed974f705e.tmp</t>
  </si>
  <si>
    <t>01/14/2020 07:06:35</t>
  </si>
  <si>
    <t>01/14/2020 07:09:33</t>
  </si>
  <si>
    <t>01/14/2020 07:04:48</t>
  </si>
  <si>
    <t>bef457c6-cd68-409f-838d-47021f89df40.tmp</t>
  </si>
  <si>
    <t>\\acsfs\profiles$\eduardobb\Downloads\bef457c6-cd68-409f-838d-47021f89df40.tmp</t>
  </si>
  <si>
    <t>01/14/2020 07:06:00</t>
  </si>
  <si>
    <t>c23f004d-5360-41b8-938c-93dff76218a5.tmp</t>
  </si>
  <si>
    <t>\\acsfs\profiles$\eduardobb\Downloads\c23f004d-5360-41b8-938c-93dff76218a5.tmp</t>
  </si>
  <si>
    <t>a53bfb58-a955-453c-9d00-397d5807072e.tmp</t>
  </si>
  <si>
    <t>\\acsfs\profiles$\eduardobb\Downloads\a53bfb58-a955-453c-9d00-397d5807072e.tmp</t>
  </si>
  <si>
    <t>01/14/2020 07:07:31</t>
  </si>
  <si>
    <t>7d18abf0-dbed-425b-b523-dfa2c06ef1c0.tmp</t>
  </si>
  <si>
    <t>\\acsfs\profiles$\eduardobb\Downloads\7d18abf0-dbed-425b-b523-dfa2c06ef1c0.tmp</t>
  </si>
  <si>
    <t>01/14/2020 07:06:36</t>
  </si>
  <si>
    <t>01/14/2020 07:06:37</t>
  </si>
  <si>
    <t>01/14/2020 07:10:33</t>
  </si>
  <si>
    <t>01/14/2020 07:06:38</t>
  </si>
  <si>
    <t>01/14/2020 07:08:26</t>
  </si>
  <si>
    <t>01/14/2020 07:08:28</t>
  </si>
  <si>
    <t>01/14/2020 07:08:06</t>
  </si>
  <si>
    <t>01/14/2020 07:07:17</t>
  </si>
  <si>
    <t>01/14/2020 07:11:33</t>
  </si>
  <si>
    <t>01/14/2020 07:10:17</t>
  </si>
  <si>
    <t>01/14/2020 07:12:33</t>
  </si>
  <si>
    <t>01/14/2020 07:09:22</t>
  </si>
  <si>
    <t>01/14/2020 07:09:23</t>
  </si>
  <si>
    <t>01/14/2020 07:09:34</t>
  </si>
  <si>
    <t>01/14/2020 07:11:17</t>
  </si>
  <si>
    <t>01/14/2020 07:14:33</t>
  </si>
  <si>
    <t>4166bee2-6990-4b78-b253-a367d9ed377e.tmp</t>
  </si>
  <si>
    <t>\\acsfs\profiles$\vivianealda\Downloads\4166bee2-6990-4b78-b253-a367d9ed377e.tmp</t>
  </si>
  <si>
    <t>01/14/2020 07:09:17</t>
  </si>
  <si>
    <t>b6c139be-6b4f-4cd0-a99d-bbafe641639a.tmp</t>
  </si>
  <si>
    <t>\\acsfs\profiles$\eduardobb\Downloads\b6c139be-6b4f-4cd0-a99d-bbafe641639a.tmp</t>
  </si>
  <si>
    <t>01/14/2020 07:11:36</t>
  </si>
  <si>
    <t>01/14/2020 07:15:33</t>
  </si>
  <si>
    <t>01/14/2020 07:11:42</t>
  </si>
  <si>
    <t>01/14/2020 07:11:50</t>
  </si>
  <si>
    <t>01/14/2020 07:11:55</t>
  </si>
  <si>
    <t>01/14/2020 07:12:32</t>
  </si>
  <si>
    <t>01/14/2020 07:13:37</t>
  </si>
  <si>
    <t>01/14/2020 07:14:21</t>
  </si>
  <si>
    <t>01/14/2020 07:14:29</t>
  </si>
  <si>
    <t>01/14/2020 07:14:34</t>
  </si>
  <si>
    <t>01/14/2020 07:14:39</t>
  </si>
  <si>
    <t>01/14/2020 07:10:55</t>
  </si>
  <si>
    <t>01/14/2020 07:16:33</t>
  </si>
  <si>
    <t>01/14/2020 07:06:39</t>
  </si>
  <si>
    <t>01/14/2020 07:06:40</t>
  </si>
  <si>
    <t>01/14/2020 07:06:41</t>
  </si>
  <si>
    <t>01/14/2020 07:13:24</t>
  </si>
  <si>
    <t>01/14/2020 07:13:25</t>
  </si>
  <si>
    <t>01/14/2020 07:13:26</t>
  </si>
  <si>
    <t>01/14/2020 07:13:27</t>
  </si>
  <si>
    <t>01/14/2020 07:13:28</t>
  </si>
  <si>
    <t>01/14/2020 07:13:29</t>
  </si>
  <si>
    <t>01/14/2020 07:13:30</t>
  </si>
  <si>
    <t>01/14/2020 07:13:31</t>
  </si>
  <si>
    <t>01/14/2020 07:13:32</t>
  </si>
  <si>
    <t>01/14/2020 07:13:33</t>
  </si>
  <si>
    <t>01/14/2020 07:13:34</t>
  </si>
  <si>
    <t>01/14/2020 07:13:35</t>
  </si>
  <si>
    <t>01/14/2020 07:13:36</t>
  </si>
  <si>
    <t>01/14/2020 07:13:38</t>
  </si>
  <si>
    <t>01/14/2020 07:13:39</t>
  </si>
  <si>
    <t>01/14/2020 07:13:40</t>
  </si>
  <si>
    <t>01/14/2020 07:13:41</t>
  </si>
  <si>
    <t>01/14/2020 07:13:42</t>
  </si>
  <si>
    <t>01/14/2020 07:13:43</t>
  </si>
  <si>
    <t>01/14/2020 07:13:44</t>
  </si>
  <si>
    <t>01/14/2020 07:14:06</t>
  </si>
  <si>
    <t>01/14/2020 07:18:33</t>
  </si>
  <si>
    <t>01/14/2020 07:14:07</t>
  </si>
  <si>
    <t>lu11748c87h.tmp</t>
  </si>
  <si>
    <t>\\acsfs\profiles$\BRUNAAR\Numero\lu11748c87h.tmp</t>
  </si>
  <si>
    <t>01/14/2020 07:15:20</t>
  </si>
  <si>
    <t>01/14/2020 07:19:32</t>
  </si>
  <si>
    <t>01/14/2020 07:18:32</t>
  </si>
  <si>
    <t>01/14/2020 07:17:14</t>
  </si>
  <si>
    <t>01/14/2020 07:20:33</t>
  </si>
  <si>
    <t>01/14/2020 07:15:17</t>
  </si>
  <si>
    <t>01/14/2020 07:21:33</t>
  </si>
  <si>
    <t>01/14/2020 07:19:11</t>
  </si>
  <si>
    <t>01/14/2020 07:22:33</t>
  </si>
  <si>
    <t>8b9c232a-d66d-4e05-8ada-4431be773cb9.tmp</t>
  </si>
  <si>
    <t>\\acsfs\profiles$\inarajst\Downloads\8b9c232a-d66d-4e05-8ada-4431be773cb9.tmp</t>
  </si>
  <si>
    <t>01/14/2020 07:19:16</t>
  </si>
  <si>
    <t>5261249d-6da2-442e-9b8b-499df1c83c1e.tmp</t>
  </si>
  <si>
    <t>\\acsfs\profiles$\inarajst\Downloads\5261249d-6da2-442e-9b8b-499df1c83c1e.tmp</t>
  </si>
  <si>
    <t>01/14/2020 07:19:38</t>
  </si>
  <si>
    <t>d82bb934-c994-46c1-af8e-dc8e3fcbeac5.tmp</t>
  </si>
  <si>
    <t>\\acsfs\profiles$\inarajst\Downloads\d82bb934-c994-46c1-af8e-dc8e3fcbeac5.tmp</t>
  </si>
  <si>
    <t>01/14/2020 07:20:00</t>
  </si>
  <si>
    <t>fd740208-3644-494b-b4a9-081bda296f2f.tmp</t>
  </si>
  <si>
    <t>\\acsfs\profiles$\inarajst\Downloads\fd740208-3644-494b-b4a9-081bda296f2f.tmp</t>
  </si>
  <si>
    <t>01/14/2020 07:21:32</t>
  </si>
  <si>
    <t>e9774937-c9ee-4b97-b913-34b2c49dbf01.tmp</t>
  </si>
  <si>
    <t>\\acsfs\profiles$\inarajst\Downloads\e9774937-c9ee-4b97-b913-34b2c49dbf01.tmp</t>
  </si>
  <si>
    <t>01/14/2020 07:19:08</t>
  </si>
  <si>
    <t>01/14/2020 07:23:33</t>
  </si>
  <si>
    <t>01/14/2020 07:20:03</t>
  </si>
  <si>
    <t>01/14/2020 07:26:34</t>
  </si>
  <si>
    <t>01/14/2020 07:25:32</t>
  </si>
  <si>
    <t>0ef3cc02-9596-4773-af3f-a8199944234c.tmp</t>
  </si>
  <si>
    <t>\\acsfs\profiles$\sarahbal\Downloads\0ef3cc02-9596-4773-af3f-a8199944234c.tmp</t>
  </si>
  <si>
    <t>01/14/2020 07:27:33</t>
  </si>
  <si>
    <t>01/14/2020 07:23:17</t>
  </si>
  <si>
    <t>4758d65f-0cb3-46ab-99b9-d113b7651835.tmp</t>
  </si>
  <si>
    <t>\\acsfs\profiles$\inarajst\Downloads\4758d65f-0cb3-46ab-99b9-d113b7651835.tmp</t>
  </si>
  <si>
    <t>01/14/2020 07:25:13</t>
  </si>
  <si>
    <t>01/14/2020 07:28:33</t>
  </si>
  <si>
    <t>01/14/2020 07:26:43</t>
  </si>
  <si>
    <t>01/13/2020 14:50:38</t>
  </si>
  <si>
    <t>01/14/2020 07:27:42</t>
  </si>
  <si>
    <t>01/14/2020 07:29:33</t>
  </si>
  <si>
    <t>01/14/2020 07:28:38</t>
  </si>
  <si>
    <t>01/14/2020 07:30:33</t>
  </si>
  <si>
    <t>01/14/2020 07:28:39</t>
  </si>
  <si>
    <t>01/14/2020 07:28:40</t>
  </si>
  <si>
    <t>01/14/2020 07:28:41</t>
  </si>
  <si>
    <t>01/14/2020 07:28:42</t>
  </si>
  <si>
    <t>01/14/2020 07:28:43</t>
  </si>
  <si>
    <t>01/14/2020 07:28:44</t>
  </si>
  <si>
    <t>01/14/2020 07:28:45</t>
  </si>
  <si>
    <t>01/14/2020 07:28:46</t>
  </si>
  <si>
    <t>01/14/2020 07:28:47</t>
  </si>
  <si>
    <t>01/14/2020 07:28:48</t>
  </si>
  <si>
    <t>01/14/2020 07:28:49</t>
  </si>
  <si>
    <t>01/14/2020 07:28:50</t>
  </si>
  <si>
    <t>01/14/2020 07:28:51</t>
  </si>
  <si>
    <t>01/14/2020 07:28:52</t>
  </si>
  <si>
    <t>01/14/2020 07:28:53</t>
  </si>
  <si>
    <t>01/14/2020 07:28:54</t>
  </si>
  <si>
    <t>01/14/2020 07:28:55</t>
  </si>
  <si>
    <t>01/14/2020 07:28:56</t>
  </si>
  <si>
    <t>01/14/2020 07:28:57</t>
  </si>
  <si>
    <t>01/14/2020 07:28:58</t>
  </si>
  <si>
    <t>01/14/2020 07:28:59</t>
  </si>
  <si>
    <t>c1894d7a-1f8d-4689-877d-1f650cf5e672.tmp</t>
  </si>
  <si>
    <t>\\acsfs\profiles$\mariajra\Downloads\c1894d7a-1f8d-4689-877d-1f650cf5e672.tmp</t>
  </si>
  <si>
    <t>468c2b1e-d8e1-46eb-a314-bfdbb7a1cd1f.tmp</t>
  </si>
  <si>
    <t>\\acsfs\profiles$\mariajra\Downloads\468c2b1e-d8e1-46eb-a314-bfdbb7a1cd1f.tmp</t>
  </si>
  <si>
    <t>01/14/2020 07:31:33</t>
  </si>
  <si>
    <t>01/14/2020 07:26:00</t>
  </si>
  <si>
    <t>04f4decf-00a5-4820-959d-63f80e87ef48.tmp</t>
  </si>
  <si>
    <t>\\acsfs\profiles$\sarahbal\Downloads\04f4decf-00a5-4820-959d-63f80e87ef48.tmp</t>
  </si>
  <si>
    <t>01/14/2020 07:26:49</t>
  </si>
  <si>
    <t>5187b2c1-1e71-4bb5-832a-bd2fa0067a6d.tmp</t>
  </si>
  <si>
    <t>\\acsfs\profiles$\sarahbal\Downloads\5187b2c1-1e71-4bb5-832a-bd2fa0067a6d.tmp</t>
  </si>
  <si>
    <t>01/14/2020 07:27:03</t>
  </si>
  <si>
    <t>c641bdb8-9b62-4309-a750-8ab1158a8519.tmp</t>
  </si>
  <si>
    <t>\\acsfs\profiles$\sarahbal\Downloads\c641bdb8-9b62-4309-a750-8ab1158a8519.tmp</t>
  </si>
  <si>
    <t>01/14/2020 07:27:25</t>
  </si>
  <si>
    <t>b748a32a-2668-4c31-9cda-7b5b191851fe.tmp</t>
  </si>
  <si>
    <t>\\acsfs\profiles$\sarahbal\Downloads\b748a32a-2668-4c31-9cda-7b5b191851fe.tmp</t>
  </si>
  <si>
    <t>01/14/2020 07:32:30</t>
  </si>
  <si>
    <t>01/14/2020 07:33:34</t>
  </si>
  <si>
    <t>2d479109-e967-49ec-8996-481b7080d438.tmp</t>
  </si>
  <si>
    <t>\\acsfs\profiles$\ERICALSR\Downloads\2d479109-e967-49ec-8996-481b7080d438.tmp</t>
  </si>
  <si>
    <t>01/14/2020 07:33:07</t>
  </si>
  <si>
    <t>01/14/2020 07:33:21</t>
  </si>
  <si>
    <t>6442e4b7-e16c-4589-aeaf-f451d6d8702f.tmp</t>
  </si>
  <si>
    <t>\\acsfs\profiles$\ERICALSR\Downloads\6442e4b7-e16c-4589-aeaf-f451d6d8702f.tmp</t>
  </si>
  <si>
    <t>01/14/2020 07:30:12</t>
  </si>
  <si>
    <t>01/14/2020 07:34:33</t>
  </si>
  <si>
    <t>01/14/2020 07:32:01</t>
  </si>
  <si>
    <t>01/14/2020 07:32:03</t>
  </si>
  <si>
    <t>01/14/2020 07:32:05</t>
  </si>
  <si>
    <t>01/14/2020 07:32:06</t>
  </si>
  <si>
    <t>01/14/2020 07:32:10</t>
  </si>
  <si>
    <t>01/14/2020 07:32:11</t>
  </si>
  <si>
    <t>01/14/2020 07:32:12</t>
  </si>
  <si>
    <t>01/14/2020 07:32:13</t>
  </si>
  <si>
    <t>01/14/2020 07:32:14</t>
  </si>
  <si>
    <t>01/14/2020 07:32:15</t>
  </si>
  <si>
    <t>01/14/2020 07:32:19</t>
  </si>
  <si>
    <t>01/14/2020 07:32:21</t>
  </si>
  <si>
    <t>01/14/2020 07:32:22</t>
  </si>
  <si>
    <t>01/14/2020 07:32:26</t>
  </si>
  <si>
    <t>01/14/2020 07:32:27</t>
  </si>
  <si>
    <t>01/14/2020 07:32:29</t>
  </si>
  <si>
    <t>01/14/2020 07:32:31</t>
  </si>
  <si>
    <t>01/14/2020 07:32:34</t>
  </si>
  <si>
    <t>01/14/2020 07:32:35</t>
  </si>
  <si>
    <t>01/14/2020 07:32:36</t>
  </si>
  <si>
    <t>01/14/2020 07:32:38</t>
  </si>
  <si>
    <t>01/14/2020 07:32:39</t>
  </si>
  <si>
    <t>01/14/2020 07:32:40</t>
  </si>
  <si>
    <t>01/14/2020 07:32:41</t>
  </si>
  <si>
    <t>01/14/2020 07:32:42</t>
  </si>
  <si>
    <t>01/14/2020 07:32:43</t>
  </si>
  <si>
    <t>01/14/2020 07:32:44</t>
  </si>
  <si>
    <t>01/14/2020 07:32:45</t>
  </si>
  <si>
    <t>01/14/2020 07:32:46</t>
  </si>
  <si>
    <t>01/14/2020 07:32:47</t>
  </si>
  <si>
    <t>01/14/2020 07:32:48</t>
  </si>
  <si>
    <t>01/14/2020 07:32:49</t>
  </si>
  <si>
    <t>01/14/2020 07:32:50</t>
  </si>
  <si>
    <t>01/14/2020 07:32:51</t>
  </si>
  <si>
    <t>01/14/2020 07:32:53</t>
  </si>
  <si>
    <t>01/14/2020 07:33:37</t>
  </si>
  <si>
    <t>01/14/2020 07:33:41</t>
  </si>
  <si>
    <t>01/14/2020 07:35:34</t>
  </si>
  <si>
    <t>01/14/2020 07:36:33</t>
  </si>
  <si>
    <t>01/14/2020 07:35:49</t>
  </si>
  <si>
    <t>01/14/2020 07:37:33</t>
  </si>
  <si>
    <t>01/14/2020 07:34:43</t>
  </si>
  <si>
    <t>01/14/2020 07:38:33</t>
  </si>
  <si>
    <t>dd4de8ec-cf08-4125-a3da-ab19cfde8416.tmp</t>
  </si>
  <si>
    <t>\\acsfs\profiles$\ERICALSR\Downloads\dd4de8ec-cf08-4125-a3da-ab19cfde8416.tmp</t>
  </si>
  <si>
    <t>01/14/2020 07:37:45</t>
  </si>
  <si>
    <t>01/14/2020 07:39:33</t>
  </si>
  <si>
    <t>01/14/2020 07:35:03</t>
  </si>
  <si>
    <t>7668d397-57ec-4047-86cf-709d1e83e552.tmp</t>
  </si>
  <si>
    <t>\\acsfs\profiles$\dhiulliananads\Downloads\7668d397-57ec-4047-86cf-709d1e83e552.tmp</t>
  </si>
  <si>
    <t>01/14/2020 07:35:27</t>
  </si>
  <si>
    <t>346a548a-7dc9-4169-b413-f6ff3694e485.tmp</t>
  </si>
  <si>
    <t>\\acsfs\profiles$\dhiulliananads\Downloads\346a548a-7dc9-4169-b413-f6ff3694e485.tmp</t>
  </si>
  <si>
    <t>01/14/2020 07:37:58</t>
  </si>
  <si>
    <t>f918a799-c3b7-43dd-988f-136d826d0a9f.tmp</t>
  </si>
  <si>
    <t>\\acsfs\profiles$\dhiulliananads\Downloads\f918a799-c3b7-43dd-988f-136d826d0a9f.tmp</t>
  </si>
  <si>
    <t>01/14/2020 07:41:33</t>
  </si>
  <si>
    <t>01/14/2020 07:40:16</t>
  </si>
  <si>
    <t>https://udpmailboxap01.acs.com.br:8443/h/search?si=0&amp;so=0&amp;sc=72183&amp;sfi=2&amp;st=conversation&amp;action=compose</t>
  </si>
  <si>
    <t>01/14/2020 07:41:17</t>
  </si>
  <si>
    <t>01/14/2020 07:42:34</t>
  </si>
  <si>
    <t>01/14/2020 07:40:34</t>
  </si>
  <si>
    <t>01/14/2020 07:43:33</t>
  </si>
  <si>
    <t>01/14/2020 07:39:50</t>
  </si>
  <si>
    <t>01/14/2020 07:44:33</t>
  </si>
  <si>
    <t>01/14/2020 07:41:28</t>
  </si>
  <si>
    <t>01/14/2020 07:42:22</t>
  </si>
  <si>
    <t>01/14/2020 07:45:33</t>
  </si>
  <si>
    <t>01/14/2020 07:46:33</t>
  </si>
  <si>
    <t>01/14/2020 07:41:46</t>
  </si>
  <si>
    <t>01/14/2020 07:42:16</t>
  </si>
  <si>
    <t>01/14/2020 07:42:46</t>
  </si>
  <si>
    <t>01/14/2020 07:43:16</t>
  </si>
  <si>
    <t>01/14/2020 07:43:46</t>
  </si>
  <si>
    <t>01/14/2020 07:46:23</t>
  </si>
  <si>
    <t>01/14/2020 07:47:33</t>
  </si>
  <si>
    <t>01/14/2020 07:42:15</t>
  </si>
  <si>
    <t>a4f84cdc-f0af-4b9f-a63e-585a08f4a1b5.tmp</t>
  </si>
  <si>
    <t>\\acsfs\profiles$\antoniosva\Downloads\a4f84cdc-f0af-4b9f-a63e-585a08f4a1b5.tmp</t>
  </si>
  <si>
    <t>01/14/2020 07:44:14</t>
  </si>
  <si>
    <t>2bf3fc07-d9cc-477a-b7a1-163d5979038a.tmp</t>
  </si>
  <si>
    <t>\\acsfs\profiles$\antoniosva\Downloads\2bf3fc07-d9cc-477a-b7a1-163d5979038a.tmp</t>
  </si>
  <si>
    <t>01/14/2020 07:44:52</t>
  </si>
  <si>
    <t>af652b1e-e724-4c57-aab5-654854e9a154.tmp</t>
  </si>
  <si>
    <t>\\acsfs\profiles$\antoniosva\Downloads\af652b1e-e724-4c57-aab5-654854e9a154.tmp</t>
  </si>
  <si>
    <t>01/14/2020 07:46:34</t>
  </si>
  <si>
    <t>3f29d0b0-4930-4de2-9116-13abcb145a04.tmp</t>
  </si>
  <si>
    <t>\\acsfs\profiles$\antoniosva\Downloads\3f29d0b0-4930-4de2-9116-13abcb145a04.tmp</t>
  </si>
  <si>
    <t>01/14/2020 07:46:15</t>
  </si>
  <si>
    <t>a47222b6-7ec8-4fd0-94c7-328af28f43c4.tmp</t>
  </si>
  <si>
    <t>\\acsfs\profiles$\geovannasm\Downloads\a47222b6-7ec8-4fd0-94c7-328af28f43c4.tmp</t>
  </si>
  <si>
    <t>ac91c54c-666a-4512-a0c6-595bed171e51.tmp</t>
  </si>
  <si>
    <t>\\acsfs\profiles$\geovannasm\Downloads\ac91c54c-666a-4512-a0c6-595bed171e51.tmp</t>
  </si>
  <si>
    <t>01/14/2020 07:46:19</t>
  </si>
  <si>
    <t>feade4a2-38ad-4741-bad5-bd54650d3fa4.tmp</t>
  </si>
  <si>
    <t>\\acsfs\profiles$\geovannasm\Downloads\feade4a2-38ad-4741-bad5-bd54650d3fa4.tmp</t>
  </si>
  <si>
    <t>01/14/2020 07:46:42</t>
  </si>
  <si>
    <t>01/14/2020 07:48:33</t>
  </si>
  <si>
    <t>01/14/2020 07:44:49</t>
  </si>
  <si>
    <t>28fba57e-9973-443e-a727-e9d732a0e0d7.tmp</t>
  </si>
  <si>
    <t>\\acsfs\profiles$\ERICALSR\Downloads\28fba57e-9973-443e-a727-e9d732a0e0d7.tmp</t>
  </si>
  <si>
    <t>01/14/2020 07:47:46</t>
  </si>
  <si>
    <t>01/14/2020 07:45:45</t>
  </si>
  <si>
    <t>01/14/2020 07:50:33</t>
  </si>
  <si>
    <t>01/14/2020 07:48:57</t>
  </si>
  <si>
    <t>01/14/2020 07:49:03</t>
  </si>
  <si>
    <t>01/14/2020 07:49:16</t>
  </si>
  <si>
    <t>01/14/2020 07:49:23</t>
  </si>
  <si>
    <t>01/14/2020 07:49:27</t>
  </si>
  <si>
    <t>01/14/2020 07:49:33</t>
  </si>
  <si>
    <t>01/14/2020 07:50:01</t>
  </si>
  <si>
    <t>01/14/2020 07:51:34</t>
  </si>
  <si>
    <t>01/14/2020 07:47:39</t>
  </si>
  <si>
    <t>01/14/2020 07:52:33</t>
  </si>
  <si>
    <t>27ed8d68-c82e-4305-bf95-0c064e18cc97.tmp</t>
  </si>
  <si>
    <t>\\acsfs\profiles$\luanarda\Downloads\27ed8d68-c82e-4305-bf95-0c064e18cc97.tmp</t>
  </si>
  <si>
    <t>01/14/2020 07:48:54</t>
  </si>
  <si>
    <t>01/14/2020 07:48:00</t>
  </si>
  <si>
    <t>18319c12-07f4-4405-af43-d02484925201.tmp</t>
  </si>
  <si>
    <t>\\acsfs\profiles$\antoniosva\Downloads\18319c12-07f4-4405-af43-d02484925201.tmp</t>
  </si>
  <si>
    <t>01/14/2020 07:48:14</t>
  </si>
  <si>
    <t>7fa602a4-f035-477d-a42d-03ce120d18ea.tmp</t>
  </si>
  <si>
    <t>\\acsfs\profiles$\danielac\Downloads\7fa602a4-f035-477d-a42d-03ce120d18ea.tmp</t>
  </si>
  <si>
    <t>01/14/2020 07:50:58</t>
  </si>
  <si>
    <t>a7fcbb9d-ed01-426a-a2f8-b20770e6382d.tmp</t>
  </si>
  <si>
    <t>\\acsfs\profiles$\danielac\Downloads\a7fcbb9d-ed01-426a-a2f8-b20770e6382d.tmp</t>
  </si>
  <si>
    <t>01/14/2020 07:48:45</t>
  </si>
  <si>
    <t>aeae8133-55c4-4a51-a270-d9354bfe9726.tmp</t>
  </si>
  <si>
    <t>\\acsfs\profiles$\geovannasm\Downloads\aeae8133-55c4-4a51-a270-d9354bfe9726.tmp</t>
  </si>
  <si>
    <t>01/14/2020 07:51:25</t>
  </si>
  <si>
    <t>01/14/2020 07:54:33</t>
  </si>
  <si>
    <t>01/14/2020 07:53:38</t>
  </si>
  <si>
    <t>01/14/2020 07:53:42</t>
  </si>
  <si>
    <t>01/14/2020 07:49:44</t>
  </si>
  <si>
    <t>df96fc8b-a320-40f3-9001-d71b7adfd387.tmp</t>
  </si>
  <si>
    <t>\\acsfs\profiles$\leticiala\Downloads\df96fc8b-a320-40f3-9001-d71b7adfd387.tmp</t>
  </si>
  <si>
    <t>01/14/2020 07:49:47</t>
  </si>
  <si>
    <t>c0e7ed92-0954-46da-adb3-036a00194c79.tmp</t>
  </si>
  <si>
    <t>\\acsfs\profiles$\leticiala\Downloads\c0e7ed92-0954-46da-adb3-036a00194c79.tmp</t>
  </si>
  <si>
    <t>01/14/2020 07:51:10</t>
  </si>
  <si>
    <t>e581f814-1340-4a94-97a7-e101d092f113.tmp</t>
  </si>
  <si>
    <t>\\acsfs\profiles$\leticiala\Downloads\e581f814-1340-4a94-97a7-e101d092f113.tmp</t>
  </si>
  <si>
    <t>01/14/2020 07:50:35</t>
  </si>
  <si>
    <t>01/14/2020 07:55:34</t>
  </si>
  <si>
    <t>01/14/2020 07:50:40</t>
  </si>
  <si>
    <t>01/14/2020 07:50:53</t>
  </si>
  <si>
    <t>01/14/2020 07:51:00</t>
  </si>
  <si>
    <t>01/14/2020 07:51:12</t>
  </si>
  <si>
    <t>01/14/2020 07:51:17</t>
  </si>
  <si>
    <t>01/14/2020 07:56:33</t>
  </si>
  <si>
    <t>01/14/2020 07:52:28</t>
  </si>
  <si>
    <t>01/14/2020 07:57:33</t>
  </si>
  <si>
    <t>lu1802411gr7m.tmp</t>
  </si>
  <si>
    <t>\\acsfs\profiles$\luanarda\lu1802411gr7m.tmp</t>
  </si>
  <si>
    <t>\\acsfs\profiles$\luanarda\lu1802411gr7m.tmp\</t>
  </si>
  <si>
    <t>\\acsfs\profiles$\luanarda\lu1802411gr7m.tmp\META-INF\</t>
  </si>
  <si>
    <t>01/14/2020 07:52:29</t>
  </si>
  <si>
    <t>\\acsfs\profiles$\luanarda\lu1802411gr7m.tmp\Thumbnails\</t>
  </si>
  <si>
    <t>01/14/2020 07:52:42</t>
  </si>
  <si>
    <t>01/14/2020 07:53:13</t>
  </si>
  <si>
    <t>\\acsfs\profiles$\luanarda\.~lock.VENDAS.ods#</t>
  </si>
  <si>
    <t>01/14/2020 07:53:53</t>
  </si>
  <si>
    <t>01/14/2020 07:54:09</t>
  </si>
  <si>
    <t>01/14/2020 07:54:45</t>
  </si>
  <si>
    <t>abccf398-0345-4f68-8890-900010bfaccd.tmp</t>
  </si>
  <si>
    <t>\\acsfs\profiles$\luanarda\Downloads\abccf398-0345-4f68-8890-900010bfaccd.tmp</t>
  </si>
  <si>
    <t>01/14/2020 07:54:18</t>
  </si>
  <si>
    <t>428f6afa-bfde-4f6e-97ee-0ba79e161637.tmp</t>
  </si>
  <si>
    <t>\\acsfs\profiles$\geovannasm\Downloads\428f6afa-bfde-4f6e-97ee-0ba79e161637.tmp</t>
  </si>
  <si>
    <t>01/13/2020 18:58:37</t>
  </si>
  <si>
    <t>01/14/2020 07:58:33</t>
  </si>
  <si>
    <t>01/14/2020 07:57:04</t>
  </si>
  <si>
    <t>01/14/2020 07:56:35</t>
  </si>
  <si>
    <t>01/14/2020 07:59:33</t>
  </si>
  <si>
    <t>96438886-399e-4db0-a02b-70ed04283f55.tmp</t>
  </si>
  <si>
    <t>\\acsfs\profiles$\marcellewdl\Downloads\96438886-399e-4db0-a02b-70ed04283f55.tmp</t>
  </si>
  <si>
    <t>01/14/2020 07:57:41</t>
  </si>
  <si>
    <t>11d01204-99e5-4ee0-ac10-3fc9122df4d2.tmp</t>
  </si>
  <si>
    <t>\\acsfs\profiles$\marcellewdl\Downloads\11d01204-99e5-4ee0-ac10-3fc9122df4d2.tmp</t>
  </si>
  <si>
    <t>01/14/2020 07:57:58</t>
  </si>
  <si>
    <t>14bf4a4b-8c08-4bf4-ac5f-8c75901804cc.tmp</t>
  </si>
  <si>
    <t>\\acsfs\profiles$\marcellewdl\Downloads\14bf4a4b-8c08-4bf4-ac5f-8c75901804cc.tmp</t>
  </si>
  <si>
    <t>01/14/2020 07:58:25</t>
  </si>
  <si>
    <t>4ba41407-e1f2-49ce-b94e-bcd5bb420579.tmp</t>
  </si>
  <si>
    <t>\\acsfs\profiles$\vivianealda\Downloads\4ba41407-e1f2-49ce-b94e-bcd5bb420579.tmp</t>
  </si>
  <si>
    <t>01/14/2020 07:53:49</t>
  </si>
  <si>
    <t>01/14/2020 07:53:58</t>
  </si>
  <si>
    <t>01/14/2020 07:54:14</t>
  </si>
  <si>
    <t>01/14/2020 07:54:47</t>
  </si>
  <si>
    <t>01/14/2020 07:54:58</t>
  </si>
  <si>
    <t>01/14/2020 07:55:04</t>
  </si>
  <si>
    <t>01/14/2020 07:55:19</t>
  </si>
  <si>
    <t>01/14/2020 07:56:03</t>
  </si>
  <si>
    <t>01/14/2020 07:56:06</t>
  </si>
  <si>
    <t>01/14/2020 07:56:10</t>
  </si>
  <si>
    <t>01/14/2020 07:56:21</t>
  </si>
  <si>
    <t>01/14/2020 07:56:26</t>
  </si>
  <si>
    <t>01/14/2020 07:56:41</t>
  </si>
  <si>
    <t>01/14/2020 07:56:44</t>
  </si>
  <si>
    <t>01/14/2020 07:56:49</t>
  </si>
  <si>
    <t>01/14/2020 07:57:02</t>
  </si>
  <si>
    <t>01/14/2020 07:57:59</t>
  </si>
  <si>
    <t>01/14/2020 07:58:08</t>
  </si>
  <si>
    <t>01/14/2020 07:58:18</t>
  </si>
  <si>
    <t>01/14/2020 07:58:37</t>
  </si>
  <si>
    <t>01/14/2020 07:56:47</t>
  </si>
  <si>
    <t>4a5bd41f-5fca-4615-ae83-a36f2415d861.tmp</t>
  </si>
  <si>
    <t>\\acsfs\profiles$\THYAGOSP\Downloads\4a5bd41f-5fca-4615-ae83-a36f2415d861.tmp</t>
  </si>
  <si>
    <t>01/14/2020 07:55:01</t>
  </si>
  <si>
    <t>01/14/2020 07:55:49</t>
  </si>
  <si>
    <t>01/14/2020 08:00:33</t>
  </si>
  <si>
    <t>01/14/2020 07:58:45</t>
  </si>
  <si>
    <t>01/14/2020 07:59:03</t>
  </si>
  <si>
    <t>01/14/2020 07:59:08</t>
  </si>
  <si>
    <t>01/14/2020 07:59:10</t>
  </si>
  <si>
    <t>01/14/2020 07:59:21</t>
  </si>
  <si>
    <t>01/14/2020 07:59:45</t>
  </si>
  <si>
    <t>01/14/2020 07:59:51</t>
  </si>
  <si>
    <t>01/14/2020 08:00:17</t>
  </si>
  <si>
    <t>18419581-7c78-4529-8000-082634dcaae0.tmp</t>
  </si>
  <si>
    <t>\\acsfs\profiles$\mariajra\Downloads\18419581-7c78-4529-8000-082634dcaae0.tmp</t>
  </si>
  <si>
    <t>01/14/2020 07:59:59</t>
  </si>
  <si>
    <t>ee50271a-c966-4ff9-8763-1f4813e2e05f.tmp</t>
  </si>
  <si>
    <t>\\acsfs\profiles$\ANAPDSB\Downloads\ee50271a-c966-4ff9-8763-1f4813e2e05f.tmp</t>
  </si>
  <si>
    <t>01/14/2020 08:00:05</t>
  </si>
  <si>
    <t>01/14/2020 08:00:10</t>
  </si>
  <si>
    <t>01/14/2020 08:01:34</t>
  </si>
  <si>
    <t>01/14/2020 07:56:16</t>
  </si>
  <si>
    <t>01/14/2020 07:56:46</t>
  </si>
  <si>
    <t>01/14/2020 07:59:16</t>
  </si>
  <si>
    <t>01/14/2020 08:00:16</t>
  </si>
  <si>
    <t>01/14/2020 07:58:09</t>
  </si>
  <si>
    <t>01/14/2020 07:58:38</t>
  </si>
  <si>
    <t>c4fc180f-a374-47ab-a85e-9a71adb830ae.tmp</t>
  </si>
  <si>
    <t>\\acsfs\profiles$\RAFAELRF\Downloads\c4fc180f-a374-47ab-a85e-9a71adb830ae.tmp</t>
  </si>
  <si>
    <t>01/14/2020 07:59:25</t>
  </si>
  <si>
    <t>501c000b-853b-4958-8fd0-74aa9c2ac551.tmp</t>
  </si>
  <si>
    <t>\\acsfs\profiles$\RAFAELRF\Downloads\501c000b-853b-4958-8fd0-74aa9c2ac551.tmp</t>
  </si>
  <si>
    <t>01/13/2020 17:31:23</t>
  </si>
  <si>
    <t>10.200.66.57</t>
  </si>
  <si>
    <t>01/14/2020 07:56:27</t>
  </si>
  <si>
    <t>e57e8e3f-d7b9-49f5-b905-da6fcc77e921.tmp</t>
  </si>
  <si>
    <t>\\acsfs\profiles$\sarahbal\Downloads\e57e8e3f-d7b9-49f5-b905-da6fcc77e921.tmp</t>
  </si>
  <si>
    <t>01/14/2020 07:59:00</t>
  </si>
  <si>
    <t>01/14/2020 08:02:34</t>
  </si>
  <si>
    <t>8666bfa5-2c4a-4221-b707-7affff41150e.tmp</t>
  </si>
  <si>
    <t>\\acsfs\profiles$\vivianalds\Downloads\8666bfa5-2c4a-4221-b707-7affff41150e.tmp</t>
  </si>
  <si>
    <t>01/14/2020 08:00:21</t>
  </si>
  <si>
    <t>ea2468b6-939e-4211-8338-5718ab5e8c60.tmp</t>
  </si>
  <si>
    <t>\\acsfs\profiles$\vivianalds\Downloads\ea2468b6-939e-4211-8338-5718ab5e8c60.tmp</t>
  </si>
  <si>
    <t>01/14/2020 07:58:43</t>
  </si>
  <si>
    <t>01/14/2020 07:57:56</t>
  </si>
  <si>
    <t>01/14/2020 08:03:34</t>
  </si>
  <si>
    <t>2852f8c9-114b-43d7-969b-00aa6b390a3a.tmp</t>
  </si>
  <si>
    <t>\\acsfs\profiles$\wenderbnm\Downloads\2852f8c9-114b-43d7-969b-00aa6b390a3a.tmp</t>
  </si>
  <si>
    <t>01/14/2020 07:58:51</t>
  </si>
  <si>
    <t>13cb632f-3ac6-4f1f-8724-4a6f53a31e4a.tmp</t>
  </si>
  <si>
    <t>\\acsfs\profiles$\wenderbnm\Downloads\13cb632f-3ac6-4f1f-8724-4a6f53a31e4a.tmp</t>
  </si>
  <si>
    <t>362635c4-5e14-4f65-9be8-4771f1a8da7d.tmp</t>
  </si>
  <si>
    <t>\\acsfs\profiles$\rafaelahpn\Downloads\362635c4-5e14-4f65-9be8-4771f1a8da7d.tmp</t>
  </si>
  <si>
    <t>01/14/2020 08:04:35</t>
  </si>
  <si>
    <t>01/14/2020 08:00:59</t>
  </si>
  <si>
    <t>ad718d33-4f57-42bc-9fd8-5e061b813d3f.tmp</t>
  </si>
  <si>
    <t>\\acsfs\profiles$\vivianealda\Downloads\ad718d33-4f57-42bc-9fd8-5e061b813d3f.tmp</t>
  </si>
  <si>
    <t>01/14/2020 07:58:57</t>
  </si>
  <si>
    <t>01/14/2020 07:59:01</t>
  </si>
  <si>
    <t>01/14/2020 07:59:04</t>
  </si>
  <si>
    <t>mail.google.com/sync/u/0/i/s?hl=pt-BR&amp;c=569</t>
  </si>
  <si>
    <t>01/14/2020 07:59:13</t>
  </si>
  <si>
    <t>01/14/2020 08:01:02</t>
  </si>
  <si>
    <t>01/14/2020 08:01:04</t>
  </si>
  <si>
    <t>01/14/2020 08:01:10</t>
  </si>
  <si>
    <t>01/14/2020 08:01:18</t>
  </si>
  <si>
    <t>01/14/2020 08:01:22</t>
  </si>
  <si>
    <t>01/14/2020 08:01:36</t>
  </si>
  <si>
    <t>01/14/2020 08:01:40</t>
  </si>
  <si>
    <t>01/14/2020 08:02:02</t>
  </si>
  <si>
    <t>01/14/2020 08:02:06</t>
  </si>
  <si>
    <t>01/14/2020 08:02:20</t>
  </si>
  <si>
    <t>01/14/2020 08:02:24</t>
  </si>
  <si>
    <t>01/14/2020 08:02:36</t>
  </si>
  <si>
    <t>01/14/2020 08:02:40</t>
  </si>
  <si>
    <t>01/14/2020 08:02:58</t>
  </si>
  <si>
    <t>01/14/2020 08:03:03</t>
  </si>
  <si>
    <t>01/14/2020 08:03:04</t>
  </si>
  <si>
    <t>01/14/2020 08:03:19</t>
  </si>
  <si>
    <t>01/14/2020 08:03:25</t>
  </si>
  <si>
    <t>01/14/2020 08:03:28</t>
  </si>
  <si>
    <t>01/14/2020 07:58:52</t>
  </si>
  <si>
    <t>923d1dab-189d-41ce-bab0-7891bf6cf00b.tmp</t>
  </si>
  <si>
    <t>\\acsfs\profiles$\THYAGOSP\Downloads\923d1dab-189d-41ce-bab0-7891bf6cf00b.tmp</t>
  </si>
  <si>
    <t>01/14/2020 08:00:42</t>
  </si>
  <si>
    <t>01/14/2020 08:02:28</t>
  </si>
  <si>
    <t>6ddb2fbb-e814-449c-b291-a60d8d07eb57.tmp</t>
  </si>
  <si>
    <t>\\acsfs\profiles$\paulovadc\Downloads\6ddb2fbb-e814-449c-b291-a60d8d07eb57.tmp</t>
  </si>
  <si>
    <t>01/14/2020 08:03:48</t>
  </si>
  <si>
    <t>6f216f24-2774-4dda-9a47-f9c7ea45b457.tmp</t>
  </si>
  <si>
    <t>\\acsfs\profiles$\paulovadc\Downloads\6f216f24-2774-4dda-9a47-f9c7ea45b457.tmp</t>
  </si>
  <si>
    <t>01/14/2020 08:00:36</t>
  </si>
  <si>
    <t>01/14/2020 08:05:34</t>
  </si>
  <si>
    <t>01/14/2020 08:04:44</t>
  </si>
  <si>
    <t>01/14/2020 08:03:00</t>
  </si>
  <si>
    <t>b86a31f1-a712-4256-a64c-af62b91fc298.tmp</t>
  </si>
  <si>
    <t>\\acsfs\profiles$\quindaizaagds\Downloads\b86a31f1-a712-4256-a64c-af62b91fc298.tmp</t>
  </si>
  <si>
    <t>01/14/2020 08:04:47</t>
  </si>
  <si>
    <t>0b03c4b2-9040-477e-827b-20f28975c378.tmp</t>
  </si>
  <si>
    <t>\\acsfs\profiles$\quindaizaagds\Downloads\0b03c4b2-9040-477e-827b-20f28975c378.tmp</t>
  </si>
  <si>
    <t>01/14/2020 08:01:43</t>
  </si>
  <si>
    <t>01/14/2020 08:03:40</t>
  </si>
  <si>
    <t>01/14/2020 08:04:34</t>
  </si>
  <si>
    <t>01/14/2020 08:02:00</t>
  </si>
  <si>
    <t>01/14/2020 08:02:01</t>
  </si>
  <si>
    <t>lu1000011qr4l.tmp</t>
  </si>
  <si>
    <t>\\acsfs\profiles$\jonathanwap\lu1000011qr4l.tmp</t>
  </si>
  <si>
    <t>\\acsfs\profiles$\jonathanwap\lu1000011qr4l.tmp\</t>
  </si>
  <si>
    <t>\\acsfs\profiles$\jonathanwap\lu1000011qr4l.tmp\META-INF\</t>
  </si>
  <si>
    <t>\\acsfs\profiles$\jonathanwap\lu1000011qr4l.tmp\Thumbnails\</t>
  </si>
  <si>
    <t>01/14/2020 08:00:24</t>
  </si>
  <si>
    <t>01/14/2020 08:00:32</t>
  </si>
  <si>
    <t>01/14/2020 08:00:50</t>
  </si>
  <si>
    <t>01/14/2020 08:04:13</t>
  </si>
  <si>
    <t>01/14/2020 08:04:16</t>
  </si>
  <si>
    <t>01/14/2020 08:04:25</t>
  </si>
  <si>
    <t>01/14/2020 08:04:36</t>
  </si>
  <si>
    <t>01/14/2020 08:04:41</t>
  </si>
  <si>
    <t>01/14/2020 08:04:53</t>
  </si>
  <si>
    <t>01/14/2020 08:05:02</t>
  </si>
  <si>
    <t>01/14/2020 08:05:07</t>
  </si>
  <si>
    <t>01/14/2020 08:05:14</t>
  </si>
  <si>
    <t>14979d12-6659-4431-ace8-515f135039ea.tmp</t>
  </si>
  <si>
    <t>\\acsfs\profiles$\ANAPDSB\Downloads\14979d12-6659-4431-ace8-515f135039ea.tmp</t>
  </si>
  <si>
    <t>01/14/2020 08:01:53</t>
  </si>
  <si>
    <t>01/14/2020 08:02:31</t>
  </si>
  <si>
    <t>01/14/2020 08:06:35</t>
  </si>
  <si>
    <t>01/14/2020 08:03:02</t>
  </si>
  <si>
    <t>01/14/2020 08:07:34</t>
  </si>
  <si>
    <t>450c5f06-7383-49ed-82f1-0ed27f61ea47.tmp</t>
  </si>
  <si>
    <t>\\acsfs\profiles$\felipetds\Downloads\450c5f06-7383-49ed-82f1-0ed27f61ea47.tmp</t>
  </si>
  <si>
    <t>01/14/2020 08:03:55</t>
  </si>
  <si>
    <t>01/14/2020 08:04:04</t>
  </si>
  <si>
    <t>5f651ff1-0d1b-4883-a67a-2c3ca9e1fb97.tmp</t>
  </si>
  <si>
    <t>\\acsfs\profiles$\felipetds\Downloads\5f651ff1-0d1b-4883-a67a-2c3ca9e1fb97.tmp</t>
  </si>
  <si>
    <t>01/14/2020 08:05:06</t>
  </si>
  <si>
    <t>f755e6cd-4b71-4224-99de-79adea260f7c.tmp</t>
  </si>
  <si>
    <t>\\acsfs\profiles$\felipetds\Downloads\f755e6cd-4b71-4224-99de-79adea260f7c.tmp</t>
  </si>
  <si>
    <t>01/14/2020 08:03:16</t>
  </si>
  <si>
    <t>01/14/2020 08:08:34</t>
  </si>
  <si>
    <t>a8b6553d-0235-49d5-9c5b-e69955469f20.tmp</t>
  </si>
  <si>
    <t>\\acsfs\profiles$\rafaelahpn\Downloads\a8b6553d-0235-49d5-9c5b-e69955469f20.tmp</t>
  </si>
  <si>
    <t>01/14/2020 08:04:11</t>
  </si>
  <si>
    <t>3428c387-7a60-4630-920f-98bccd25d145.tmp</t>
  </si>
  <si>
    <t>\\acsfs\profiles$\rafaelahpn\Downloads\3428c387-7a60-4630-920f-98bccd25d145.tmp</t>
  </si>
  <si>
    <t>01/14/2020 08:04:15</t>
  </si>
  <si>
    <t>0e769f18-24ec-4f90-94b9-65defc67e6a4.tmp</t>
  </si>
  <si>
    <t>\\acsfs\profiles$\rafaelahpn\Downloads\0e769f18-24ec-4f90-94b9-65defc67e6a4.tmp</t>
  </si>
  <si>
    <t>01/14/2020 08:04:57</t>
  </si>
  <si>
    <t>b50c223a-fb36-4311-b42d-465166c110f5.tmp</t>
  </si>
  <si>
    <t>\\acsfs\profiles$\rafaelahpn\Downloads\b50c223a-fb36-4311-b42d-465166c110f5.tmp</t>
  </si>
  <si>
    <t>01/14/2020 08:07:57</t>
  </si>
  <si>
    <t>7ec8bf32-02b1-4a41-86aa-6d57d15c080b.tmp</t>
  </si>
  <si>
    <t>\\acsfs\profiles$\rafaelahpn\Downloads\7ec8bf32-02b1-4a41-86aa-6d57d15c080b.tmp</t>
  </si>
  <si>
    <t>01/14/2020 08:05:09</t>
  </si>
  <si>
    <t>01/14/2020 08:09:34</t>
  </si>
  <si>
    <t>01/14/2020 08:06:02</t>
  </si>
  <si>
    <t>002a4d2d-9bd7-4184-9bb6-ee17c1f6d2e9.tmp</t>
  </si>
  <si>
    <t>\\acsfs\profiles$\anafsb\Downloads\002a4d2d-9bd7-4184-9bb6-ee17c1f6d2e9.tmp</t>
  </si>
  <si>
    <t>01/14/2020 08:07:45</t>
  </si>
  <si>
    <t>01/14/2020 08:06:05</t>
  </si>
  <si>
    <t>01/14/2020 08:10:34</t>
  </si>
  <si>
    <t>01/14/2020 08:07:39</t>
  </si>
  <si>
    <t>01/14/2020 08:08:05</t>
  </si>
  <si>
    <t>01/14/2020 08:03:49</t>
  </si>
  <si>
    <t>01/14/2020 08:09:43</t>
  </si>
  <si>
    <t>01/14/2020 08:03:53</t>
  </si>
  <si>
    <t>01/14/2020 08:03:56</t>
  </si>
  <si>
    <t>01/14/2020 08:04:08</t>
  </si>
  <si>
    <t>01/14/2020 08:04:22</t>
  </si>
  <si>
    <t>01/14/2020 08:04:29</t>
  </si>
  <si>
    <t>01/14/2020 08:04:40</t>
  </si>
  <si>
    <t>01/14/2020 08:04:48</t>
  </si>
  <si>
    <t>01/14/2020 08:04:54</t>
  </si>
  <si>
    <t>01/14/2020 08:05:13</t>
  </si>
  <si>
    <t>01/14/2020 08:05:22</t>
  </si>
  <si>
    <t>01/14/2020 08:05:43</t>
  </si>
  <si>
    <t>01/14/2020 08:05:52</t>
  </si>
  <si>
    <t>01/14/2020 08:06:14</t>
  </si>
  <si>
    <t>01/14/2020 08:06:19</t>
  </si>
  <si>
    <t>01/14/2020 08:06:33</t>
  </si>
  <si>
    <t>01/14/2020 08:06:41</t>
  </si>
  <si>
    <t>01/14/2020 08:06:45</t>
  </si>
  <si>
    <t>01/14/2020 08:06:42</t>
  </si>
  <si>
    <t>226f8706-8572-4cb3-b130-42a131f6ddf3.tmp</t>
  </si>
  <si>
    <t>\\acsfs\profiles$\quindaizaagds\Downloads\226f8706-8572-4cb3-b130-42a131f6ddf3.tmp</t>
  </si>
  <si>
    <t>01/14/2020 08:05:23</t>
  </si>
  <si>
    <t>bvcartes-supervisores@algarnet.onmicrosoft.com;joaogvc@algartech.com;leonardoao@algartech.com;marianadjc@algartech.com;paulacn@algartech.com;rafaelggs@algartech.com;ricardodfm@algartech.com.br;taysdss@algartech.com;thiagordu@algartech.com;viniciussg@algartech.com;</t>
  </si>
  <si>
    <t>bvcartes-supervisores@algarnet.onmicrosoft.com,joaogvc@algartech.com,leonardoao@algartech.com,marianadjc@algartech.com,paulacn@algartech.com,rafaelggs@algartech.com,ricardodfm@algartech.com.br,taysdss@algartech.com,thiagordu@algartech.com,viniciussg@algartech.com</t>
  </si>
  <si>
    <t>01/14/2020 08:05:35</t>
  </si>
  <si>
    <t>01/14/2020 08:05:39</t>
  </si>
  <si>
    <t>01/14/2020 08:05:48</t>
  </si>
  <si>
    <t>01/14/2020 08:05:55</t>
  </si>
  <si>
    <t>01/14/2020 08:06:11</t>
  </si>
  <si>
    <t>01/14/2020 08:06:21</t>
  </si>
  <si>
    <t>01/14/2020 08:06:27</t>
  </si>
  <si>
    <t>01/14/2020 08:06:32</t>
  </si>
  <si>
    <t>01/14/2020 08:06:37</t>
  </si>
  <si>
    <t>joaogvc@algartech.com;katia.cardoso@bv.com.br;leonardoao@algartech.com;marianadjc@algartech.com;paulacn@algartech.com;rafaelggs@algartech.com;ricardodfm@algartech.com.br;taysdss@algartech.com;thiagordu@algartech.com;viniciussg@algartech.com;</t>
  </si>
  <si>
    <t>joaogvc@algartech.com,katia.cardoso@bv.com.br,leonardoao@algartech.com,marianadjc@algartech.com,paulacn@algartech.com,rafaelggs@algartech.com,ricardodfm@algartech.com.br,taysdss@algartech.com,thiagordu@algartech.com,viniciussg@algartech.com</t>
  </si>
  <si>
    <t>01/14/2020 08:06:47</t>
  </si>
  <si>
    <t>01/14/2020 08:06:52</t>
  </si>
  <si>
    <t>01/14/2020 08:06:56</t>
  </si>
  <si>
    <t>01/14/2020 08:07:04</t>
  </si>
  <si>
    <t>01/14/2020 08:07:10</t>
  </si>
  <si>
    <t>01/14/2020 08:07:25</t>
  </si>
  <si>
    <t>mail.google.com/_/upload?authuser=0&amp;dcp=asu-n&amp;upload_id=AEnB2Uqs0aZ_XnQS5qEaVPVAGxnDSMBsRfZbdH6k29u4yh7fixF80yFteW_UgsndCfQrHH3Iz-uSg0RYDwWrGJB7L67GUbL9Sg&amp;upload_protocol=resumable</t>
  </si>
  <si>
    <t>01/14/2020 08:07:26</t>
  </si>
  <si>
    <t>01/14/2020 08:07:52</t>
  </si>
  <si>
    <t>01/14/2020 08:09:55</t>
  </si>
  <si>
    <t>01/14/2020 08:10:04</t>
  </si>
  <si>
    <t>01/14/2020 08:10:13</t>
  </si>
  <si>
    <t>01/14/2020 08:06:57</t>
  </si>
  <si>
    <t>01/14/2020 08:11:35</t>
  </si>
  <si>
    <t>04d3a171-fc5a-4f85-861b-bc1e181966dc.tmp</t>
  </si>
  <si>
    <t>\\acsfs\profiles$\LUCASNS\Downloads\04d3a171-fc5a-4f85-861b-bc1e181966dc.tmp</t>
  </si>
  <si>
    <t>01/14/2020 08:07:06</t>
  </si>
  <si>
    <t>078db51f-2770-48dd-b073-f81b607a8e9c.tmp</t>
  </si>
  <si>
    <t>\\acsfs\profiles$\LUCASNS\Downloads\078db51f-2770-48dd-b073-f81b607a8e9c.tmp</t>
  </si>
  <si>
    <t>01/14/2020 08:06:46</t>
  </si>
  <si>
    <t>01/14/2020 08:07:16</t>
  </si>
  <si>
    <t>01/14/2020 08:09:16</t>
  </si>
  <si>
    <t>01/14/2020 08:09:26</t>
  </si>
  <si>
    <t>01/14/2020 08:12:34</t>
  </si>
  <si>
    <t>01/14/2020 08:09:27</t>
  </si>
  <si>
    <t>01/14/2020 08:10:49</t>
  </si>
  <si>
    <t>01/14/2020 08:11:03</t>
  </si>
  <si>
    <t>01/14/2020 08:11:04</t>
  </si>
  <si>
    <t>01/14/2020 08:11:52</t>
  </si>
  <si>
    <t>01/14/2020 08:13:35</t>
  </si>
  <si>
    <t>01/14/2020 08:09:23</t>
  </si>
  <si>
    <t>01/14/2020 08:14:34</t>
  </si>
  <si>
    <t>XLOG_cinthiacsda_14012020_080900.log</t>
  </si>
  <si>
    <t>\\acsfs\profiles$\cinthiacsda\My Documents\xworkcenter\logs\XLOG_cinthiacsda_14012020_080900.log</t>
  </si>
  <si>
    <t>01/13/2020 21:58:21</t>
  </si>
  <si>
    <t>01/14/2020 08:15:35</t>
  </si>
  <si>
    <t>01/14/2020 08:10:23</t>
  </si>
  <si>
    <t>01/14/2020 08:11:09</t>
  </si>
  <si>
    <t>01/14/2020 08:11:24</t>
  </si>
  <si>
    <t>01/14/2020 08:11:29</t>
  </si>
  <si>
    <t>joaogvc@algartech.com;marianadjc@algartech.com;planejamentodeoperacoesetrafego@bv.com.br;rafaelggs@algartech.com;raphaelmco@algartech.com.br;ricardodfm@algartech.com.br;taysdss@algartech.com;viniciussg@algartech.com;</t>
  </si>
  <si>
    <t>joaogvc@algartech.com,marianadjc@algartech.com,planejamentodeoperacoesetrafego@bv.com.br,rafaelggs@algartech.com,raphaelmco@algartech.com.br,ricardodfm@algartech.com.br,taysdss@algartech.com,viniciussg@algartech.com</t>
  </si>
  <si>
    <t>01/14/2020 08:11:34</t>
  </si>
  <si>
    <t>01/14/2020 08:11:36</t>
  </si>
  <si>
    <t>01/14/2020 08:11:41</t>
  </si>
  <si>
    <t>01/14/2020 08:16:34</t>
  </si>
  <si>
    <t>01/14/2020 08:14:15</t>
  </si>
  <si>
    <t>01/14/2020 08:14:59</t>
  </si>
  <si>
    <t>4ca2d04b-a6b9-40cc-909e-f3d57cdf58a1.tmp</t>
  </si>
  <si>
    <t>\\acsfs\profiles$\PEDROHAB\Downloads\4ca2d04b-a6b9-40cc-909e-f3d57cdf58a1.tmp</t>
  </si>
  <si>
    <t>01/14/2020 08:15:01</t>
  </si>
  <si>
    <t>ec2d68a8-7b27-4767-8813-c63d2a9eeb94.tmp</t>
  </si>
  <si>
    <t>\\acsfs\profiles$\PEDROHAB\Downloads\ec2d68a8-7b27-4767-8813-c63d2a9eeb94.tmp</t>
  </si>
  <si>
    <t>01/14/2020 08:14:46</t>
  </si>
  <si>
    <t>01/14/2020 08:17:35</t>
  </si>
  <si>
    <t>d106839e-e2a6-4874-96f6-fe58fa873723.tmp</t>
  </si>
  <si>
    <t>\\acsfs\profiles$\ayalabfi\Downloads\d106839e-e2a6-4874-96f6-fe58fa873723.tmp</t>
  </si>
  <si>
    <t>01/14/2020 08:14:49</t>
  </si>
  <si>
    <t>eed2114a-dee3-4bad-a191-ae0729047c24.tmp</t>
  </si>
  <si>
    <t>\\acsfs\profiles$\ayalabfi\Downloads\eed2114a-dee3-4bad-a191-ae0729047c24.tmp</t>
  </si>
  <si>
    <t>01/14/2020 08:15:05</t>
  </si>
  <si>
    <t>9d03c928-d123-4673-95aa-e78c190f2efa.tmp</t>
  </si>
  <si>
    <t>\\acsfs\profiles$\ayalabfi\Downloads\9d03c928-d123-4673-95aa-e78c190f2efa.tmp</t>
  </si>
  <si>
    <t>01/14/2020 08:15:04</t>
  </si>
  <si>
    <t>42ab557a-45c8-4a84-a6cb-cc83e31eb21a.tmp</t>
  </si>
  <si>
    <t>\\acsfs\profiles$\inarajst\Downloads\42ab557a-45c8-4a84-a6cb-cc83e31eb21a.tmp</t>
  </si>
  <si>
    <t>01/14/2020 08:15:07</t>
  </si>
  <si>
    <t>9a87aea1-3560-4e66-a9ce-5616845ab399.tmp</t>
  </si>
  <si>
    <t>\\acsfs\profiles$\inarajst\Downloads\9a87aea1-3560-4e66-a9ce-5616845ab399.tmp</t>
  </si>
  <si>
    <t>01/14/2020 08:15:18</t>
  </si>
  <si>
    <t>01/14/2020 08:18:34</t>
  </si>
  <si>
    <t>01/14/2020 08:18:19</t>
  </si>
  <si>
    <t>01/14/2020 08:19:34</t>
  </si>
  <si>
    <t>e5e95103-7213-450f-a92a-a9c323b05ed0.tmp</t>
  </si>
  <si>
    <t>\\acsfs\profiles$\leticiala\Downloads\e5e95103-7213-450f-a92a-a9c323b05ed0.tmp</t>
  </si>
  <si>
    <t>01/14/2020 08:15:51</t>
  </si>
  <si>
    <t>01/14/2020 08:18:33</t>
  </si>
  <si>
    <t>lu5832ujqz.tmp</t>
  </si>
  <si>
    <t>\\acsfs\profiles$\dhiulliananads\My Documents\lu5832ujqz.tmp</t>
  </si>
  <si>
    <t>\\acsfs\profiles$\dhiulliananads\My Documents\lu5832ujqz.tmp\</t>
  </si>
  <si>
    <t>01/14/2020 08:19:35</t>
  </si>
  <si>
    <t>\\acsfs\profiles$\dhiulliananads\My Documents\lu5832ujqz.tmp\META-INF\</t>
  </si>
  <si>
    <t>\\acsfs\profiles$\dhiulliananads\My Documents\lu5832ujqz.tmp\Thumbnails\</t>
  </si>
  <si>
    <t>01/14/2020 08:16:33</t>
  </si>
  <si>
    <t>01/14/2020 08:20:35</t>
  </si>
  <si>
    <t>01/14/2020 08:15:09</t>
  </si>
  <si>
    <t>01/14/2020 08:17:29</t>
  </si>
  <si>
    <t>IMG_1122.jpg</t>
  </si>
  <si>
    <t>01/14/2020 08:17:44</t>
  </si>
  <si>
    <t>01/14/2020 08:21:34</t>
  </si>
  <si>
    <t>01/14/2020 08:17:08</t>
  </si>
  <si>
    <t>Relatorio cdc.PNG</t>
  </si>
  <si>
    <t>\\acsfs\ACS\001 - Qualidade Lilian\PAULO\Pasta Tainara\Relatorio cdc.PNG</t>
  </si>
  <si>
    <t>01/14/2020 08:17:32</t>
  </si>
  <si>
    <t>Relatorio sac.PNG</t>
  </si>
  <si>
    <t>\\acsfs\ACS\001 - Qualidade Lilian\PAULO\Pasta Tainara\Relatorio sac.PNG</t>
  </si>
  <si>
    <t>01/14/2020 08:18:00</t>
  </si>
  <si>
    <t>Relatrio cons.PNG</t>
  </si>
  <si>
    <t>\\acsfs\ACS\001 - Qualidade Lilian\PAULO\Pasta Tainara\Relatrio cons.PNG</t>
  </si>
  <si>
    <t>01/14/2020 08:18:22</t>
  </si>
  <si>
    <t>relatorio chat.PNG</t>
  </si>
  <si>
    <t>\\acsfs\ACS\001 - Qualidade Lilian\PAULO\Pasta Tainara\relatorio chat.PNG</t>
  </si>
  <si>
    <t>01/14/2020 08:17:17</t>
  </si>
  <si>
    <t>01/14/2020 08:20:17</t>
  </si>
  <si>
    <t>01/14/2020 08:20:47</t>
  </si>
  <si>
    <t>01/14/2020 08:16:58</t>
  </si>
  <si>
    <t>e029e4ad-d9d0-4cfe-a331-d334c92e327b.tmp</t>
  </si>
  <si>
    <t>\\acsfs\profiles$\PEDROHAB\Downloads\e029e4ad-d9d0-4cfe-a331-d334c92e327b.tmp</t>
  </si>
  <si>
    <t>01/14/2020 08:19:02</t>
  </si>
  <si>
    <t>01/14/2020 08:19:52</t>
  </si>
  <si>
    <t>01/14/2020 08:22:34</t>
  </si>
  <si>
    <t>01/14/2020 08:21:35</t>
  </si>
  <si>
    <t>d5e034a9-2b61-4a88-bf88-7decd420e9a0.tmp</t>
  </si>
  <si>
    <t>\\acsfs\profiles$\lucasgpe\Downloads\d5e034a9-2b61-4a88-bf88-7decd420e9a0.tmp</t>
  </si>
  <si>
    <t>01/14/2020 08:19:29</t>
  </si>
  <si>
    <t>01/14/2020 08:17:38</t>
  </si>
  <si>
    <t>e6869517-a02f-47d0-8361-cf7fe5400660.tmp</t>
  </si>
  <si>
    <t>\\acsfs\profiles$\geovannasm\Downloads\e6869517-a02f-47d0-8361-cf7fe5400660.tmp</t>
  </si>
  <si>
    <t>01/14/2020 08:18:44</t>
  </si>
  <si>
    <t>9be9bbd6-033a-4b76-a4fb-d25b9edbd7da.tmp</t>
  </si>
  <si>
    <t>\\acsfs\profiles$\geovannasm\Downloads\9be9bbd6-033a-4b76-a4fb-d25b9edbd7da.tmp</t>
  </si>
  <si>
    <t>01/14/2020 08:18:53</t>
  </si>
  <si>
    <t>1dba9967-4375-42c4-9a6b-bc37a73fe6a1.tmp</t>
  </si>
  <si>
    <t>\\acsfs\profiles$\geovannasm\Downloads\1dba9967-4375-42c4-9a6b-bc37a73fe6a1.tmp</t>
  </si>
  <si>
    <t>01/14/2020 08:19:00</t>
  </si>
  <si>
    <t>eec47e04-b5e0-43f3-8d08-aac718293666.tmp</t>
  </si>
  <si>
    <t>\\acsfs\profiles$\geovannasm\Downloads\eec47e04-b5e0-43f3-8d08-aac718293666.tmp</t>
  </si>
  <si>
    <t>01/14/2020 08:20:30</t>
  </si>
  <si>
    <t>01/14/2020 08:23:34</t>
  </si>
  <si>
    <t>01/14/2020 08:20:11</t>
  </si>
  <si>
    <t>01/14/2020 08:18:39</t>
  </si>
  <si>
    <t>01/14/2020 08:21:07</t>
  </si>
  <si>
    <t>01/14/2020 08:24:35</t>
  </si>
  <si>
    <t>e2274f95-07e8-440e-8cc9-e6ed6dd983fc.tmp</t>
  </si>
  <si>
    <t>\\acsfs\profiles$\gabrielaff\Downloads\e2274f95-07e8-440e-8cc9-e6ed6dd983fc.tmp</t>
  </si>
  <si>
    <t>01/14/2020 08:22:08</t>
  </si>
  <si>
    <t>4e324e7d-e912-43ea-ad7e-246e4f48e326.tmp</t>
  </si>
  <si>
    <t>\\acsfs\profiles$\KARENDSR\Downloads\4e324e7d-e912-43ea-ad7e-246e4f48e326.tmp</t>
  </si>
  <si>
    <t>01/14/2020 08:22:52</t>
  </si>
  <si>
    <t>4e5a8ad4-7a50-4b7f-a24c-b4fced325843.tmp</t>
  </si>
  <si>
    <t>\\acsfs\profiles$\KARENDSR\Downloads\4e5a8ad4-7a50-4b7f-a24c-b4fced325843.tmp</t>
  </si>
  <si>
    <t>01/14/2020 08:23:20</t>
  </si>
  <si>
    <t>f371595e-28ac-4c2a-b13c-8c744fdfc3ae.tmp</t>
  </si>
  <si>
    <t>\\acsfs\profiles$\KARENDSR\Downloads\f371595e-28ac-4c2a-b13c-8c744fdfc3ae.tmp</t>
  </si>
  <si>
    <t>01/14/2020 08:22:19</t>
  </si>
  <si>
    <t>lu5832ujr5.tmp</t>
  </si>
  <si>
    <t>\\acsfs\profiles$\dhiulliananads\My Documents\lu5832ujr5.tmp</t>
  </si>
  <si>
    <t>\\acsfs\profiles$\dhiulliananads\My Documents\lu5832ujr5.tmp\</t>
  </si>
  <si>
    <t>\\acsfs\profiles$\dhiulliananads\My Documents\lu5832ujr5.tmp\META-INF\</t>
  </si>
  <si>
    <t>01/14/2020 08:22:20</t>
  </si>
  <si>
    <t>\\acsfs\profiles$\dhiulliananads\My Documents\lu5832ujr5.tmp\Thumbnails\</t>
  </si>
  <si>
    <t>01/14/2020 08:19:48</t>
  </si>
  <si>
    <t>01/14/2020 08:24:10</t>
  </si>
  <si>
    <t>01/14/2020 08:25:34</t>
  </si>
  <si>
    <t>01/14/2020 08:21:38</t>
  </si>
  <si>
    <t>01/14/2020 08:21:40</t>
  </si>
  <si>
    <t>01/14/2020 08:21:33</t>
  </si>
  <si>
    <t>35fd0eb5-516c-4bb3-87f7-e2ce68b2ce72.tmp</t>
  </si>
  <si>
    <t>\\acsfs\profiles$\lorrainerdl\Downloads\35fd0eb5-516c-4bb3-87f7-e2ce68b2ce72.tmp</t>
  </si>
  <si>
    <t>01/14/2020 08:22:03</t>
  </si>
  <si>
    <t>4cf30fb5-3a0c-4139-91dd-ca798a86c8b1.tmp</t>
  </si>
  <si>
    <t>\\acsfs\profiles$\lorrainerdl\Downloads\4cf30fb5-3a0c-4139-91dd-ca798a86c8b1.tmp</t>
  </si>
  <si>
    <t>01/14/2020 08:22:04</t>
  </si>
  <si>
    <t>86fb2632-2d56-4f07-af57-ad2f0601c3de.tmp</t>
  </si>
  <si>
    <t>\\acsfs\profiles$\lorrainerdl\Downloads\86fb2632-2d56-4f07-af57-ad2f0601c3de.tmp</t>
  </si>
  <si>
    <t>01/14/2020 08:21:58</t>
  </si>
  <si>
    <t>01/14/2020 08:22:01</t>
  </si>
  <si>
    <t>01/14/2020 08:24:06</t>
  </si>
  <si>
    <t>01/14/2020 08:24:07</t>
  </si>
  <si>
    <t>01/14/2020 08:26:34</t>
  </si>
  <si>
    <t>01/14/2020 08:24:17</t>
  </si>
  <si>
    <t>01/14/2020 08:24:47</t>
  </si>
  <si>
    <t>01/14/2020 08:22:58</t>
  </si>
  <si>
    <t>325e4516-88d5-4340-97d9-5ee6fd178850.tmp</t>
  </si>
  <si>
    <t>\\acsfs\profiles$\THYAGOSP\Downloads\325e4516-88d5-4340-97d9-5ee6fd178850.tmp</t>
  </si>
  <si>
    <t>01/14/2020 08:23:11</t>
  </si>
  <si>
    <t>01/14/2020 08:27:34</t>
  </si>
  <si>
    <t>fcfcbc7d-277a-4ce4-85ae-7de2fe7e28a3.tmp</t>
  </si>
  <si>
    <t>\\acsfs\profiles$\lucasgpe\Downloads\fcfcbc7d-277a-4ce4-85ae-7de2fe7e28a3.tmp</t>
  </si>
  <si>
    <t>01/14/2020 08:27:44</t>
  </si>
  <si>
    <t>01/14/2020 08:28:34</t>
  </si>
  <si>
    <t>01/14/2020 08:23:40</t>
  </si>
  <si>
    <t>01/14/2020 08:27:42</t>
  </si>
  <si>
    <t>01/14/2020 08:29:34</t>
  </si>
  <si>
    <t>f4fdb40f-174f-4f42-b1fd-d5e6a9b9045a.tmp</t>
  </si>
  <si>
    <t>\\acsfs\profiles$\larissaad\Downloads\f4fdb40f-174f-4f42-b1fd-d5e6a9b9045a.tmp</t>
  </si>
  <si>
    <t>01/14/2020 08:27:46</t>
  </si>
  <si>
    <t>ffb6b097-2af0-4817-9ded-25c9bad828b0.tmp</t>
  </si>
  <si>
    <t>\\acsfs\profiles$\larissaad\Downloads\ffb6b097-2af0-4817-9ded-25c9bad828b0.tmp</t>
  </si>
  <si>
    <t>01/14/2020 08:26:30</t>
  </si>
  <si>
    <t>3fd64235-fc6c-4d0f-aa04-1896ca072ded.tmp</t>
  </si>
  <si>
    <t>\\acsfs\profiles$\nayarasds\Downloads\3fd64235-fc6c-4d0f-aa04-1896ca072ded.tmp</t>
  </si>
  <si>
    <t>01/14/2020 08:26:38</t>
  </si>
  <si>
    <t>15a282c7-eb03-4873-a021-bf174de62d78.tmp</t>
  </si>
  <si>
    <t>\\acsfs\profiles$\leticiala\Downloads\15a282c7-eb03-4873-a021-bf174de62d78.tmp</t>
  </si>
  <si>
    <t>01/14/2020 08:27:18</t>
  </si>
  <si>
    <t>c97c18d8-0555-4caa-84ed-e3bf57213678.tmp</t>
  </si>
  <si>
    <t>\\acsfs\profiles$\leticiala\Downloads\c97c18d8-0555-4caa-84ed-e3bf57213678.tmp</t>
  </si>
  <si>
    <t>01/14/2020 08:25:29</t>
  </si>
  <si>
    <t>55388bd5-0533-40aa-8474-c9516df10480.tmp</t>
  </si>
  <si>
    <t>\\acsfs\profiles$\lorraynevam\Downloads\55388bd5-0533-40aa-8474-c9516df10480.tmp</t>
  </si>
  <si>
    <t>01/14/2020 08:27:23</t>
  </si>
  <si>
    <t>1be9298a-8453-4ae0-9773-9eebe87aa1a5.tmp</t>
  </si>
  <si>
    <t>\\acsfs\profiles$\lorraynevam\Downloads\1be9298a-8453-4ae0-9773-9eebe87aa1a5.tmp</t>
  </si>
  <si>
    <t>01/14/2020 08:28:00</t>
  </si>
  <si>
    <t>01/14/2020 08:28:01</t>
  </si>
  <si>
    <t>lu5832ujrb.tmp</t>
  </si>
  <si>
    <t>\\acsfs\profiles$\dhiulliananads\My Documents\lu5832ujrb.tmp</t>
  </si>
  <si>
    <t>\\acsfs\profiles$\dhiulliananads\My Documents\lu5832ujrb.tmp\</t>
  </si>
  <si>
    <t>\\acsfs\profiles$\dhiulliananads\My Documents\lu5832ujrb.tmp\META-INF\</t>
  </si>
  <si>
    <t>\\acsfs\profiles$\dhiulliananads\My Documents\lu5832ujrb.tmp\Thumbnails\</t>
  </si>
  <si>
    <t>01/14/2020 08:26:25</t>
  </si>
  <si>
    <t>01/14/2020 08:30:34</t>
  </si>
  <si>
    <t>01/14/2020 08:26:50</t>
  </si>
  <si>
    <t>a648bf33-21e0-4892-809a-5a368000dc7d.tmp</t>
  </si>
  <si>
    <t>\\acsfs\profiles$\dhiulliananads\Downloads\a648bf33-21e0-4892-809a-5a368000dc7d.tmp</t>
  </si>
  <si>
    <t>01/14/2020 08:26:09</t>
  </si>
  <si>
    <t>01/14/2020 08:28:29</t>
  </si>
  <si>
    <t>marianacds@algartech.com;thiagordu@algartech.com;</t>
  </si>
  <si>
    <t>marianacds@algartech.com,thiagordu@algartech.com</t>
  </si>
  <si>
    <t>01/14/2020 08:28:38</t>
  </si>
  <si>
    <t>01/14/2020 08:28:56</t>
  </si>
  <si>
    <t>01/14/2020 08:29:07</t>
  </si>
  <si>
    <t>01/14/2020 08:29:46</t>
  </si>
  <si>
    <t>e12cc3ee-5daa-4bc0-9e79-9c5a8526bf5d.tmp</t>
  </si>
  <si>
    <t>\\acsfs\profiles$\quindaizaagds\Downloads\e12cc3ee-5daa-4bc0-9e79-9c5a8526bf5d.tmp</t>
  </si>
  <si>
    <t>01/14/2020 08:28:16</t>
  </si>
  <si>
    <t>lu1000011qr4q.tmp</t>
  </si>
  <si>
    <t>\\acsfs\profiles$\jonathanwap\lu1000011qr4q.tmp</t>
  </si>
  <si>
    <t>\\acsfs\profiles$\jonathanwap\lu1000011qr4q.tmp\</t>
  </si>
  <si>
    <t>\\acsfs\profiles$\jonathanwap\lu1000011qr4q.tmp\META-INF\</t>
  </si>
  <si>
    <t>\\acsfs\profiles$\jonathanwap\lu1000011qr4q.tmp\Thumbnails\</t>
  </si>
  <si>
    <t>01/14/2020 08:27:43</t>
  </si>
  <si>
    <t>01/14/2020 08:31:34</t>
  </si>
  <si>
    <t>01/14/2020 08:27:57</t>
  </si>
  <si>
    <t>d847a444-570e-4938-aa15-9d0e62973657.tmp</t>
  </si>
  <si>
    <t>\\acsfs\profiles$\cintiadcf\Downloads\d847a444-570e-4938-aa15-9d0e62973657.tmp</t>
  </si>
  <si>
    <t>01/14/2020 08:29:17</t>
  </si>
  <si>
    <t>01/14/2020 08:30:17</t>
  </si>
  <si>
    <t>01/14/2020 08:30:47</t>
  </si>
  <si>
    <t>01/14/2020 08:27:03</t>
  </si>
  <si>
    <t>01/14/2020 08:29:58</t>
  </si>
  <si>
    <t>01/14/2020 08:32:34</t>
  </si>
  <si>
    <t>01/14/2020 08:27:00</t>
  </si>
  <si>
    <t>5fb5b815-497b-4909-a90e-bdd6b862c6fb.tmp</t>
  </si>
  <si>
    <t>\\acsfs\profiles$\lorrainerdl\Downloads\5fb5b815-497b-4909-a90e-bdd6b862c6fb.tmp</t>
  </si>
  <si>
    <t>01/14/2020 08:31:12</t>
  </si>
  <si>
    <t>01/14/2020 08:33:34</t>
  </si>
  <si>
    <t>http:///batch?%24ct=multipart%2Fmixed%3B%20boundary%3D%22%3D%3D%3D%3D%3D90uhotha44bb%3D%3D%3D%3D%3D%22&amp;key=AIzaSyAy9VVXHSpS2IJpptzYtGbLP3-3_l0aBk4</t>
  </si>
  <si>
    <t>_x0002_�_x0019_�\]�$�e[�a_x0004_�mw���1_x0004_j4&gt;g��&gt;_x0008_����~�j�_x0012_�i_x001D_;"mozilla/5.0 (windows nt 6.1) applewebkit/537.36 (khtml;0] _x0018_�2_x0007_c-4e;0]ackages\tornado\platform\interface.py;0]l;0]ll;0]m1 ];1;124;125;13;13700014;13700109;13700167;13700185;13700451;13700883;13700946;13700951;13701078;13701207;13701214;13701239;13701262;13701298;13701418;13701422;13701430;13701450;13701486;13701506;13701510;13701537;13701573;13701577;13701609;13701625;13701653;13701657;13701693;13701693�;13701709;13701749;13701825;13701901;13701905;13701909;13701957;13701969;13702064;13702068;13702088;142961685;15;1578915882896000;1578915886959000;1578930052848000;1578930058554000;1578934278142;1578953843159;1578967086911;1578967387907;4repet0scaaaa4liaaaajmqf2kz44sg1npvhrp5ya-eah9mzpvg6kl9izriwjk97h6v_kcjh4sw2rf_itsulvo-3l6-wytsybqsmi4xv23fkeay8qmocdpcm6u6mkhgpg1ycp4mktrb_yi4ruhaswq2li4w3ybymavyxxvltnranpmk;5701393;80;[[13701418;[[13701573;[];[]]];adfn-ct7ciskssyu-68afh9xg7xv2c6f8dx_seofhsqerkx2bhpqslb3crfufkpjjmcd4mgjscrt;adfn-cuic5g8_16whytgiekdf3jxrbjnjvixuvd0lzn</t>
  </si>
  <si>
    <t>http://_x0002_�_x0019_�\]�$�e[�a_x0004_�mw���1_x0004_j4&gt;g��&gt;_x0008_����~�j�_x0012_�i_x001D_,"mozilla/5.0 (windows nt 6.1) applewebkit/537.36 (khtml,0] _x0018_�2_x0007_c-4e,0]ackages\tornado\platform\interface.py,0]l,0]ll,0]m1 ],1,124,125,13,13700014,13700109,13700167,13700185,13700451,13700883,13700946,13700951,13701078,13701207,13701214,13701239,13701262,13701298,13701418,13701422,13701430,13701450,13701486,13701506,13701510,13701537,13701573,13701577,13701609,13701625,13701653,13701657,13701693,13701693�,13701709,13701749,13701825,13701901,13701905,13701909,13701957,13701969,13702064,13702068,13702088,142961685,15,1578915882896000,1578915886959000,1578930052848000,1578930058554000,1578934278142,1578953843159,1578967086911,1578967387907,4repet0scaaaa4liaaaajmqf2kz44sg1npvhrp5ya-eah9mzpvg6kl9izriwjk97h6v_kcjh4sw2rf_itsulvo-3l6-wytsybqsmi4xv23fkeay8qmocdpcm6u6mkhgpg1ycp4mktrb_yi4ruhaswq2li4w3ybymavyxxvltnranpmk,5701393,80,[[13701418,[[13701573,[],[]]],adfn-ct7ciskssyu-68afh9xg7xv2c6f8dx_seofhsqerkx2bhpqslb3crfufkpjjmcd4mgjscrt,adfn-cuic5g8_16whytgiekdf3jxrbjnjvix</t>
  </si>
  <si>
    <t>01/14/2020 08:31:13</t>
  </si>
  <si>
    <t>http:///batch?%24ct=multipart%2Fmixed%3B%20boundary%3D%22%3D%3D%3D%3D%3D1xtw20xp3ymm%3D%3D%3D%3D%3D%22&amp;key=AIzaSyAy9VVXHSpS2IJpptzYtGbLP3-3_l0aBk4</t>
  </si>
  <si>
    <t>01/14/2020 08:31:14</t>
  </si>
  <si>
    <t>01/14/2020 08:31:15</t>
  </si>
  <si>
    <t>http:///batch?%24ct=multipart%2Fmixed%3B%20boundary%3D%22%3D%3D%3D%3D%3D9tpzdqpu9ifp%3D%3D%3D%3D%3D%22&amp;key=AIzaSyAy9VVXHSpS2IJpptzYtGbLP3-3_l0aBk4</t>
  </si>
  <si>
    <t>01/14/2020 08:31:50</t>
  </si>
  <si>
    <t>"mozilla/5.0 (windows nt 6.1) applewebkit/537.36 (khtml;0];0] _x0018_�2_x0007_c-4e;0]:0};0]\\\\\\\_�o &lt;l;0]\\\\\\\��1 &lt;l;0]\\\\\\l|{ &lt;l;0]\\��� &lt;l;0]ackages\tornado\platform\interface.py;0]ersion\&gt;\(ds��� 1.;0]l;0]ll;1;107;121;13;135;13700014;13700109;13700185;13700451;13700951;13701207;13701298;13701422;13701430;13701450;13701506;13701537;13701573;13701577;13701625;13701657;13701693�;13701749;13701825;13701901;13701905;13701957;13701969;13702068;13702088;142961685;147;151;1578930052848000;1578930058554000;1578942404414;1578946919315;1578952338029;1578959261631;1578961969976;1578966183923;1578970398365;1578974156685;1578975360790;1578978370554;1578987702036;1578991615377;161;192;1ya5yrwelrso-yxib3ctz0mdjsqkh2uffmn2kfrmynlkfp2vhk5vxrjlyzc1nx1i8okgrxz4hh9fxnqqavexbjgszjfxng_3tikapcccza7s5nl0iiv528sipt3_n6smfvjyvnmz5gmbld86jsedcdqpnbowbtwaejdtwlwiwyazylw418myzkyijnlherxkuhkwira1lepte7zdg9sclvmpo7jylbvlezgsriufy1njtv4nta\";1ya5yrwelrso-yxib3ctz0mdjsqkh2uffmn2kfrmynlkfp2vhk5vxrjlyzc1nx1i8okgrxz4hh9fxnqqavexbjgszjfxng_3tikapcc</t>
  </si>
  <si>
    <t>"mozilla/5.0 (windows nt 6.1) applewebkit/537.36 (khtml,0],0] _x0018_�2_x0007_c-4e,0]:0},0]\\\\\\\_�o &lt;l,0]\\\\\\\��1 &lt;l,0]\\\\\\l|{ &lt;l,0]\\��� &lt;l,0]ackages\tornado\platform\interface.py,0]ersion\&gt;\(ds��� 1.,0]l,0]ll,1,107,121,13,135,13700014,13700109,13700185,13700451,13700951,13701207,13701298,13701422,13701430,13701450,13701506,13701537,13701573,13701577,13701625,13701657,13701693�,13701749,13701825,13701901,13701905,13701957,13701969,13702068,13702088,142961685,147,151,1578930052848000,1578930058554000,1578942404414,1578946919315,1578952338029,1578959261631,1578961969976,1578966183923,1578970398365,1578974156685,1578975360790,1578978370554,1578987702036,1578991615377,161,192,1ya5yrwelrso-yxib3ctz0mdjsqkh2uffmn2kfrmynlkfp2vhk5vxrjlyzc1nx1i8okgrxz4hh9fxnqqavexbjgszjfxng_3tikapcccza7s5nl0iiv528sipt3_n6smfvjyvnmz5gmbld86jsedcdqpnbowbtwaejdtwlwiwyazylw418myzkyijnlherxkuhkwira1lepte7zdg9sclvmpo7jylbvlezgsriufy1njtv4nta\",1ya5yrwelrso-yxib3ctz0mdjsqkh2uffmn2kfrmynlkfp2vhk5vxrjlyzc1nx1i8okgrxz4hh9fxnqqavexbjgszjfxng_3tikapcc</t>
  </si>
  <si>
    <t>01/14/2020 08:31:54</t>
  </si>
  <si>
    <t>mail.google.com/sync/u/0/i/s?hl=pt-BR&amp;c=1474</t>
  </si>
  <si>
    <t>01/14/2020 08:31:59</t>
  </si>
  <si>
    <t>01/14/2020 08:32:07</t>
  </si>
  <si>
    <t>_x0002_�_x0019_�\]�$�e[�a_x0004_�mw���1_x0004_j4&gt;g��&gt;_x0008_����~�j�_x0012_�i_x001D_,"mozilla/5.0 (windows nt 6.1) applewebkit/537.36 (khtml,0] _x0018_�2_x0007_c-4e,0]ackages\tornado\platform\interface.py,0]l,0]ll,0]m1 ],1,124,125,13,13700014,13700109,13700167,13700185,13700451,13700883,13700946,13700951,13701078,13701207,13701214,13701239,13701262,13701298,13701418,13701422,13701430,13701450,13701486,13701506,13701510,13701537,13701573,13701577,13701609,13701625,13701653,13701657,13701693,13701693�,13701709,13701749,13701825,13701901,13701905,13701909,13701957,13701969,13702064,13702068,13702088,142961685,15,1578915882896000,1578915886959000,1578930052848000,1578930058554000,1578934278142,1578953843159,1578967086911,1578967387907,4repet0scaaaa4liaaaajmqf2kz44sg1npvhrp5ya-eah9mzpvg6kl9izriwjk97h6v_kcjh4sw2rf_itsulvo-3l6-wytsybqsmi4xv23fkeay8qmocdpcm6u6mkhgpg1ycp4mktrb_yi4ruhaswq2li4w3ybymavyxxvltnranpmk,5701393,80,[[13701418,[[13701573,[],[]]],adfn-ct7ciskssyu-68afh9xg7xv2c6f8dx_seofhsqerkx2bhpqslb3crfufkpjjmcd4mgjscrt,adfn-cuic5g8_16whytgiekdf3jxrbjnjvixuvd0lzn</t>
  </si>
  <si>
    <t>01/14/2020 08:32:27</t>
  </si>
  <si>
    <t>mail.google.com/sync/u/0/i/s?hl=pt-BR&amp;c=1481</t>
  </si>
  <si>
    <t>"mozilla/5.0 (windows nt 6.1) applewebkit/537.36 (khtml;0]als;0]l;1;13;13700014;13700109;13700185;13700451;13700951;13701207;13701298;13701422;13701430;13701450;13701506;13701537;13701573;13701577;13701625;13701657;13701693;13701749;13701825;13701901;13701905;13701957;13701969;13702068;13702088;142961685;1578930052848000;1578930058554000;1578992819204;1578993120155;1ya5yrwelrso-yxib3ctz0mdjsqkh2uffmn2kfrmynlkfp2vhk5vxrjlyzc1nx1i8okgrxz4hh9fxnqqavexbjgszjfxng_3tikapcccza7s5nl0iiv528sipt3_n6smfvjyvnmz5gmbld86jsedcdqpnbowbtwaejdtwlwiwyazylw418myzkyijnlherxkuhkwirbwlept_jddse4aiz1ggcdd4mn150fdtjp551rwkfzytw\";1ya5yrwelrso-yxib3ctz0mdjsqkh2uffmn2kfrmynlkfp2vhk5vxrjlyzc1nx1i8okgrxz4hh9fxnqqavexbjgszjfxng_3tikapcccza7s5nl0iiv528sipt3_n6smfvjyvnmz5gmbld86jsedcdqpnbowbtwaejdtwlwiwyazylw418myzkyijnlherxkuhkwirbzleptf4kgp4ikhhjrvpsf1rnctkfjnekwqq_kpvqesq\";209;210;5701393;[[13701418;[];[]]];adfn-ct7ciskssyu-68afh9xg7xv2c6f8dx_seofhsqerkx2bhpqslb3crfufkpjjmcd4mgjscrt;ancestorhasaugmentedpermissions;containsunsubscribedch</t>
  </si>
  <si>
    <t>"mozilla/5.0 (windows nt 6.1) applewebkit/537.36 (khtml,0]als,0]l,1,13,13700014,13700109,13700185,13700451,13700951,13701207,13701298,13701422,13701430,13701450,13701506,13701537,13701573,13701577,13701625,13701657,13701693,13701749,13701825,13701901,13701905,13701957,13701969,13702068,13702088,142961685,1578930052848000,1578930058554000,1578992819204,1578993120155,1ya5yrwelrso-yxib3ctz0mdjsqkh2uffmn2kfrmynlkfp2vhk5vxrjlyzc1nx1i8okgrxz4hh9fxnqqavexbjgszjfxng_3tikapcccza7s5nl0iiv528sipt3_n6smfvjyvnmz5gmbld86jsedcdqpnbowbtwaejdtwlwiwyazylw418myzkyijnlherxkuhkwirbwlept_jddse4aiz1ggcdd4mn150fdtjp551rwkfzytw\",1ya5yrwelrso-yxib3ctz0mdjsqkh2uffmn2kfrmynlkfp2vhk5vxrjlyzc1nx1i8okgrxz4hh9fxnqqavexbjgszjfxng_3tikapcccza7s5nl0iiv528sipt3_n6smfvjyvnmz5gmbld86jsedcdqpnbowbtwaejdtwlwiwyazylw418myzkyijnlherxkuhkwirbzleptf4kgp4ikhhjrvpsf1rnctkfjnekwqq_kpvqesq\",209,210,5701393,[[13701418,[],[]]],adfn-ct7ciskssyu-68afh9xg7xv2c6f8dx_seofhsqerkx2bhpqslb3crfufkpjjmcd4mgjscrt,ancestorhasaugmentedpermissions,containsunsubscribedch</t>
  </si>
  <si>
    <t>01/14/2020 08:32:23</t>
  </si>
  <si>
    <t>01/14/2020 08:32:26</t>
  </si>
  <si>
    <t>01/14/2020 08:28:48</t>
  </si>
  <si>
    <t>01/14/2020 08:34:34</t>
  </si>
  <si>
    <t>414505fd-1241-4ff7-85ab-0f9f30ecc7d6.tmp</t>
  </si>
  <si>
    <t>\\acsfs\profiles$\anafsb\Downloads\414505fd-1241-4ff7-85ab-0f9f30ecc7d6.tmp</t>
  </si>
  <si>
    <t>01/14/2020 08:29:04</t>
  </si>
  <si>
    <t>98400bdf-13d6-4803-9b57-57ad080fbb49.tmp</t>
  </si>
  <si>
    <t>\\acsfs\profiles$\larissaad\Downloads\98400bdf-13d6-4803-9b57-57ad080fbb49.tmp</t>
  </si>
  <si>
    <t>01/14/2020 08:29:02</t>
  </si>
  <si>
    <t>01/14/2020 08:33:06</t>
  </si>
  <si>
    <t>45496694-c2e0-4377-af99-5e225d43a5cd.tmp</t>
  </si>
  <si>
    <t>\\acsfs\profiles$\wedersonbadr\My Documents\My Music\45496694-c2e0-4377-af99-5e225d43a5cd.tmp</t>
  </si>
  <si>
    <t>01/14/2020 00:01:22</t>
  </si>
  <si>
    <t>01/14/2020 08:35:35</t>
  </si>
  <si>
    <t>01/14/2020 08:31:02</t>
  </si>
  <si>
    <t>01/14/2020 08:31:07</t>
  </si>
  <si>
    <t>75058113-f6a9-4fb2-b73c-4177d840aab0.tmp</t>
  </si>
  <si>
    <t>\\acsfs\profiles$\nataliacsl\Downloads\75058113-f6a9-4fb2-b73c-4177d840aab0.tmp</t>
  </si>
  <si>
    <t>01/14/2020 08:32:44</t>
  </si>
  <si>
    <t>e0f205d8-4508-44f5-be31-09edc16d1353.tmp</t>
  </si>
  <si>
    <t>\\acsfs\profiles$\nataliacsl\Downloads\e0f205d8-4508-44f5-be31-09edc16d1353.tmp</t>
  </si>
  <si>
    <t>01/14/2020 08:33:46</t>
  </si>
  <si>
    <t>01/14/2020 08:34:02</t>
  </si>
  <si>
    <t>01/14/2020 08:33:13</t>
  </si>
  <si>
    <t>01/14/2020 08:33:16</t>
  </si>
  <si>
    <t>01/14/2020 08:33:19</t>
  </si>
  <si>
    <t>01/14/2020 08:33:23</t>
  </si>
  <si>
    <t>01/14/2020 08:33:45</t>
  </si>
  <si>
    <t>01/14/2020 08:34:04</t>
  </si>
  <si>
    <t>01/14/2020 08:34:13</t>
  </si>
  <si>
    <t>01/14/2020 08:34:18</t>
  </si>
  <si>
    <t>01/14/2020 08:34:36</t>
  </si>
  <si>
    <t>01/14/2020 08:31:42</t>
  </si>
  <si>
    <t>ca30a501-414a-44d8-a553-a5877753f984.tmp</t>
  </si>
  <si>
    <t>\\acsfs\profiles$\mariajra\Downloads\ca30a501-414a-44d8-a553-a5877753f984.tmp</t>
  </si>
  <si>
    <t>01/14/2020 08:36:34</t>
  </si>
  <si>
    <t>01/14/2020 08:31:17</t>
  </si>
  <si>
    <t>01/14/2020 08:33:47</t>
  </si>
  <si>
    <t>01/14/2020 08:34:47</t>
  </si>
  <si>
    <t>01/14/2020 08:35:17</t>
  </si>
  <si>
    <t>01/14/2020 08:31:56</t>
  </si>
  <si>
    <t>01/14/2020 08:32:35</t>
  </si>
  <si>
    <t>01/14/2020 08:37:34</t>
  </si>
  <si>
    <t>\\acsfs\profiles$\camillaleb\Favorites\Início - 1.url</t>
  </si>
  <si>
    <t>01/14/2020 08:32:36</t>
  </si>
  <si>
    <t>\\acsfs\profiles$\camillaleb\Favorites\Início - 1.url\</t>
  </si>
  <si>
    <t>\\acsfs\profiles$\camillaleb\Favorites\Início - 1.url\:favicon:$DATA</t>
  </si>
  <si>
    <t>\\acsfs\profiles$\camillaleb\Favorites\Links\</t>
  </si>
  <si>
    <t>\\acsfs\profiles$\camillaleb\Favorites\Links\desktop.ini</t>
  </si>
  <si>
    <t>01/14/2020 08:32:39</t>
  </si>
  <si>
    <t>\\acsfs\profiles$\camillaleb\Favorites\$RECYCLE.BIN\</t>
  </si>
  <si>
    <t>$I49VBYD.url</t>
  </si>
  <si>
    <t>\\acsfs\profiles$\camillaleb\Favorites\$RECYCLE.BIN\$I49VBYD.url</t>
  </si>
  <si>
    <t>01/14/2020 08:32:48</t>
  </si>
  <si>
    <t>TotalView.url</t>
  </si>
  <si>
    <t>\\acsfs\profiles$\camillaleb\Favorites\TotalView.url</t>
  </si>
  <si>
    <t>01/14/2020 08:37:35</t>
  </si>
  <si>
    <t>01/14/2020 08:32:49</t>
  </si>
  <si>
    <t>\\acsfs\profiles$\camillaleb\Favorites\TotalView.url\</t>
  </si>
  <si>
    <t>\\acsfs\profiles$\camillaleb\Favorites\TotalView.url\:favicon:$DATA</t>
  </si>
  <si>
    <t>01/14/2020 08:37:13</t>
  </si>
  <si>
    <t>01/14/2020 08:38:34</t>
  </si>
  <si>
    <t>9ecddbf1-3fbe-4997-adc6-3c0769c18c7c.tmp</t>
  </si>
  <si>
    <t>\\acsfs\profiles$\websondsa\Downloads\9ecddbf1-3fbe-4997-adc6-3c0769c18c7c.tmp</t>
  </si>
  <si>
    <t>01/14/2020 08:37:19</t>
  </si>
  <si>
    <t>0e34dce8-9dbd-4f9e-b8d7-6b7f17a5fdc6.tmp</t>
  </si>
  <si>
    <t>\\acsfs\profiles$\websondsa\Downloads\0e34dce8-9dbd-4f9e-b8d7-6b7f17a5fdc6.tmp</t>
  </si>
  <si>
    <t>01/14/2020 08:36:35</t>
  </si>
  <si>
    <t>01/14/2020 08:35:10</t>
  </si>
  <si>
    <t>criciavdo</t>
  </si>
  <si>
    <t>\\acsfs\profiles$\criciavdo\Downloads\</t>
  </si>
  <si>
    <t>35a3bf25-2730-4489-8a34-b93a9e71c425.tmp</t>
  </si>
  <si>
    <t>\\acsfs\profiles$\criciavdo\Downloads\35a3bf25-2730-4489-8a34-b93a9e71c425.tmp</t>
  </si>
  <si>
    <t>01/14/2020 08:35:49</t>
  </si>
  <si>
    <t>01/14/2020 08:39:35</t>
  </si>
  <si>
    <t>af345d35-2bd7-43be-9b7f-4dfe9cf98d58.tmp</t>
  </si>
  <si>
    <t>\\acsfs\profiles$\larissaad\Downloads\af345d35-2bd7-43be-9b7f-4dfe9cf98d58.tmp</t>
  </si>
  <si>
    <t>01/14/2020 08:37:48</t>
  </si>
  <si>
    <t>5411bac5-dfe0-4ae8-b7b0-0fcce310c2cc.tmp</t>
  </si>
  <si>
    <t>\\acsfs\profiles$\nayarasds\Downloads\5411bac5-dfe0-4ae8-b7b0-0fcce310c2cc.tmp</t>
  </si>
  <si>
    <t>01/14/2020 08:37:08</t>
  </si>
  <si>
    <t>cd380f22-5aec-4ab2-ab16-6c6c41775fb3.tmp</t>
  </si>
  <si>
    <t>\\acsfs\profiles$\leticiala\Downloads\cd380f22-5aec-4ab2-ab16-6c6c41775fb3.tmp</t>
  </si>
  <si>
    <t>01/14/2020 08:34:14</t>
  </si>
  <si>
    <t>01/14/2020 08:38:00</t>
  </si>
  <si>
    <t>01/14/2020 08:36:39</t>
  </si>
  <si>
    <t>fbbb984d-8039-411f-bdcd-30e976e15e13.tmp</t>
  </si>
  <si>
    <t>\\acsfs\profiles$\wedersonbadr\My Documents\My Music\fbbb984d-8039-411f-bdcd-30e976e15e13.tmp</t>
  </si>
  <si>
    <t>01/14/2020 08:36:51</t>
  </si>
  <si>
    <t>df9bb48c-0419-4764-a5f1-8b5f9ad085b3.tmp</t>
  </si>
  <si>
    <t>\\acsfs\profiles$\wedersonbadr\My Documents\My Music\df9bb48c-0419-4764-a5f1-8b5f9ad085b3.tmp</t>
  </si>
  <si>
    <t>01/14/2020 08:40:34</t>
  </si>
  <si>
    <t>01/14/2020 08:35:42</t>
  </si>
  <si>
    <t>bc5b69f4-e25b-414c-b4c0-fe6042680e39.tmp</t>
  </si>
  <si>
    <t>\\acsfs\profiles$\victoriaksr\Downloads\bc5b69f4-e25b-414c-b4c0-fe6042680e39.tmp</t>
  </si>
  <si>
    <t>01/14/2020 08:36:10</t>
  </si>
  <si>
    <t>01/14/2020 08:36:57</t>
  </si>
  <si>
    <t>eb1462ae-38fd-48be-9698-e7c849a647b1.tmp</t>
  </si>
  <si>
    <t>\\acsfs\profiles$\victoriaksr\Downloads\eb1462ae-38fd-48be-9698-e7c849a647b1.tmp</t>
  </si>
  <si>
    <t>01/14/2020 08:34:54</t>
  </si>
  <si>
    <t>01/14/2020 08:35:23</t>
  </si>
  <si>
    <t>01/14/2020 08:35:27</t>
  </si>
  <si>
    <t>01/14/2020 08:35:57</t>
  </si>
  <si>
    <t>01/14/2020 08:38:12</t>
  </si>
  <si>
    <t>01/14/2020 08:39:04</t>
  </si>
  <si>
    <t>01/14/2020 08:39:05</t>
  </si>
  <si>
    <t>01/14/2020 08:40:12</t>
  </si>
  <si>
    <t>01/14/2020 08:40:13</t>
  </si>
  <si>
    <t>01/14/2020 08:41:34</t>
  </si>
  <si>
    <t>01/14/2020 08:37:17</t>
  </si>
  <si>
    <t>01/14/2020 08:37:47</t>
  </si>
  <si>
    <t>01/14/2020 08:40:17</t>
  </si>
  <si>
    <t>01/14/2020 08:40:47</t>
  </si>
  <si>
    <t>01/14/2020 08:41:09</t>
  </si>
  <si>
    <t>VIVIANA LEONEL DA SILVA_1_6777344933019847066_1_32.wav</t>
  </si>
  <si>
    <t>\\acsfs\Deptos\EDUCACAO EMPRESARIAL\KÉSIA\Ligações 2º ciclo - Janeiro 2020\VIVIANA LEONEL DA SILVA_1_6777344933019847066_1_32.wav</t>
  </si>
  <si>
    <t>01/14/2020 08:36:50</t>
  </si>
  <si>
    <t>01/14/2020 08:42:34</t>
  </si>
  <si>
    <t>01/14/2020 08:39:24</t>
  </si>
  <si>
    <t>8465a475-88b1-47d8-bf1d-bb8236a85cd1.tmp</t>
  </si>
  <si>
    <t>\\acsfs\profiles$\Angelicacldr\Downloads\8465a475-88b1-47d8-bf1d-bb8236a85cd1.tmp</t>
  </si>
  <si>
    <t>01/14/2020 08:40:58</t>
  </si>
  <si>
    <t>5c3bd888-6adc-40ca-9831-52aa068391b5.tmp</t>
  </si>
  <si>
    <t>\\acsfs\profiles$\Angelicacldr\Downloads\5c3bd888-6adc-40ca-9831-52aa068391b5.tmp</t>
  </si>
  <si>
    <t>01/14/2020 08:41:43</t>
  </si>
  <si>
    <t>2bbcebcb-14be-4c16-9776-87c99e784db7.tmp</t>
  </si>
  <si>
    <t>\\acsfs\profiles$\Angelicacldr\Downloads\2bbcebcb-14be-4c16-9776-87c99e784db7.tmp</t>
  </si>
  <si>
    <t>01/14/2020 08:43:34</t>
  </si>
  <si>
    <t>01/14/2020 08:39:20</t>
  </si>
  <si>
    <t>a62de880-d24b-41da-b97f-5ee2b5e4992b.tmp</t>
  </si>
  <si>
    <t>\\acsfs\profiles$\websondsa\Downloads\a62de880-d24b-41da-b97f-5ee2b5e4992b.tmp</t>
  </si>
  <si>
    <t>01/14/2020 08:42:15</t>
  </si>
  <si>
    <t>6468860a-4f32-4d29-8cb2-2bae79565f48.tmp</t>
  </si>
  <si>
    <t>\\acsfs\profiles$\websondsa\Downloads\6468860a-4f32-4d29-8cb2-2bae79565f48.tmp</t>
  </si>
  <si>
    <t>01/14/2020 08:42:17</t>
  </si>
  <si>
    <t>067fa803-37e8-42f3-8688-7157dc7690df.tmp</t>
  </si>
  <si>
    <t>\\acsfs\profiles$\websondsa\Downloads\067fa803-37e8-42f3-8688-7157dc7690df.tmp</t>
  </si>
  <si>
    <t>01/14/2020 08:42:19</t>
  </si>
  <si>
    <t>f6da46e3-9dd9-4396-991c-f6bafb7a29b7.tmp</t>
  </si>
  <si>
    <t>\\acsfs\profiles$\websondsa\Downloads\f6da46e3-9dd9-4396-991c-f6bafb7a29b7.tmp</t>
  </si>
  <si>
    <t>01/14/2020 08:41:44</t>
  </si>
  <si>
    <t>01/14/2020 08:44:34</t>
  </si>
  <si>
    <t>8b0cef72-c078-4c2c-96d4-97630ad0b26e.tmp</t>
  </si>
  <si>
    <t>\\acsfs\profiles$\gabrielaff\Downloads\8b0cef72-c078-4c2c-96d4-97630ad0b26e.tmp</t>
  </si>
  <si>
    <t>01/14/2020 08:41:39</t>
  </si>
  <si>
    <t>01/14/2020 08:45:34</t>
  </si>
  <si>
    <t>01/14/2020 08:41:51</t>
  </si>
  <si>
    <t>andrelpsa@algartech.com;joaogvc@algartech.com;leonardoao@algartech.com;marianadjc@algartech.com;maristelavodq@bv.algartech.com;paulacn@algartech.com;ricardodfm@algartech.com.br;taysdss@algartech.com;</t>
  </si>
  <si>
    <t>andrelpsa@algartech.com,joaogvc@algartech.com,leonardoao@algartech.com,marianadjc@algartech.com,maristelavodq@bv.algartech.com,paulacn@algartech.com,ricardodfm@algartech.com.br,taysdss@algartech.com</t>
  </si>
  <si>
    <t>01/14/2020 08:41:55</t>
  </si>
  <si>
    <t>01/14/2020 08:41:58</t>
  </si>
  <si>
    <t>01/14/2020 08:42:03</t>
  </si>
  <si>
    <t>01/14/2020 08:42:11</t>
  </si>
  <si>
    <t>01/14/2020 08:42:16</t>
  </si>
  <si>
    <t>01/14/2020 08:42:22</t>
  </si>
  <si>
    <t>andrelpsa@algartech.com;joaogvc@algartech.com;katia.cardoso@bv.com.br;leonardoao@algartech.com;marianadjc@algartech.com;maristelavodq@bv.algartech.com;paulacn@algartech.com;ricardodfm@algartech.com.br;taysdss@algartech.com;</t>
  </si>
  <si>
    <t>andrelpsa@algartech.com,joaogvc@algartech.com,katia.cardoso@bv.com.br,leonardoao@algartech.com,marianadjc@algartech.com,maristelavodq@bv.algartech.com,paulacn@algartech.com,ricardodfm@algartech.com.br,taysdss@algartech.com</t>
  </si>
  <si>
    <t>01/14/2020 08:43:32</t>
  </si>
  <si>
    <t>01/14/2020 08:46:34</t>
  </si>
  <si>
    <t>01/14/2020 08:41:17</t>
  </si>
  <si>
    <t>01/14/2020 08:41:47</t>
  </si>
  <si>
    <t>01/14/2020 08:42:47</t>
  </si>
  <si>
    <t>01/14/2020 08:43:17</t>
  </si>
  <si>
    <t>01/14/2020 08:43:47</t>
  </si>
  <si>
    <t>01/14/2020 08:44:17</t>
  </si>
  <si>
    <t>01/14/2020 08:44:47</t>
  </si>
  <si>
    <t>01/14/2020 08:45:17</t>
  </si>
  <si>
    <t>01/14/2020 08:45:47</t>
  </si>
  <si>
    <t>01/14/2020 08:43:06</t>
  </si>
  <si>
    <t>01/14/2020 08:47:35</t>
  </si>
  <si>
    <t>01/14/2020 08:42:01</t>
  </si>
  <si>
    <t>f15ef821-9d30-4a5b-9f26-5a1e6b23483d.tmp</t>
  </si>
  <si>
    <t>\\acsfs\profiles$\Angelicacldr\Downloads\f15ef821-9d30-4a5b-9f26-5a1e6b23483d.tmp</t>
  </si>
  <si>
    <t>01/14/2020 08:42:25</t>
  </si>
  <si>
    <t>63b32708-32eb-465b-8267-711b5a9bd9ee.tmp</t>
  </si>
  <si>
    <t>\\acsfs\profiles$\Angelicacldr\Downloads\63b32708-32eb-465b-8267-711b5a9bd9ee.tmp</t>
  </si>
  <si>
    <t>01/14/2020 08:43:24</t>
  </si>
  <si>
    <t>957da422-db7c-490f-9daa-1e01321c9f3a.tmp</t>
  </si>
  <si>
    <t>\\acsfs\profiles$\Angelicacldr\Downloads\957da422-db7c-490f-9daa-1e01321c9f3a.tmp</t>
  </si>
  <si>
    <t>01/14/2020 08:43:49</t>
  </si>
  <si>
    <t>01/14/2020 08:43:59</t>
  </si>
  <si>
    <t>01/14/2020 08:45:26</t>
  </si>
  <si>
    <t>01/14/2020 08:46:13</t>
  </si>
  <si>
    <t>01/14/2020 08:48:34</t>
  </si>
  <si>
    <t>lu11748c87k.tmp</t>
  </si>
  <si>
    <t>\\acsfs\profiles$\BRUNAAR\Numero\lu11748c87k.tmp</t>
  </si>
  <si>
    <t>01/14/2020 08:49:05</t>
  </si>
  <si>
    <t>01/14/2020 08:49:34</t>
  </si>
  <si>
    <t>01/14/2020 08:45:27</t>
  </si>
  <si>
    <t>446da810-c001-45a6-8bb9-68634817f525.tmp</t>
  </si>
  <si>
    <t>\\acsfs\profiles$\wedersonbadr\My Documents\My Music\446da810-c001-45a6-8bb9-68634817f525.tmp</t>
  </si>
  <si>
    <t>01/14/2020 08:49:07</t>
  </si>
  <si>
    <t>33238e96-87cf-4998-9151-0db85a6a3cc0.tmp</t>
  </si>
  <si>
    <t>\\acsfs\profiles$\wedersonbadr\My Documents\My Music\33238e96-87cf-4998-9151-0db85a6a3cc0.tmp</t>
  </si>
  <si>
    <t>01/14/2020 08:48:01</t>
  </si>
  <si>
    <t>01/14/2020 08:50:34</t>
  </si>
  <si>
    <t>01/14/2020 08:48:31</t>
  </si>
  <si>
    <t>01/14/2020 08:45:44</t>
  </si>
  <si>
    <t>01/14/2020 08:45:54</t>
  </si>
  <si>
    <t>01/14/2020 08:45:59</t>
  </si>
  <si>
    <t>01/14/2020 08:46:04</t>
  </si>
  <si>
    <t>01/14/2020 08:47:36</t>
  </si>
  <si>
    <t>01/14/2020 08:47:48</t>
  </si>
  <si>
    <t>mail.google.com/_/upload?authuser=0&amp;dcp=asu-n&amp;upload_id=AEnB2Uo6YkuhDw5zoANNn2MUwx-PNLiRjPlT7DFl6SqUSh6SwSUoul7-5NBdEO4sS9sBWUdEBzrC5KnKtC2IH1ZIn6kyPPxM1Hz282EmqLy9q9tnorbC0PE&amp;upload_protocol=resumable</t>
  </si>
  <si>
    <t>01/14/2020 08:51:34</t>
  </si>
  <si>
    <t>01/14/2020 08:46:17</t>
  </si>
  <si>
    <t>01/14/2020 08:47:47</t>
  </si>
  <si>
    <t>01/14/2020 08:48:17</t>
  </si>
  <si>
    <t>01/14/2020 08:49:47</t>
  </si>
  <si>
    <t>01/14/2020 08:50:47</t>
  </si>
  <si>
    <t>01/14/2020 08:50:07</t>
  </si>
  <si>
    <t>FELIPE TOMAZ DA SILVA_1_6776950972849655735_1_32.wav</t>
  </si>
  <si>
    <t>\\acsfs\Deptos\EDUCACAO EMPRESARIAL\KÉSIA\Ligações 2º ciclo - Janeiro 2020\FELIPE TOMAZ DA SILVA_1_6776950972849655735_1_32.wav</t>
  </si>
  <si>
    <t>01/14/2020 08:49:51</t>
  </si>
  <si>
    <t>6e79c552-ecd6-458b-a71a-e6870f302e11.tmp</t>
  </si>
  <si>
    <t>\\acsfs\profiles$\THYAGOSP\Downloads\6e79c552-ecd6-458b-a71a-e6870f302e11.tmp</t>
  </si>
  <si>
    <t>01/14/2020 08:47:38</t>
  </si>
  <si>
    <t>01/14/2020 08:52:34</t>
  </si>
  <si>
    <t>01/14/2020 08:51:22</t>
  </si>
  <si>
    <t>01/14/2020 08:52:40</t>
  </si>
  <si>
    <t>01/14/2020 08:53:34</t>
  </si>
  <si>
    <t>a8891a9b-3570-40b5-a2fb-6d1e9507017d.tmp</t>
  </si>
  <si>
    <t>\\acsfs\profiles$\rafaelahpn\Downloads\a8891a9b-3570-40b5-a2fb-6d1e9507017d.tmp</t>
  </si>
  <si>
    <t>01/14/2020 08:53:08</t>
  </si>
  <si>
    <t>01/14/2020 08:54:34</t>
  </si>
  <si>
    <t>7591ba69-630f-428f-9591-f8681d193788.tmp</t>
  </si>
  <si>
    <t>\\acsfs\profiles$\larissaad\Downloads\7591ba69-630f-428f-9591-f8681d193788.tmp</t>
  </si>
  <si>
    <t>01/14/2020 08:53:11</t>
  </si>
  <si>
    <t>0232cb65-f67c-4d25-9def-2e7403b340e3.tmp</t>
  </si>
  <si>
    <t>\\acsfs\profiles$\larissaad\Downloads\0232cb65-f67c-4d25-9def-2e7403b340e3.tmp</t>
  </si>
  <si>
    <t>01/14/2020 08:50:05</t>
  </si>
  <si>
    <t>e1bc1892-42b4-4556-87bd-895b421a5d95.tmp</t>
  </si>
  <si>
    <t>\\acsfs\profiles$\wedersonbadr\My Documents\My Music\e1bc1892-42b4-4556-87bd-895b421a5d95.tmp</t>
  </si>
  <si>
    <t>01/14/2020 08:51:29</t>
  </si>
  <si>
    <t>01/14/2020 08:52:24</t>
  </si>
  <si>
    <t>74c4ca9c-c679-468d-87f5-edfded287a8a.tmp</t>
  </si>
  <si>
    <t>\\acsfs\profiles$\claudiajca\Downloads\74c4ca9c-c679-468d-87f5-edfded287a8a.tmp</t>
  </si>
  <si>
    <t>01/14/2020 08:52:47</t>
  </si>
  <si>
    <t>197579b4-f6e6-4d96-b590-ae3c2be224cf.tmp</t>
  </si>
  <si>
    <t>\\acsfs\profiles$\claudiajca\Downloads\197579b4-f6e6-4d96-b590-ae3c2be224cf.tmp</t>
  </si>
  <si>
    <t>01/14/2020 08:52:55</t>
  </si>
  <si>
    <t>69dd570f-cffd-4fe6-ab77-c6264cd5b4e9.tmp</t>
  </si>
  <si>
    <t>\\acsfs\profiles$\claudiajca\Downloads\69dd570f-cffd-4fe6-ab77-c6264cd5b4e9.tmp</t>
  </si>
  <si>
    <t>01/14/2020 08:51:03</t>
  </si>
  <si>
    <t>01/14/2020 08:55:34</t>
  </si>
  <si>
    <t>01/14/2020 08:51:13</t>
  </si>
  <si>
    <t>01/14/2020 08:54:51</t>
  </si>
  <si>
    <t>41c90d4d-005d-431a-8df1-15e75a8b530a.tmp</t>
  </si>
  <si>
    <t>\\acsfs\profiles$\quindaizaagds\Downloads\41c90d4d-005d-431a-8df1-15e75a8b530a.tmp</t>
  </si>
  <si>
    <t>01/14/2020 08:55:01</t>
  </si>
  <si>
    <t>d413dc28-2325-40e6-8647-fd4ad7014d53.tmp</t>
  </si>
  <si>
    <t>\\acsfs\profiles$\quindaizaagds\Downloads\d413dc28-2325-40e6-8647-fd4ad7014d53.tmp</t>
  </si>
  <si>
    <t>01/14/2020 08:55:02</t>
  </si>
  <si>
    <t>daf8e155-1647-4b01-a888-935881600eff.tmp</t>
  </si>
  <si>
    <t>\\acsfs\profiles$\quindaizaagds\Downloads\daf8e155-1647-4b01-a888-935881600eff.tmp</t>
  </si>
  <si>
    <t>01/14/2020 08:52:16</t>
  </si>
  <si>
    <t>a7eb4219-bfa5-4c2d-a7e8-4ae2aebb78cd.tmp</t>
  </si>
  <si>
    <t>\\acsfs\profiles$\ANAPDSB\Downloads\a7eb4219-bfa5-4c2d-a7e8-4ae2aebb78cd.tmp</t>
  </si>
  <si>
    <t>01/14/2020 08:55:15</t>
  </si>
  <si>
    <t>01/14/2020 08:56:34</t>
  </si>
  <si>
    <t>01/14/2020 08:57:05</t>
  </si>
  <si>
    <t>01/14/2020 08:57:34</t>
  </si>
  <si>
    <t>6a8aa5fa-a0c5-4ace-be8c-79124cae4a34.tmp</t>
  </si>
  <si>
    <t>\\acsfs\profiles$\danielmlds\Downloads\6a8aa5fa-a0c5-4ace-be8c-79124cae4a34.tmp</t>
  </si>
  <si>
    <t>01/13/2020 20:40:42</t>
  </si>
  <si>
    <t>01/14/2020 08:58:33</t>
  </si>
  <si>
    <t>01/14/2020 08:54:08</t>
  </si>
  <si>
    <t>01/14/2020 08:57:21</t>
  </si>
  <si>
    <t>01/14/2020 08:57:22</t>
  </si>
  <si>
    <t>lu11748c87n.tmp</t>
  </si>
  <si>
    <t>\\acsfs\profiles$\BRUNAAR\Numero\lu11748c87n.tmp</t>
  </si>
  <si>
    <t>01/14/2020 08:55:06</t>
  </si>
  <si>
    <t>01/14/2020 08:57:04</t>
  </si>
  <si>
    <t>01/14/2020 09:00:34</t>
  </si>
  <si>
    <t>01/14/2020 08:58:21</t>
  </si>
  <si>
    <t>01/14/2020 08:55:07</t>
  </si>
  <si>
    <t>24348750-ee23-4d31-b8ca-1adbec287771.tmp</t>
  </si>
  <si>
    <t>\\acsfs\profiles$\quindaizaagds\Downloads\24348750-ee23-4d31-b8ca-1adbec287771.tmp</t>
  </si>
  <si>
    <t>01/14/2020 08:55:57</t>
  </si>
  <si>
    <t>01/14/2020 08:56:13</t>
  </si>
  <si>
    <t>01/14/2020 08:56:17</t>
  </si>
  <si>
    <t>01/14/2020 08:56:30</t>
  </si>
  <si>
    <t>01/14/2020 08:56:36</t>
  </si>
  <si>
    <t>01/14/2020 08:59:24</t>
  </si>
  <si>
    <t>01/14/2020 08:59:45</t>
  </si>
  <si>
    <t>01/14/2020 09:00:03</t>
  </si>
  <si>
    <t>01/14/2020 09:00:19</t>
  </si>
  <si>
    <t>01/14/2020 09:01:34</t>
  </si>
  <si>
    <t>01/14/2020 08:56:18</t>
  </si>
  <si>
    <t>01/14/2020 08:56:48</t>
  </si>
  <si>
    <t>01/14/2020 08:57:18</t>
  </si>
  <si>
    <t>01/14/2020 08:56:08</t>
  </si>
  <si>
    <t>517a4ad0-ac97-47ee-9ea6-6b9f3a9a2307.tmp</t>
  </si>
  <si>
    <t>\\acsfs\profiles$\gabriellalpr\Downloads\517a4ad0-ac97-47ee-9ea6-6b9f3a9a2307.tmp</t>
  </si>
  <si>
    <t>01/14/2020 08:56:32</t>
  </si>
  <si>
    <t>95039d78-646d-482b-bf63-33effafea449.tmp</t>
  </si>
  <si>
    <t>\\acsfs\profiles$\gabriellalpr\Downloads\95039d78-646d-482b-bf63-33effafea449.tmp</t>
  </si>
  <si>
    <t>01/14/2020 08:57:00</t>
  </si>
  <si>
    <t>cbe15587-2c29-4bfc-bd20-de4b3336612a.tmp</t>
  </si>
  <si>
    <t>\\acsfs\profiles$\gabriellalpr\Downloads\cbe15587-2c29-4bfc-bd20-de4b3336612a.tmp</t>
  </si>
  <si>
    <t>01/14/2020 08:57:51</t>
  </si>
  <si>
    <t>8e2c7c12-66b4-4d79-8fe7-8f76f9b458a0.tmp</t>
  </si>
  <si>
    <t>\\acsfs\profiles$\gabriellalpr\Downloads\8e2c7c12-66b4-4d79-8fe7-8f76f9b458a0.tmp</t>
  </si>
  <si>
    <t>01/14/2020 08:57:09</t>
  </si>
  <si>
    <t>01/14/2020 09:01:27</t>
  </si>
  <si>
    <t>01/14/2020 09:02:34</t>
  </si>
  <si>
    <t>01/14/2020 08:58:18</t>
  </si>
  <si>
    <t>6f8b6c73-7270-4fff-9cc1-4f1edcbec684.tmp</t>
  </si>
  <si>
    <t>\\acsfs\profiles$\danielmlds\Downloads\6f8b6c73-7270-4fff-9cc1-4f1edcbec684.tmp</t>
  </si>
  <si>
    <t>01/14/2020 09:01:42</t>
  </si>
  <si>
    <t>01/14/2020 08:59:20</t>
  </si>
  <si>
    <t>01/14/2020 09:03:34</t>
  </si>
  <si>
    <t>01/14/2020 08:59:11</t>
  </si>
  <si>
    <t>85ed9b66-8edc-4c1f-a8ec-7f65a0b2db71.tmp</t>
  </si>
  <si>
    <t>\\acsfs\profiles$\rafaelamsv\Downloads\85ed9b66-8edc-4c1f-a8ec-7f65a0b2db71.tmp</t>
  </si>
  <si>
    <t>01/14/2020 08:59:12</t>
  </si>
  <si>
    <t>1699146c-f2f8-4f5c-90d0-2c0be2bfeed6.tmp</t>
  </si>
  <si>
    <t>\\acsfs\profiles$\rafaelamsv\Downloads\1699146c-f2f8-4f5c-90d0-2c0be2bfeed6.tmp</t>
  </si>
  <si>
    <t>01/14/2020 09:01:09</t>
  </si>
  <si>
    <t>01/14/2020 09:04:35</t>
  </si>
  <si>
    <t>01/14/2020 09:00:32</t>
  </si>
  <si>
    <t>763a2810-ee53-4c19-88d0-98623908f8bd.tmp</t>
  </si>
  <si>
    <t>\\acsfs\profiles$\paulovadc\Downloads\763a2810-ee53-4c19-88d0-98623908f8bd.tmp</t>
  </si>
  <si>
    <t>01/14/2020 09:04:38</t>
  </si>
  <si>
    <t>01/14/2020 09:05:34</t>
  </si>
  <si>
    <t>01/14/2020 09:00:27</t>
  </si>
  <si>
    <t>01/14/2020 09:00:30</t>
  </si>
  <si>
    <t>01/14/2020 09:00:51</t>
  </si>
  <si>
    <t>01/14/2020 09:01:06</t>
  </si>
  <si>
    <t>01/14/2020 09:01:21</t>
  </si>
  <si>
    <t>01/14/2020 09:01:24</t>
  </si>
  <si>
    <t>01/14/2020 09:01:39</t>
  </si>
  <si>
    <t>01/14/2020 09:06:34</t>
  </si>
  <si>
    <t>01/14/2020 09:01:23</t>
  </si>
  <si>
    <t>01/14/2020 09:04:50</t>
  </si>
  <si>
    <t>01/14/2020 09:05:51</t>
  </si>
  <si>
    <t>01/14/2020 09:07:34</t>
  </si>
  <si>
    <t>01/14/2020 09:03:59</t>
  </si>
  <si>
    <t>01/14/2020 09:06:52</t>
  </si>
  <si>
    <t>fedbb2dc-acba-41db-bdf5-2a9f0f9ccd61.tmp</t>
  </si>
  <si>
    <t>\\acsfs\profiles$\kellzylenneasr\Downloads\fedbb2dc-acba-41db-bdf5-2a9f0f9ccd61.tmp</t>
  </si>
  <si>
    <t>01/14/2020 09:06:37</t>
  </si>
  <si>
    <t>01/14/2020 09:08:34</t>
  </si>
  <si>
    <t>01/14/2020 09:05:13</t>
  </si>
  <si>
    <t>01/14/2020 09:06:55</t>
  </si>
  <si>
    <t>01/14/2020 09:09:34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</t>
  </si>
  <si>
    <t>C:\Users\thiagolrc\Documents\</t>
  </si>
  <si>
    <t>Pasta 5.xlsx</t>
  </si>
  <si>
    <t>01/14/2020 09:07:20</t>
  </si>
  <si>
    <t>01/14/2020 09:10:07</t>
  </si>
  <si>
    <t>01/14/2020 09:10:34</t>
  </si>
  <si>
    <t>01/14/2020 09:10:08</t>
  </si>
  <si>
    <t>01/14/2020 09:11:35</t>
  </si>
  <si>
    <t>01/14/2020 09:07:25</t>
  </si>
  <si>
    <t>01/14/2020 09:12:34</t>
  </si>
  <si>
    <t>01/14/2020 09:07:26</t>
  </si>
  <si>
    <t>01/14/2020 09:07:39</t>
  </si>
  <si>
    <t>01/14/2020 09:07:40</t>
  </si>
  <si>
    <t>01/14/2020 09:07:58</t>
  </si>
  <si>
    <t>01/14/2020 09:07:59</t>
  </si>
  <si>
    <t>139311b4-c863-4ca4-afe0-563eecd14261.tmp</t>
  </si>
  <si>
    <t>\\acsfs\profiles$\kellzylenneasr\Downloads\139311b4-c863-4ca4-afe0-563eecd14261.tmp</t>
  </si>
  <si>
    <t>01/14/2020 09:10:01</t>
  </si>
  <si>
    <t>01/14/2020 09:10:02</t>
  </si>
  <si>
    <t>01/14/2020 09:10:50</t>
  </si>
  <si>
    <t>01/14/2020 09:13:35</t>
  </si>
  <si>
    <t>01/14/2020 09:10:51</t>
  </si>
  <si>
    <t>lu11748c87r.tmp</t>
  </si>
  <si>
    <t>\\acsfs\profiles$\BRUNAAR\Numero\lu11748c87r.tmp</t>
  </si>
  <si>
    <t>01/14/2020 09:08:09</t>
  </si>
  <si>
    <t>8eb7acf5-93d3-4390-8ae6-0cf376581252.tmp</t>
  </si>
  <si>
    <t>\\acsfs\profiles$\gabrielhca\Downloads\8eb7acf5-93d3-4390-8ae6-0cf376581252.tmp</t>
  </si>
  <si>
    <t>01/14/2020 09:08:11</t>
  </si>
  <si>
    <t>8e7c4a23-5125-437e-851b-02fce4e8dd42.tmp</t>
  </si>
  <si>
    <t>\\acsfs\profiles$\gabrielhca\Downloads\8e7c4a23-5125-437e-851b-02fce4e8dd42.tmp</t>
  </si>
  <si>
    <t>01/14/2020 09:08:18</t>
  </si>
  <si>
    <t>23db43ea-75a5-4deb-acb7-a74b801ec01b.tmp</t>
  </si>
  <si>
    <t>\\acsfs\profiles$\gabrielhca\Downloads\23db43ea-75a5-4deb-acb7-a74b801ec01b.tmp</t>
  </si>
  <si>
    <t>ec00a61d-7e3c-407d-ba52-19b00f35ab33.tmp</t>
  </si>
  <si>
    <t>\\acsfs\profiles$\gabrielhca\Downloads\ec00a61d-7e3c-407d-ba52-19b00f35ab33.tmp</t>
  </si>
  <si>
    <t>01/14/2020 09:13:04</t>
  </si>
  <si>
    <t>01/14/2020 09:14:34</t>
  </si>
  <si>
    <t>fc81a73b-b6e9-4b17-9066-d591e80a5d1e.tmp</t>
  </si>
  <si>
    <t>\\acsfs\profiles$\nathaliarmr\Downloads\fc81a73b-b6e9-4b17-9066-d591e80a5d1e.tmp</t>
  </si>
  <si>
    <t>01/14/2020 09:13:38</t>
  </si>
  <si>
    <t>6e58e1c9-aeea-4e20-9b5d-a22872c47c51.tmp</t>
  </si>
  <si>
    <t>\\acsfs\profiles$\leticiala\Downloads\6e58e1c9-aeea-4e20-9b5d-a22872c47c51.tmp</t>
  </si>
  <si>
    <t>01/14/2020 09:15:12</t>
  </si>
  <si>
    <t>01/14/2020 09:15:35</t>
  </si>
  <si>
    <t>01/14/2020 09:13:12</t>
  </si>
  <si>
    <t>01/14/2020 09:13:25</t>
  </si>
  <si>
    <t>01/14/2020 09:15:10</t>
  </si>
  <si>
    <t>01/14/2020 09:10:59</t>
  </si>
  <si>
    <t>01/14/2020 09:11:11</t>
  </si>
  <si>
    <t>01/14/2020 09:12:59</t>
  </si>
  <si>
    <t>01/14/2020 09:10:56</t>
  </si>
  <si>
    <t>01/14/2020 09:16:35</t>
  </si>
  <si>
    <t>01/14/2020 09:10:49</t>
  </si>
  <si>
    <t>01/14/2020 09:11:50</t>
  </si>
  <si>
    <t>1d686381-ca0e-48ec-bd49-c69853c147cb.tmp</t>
  </si>
  <si>
    <t>\\acsfs\profiles$\cintiadcf\Downloads\1d686381-ca0e-48ec-bd49-c69853c147cb.tmp</t>
  </si>
  <si>
    <t>01/14/2020 09:11:52</t>
  </si>
  <si>
    <t>af689dfb-8e30-4b1b-8ea6-4f8336103b92.tmp</t>
  </si>
  <si>
    <t>\\acsfs\profiles$\cintiadcf\Downloads\af689dfb-8e30-4b1b-8ea6-4f8336103b92.tmp</t>
  </si>
  <si>
    <t>01/14/2020 09:12:10</t>
  </si>
  <si>
    <t>01/14/2020 09:11:41</t>
  </si>
  <si>
    <t>\\acsfs\Deptos\Operacao\Banco_Votorantim\Supervisao\Maristela\CRBV vendas\Desligamento\Q29udHJvbGxlci5BQ09NLVNvdUJWXzE-.ica.crdownload</t>
  </si>
  <si>
    <t>01/14/2020 09:11:47</t>
  </si>
  <si>
    <t>\\acsfs\Deptos\Operacao\Banco_Votorantim\Supervisao\Maristela\CRBV vendas\Desligamento\Q29udHJvbGxlci5TQUNBLVNBQy1UUkFDRV8x.ica.crdownload</t>
  </si>
  <si>
    <t>01/14/2020 09:11:53</t>
  </si>
  <si>
    <t>\\acsfs\Deptos\Operacao\Banco_Votorantim\Supervisao\Maristela\CRBV vendas\Desligamento\Q29udHJvbGxlci5Xb3Jrc3BhY2UtRGVza3RvcC1F.ica.crdownload</t>
  </si>
  <si>
    <t>01/14/2020 09:13:50</t>
  </si>
  <si>
    <t>01/14/2020 09:12:23</t>
  </si>
  <si>
    <t>KELLZYLENE APARECIDA SILVA RABELO_1_6778148749034204625_1_32.wav</t>
  </si>
  <si>
    <t>\\acsfs\Deptos\EDUCACAO EMPRESARIAL\KÉSIA\Ligações 2º ciclo - Janeiro 2020\KELLZYLENE APARECIDA SILVA RABELO_1_6778148749034204625_1_32.wav</t>
  </si>
  <si>
    <t>01/14/2020 09:16:44</t>
  </si>
  <si>
    <t>01/14/2020 09:18:35</t>
  </si>
  <si>
    <t>01/14/2020 09:15:22</t>
  </si>
  <si>
    <t>http:///batch?%24ct=multipart%2Fmixed%3B%20boundary%3D%22%3D%3D%3D%3D%3D8q4nwnej2r18%3D%3D%3D%3D%3D%22&amp;key=AIzaSyAy9VVXHSpS2IJpptzYtGbLP3-3_l0aBk4</t>
  </si>
  <si>
    <t>"mozilla/5.0 (windows nt 6.1) applewebkit/537.36 (khtml;&amp;_x001A_&amp;y(�_�z_x0010_^txl4l�v|�qa0�2�k�țtxl4l��|�qa0�2��'�_x0015__x0016__x0013_ _x0013_;&amp;_x001A_&amp;y(�_���*;&amp;_x001A_&amp;z;&gt;@���h�i�.`��_x0001_��f�wn�jfj �p]�_x001A_;&amp;_x001A_&amp;zi~b_x0017_b���h�i(�_x0002_��a�e��o�*;0] _x0018_�2_x0007_c-4e;0]\\\\\\\��� &lt;l;0]\\\\\\�*� &lt;l;0]l;0]thon-35.pyc;1;119;126;13;13700014;13700109;13700109�;13700185;13700451;13700951;13701207;13701298;13701422;13701430;13701450;13701506;13701537;13701573;13701577;13701625;13701657;13701693;13701693�;13701749;13701825;13701901;13701905;13701957;13701969;13702068;13702088;138;142961685;153;155;1578930052848000;1578930058554000;1578958057528;1578965581932;1578967688903;1578971301444;1578975962847;1578976564592;1579001247369;1ya5yrwelrso-yxib3ctz0mdjsqkh2uffmn2kfrmynlkfp2vhk5vxrjlyzc1nx1i8okgrxz4hh9fxnqqavexbjgszjfxng_3tikapcccza7s5nl0iiv528sipt3_n6smfvjyvnmz5gmbld86jsedcdqpnbowbtwaejdtwlwiwyazylw418myzkyijnlherxkuhkwira5leptyvbqa_jzeya8qcole_gvg3bkvh4xosewrhwsbq\";1ya5yrwelrso-yxib3ctz0mdjsqkh2uffmn2kfrmynlkfp2vhk5vxrjlyzc1nx1i8okgrxz4hh9fxnqqavexbjgszjfxng_3tikapcccza7s5nl0iiv528s</t>
  </si>
  <si>
    <t>http://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thon-35.pyc,1,119,126,13,13700014,13700109,13700109�,13700185,13700451,13700951,13701207,13701298,13701422,13701430,13701450,13701506,13701537,13701573,13701577,13701625,13701657,13701693,13701693�,13701693�,13701749,13701825,13701901,13701905,13701957,13701969,13702068,13702088,138,142961685,153,155,1578930052848000,1578930058554000,1578958057528,1578965581932,1578967688903,1578971301444,1578975962847,1578976564592,1579001247369,1ya5yrwelrso-yxib3ctz0mdjsqkh2uffmn2kfrmynlkfp2vhk5vxrjlyzc1nx1i8okgrxz4hh9fxnqqavexbjgszjfxng_3tikapcccza7s5nl0iiv528sipt3_n6smfvjyvnmz5gmbld86jsedcdqpnbowbtwaejdtwlwiwyazylw418myzkyijnlherxkuhkwira5leptyvbqa_jzeya8qcole_gvg3bkvh4xosewrhwsbq\",1ya5yrwelrso-yxib3ctz0mdjsqkh2uffmn2kfrmynlkfp2vhk5vxrjlyzc1nx1i8okgrxz4hh9fxnqqavexbjgszjfxng_3tikapc</t>
  </si>
  <si>
    <t>01/14/2020 09:15:23</t>
  </si>
  <si>
    <t>http:///batch?%24ct=multipart%2Fmixed%3B%20boundary%3D%22%3D%3D%3D%3D%3Dzdo3ypufp4dg%3D%3D%3D%3D%3D%22&amp;key=AIzaSyAy9VVXHSpS2IJpptzYtGbLP3-3_l0aBk4</t>
  </si>
  <si>
    <t>01/14/2020 09:15:24</t>
  </si>
  <si>
    <t>http:///batch?%24ct=multipart%2Fmixed%3B%20boundary%3D%22%3D%3D%3D%3D%3Dpn71nocmzqex%3D%3D%3D%3D%3D%22&amp;key=AIzaSyAy9VVXHSpS2IJpptzYtGbLP3-3_l0aBk4</t>
  </si>
  <si>
    <t>01/14/2020 09:16:52</t>
  </si>
  <si>
    <t>01/14/2020 09:19:35</t>
  </si>
  <si>
    <t>01/14/2020 09:16:57</t>
  </si>
  <si>
    <t>01/14/2020 09:14:59</t>
  </si>
  <si>
    <t>01/14/2020 09:15:00</t>
  </si>
  <si>
    <t>01/14/2020 09:15:01</t>
  </si>
  <si>
    <t>01/14/2020 09:15:02</t>
  </si>
  <si>
    <t>01/14/2020 09:15:03</t>
  </si>
  <si>
    <t>01/14/2020 09:15:04</t>
  </si>
  <si>
    <t>01/14/2020 09:15:05</t>
  </si>
  <si>
    <t>01/14/2020 09:15:06</t>
  </si>
  <si>
    <t>01/14/2020 09:15:07</t>
  </si>
  <si>
    <t>01/14/2020 09:15:08</t>
  </si>
  <si>
    <t>01/14/2020 09:15:09</t>
  </si>
  <si>
    <t>01/14/2020 09:15:11</t>
  </si>
  <si>
    <t>01/14/2020 09:15:13</t>
  </si>
  <si>
    <t>01/14/2020 09:15:14</t>
  </si>
  <si>
    <t>01/14/2020 09:15:15</t>
  </si>
  <si>
    <t>01/14/2020 09:16:00</t>
  </si>
  <si>
    <t>01/14/2020 09:20:35</t>
  </si>
  <si>
    <t>01/14/2020 09:17:55</t>
  </si>
  <si>
    <t>9b635ec8-a4d5-4777-9449-9635a6b1f2c9.tmp</t>
  </si>
  <si>
    <t>\\acsfs\profiles$\mariajra\Downloads\9b635ec8-a4d5-4777-9449-9635a6b1f2c9.tmp</t>
  </si>
  <si>
    <t>01/14/2020 09:17:58</t>
  </si>
  <si>
    <t>01/14/2020 09:18:30</t>
  </si>
  <si>
    <t>01/14/2020 09:19:29</t>
  </si>
  <si>
    <t>01/14/2020 09:21:35</t>
  </si>
  <si>
    <t>01/14/2020 09:17:19</t>
  </si>
  <si>
    <t>01/14/2020 09:20:19</t>
  </si>
  <si>
    <t>01/14/2020 09:19:17</t>
  </si>
  <si>
    <t>01/14/2020 09:22:34</t>
  </si>
  <si>
    <t>01/14/2020 09:18:24</t>
  </si>
  <si>
    <t>01/14/2020 09:23:35</t>
  </si>
  <si>
    <t>http:///batch?%24ct=multipart%2Fmixed%3B%20boundary%3D%22%3D%3D%3D%3D%3Dtsh76mhv4aba%3D%3D%3D%3D%3D%22&amp;key=AIzaSyAy9VVXHSpS2IJpptzYtGbLP3-3_l0aBk4</t>
  </si>
  <si>
    <t>"mozilla/5.0 (windows nt 6.1) applewebkit/537.36 (khtml;0;0]22] �_x0003_�_x0006_(�?_x0007_�=�_x0006_9995;0]l;0]ll;1;13;13700014;13700109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882896000;1578915886959000;1578930052848000;1578930058554000;1578930666787;1578940598260;1579002887516;17;1ya5yrwelrso-yxib3ctz0mdjsqkh2uffmn2kfrmynlkfp2vhk5vxrjlyzc1nx1i8okgrxz4hh9fxnqqavexbjgszjfxng_3tikapcccza7s5nl0iiv528sipt3_n6smfvjyvnmz5gmbld86jsedcdqpnbowbtwaejdtwlwiwyazylw418myzkyijnlherxkuhkwirbqlept6sanr3_vj4pcle54yuxc5co3rrqng4zvif1xww\";242;3;36;4;</t>
  </si>
  <si>
    <t>http://"mozilla/5.0 (windows nt 6.1) applewebkit/537.36 (khtml,0,0]22] �_x0003_�_x0006_(�?_x0007_�=�_x0006_9995,0]l,0]ll,1,13,13700014,13700109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882896000,1578915886959000,1578930052848000,1578930058554000,1578930666787,1578940598260,1579002887516,17,1ya5yrwelrso-yxib3ctz0mdjsqkh2uffmn2kfrmynlkfp2vhk5vxrjlyzc1nx1i8okgrxz4hh9fxnqqavexbjgszjfxng_3tikapcccza7s5nl0iiv528sipt3_n6smfvjyvnmz5gmbld86jsedcdqpnbowbtwaejdtwlwiwyazylw418myzkyijnlherxkuhkwirbqlept6sanr3_vj4pcle54yuxc5co3rrqng4zvif1xww\",242,</t>
  </si>
  <si>
    <t>01/14/2020 09:18:25</t>
  </si>
  <si>
    <t>http:///batch?%24ct=multipart%2Fmixed%3B%20boundary%3D%22%3D%3D%3D%3D%3Dwk1a10o4pzvu%3D%3D%3D%3D%3D%22&amp;key=AIzaSyAy9VVXHSpS2IJpptzYtGbLP3-3_l0aBk4</t>
  </si>
  <si>
    <t>01/14/2020 09:18:26</t>
  </si>
  <si>
    <t>http:///batch?%24ct=multipart%2Fmixed%3B%20boundary%3D%22%3D%3D%3D%3D%3Dg8iefee1lwxo%3D%3D%3D%3D%3D%22&amp;key=AIzaSyAy9VVXHSpS2IJpptzYtGbLP3-3_l0aBk4</t>
  </si>
  <si>
    <t>_x0003_���_x001C_x�*x_x0006_��e`y_x000E_;"mozilla/5.0 (windows nt 6.1) applewebkit/537.36 (khtml;0;0]22] �_x0003_�_x0006_(�?_x0007_�=�_x0006_9995;0]l;0]ll;1;13;13700014;13700109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882896000;1578915886959000;1578930052848000;1578930058554000;1578930666787;1578940598260;1579002887516;17;1ya5yrwelrso-yxib3ctz0mdjsqkh2uffmn2kfrmynlkfp2vhk5vxrjlyzc1nx1i8okgrxz4hh9fxnqqavexbjgszjfxng_3tikapcccza7s5nl0iiv528sipt3_n6smfvjyvnmz5gmbld86jsedcdqpnbowbtwaejdtwlwiwyazylw418myzkyijnlherxkuhkwirbqlept6sanr3_vj4pcle54yuxc5co3rrqng4zvif1</t>
  </si>
  <si>
    <t>http://_x0003_���_x001C_x�*x_x0006_��e`y_x000E_,"mozilla/5.0 (windows nt 6.1) applewebkit/537.36 (khtml,0,0]22] �_x0003_�_x0006_(�?_x0007_�=�_x0006_9995,0]l,0]ll,1,13,13700014,13700109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882896000,1578915886959000,1578930052848000,1578930058554000,1578930666787,1578940598260,1579002887516,17,1ya5yrwelrso-yxib3ctz0mdjsqkh2uffmn2kfrmynlkfp2vhk5vxrjlyzc1nx1i8okgrxz4hh9fxnqqavexbjgszjfxng_3tikapcccza7s5nl0iiv528sipt3_n6smfvjyvnmz5gmbld86jsedcdqpnbowbtwaejdtwlwiwyazylw418myzkyijnlherxkuhkwirbqlept6sanr3_vj4pcle54yuxc5co3rrqn</t>
  </si>
  <si>
    <t>01/14/2020 09:21:14</t>
  </si>
  <si>
    <t>3f8575c1-bc69-450b-ba69-a912e0309a65.tmp</t>
  </si>
  <si>
    <t>\\acsfs\profiles$\gabrielsma\Downloads\3f8575c1-bc69-450b-ba69-a912e0309a65.tmp</t>
  </si>
  <si>
    <t>01/14/2020 09:21:39</t>
  </si>
  <si>
    <t>Não confirmado 795662.crdownload</t>
  </si>
  <si>
    <t>\\acsfs\ACS\Gabriel da Silva\Contemporânea\VENDAS\Não confirmado 795662.crdownload</t>
  </si>
  <si>
    <t>65309f96-b5df-4fb4-a8e8-ed43720d2457.tmp</t>
  </si>
  <si>
    <t>\\acsfs\profiles$\gabrielsma\Downloads\65309f96-b5df-4fb4-a8e8-ed43720d2457.tmp</t>
  </si>
  <si>
    <t>Não confirmado 547075.crdownload</t>
  </si>
  <si>
    <t>\\acsfs\ACS\Gabriel da Silva\Contemporânea\VENDAS\Não confirmado 547075.crdownload</t>
  </si>
  <si>
    <t>01/14/2020 09:22:19</t>
  </si>
  <si>
    <t>01/14/2020 09:22:00</t>
  </si>
  <si>
    <t>d71540c8-002a-4d06-8984-ac4a8e119765.tmp</t>
  </si>
  <si>
    <t>\\acsfs\profiles$\ERICALSR\Downloads\d71540c8-002a-4d06-8984-ac4a8e119765.tmp</t>
  </si>
  <si>
    <t>01/14/2020 09:20:11</t>
  </si>
  <si>
    <t>01/14/2020 09:24:34</t>
  </si>
  <si>
    <t>01/14/2020 09:23:58</t>
  </si>
  <si>
    <t>01/14/2020 09:25:35</t>
  </si>
  <si>
    <t>01/14/2020 09:21:19</t>
  </si>
  <si>
    <t>01/14/2020 09:24:49</t>
  </si>
  <si>
    <t>andrelpsa@algartech.com;joaogvc@algartech.com;leonardoao@algartech.com;marianadjc@algartech.com;maristelavodq@bv.algartech.com;paulacn@algartech.com;planejamentodeoperacoesetrafego@bv.com.br;raphaelmco@algartech.com.br;ricardodfm@algartech.com.br;taysdss@algartech.com;viniciussg@algartech.com;</t>
  </si>
  <si>
    <t>andrelpsa@algartech.com,joaogvc@algartech.com,leonardoao@algartech.com,marianadjc@algartech.com,maristelavodq@bv.algartech.com,paulacn@algartech.com,planejamentodeoperacoesetrafego@bv.com.br,raphaelmco@algartech.com.br,ricardodfm@algartech.com.br,taysdss@algartech.com,viniciussg@algartech.com</t>
  </si>
  <si>
    <t>01/14/2020 09:24:52</t>
  </si>
  <si>
    <t>01/14/2020 09:25:11</t>
  </si>
  <si>
    <t>01/14/2020 09:26:35</t>
  </si>
  <si>
    <t>01/14/2020 09:23:09</t>
  </si>
  <si>
    <t>01/14/2020 09:22:49</t>
  </si>
  <si>
    <t>01/14/2020 09:23:19</t>
  </si>
  <si>
    <t>01/14/2020 09:23:49</t>
  </si>
  <si>
    <t>01/14/2020 09:21:28</t>
  </si>
  <si>
    <t>01/14/2020 09:23:48</t>
  </si>
  <si>
    <t>mail.google.com/_/upload?authuser=0&amp;dcp=asu-n&amp;upload_id=AEnB2UrS-Vw7JT1h1kBZr82X238X0BWyIyZuOE-VO-FOubMZROXE34cauggTgxHVNAOcWhwGPydJfp2DbG42gksrBWKyI_1k3W10W_1h1PEN2KyuV9v1oiI&amp;upload_protocol=resumable</t>
  </si>
  <si>
    <t>01/14/2020 09:25:55</t>
  </si>
  <si>
    <t>01/14/2020 09:25:24</t>
  </si>
  <si>
    <t>01/14/2020 09:27:35</t>
  </si>
  <si>
    <t>01/14/2020 09:25:53</t>
  </si>
  <si>
    <t>01/14/2020 09:23:18</t>
  </si>
  <si>
    <t>01/14/2020 09:28:35</t>
  </si>
  <si>
    <t>01/14/2020 09:25:46</t>
  </si>
  <si>
    <t>\\acsfs\ACS\Gabriel da Silva\Contemporânea\BDBV\6C6E7C26.tmp\</t>
  </si>
  <si>
    <t>\\acsfs\ACS\Gabriel da Silva\Contemporânea\BDBV\6C6E7C26.tmp\:Zone.Identifier:$DATA</t>
  </si>
  <si>
    <t>01/14/2020 09:25:47</t>
  </si>
  <si>
    <t>01/14/2020 09:26:59</t>
  </si>
  <si>
    <t>b2399f30-0016-4188-8185-1b0c3d9cd851.tmp</t>
  </si>
  <si>
    <t>\\acsfs\profiles$\gabrielsma\Downloads\b2399f30-0016-4188-8185-1b0c3d9cd851.tmp</t>
  </si>
  <si>
    <t>01/14/2020 09:27:07</t>
  </si>
  <si>
    <t>Não confirmado 570762.crdownload</t>
  </si>
  <si>
    <t>\\acsfs\ACS\Gabriel da Silva\Contemporânea\Acessos\Não confirmado 570762.crdownload</t>
  </si>
  <si>
    <t>01/14/2020 09:26:56</t>
  </si>
  <si>
    <t>01/14/2020 09:29:35</t>
  </si>
  <si>
    <t>01/14/2020 09:28:58</t>
  </si>
  <si>
    <t>01/14/2020 09:29:13</t>
  </si>
  <si>
    <t>19f59c6b-0d4d-4efe-9fc6-457f20485f16.tmp</t>
  </si>
  <si>
    <t>\\acsfs\profiles$\wedersonbadr\My Documents\My Music\19f59c6b-0d4d-4efe-9fc6-457f20485f16.tmp</t>
  </si>
  <si>
    <t>01/14/2020 09:26:02</t>
  </si>
  <si>
    <t>01/14/2020 09:30:35</t>
  </si>
  <si>
    <t>01/14/2020 09:26:03</t>
  </si>
  <si>
    <t>lu12468p6xk0.tmp</t>
  </si>
  <si>
    <t>\\acsfs\profiles$\dhiulliananads\My Documents\lu12468p6xk0.tmp</t>
  </si>
  <si>
    <t>\\acsfs\profiles$\dhiulliananads\My Documents\lu12468p6xk0.tmp\</t>
  </si>
  <si>
    <t>\\acsfs\profiles$\dhiulliananads\My Documents\lu12468p6xk0.tmp\META-INF\</t>
  </si>
  <si>
    <t>\\acsfs\profiles$\dhiulliananads\My Documents\lu12468p6xk0.tmp\Thumbnails\</t>
  </si>
  <si>
    <t>01/14/2020 09:26:46</t>
  </si>
  <si>
    <t>01/14/2020 09:27:15</t>
  </si>
  <si>
    <t>01/14/2020 09:27:23</t>
  </si>
  <si>
    <t>01/14/2020 09:25:31</t>
  </si>
  <si>
    <t>01/14/2020 09:25:29</t>
  </si>
  <si>
    <t>joaogvc@algartech.com;katia.cardoso@bv.com.br;marianadjc@algartech.com;planejamentodeoperacoesetrafego@bv.com.br;raphaelmco@algartech.com.br;ricardodfm@algartech.com.br;taysdss@algartech.com;viniciussg@algartech.com;</t>
  </si>
  <si>
    <t>joaogvc@algartech.com,katia.cardoso@bv.com.br,marianadjc@algartech.com,planejamentodeoperacoesetrafego@bv.com.br,raphaelmco@algartech.com.br,ricardodfm@algartech.com.br,taysdss@algartech.com,viniciussg@algartech.com</t>
  </si>
  <si>
    <t>01/14/2020 09:27:06</t>
  </si>
  <si>
    <t>01/14/2020 09:25:39</t>
  </si>
  <si>
    <t>01/14/2020 09:25:42</t>
  </si>
  <si>
    <t>01/14/2020 09:25:44</t>
  </si>
  <si>
    <t>01/14/2020 09:25:54</t>
  </si>
  <si>
    <t>01/14/2020 09:26:05</t>
  </si>
  <si>
    <t>01/14/2020 09:26:06</t>
  </si>
  <si>
    <t>01/14/2020 09:31:35</t>
  </si>
  <si>
    <t>01/14/2020 09:26:49</t>
  </si>
  <si>
    <t>01/14/2020 09:27:19</t>
  </si>
  <si>
    <t>01/14/2020 09:27:49</t>
  </si>
  <si>
    <t>01/14/2020 09:28:19</t>
  </si>
  <si>
    <t>01/14/2020 09:28:49</t>
  </si>
  <si>
    <t>01/14/2020 09:29:19</t>
  </si>
  <si>
    <t>01/14/2020 09:29:49</t>
  </si>
  <si>
    <t>01/14/2020 09:30:19</t>
  </si>
  <si>
    <t>01/14/2020 09:29:17</t>
  </si>
  <si>
    <t>01/14/2020 09:27:56</t>
  </si>
  <si>
    <t>THYAGO SANTANA PASETTO_1_6779527300392232098_1_32.wav</t>
  </si>
  <si>
    <t>\\acsfs\Deptos\EDUCACAO EMPRESARIAL\KÉSIA\Ligações 2º ciclo - Janeiro 2020\THYAGO SANTANA PASETTO_1_6779527300392232098_1_32.wav</t>
  </si>
  <si>
    <t>01/14/2020 09:30:05</t>
  </si>
  <si>
    <t>01/14/2020 09:32:35</t>
  </si>
  <si>
    <t>01/14/2020 09:30:06</t>
  </si>
  <si>
    <t>\\acsfs\profiles$\THYAGOSP\My Documents\Planilha 2019 CR.ods\Object 5\</t>
  </si>
  <si>
    <t>01/14/2020 09:27:29</t>
  </si>
  <si>
    <t>01/14/2020 09:27:30</t>
  </si>
  <si>
    <t>lu15576izhq7.tmp</t>
  </si>
  <si>
    <t>\\acsfs\profiles$\VIVIANALDS\My Documents\lu15576izhq7.tmp</t>
  </si>
  <si>
    <t>\\acsfs\profiles$\VIVIANALDS\My Documents\lu15576izhq7.tmp\</t>
  </si>
  <si>
    <t>\\acsfs\profiles$\VIVIANALDS\My Documents\lu15576izhq7.tmp\META-INF\</t>
  </si>
  <si>
    <t>\\acsfs\profiles$\VIVIANALDS\My Documents\lu15576izhq7.tmp\Thumbnails\</t>
  </si>
  <si>
    <t>01/14/2020 09:27:36</t>
  </si>
  <si>
    <t>01/14/2020 09:27:37</t>
  </si>
  <si>
    <t>lu15576izhqb.tmp</t>
  </si>
  <si>
    <t>\\acsfs\profiles$\VIVIANALDS\My Documents\lu15576izhqb.tmp</t>
  </si>
  <si>
    <t>\\acsfs\profiles$\VIVIANALDS\My Documents\lu15576izhqb.tmp\</t>
  </si>
  <si>
    <t>\\acsfs\profiles$\VIVIANALDS\My Documents\lu15576izhqb.tmp\META-INF\</t>
  </si>
  <si>
    <t>\\acsfs\profiles$\VIVIANALDS\My Documents\lu15576izhqb.tmp\Thumbnails\</t>
  </si>
  <si>
    <t>01/14/2020 09:27:31</t>
  </si>
  <si>
    <t>2511a605-aa99-4f62-8954-2a37f88fa625.tmp</t>
  </si>
  <si>
    <t>\\acsfs\profiles$\antoniosva\Downloads\2511a605-aa99-4f62-8954-2a37f88fa625.tmp</t>
  </si>
  <si>
    <t>01/14/2020 09:28:33</t>
  </si>
  <si>
    <t>01/14/2020 09:33:35</t>
  </si>
  <si>
    <t>01/14/2020 09:30:40</t>
  </si>
  <si>
    <t>andrelpsa@algartech.com;eliane.martins@bv.com.br;simeia.faria@bv.com.br;</t>
  </si>
  <si>
    <t>andrelpsa@algartech.com,eliane.martins@bv.com.br,simeia.faria@bv.com.br</t>
  </si>
  <si>
    <t>01/14/2020 09:31:00</t>
  </si>
  <si>
    <t>01/14/2020 09:33:09</t>
  </si>
  <si>
    <t>01/14/2020 09:29:41</t>
  </si>
  <si>
    <t>01/14/2020 09:34:35</t>
  </si>
  <si>
    <t>cf450a34-ce93-491f-84fc-5f46ca8b4bc0.tmp</t>
  </si>
  <si>
    <t>\\acsfs\profiles$\wedersonbadr\My Documents\My Music\cf450a34-ce93-491f-84fc-5f46ca8b4bc0.tmp</t>
  </si>
  <si>
    <t>01/14/2020 09:29:56</t>
  </si>
  <si>
    <t>9e8eb173-9e20-4b4c-9dfc-1231d0f04108.tmp</t>
  </si>
  <si>
    <t>\\acsfs\profiles$\henriquehmdo\Downloads\9e8eb173-9e20-4b4c-9dfc-1231d0f04108.tmp</t>
  </si>
  <si>
    <t>01/14/2020 09:30:13</t>
  </si>
  <si>
    <t>Q29udHJvbGxlci5DYWxjdWxhZG9yYURlVmVuY2lt (25).ica</t>
  </si>
  <si>
    <t>\\acsfs\profiles$\henriquehmdo\Downloads\Q29udHJvbGxlci5DYWxjdWxhZG9yYURlVmVuY2lt (25).ica</t>
  </si>
  <si>
    <t>01/14/2020 09:31:18</t>
  </si>
  <si>
    <t>d8a4555e-1971-469b-9204-e2fe9232a349.tmp</t>
  </si>
  <si>
    <t>\\acsfs\profiles$\henriquehmdo\Downloads\d8a4555e-1971-469b-9204-e2fe9232a349.tmp</t>
  </si>
  <si>
    <t>01/14/2020 09:29:48</t>
  </si>
  <si>
    <t>01/14/2020 09:35:35</t>
  </si>
  <si>
    <t>01/14/2020 09:34:34</t>
  </si>
  <si>
    <t>01/14/2020 09:31:10</t>
  </si>
  <si>
    <t>01/14/2020 09:31:26</t>
  </si>
  <si>
    <t>01/14/2020 09:31:38</t>
  </si>
  <si>
    <t>01/14/2020 09:31:54</t>
  </si>
  <si>
    <t>01/14/2020 09:32:01</t>
  </si>
  <si>
    <t>01/14/2020 09:32:41</t>
  </si>
  <si>
    <t>01/14/2020 09:32:49</t>
  </si>
  <si>
    <t>01/14/2020 09:32:58</t>
  </si>
  <si>
    <t>01/14/2020 09:33:02</t>
  </si>
  <si>
    <t>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4/2020 09:33:22</t>
  </si>
  <si>
    <t>01/14/2020 09:34:08</t>
  </si>
  <si>
    <t>01/14/2020 09:34:37</t>
  </si>
  <si>
    <t>01/14/2020 09:30:29</t>
  </si>
  <si>
    <t>RELATORIO DE LOGIN - FINANCEIRA - 13-01.xlsm</t>
  </si>
  <si>
    <t>\\acsfs\DEPTOS\Operacao\PCP\5 - Comum\PLANEJAMENTO BV\14 - ACOMPANHAMENTO\1 - REPORT ACOMPANHAMENTO\2020\1 - JANEIRO\FINANCEIRA\Login Logout Financeira\RELATORIO DE LOGIN - FINANCEIRA - 13-01.xlsm</t>
  </si>
  <si>
    <t>01/14/2020 09:34:45</t>
  </si>
  <si>
    <t>01/14/2020 09:31:34</t>
  </si>
  <si>
    <t>01/14/2020 09:35:06</t>
  </si>
  <si>
    <t>01/14/2020 09:35:14</t>
  </si>
  <si>
    <t>01/14/2020 09:35:17</t>
  </si>
  <si>
    <t>01/14/2020 09:31:46</t>
  </si>
  <si>
    <t>01/14/2020 09:31:53</t>
  </si>
  <si>
    <t>01/14/2020 09:31:59</t>
  </si>
  <si>
    <t>01/14/2020 09:32:02</t>
  </si>
  <si>
    <t>01/14/2020 09:32:09</t>
  </si>
  <si>
    <t>01/14/2020 09:32:23</t>
  </si>
  <si>
    <t>01/14/2020 09:32:33</t>
  </si>
  <si>
    <t>01/14/2020 09:32:42</t>
  </si>
  <si>
    <t>bvcartes-supervisores@algarnet.onmicrosoft.com;joaogvc@algartech.com;leonardoao@algartech.com;marianadjc@algartech.com;paulacn@algartech.com;planejamentodeoperacoesetrafego@bv.com.br;raphaelmco@algartech.com.br;ricardodfm@algartech.com.br;robsonams@algartech.com;taysdss@algartech.com;viniciussg@algartech.com;</t>
  </si>
  <si>
    <t>bvcartes-supervisores@algarnet.onmicrosoft.com,joaogvc@algartech.com,leonardoao@algartech.com,marianadjc@algartech.com,paulacn@algartech.com,planejamentodeoperacoesetrafego@bv.com.br,raphaelmco@algartech.com.br,ricardodfm@algartech.com.br,robsonams@algartech.com,taysdss@algartech.com,viniciussg@algartech.com</t>
  </si>
  <si>
    <t>01/14/2020 09:32:54</t>
  </si>
  <si>
    <t>01/14/2020 09:33:01</t>
  </si>
  <si>
    <t>01/14/2020 09:33:14</t>
  </si>
  <si>
    <t>01/14/2020 09:33:32</t>
  </si>
  <si>
    <t>andrelpsa@algartech.com;joaogvc@algartech.com;leonardoao@algartech.com;marianadjc@algartech.com;maristelavodq@bv.algartech.com;paulacn@algartech.com;ricardodfm@algartech.com.br;robsonams@algartech.com;taysdss@algartech.com;viniciussg@algartech.com;</t>
  </si>
  <si>
    <t>andrelpsa@algartech.com,joaogvc@algartech.com,leonardoao@algartech.com,marianadjc@algartech.com,maristelavodq@bv.algartech.com,paulacn@algartech.com,ricardodfm@algartech.com.br,robsonams@algartech.com,taysdss@algartech.com,viniciussg@algartech.com</t>
  </si>
  <si>
    <t>01/14/2020 09:33:40</t>
  </si>
  <si>
    <t>01/14/2020 09:34:03</t>
  </si>
  <si>
    <t>01/14/2020 09:34:06</t>
  </si>
  <si>
    <t>01/14/2020 09:34:17</t>
  </si>
  <si>
    <t>01/14/2020 09:34:26</t>
  </si>
  <si>
    <t>01/14/2020 09:36:34</t>
  </si>
  <si>
    <t>1648fcf2-fa5b-41dc-a6a5-ef607b84f149.tmp</t>
  </si>
  <si>
    <t>\\acsfs\profiles$\isabellegtds\Downloads\1648fcf2-fa5b-41dc-a6a5-ef607b84f149.tmp</t>
  </si>
  <si>
    <t>01/14/2020 09:35:27</t>
  </si>
  <si>
    <t>79ff2d44-abcb-43e5-8ccd-464535fcfd16.tmp</t>
  </si>
  <si>
    <t>\\acsfs\profiles$\isabellegtds\Downloads\79ff2d44-abcb-43e5-8ccd-464535fcfd16.tmp</t>
  </si>
  <si>
    <t>01/14/2020 09:32:50</t>
  </si>
  <si>
    <t>9b092e00-68ba-43c7-ad97-9e572ac626fa.tmp</t>
  </si>
  <si>
    <t>\\acsfs\profiles$\Flaviojmm\Downloads\9b092e00-68ba-43c7-ad97-9e572ac626fa.tmp</t>
  </si>
  <si>
    <t>01/14/2020 09:35:48</t>
  </si>
  <si>
    <t>53741403-2891-4046-86e5-c865f8e874a8.tmp</t>
  </si>
  <si>
    <t>\\acsfs\profiles$\Flaviojmm\Downloads\53741403-2891-4046-86e5-c865f8e874a8.tmp</t>
  </si>
  <si>
    <t>01/14/2020 09:32:08</t>
  </si>
  <si>
    <t>01/14/2020 09:37:35</t>
  </si>
  <si>
    <t>01/14/2020 09:34:46</t>
  </si>
  <si>
    <t>01/14/2020 09:34:47</t>
  </si>
  <si>
    <t>01/14/2020 09:33:38</t>
  </si>
  <si>
    <t>e1bd9af5-c3ae-4aab-a065-ce17f9b9e41b.tmp</t>
  </si>
  <si>
    <t>\\acsfs\profiles$\JOAOVAL\Downloads\e1bd9af5-c3ae-4aab-a065-ce17f9b9e41b.tmp</t>
  </si>
  <si>
    <t>01/14/2020 09:34:49</t>
  </si>
  <si>
    <t>2d6b3001-2d78-48d2-8d83-a6032b115a0d.tmp</t>
  </si>
  <si>
    <t>\\acsfs\profiles$\JOAOVAL\Downloads\2d6b3001-2d78-48d2-8d83-a6032b115a0d.tmp</t>
  </si>
  <si>
    <t>01/14/2020 09:35:37</t>
  </si>
  <si>
    <t>1ab5556a-5275-49c2-afb2-df731a0d2512.tmp</t>
  </si>
  <si>
    <t>\\acsfs\profiles$\JOAOVAL\Downloads\1ab5556a-5275-49c2-afb2-df731a0d2512.tmp</t>
  </si>
  <si>
    <t>01/14/2020 09:32:27</t>
  </si>
  <si>
    <t>bb558c14-c891-4b53-93b2-cc9f2486c2d3.tmp</t>
  </si>
  <si>
    <t>\\acsfs\profiles$\lorrainerdl\Downloads\bb558c14-c891-4b53-93b2-cc9f2486c2d3.tmp</t>
  </si>
  <si>
    <t>01/14/2020 09:35:54</t>
  </si>
  <si>
    <t>01/14/2020 09:38:34</t>
  </si>
  <si>
    <t>01/14/2020 09:37:32</t>
  </si>
  <si>
    <t>01/14/2020 09:36:21</t>
  </si>
  <si>
    <t>01/14/2020 09:39:35</t>
  </si>
  <si>
    <t>01/14/2020 09:38:08</t>
  </si>
  <si>
    <t>01/14/2020 09:40:34</t>
  </si>
  <si>
    <t>01/14/2020 09:35:31</t>
  </si>
  <si>
    <t>01/14/2020 09:35:56</t>
  </si>
  <si>
    <t>01/14/2020 09:36:11</t>
  </si>
  <si>
    <t>01/14/2020 09:36:32</t>
  </si>
  <si>
    <t>01/14/2020 09:36:41</t>
  </si>
  <si>
    <t>01/14/2020 09:36:44</t>
  </si>
  <si>
    <t>01/14/2020 09:37:04</t>
  </si>
  <si>
    <t>01/14/2020 09:37:15</t>
  </si>
  <si>
    <t>01/14/2020 09:37:25</t>
  </si>
  <si>
    <t>01/14/2020 09:37:28</t>
  </si>
  <si>
    <t>01/14/2020 09:37:36</t>
  </si>
  <si>
    <t>01/14/2020 09:37:58</t>
  </si>
  <si>
    <t>01/14/2020 09:38:07</t>
  </si>
  <si>
    <t>01/14/2020 09:38:12</t>
  </si>
  <si>
    <t>01/14/2020 09:38:36</t>
  </si>
  <si>
    <t>01/14/2020 09:38:41</t>
  </si>
  <si>
    <t>01/14/2020 09:38:45</t>
  </si>
  <si>
    <t>01/14/2020 09:38:49</t>
  </si>
  <si>
    <t>01/14/2020 09:38:54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</t>
  </si>
  <si>
    <t>01/14/2020 09:39:15</t>
  </si>
  <si>
    <t>01/14/2020 09:39:23</t>
  </si>
  <si>
    <t>01/14/2020 09:40:02</t>
  </si>
  <si>
    <t>01/14/2020 09:40:09</t>
  </si>
  <si>
    <t>01/14/2020 09:40:15</t>
  </si>
  <si>
    <t>01/14/2020 09:39:12</t>
  </si>
  <si>
    <t>01/14/2020 09:39:24</t>
  </si>
  <si>
    <t>01/14/2020 09:39:27</t>
  </si>
  <si>
    <t>01/14/2020 09:39:37</t>
  </si>
  <si>
    <t>01/14/2020 09:39:44</t>
  </si>
  <si>
    <t>01/14/2020 09:39:47</t>
  </si>
  <si>
    <t>01/14/2020 09:40:06</t>
  </si>
  <si>
    <t>01/14/2020 09:40:16</t>
  </si>
  <si>
    <t>01/14/2020 09:40:26</t>
  </si>
  <si>
    <t>01/14/2020 09:35:59</t>
  </si>
  <si>
    <t>01/14/2020 09:41:35</t>
  </si>
  <si>
    <t>01/14/2020 09:36:08</t>
  </si>
  <si>
    <t>01/14/2020 09:35:50</t>
  </si>
  <si>
    <t>01/14/2020 09:36:20</t>
  </si>
  <si>
    <t>01/14/2020 09:36:50</t>
  </si>
  <si>
    <t>01/14/2020 09:38:20</t>
  </si>
  <si>
    <t>01/14/2020 09:40:20</t>
  </si>
  <si>
    <t>01/14/2020 09:37:45</t>
  </si>
  <si>
    <t>01/14/2020 09:43:34</t>
  </si>
  <si>
    <t>f870a0a7-99c9-4e54-9490-a843993428e5.tmp</t>
  </si>
  <si>
    <t>\\acsfs\profiles$\LUCASBS\Downloads\f870a0a7-99c9-4e54-9490-a843993428e5.tmp</t>
  </si>
  <si>
    <t>ac5ecf9f-4973-4e8d-92b5-134898a70f8c.tmp</t>
  </si>
  <si>
    <t>\\acsfs\profiles$\LUCASBS\Downloads\ac5ecf9f-4973-4e8d-92b5-134898a70f8c.tmp</t>
  </si>
  <si>
    <t>01/14/2020 09:40:54</t>
  </si>
  <si>
    <t>3194084a-9a20-4d76-b45a-7f1201acb5b7.tmp</t>
  </si>
  <si>
    <t>\\acsfs\profiles$\ALYNYA\Downloads\3194084a-9a20-4d76-b45a-7f1201acb5b7.tmp</t>
  </si>
  <si>
    <t>01/14/2020 09:41:46</t>
  </si>
  <si>
    <t>01/14/2020 09:44:51</t>
  </si>
  <si>
    <t>01/14/2020 09:45:34</t>
  </si>
  <si>
    <t>01/14/2020 09:41:22</t>
  </si>
  <si>
    <t>01/14/2020 09:41:27</t>
  </si>
  <si>
    <t>01/14/2020 09:41:30</t>
  </si>
  <si>
    <t>01/14/2020 09:41:34</t>
  </si>
  <si>
    <t>01/14/2020 09:40:31</t>
  </si>
  <si>
    <t>01/14/2020 09:40:36</t>
  </si>
  <si>
    <t>01/14/2020 09:40:38</t>
  </si>
  <si>
    <t>andrelpsa@algartech.com;leonardoao@algartech.com;marianadjc@algartech.com;ricardodfm@algartech.com.br;sofiamses@algartech.com;taysdss@algartech.com;viniciussg@algartech.com;</t>
  </si>
  <si>
    <t>andrelpsa@algartech.com,leonardoao@algartech.com,marianadjc@algartech.com,ricardodfm@algartech.com.br,sofiamses@algartech.com,taysdss@algartech.com,viniciussg@algartech.com</t>
  </si>
  <si>
    <t>01/14/2020 09:40:56</t>
  </si>
  <si>
    <t>01/14/2020 09:41:05</t>
  </si>
  <si>
    <t>01/14/2020 09:41:06</t>
  </si>
  <si>
    <t>\\acsfs\DEPTOS\Operacao\PCP\5 - Comum\PLANEJAMENTO BV\14 - ACOMPANHAMENTO\1 - REPORT ACOMPANHAMENTO\2020\1 - JANEIRO\FINANCEIRA\Quantidade de Login - Financeira.xlsx</t>
  </si>
  <si>
    <t>01/14/2020 09:41:14</t>
  </si>
  <si>
    <t>mail.google.com/_/upload?authuser=0&amp;dcp=asu-n&amp;upload_id=AEnB2UpYnu-xz70fm--oDHNVDMoq7O8pyJ_vrGFqAdMT0TVV_De0UANGsFhLtsd8gKHS6Fza5iWObgVGDilrbTY-N3VbDKlqvwUYzA42GuJRgskIw5Hcu3E&amp;upload_protocol=resumable</t>
  </si>
  <si>
    <t>01/14/2020 09:41:15</t>
  </si>
  <si>
    <t>01/14/2020 09:41:17</t>
  </si>
  <si>
    <t>01/14/2020 09:41:38</t>
  </si>
  <si>
    <t>01/14/2020 09:42:00</t>
  </si>
  <si>
    <t>01/14/2020 09:42:58</t>
  </si>
  <si>
    <t>https://joaogvc@algartech.com,leonardoao@algartech.com,marianadjc@algartech.com,paulacn@algartech.com,rafaelggs@algartech.com,ricardodfm@algartech.com.br,taysdss@algartech.com,thiagordu@algartech.com,viniciussg@algartech.com</t>
  </si>
  <si>
    <t>01/14/2020 09:44:27</t>
  </si>
  <si>
    <t>01/14/2020 09:45:11</t>
  </si>
  <si>
    <t>01/14/2020 09:46:34</t>
  </si>
  <si>
    <t>01/14/2020 09:42:54</t>
  </si>
  <si>
    <t>01/14/2020 09:47:34</t>
  </si>
  <si>
    <t>4905f08c-2aef-4ae4-8aeb-3ad14e5c40f0.tmp</t>
  </si>
  <si>
    <t>\\acsfs\profiles$\THYAGOSP\Downloads\4905f08c-2aef-4ae4-8aeb-3ad14e5c40f0.tmp</t>
  </si>
  <si>
    <t>01/14/2020 09:45:41</t>
  </si>
  <si>
    <t>67280331-b950-4ade-b616-42c56b525aed.tmp</t>
  </si>
  <si>
    <t>\\acsfs\profiles$\jhonatadss\Downloads\67280331-b950-4ade-b616-42c56b525aed.tmp</t>
  </si>
  <si>
    <t>01/14/2020 09:42:45</t>
  </si>
  <si>
    <t>ce908d31-ecdc-4fe3-bec0-231243bdbd8d.tmp</t>
  </si>
  <si>
    <t>\\acsfs\profiles$\felipetds\Downloads\ce908d31-ecdc-4fe3-bec0-231243bdbd8d.tmp</t>
  </si>
  <si>
    <t>01/14/2020 09:42:34</t>
  </si>
  <si>
    <t>8a83d4cb-ced0-4255-a59b-e5518d687c33.tmp</t>
  </si>
  <si>
    <t>\\acsfs\profiles$\lorrainerdl\Downloads\8a83d4cb-ced0-4255-a59b-e5518d687c33.tmp</t>
  </si>
  <si>
    <t>01/14/2020 09:43:02</t>
  </si>
  <si>
    <t>e7492a50-47a3-4f6f-81a7-878b8535bf84.tmp</t>
  </si>
  <si>
    <t>\\acsfs\profiles$\lorrainerdl\Downloads\e7492a50-47a3-4f6f-81a7-878b8535bf84.tmp</t>
  </si>
  <si>
    <t>01/14/2020 09:45:58</t>
  </si>
  <si>
    <t>01/14/2020 09:45:30</t>
  </si>
  <si>
    <t>01/14/2020 09:48:35</t>
  </si>
  <si>
    <t>01/14/2020 09:46:40</t>
  </si>
  <si>
    <t>f8a59833-24a3-4dcc-938e-64f04d3d5a27.tmp</t>
  </si>
  <si>
    <t>\\acsfs\profiles$\gabrielsma\Downloads\f8a59833-24a3-4dcc-938e-64f04d3d5a27.tmp</t>
  </si>
  <si>
    <t>01/14/2020 09:44:59</t>
  </si>
  <si>
    <t>5b4b1c6c-94b0-4f34-b833-2c60f5fcb502.tmp</t>
  </si>
  <si>
    <t>\\acsfs\profiles$\adelvinsonle\Downloads\5b4b1c6c-94b0-4f34-b833-2c60f5fcb502.tmp</t>
  </si>
  <si>
    <t>01/14/2020 09:45:02</t>
  </si>
  <si>
    <t>01/14/2020 09:45:28</t>
  </si>
  <si>
    <t>01/14/2020 09:46:33</t>
  </si>
  <si>
    <t>c172994e-1f99-43fd-b02c-81a6e9c4daee.tmp</t>
  </si>
  <si>
    <t>\\acsfs\profiles$\adelvinsonle\Downloads\c172994e-1f99-43fd-b02c-81a6e9c4daee.tmp</t>
  </si>
  <si>
    <t>01/14/2020 09:46:18</t>
  </si>
  <si>
    <t>01/14/2020 09:49:34</t>
  </si>
  <si>
    <t>7d1bd406-173c-463d-8c3f-593c193b2c64.tmp</t>
  </si>
  <si>
    <t>\\acsfs\profiles$\larissaad\Downloads\7d1bd406-173c-463d-8c3f-593c193b2c64.tmp</t>
  </si>
  <si>
    <t>01/14/2020 09:47:13</t>
  </si>
  <si>
    <t>a37f53f2-f845-4a9f-8d02-d2647ab717e6.tmp</t>
  </si>
  <si>
    <t>\\acsfs\profiles$\larissaad\Downloads\a37f53f2-f845-4a9f-8d02-d2647ab717e6.tmp</t>
  </si>
  <si>
    <t>01/14/2020 09:47:17</t>
  </si>
  <si>
    <t>01/14/2020 09:50:34</t>
  </si>
  <si>
    <t>http:///batch?%24ct=multipart%2Fmixed%3B%20boundary%3D%22%3D%3D%3D%3D%3Dhmb8lan9eygi%3D%3D%3D%3D%3D%22&amp;key=AIzaSyAy9VVXHSpS2IJpptzYtGbLP3-3_l0aBk4</t>
  </si>
  <si>
    <t>01/14/2020 09:47:19</t>
  </si>
  <si>
    <t>http:///batch?%24ct=multipart%2Fmixed%3B%20boundary%3D%22%3D%3D%3D%3D%3Df6w2tfy0b2fy%3D%3D%3D%3D%3D%22&amp;key=AIzaSyAy9VVXHSpS2IJpptzYtGbLP3-3_l0aBk4</t>
  </si>
  <si>
    <t>01/14/2020 09:47:21</t>
  </si>
  <si>
    <t>http:///batch?%24ct=multipart%2Fmixed%3B%20boundary%3D%22%3D%3D%3D%3D%3Dor6ww6oxl6p9%3D%3D%3D%3D%3D%22&amp;key=AIzaSyAy9VVXHSpS2IJpptzYtGbLP3-3_l0aBk4</t>
  </si>
  <si>
    <t>ancestorhasaugmentedpermissions;containsunsubscribedchildren;displayn;displayname;domain;emailaddress;filesize;hasthumbnail;hasvisitorpermissions;id);items(kind;ken;lastmodifyinguse;lastmodifyinguser(kind;lastviewedbymedate;modifiedbymedate;modifieddate;ontainsunsubscribedchildren;owners(kind;permission;permissionid;picture;picture�;rpermissions;thumbnailversion;workspaceids;</t>
  </si>
  <si>
    <t>http://ancestorhasaugmentedpermissions,containsunsubscribedchildren,displayn,displayname,domain,emailaddress,filesize,hasthumbnail,hasvisitorpermissions,id),items(kind,ken,lastmodifyinguse,lastmodifyinguser(kind,lastviewedbymedate,modifiedbymedate,modifieddate,ontainsunsubscribedchildren,owners(kind,permission,permissionid,picture,picture�,rpermissions,thumbnailversion,workspaceids</t>
  </si>
  <si>
    <t>01/14/2020 09:47:24</t>
  </si>
  <si>
    <t>http:///batch?%24ct=multipart%2Fmixed%3B%20boundary%3D%22%3D%3D%3D%3D%3Dl649ooc4m9ha%3D%3D%3D%3D%3D%22&amp;key=AIzaSyAy9VVXHSpS2IJpptzYtGbLP3-3_l0aBk4</t>
  </si>
  <si>
    <t>ancestorhasaugmentedpe;ancestorhasaugmentedpermissions;containsunsubscribedchildren;displayn;displayname;domain;emailaddres;emailaddress;filesize;hasthumbnail;hasvisitorpermissions;id);items(kind;ken;lastmodifyinguse;lastmodifyinguser(kind;lastviewedbymedate;modifiedbymedate;modifieddate;ontainsunsubscribedchildren;owners(kind;permission;permissionid;picture;picture�;rpermissions;thumbnailversion;workspaceids;</t>
  </si>
  <si>
    <t>http://ancestorhasaugmentedpe,ancestorhasaugmentedpermissions,containsunsubscribedchildren,displayn,displayname,domain,emailaddres,emailaddress,filesize,hasthumbnail,hasvisitorpermissions,id),items(kind,ken,lastmodifyinguse,lastmodifyinguser(kind,lastviewedbymedate,modifiedbymedate,modifieddate,ontainsunsubscribedchildren,owners(kind,permission,permissionid,picture,picture�,rpermissions,thumbnailversion,workspaceids</t>
  </si>
  <si>
    <t>http:///batch?%24ct=multipart%2Fmixed%3B%20boundary%3D%22%3D%3D%3D%3D%3Ddvnm8hi4tv23%3D%3D%3D%3D%3D%22&amp;key=AIzaSyAy9VVXHSpS2IJpptzYtGbLP3-3_l0aBk4</t>
  </si>
  <si>
    <t>ancestorhasaugmentedpe;ancestorhasaugmentedpermissions;containsunsubscribedchildren;displayn;displayname;domain;emailaddres;emailaddress;file(kind;fileid;filesize;hasthumbnail;hasvisitorpermissions;id;id);items(deleted;items(kind;ken;kind;lastmodifyinguse;lastmodifyinguser(kind;lastviewedbymedate;modifiedbymedate;modifieddate;ontainsunsubscribedchildren;owners(kind;per;permission;permissionid;picture;picture�;rpermissions;shared;sharedwithmedate;thumbnailversion;title;userpermission(role);workspaceids;</t>
  </si>
  <si>
    <t>http://ancestorhasaugmentedpe,ancestorhasaugmentedpermissions,containsunsubscribedchildren,displayn,displayname,domain,emailaddres,emailaddress,file(kind,fileid,filesize,hasthumbnail,hasvisitorpermissions,id,id),items(deleted,items(kind,ken,kind,lastmodifyinguse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01/14/2020 09:47:26</t>
  </si>
  <si>
    <t>http:///batch?%24ct=multipart%2Fmixed%3B%20boundary%3D%22%3D%3D%3D%3D%3D8cr3ma8y01i3%3D%3D%3D%3D%3D%22&amp;key=AIzaSyAy9VVXHSpS2IJpptzYtGbLP3-3_l0aBk4</t>
  </si>
  <si>
    <t>01/14/2020 09:47:31</t>
  </si>
  <si>
    <t>http:///batch?%24ct=multipart%2Fmixed%3B%20boundary%3D%22%3D%3D%3D%3D%3Dizifvus442pt%3D%3D%3D%3D%3D%22&amp;key=AIzaSyAy9VVXHSpS2IJpptzYtGbLP3-3_l0aBk4</t>
  </si>
  <si>
    <t>http:///batch?%24ct=multipart%2Fmixed%3B%20boundary%3D%22%3D%3D%3D%3D%3Dk5i7ac6ue1vc%3D%3D%3D%3D%3D%22&amp;key=AIzaSyAy9VVXHSpS2IJpptzYtGbLP3-3_l0aBk4</t>
  </si>
  <si>
    <t>01/14/2020 09:47:37</t>
  </si>
  <si>
    <t>http:///batch?%24ct=multipart%2Fmixed%3B%20boundary%3D%22%3D%3D%3D%3D%3Da37mgo1nuxyt%3D%3D%3D%3D%3D%22&amp;key=AIzaSyAy9VVXHSpS2IJpptzYtGbLP3-3_l0aBk4</t>
  </si>
  <si>
    <t>01/14/2020 09:48:00</t>
  </si>
  <si>
    <t>https://br2-excel.officeapps.live.com/x/_layouts/remotetelemetry.ashx</t>
  </si>
  <si>
    <t>https://ancestorhasaugmentedpe,ancestorhasaugmentedpermissions,containsunsubscribedchildren,displayn,displayname,domain,emailaddres,emailaddress,file(kind,fileid,filesize,hasthumbnail,hasvisitorpermissions,id,id),items(deleted,items(kind,ken,kind,lastmodifyinguse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01/14/2020 09:49:46</t>
  </si>
  <si>
    <t>http:///batch?%24ct=multipart%2Fmixed%3B%20boundary%3D%22%3D%3D%3D%3D%3Dbdkaak9ech4w%3D%3D%3D%3D%3D%22&amp;key=AIzaSyAy9VVXHSpS2IJpptzYtGbLP3-3_l0aBk4</t>
  </si>
  <si>
    <t>01/14/2020 09:49:47</t>
  </si>
  <si>
    <t>http:///batch?%24ct=multipart%2Fmixed%3B%20boundary%3D%22%3D%3D%3D%3D%3Dx04jez1mawie%3D%3D%3D%3D%3D%22&amp;key=AIzaSyAy9VVXHSpS2IJpptzYtGbLP3-3_l0aBk4</t>
  </si>
  <si>
    <t>01/14/2020 09:49:48</t>
  </si>
  <si>
    <t>http:///batch?%24ct=multipart%2Fmixed%3B%20boundary%3D%22%3D%3D%3D%3D%3Dqlcmwe5sy5ur%3D%3D%3D%3D%3D%22&amp;key=AIzaSyAy9VVXHSpS2IJpptzYtGbLP3-3_l0aBk4</t>
  </si>
  <si>
    <t>01/14/2020 09:49:51</t>
  </si>
  <si>
    <t>https://br2-excel.officeapps.live.com/x/_layouts/beaconhandler.ashx?wacusertype=wopi&amp;usid=633888fe-aeb5-47bf-aec0-883587ab9b75&amp;noauth=1&amp;waccluster=br2&amp;webmethod=closeworkbook</t>
  </si>
  <si>
    <t>https://br2-excel.officeapps.live.com/x/_layouts/beaconhandler.ashx?wacusertype=wopi&amp;usid=633888fe-aeb5-47bf-aec0-883587ab9b75&amp;noauth=1&amp;waccluster=br2&amp;webmethod=xlrte</t>
  </si>
  <si>
    <t>01/14/2020 09:49:57</t>
  </si>
  <si>
    <t>http://signaler-pa.clients6.google.com/v1/acknowledgments?key=aizasycimh2ks6vpafrc2lqu_snz1lo76xgdnlc</t>
  </si>
  <si>
    <t>01/14/2020 09:49:58</t>
  </si>
  <si>
    <t>http:///batch?%24ct=multipart%2Fmixed%3B%20boundary%3D%22%3D%3D%3D%3D%3D9nb4wgefku5e%3D%3D%3D%3D%3D%22&amp;key=AIzaSyAy9VVXHSpS2IJpptzYtGbLP3-3_l0aBk4</t>
  </si>
  <si>
    <t>01/14/2020 09:49:09</t>
  </si>
  <si>
    <t>01/14/2020 09:49:54</t>
  </si>
  <si>
    <t>ef3e6195-7ca3-4abc-b0bf-b1b6a9a15042.tmp</t>
  </si>
  <si>
    <t>\\acsfs\profiles$\LAISLG\Downloads\ef3e6195-7ca3-4abc-b0bf-b1b6a9a15042.tmp</t>
  </si>
  <si>
    <t>01/14/2020 09:51:34</t>
  </si>
  <si>
    <t>01/14/2020 09:47:51</t>
  </si>
  <si>
    <t>01/14/2020 09:48:21</t>
  </si>
  <si>
    <t>01/14/2020 09:51:15</t>
  </si>
  <si>
    <t>WENDER BRUNO NUNES MENESES_1_6777696613531989255_1_32.wav</t>
  </si>
  <si>
    <t>\\acsfs\Deptos\EDUCACAO EMPRESARIAL\KÉSIA\Ligações 2º ciclo - Janeiro 2020\WENDER BRUNO NUNES MENESES_1_6777696613531989255_1_32.wav</t>
  </si>
  <si>
    <t>01/14/2020 09:46:57</t>
  </si>
  <si>
    <t>01/14/2020 09:52:35</t>
  </si>
  <si>
    <t>01/14/2020 09:51:00</t>
  </si>
  <si>
    <t>01/14/2020 09:47:18</t>
  </si>
  <si>
    <t>1edddf4e-f082-426c-a18e-d35d8ed235b4.tmp</t>
  </si>
  <si>
    <t>\\acsfs\profiles$\jhonatadss\Downloads\1edddf4e-f082-426c-a18e-d35d8ed235b4.tmp</t>
  </si>
  <si>
    <t>01/14/2020 09:48:37</t>
  </si>
  <si>
    <t>11fb49b7-bb94-4fb0-979e-7540caf86bf9.tmp</t>
  </si>
  <si>
    <t>\\acsfs\profiles$\jhonatadss\Downloads\11fb49b7-bb94-4fb0-979e-7540caf86bf9.tmp</t>
  </si>
  <si>
    <t>01/14/2020 09:48:42</t>
  </si>
  <si>
    <t>2fffaba8-4bae-402d-9955-dd337e440fbf.tmp</t>
  </si>
  <si>
    <t>\\acsfs\profiles$\jhonatadss\Downloads\2fffaba8-4bae-402d-9955-dd337e440fbf.tmp</t>
  </si>
  <si>
    <t>01/14/2020 09:48:49</t>
  </si>
  <si>
    <t>0a6ae3e9-e60a-471c-93fb-14e5a848f85b.tmp</t>
  </si>
  <si>
    <t>\\acsfs\profiles$\jhonatadss\Downloads\0a6ae3e9-e60a-471c-93fb-14e5a848f85b.tmp</t>
  </si>
  <si>
    <t>01/14/2020 09:49:39</t>
  </si>
  <si>
    <t>c8b58bb5-5885-4309-a449-3c3f0aa841b7.tmp</t>
  </si>
  <si>
    <t>\\acsfs\profiles$\inarajst\Downloads\c8b58bb5-5885-4309-a449-3c3f0aa841b7.tmp</t>
  </si>
  <si>
    <t>01/14/2020 09:52:02</t>
  </si>
  <si>
    <t>5c2a846b-234b-4c23-ad93-d8362c2cd6b5.tmp</t>
  </si>
  <si>
    <t>\\acsfs\profiles$\lorrainerdl\Downloads\5c2a846b-234b-4c23-ad93-d8362c2cd6b5.tmp</t>
  </si>
  <si>
    <t>01/14/2020 09:52:12</t>
  </si>
  <si>
    <t>01/14/2020 09:53:35</t>
  </si>
  <si>
    <t>dd0d6aba-939d-4ecd-a7ad-6e41f2b6a357.tmp</t>
  </si>
  <si>
    <t>\\acsfs\profiles$\LUCASBS\Downloads\dd0d6aba-939d-4ecd-a7ad-6e41f2b6a357.tmp</t>
  </si>
  <si>
    <t>01/14/2020 09:48:09</t>
  </si>
  <si>
    <t>Incentivo BV - Consignado_Dezembro.19.xlsx</t>
  </si>
  <si>
    <t>\\acsfs\ACS\Gabriel da Silva\Contemporânea\Comissão e Incentivo\Incentivo BV - Consignado_Dezembro.19.xlsx</t>
  </si>
  <si>
    <t>01/14/2020 09:49:07</t>
  </si>
  <si>
    <t>dea124b9-9523-48c8-bbd0-2a0c650397b1.tmp</t>
  </si>
  <si>
    <t>\\acsfs\profiles$\gabrielsma\Downloads\dea124b9-9523-48c8-bbd0-2a0c650397b1.tmp</t>
  </si>
  <si>
    <t>01/14/2020 09:51:37</t>
  </si>
  <si>
    <t>01/14/2020 09:52:48</t>
  </si>
  <si>
    <t>01/14/2020 09:54:34</t>
  </si>
  <si>
    <t>01/14/2020 09:51:45</t>
  </si>
  <si>
    <t>54349d29-e89f-4e6a-a899-d36ea5968a22.tmp</t>
  </si>
  <si>
    <t>\\acsfs\profiles$\lorenabmc\Downloads\54349d29-e89f-4e6a-a899-d36ea5968a22.tmp</t>
  </si>
  <si>
    <t>01/14/2020 09:50:28</t>
  </si>
  <si>
    <t>01/14/2020 09:55:35</t>
  </si>
  <si>
    <t>01/14/2020 09:50:29</t>
  </si>
  <si>
    <t>lu12468p6xk5.tmp</t>
  </si>
  <si>
    <t>\\acsfs\profiles$\dhiulliananads\My Documents\lu12468p6xk5.tmp</t>
  </si>
  <si>
    <t>\\acsfs\profiles$\dhiulliananads\My Documents\lu12468p6xk5.tmp\</t>
  </si>
  <si>
    <t>\\acsfs\profiles$\dhiulliananads\My Documents\lu12468p6xk5.tmp\META-INF\</t>
  </si>
  <si>
    <t>\\acsfs\profiles$\dhiulliananads\My Documents\lu12468p6xk5.tmp\Thumbnails\</t>
  </si>
  <si>
    <t>01/14/2020 09:50:04</t>
  </si>
  <si>
    <t>10.200.66.119</t>
  </si>
  <si>
    <t>90b4e514-49a0-4f59-ac81-de3255494f05.tmp</t>
  </si>
  <si>
    <t>\\acsfs\profiles$\matheushds\Downloads\90b4e514-49a0-4f59-ac81-de3255494f05.tmp</t>
  </si>
  <si>
    <t>01/14/2020 09:50:43</t>
  </si>
  <si>
    <t>52e53bde-8acc-40f3-a616-0e1c5b1963d8.tmp</t>
  </si>
  <si>
    <t>\\acsfs\profiles$\matheushds\Downloads\52e53bde-8acc-40f3-a616-0e1c5b1963d8.tmp</t>
  </si>
  <si>
    <t>01/14/2020 09:51:41</t>
  </si>
  <si>
    <t>1a737e6e-cfcb-48a5-b5b7-09c9ed7bb3d7.tmp</t>
  </si>
  <si>
    <t>\\acsfs\profiles$\matheushds\Downloads\1a737e6e-cfcb-48a5-b5b7-09c9ed7bb3d7.tmp</t>
  </si>
  <si>
    <t>01/14/2020 09:53:10</t>
  </si>
  <si>
    <t>5f919bff-cd7d-41db-84f7-24c0cccfa29b.tmp</t>
  </si>
  <si>
    <t>\\acsfs\profiles$\matheushds\Downloads\5f919bff-cd7d-41db-84f7-24c0cccfa29b.tmp</t>
  </si>
  <si>
    <t>01/14/2020 09:50:08</t>
  </si>
  <si>
    <t>http:///batch?%24ct=multipart%2Fmixed%3B%20boundary%3D%22%3D%3D%3D%3D%3D96maqg90lyfn%3D%3D%3D%3D%3D%22&amp;key=AIzaSyAy9VVXHSpS2IJpptzYtGbLP3-3_l0aBk4</t>
  </si>
  <si>
    <t>http:///batch?%24ct=multipart%2Fmixed%3B%20boundary%3D%22%3D%3D%3D%3D%3Daefy7zy9uofv%3D%3D%3D%3D%3D%22&amp;key=AIzaSyAy9VVXHSpS2IJpptzYtGbLP3-3_l0aBk4</t>
  </si>
  <si>
    <t>01/14/2020 09:50:42</t>
  </si>
  <si>
    <t>http:///batch?%24ct=multipart%2Fmixed%3B%20boundary%3D%22%3D%3D%3D%3D%3D7ozrahg0iiii%3D%3D%3D%3D%3D%22&amp;key=AIzaSyAy9VVXHSpS2IJpptzYtGbLP3-3_l0aBk4</t>
  </si>
  <si>
    <t>http:///batch?%24ct=multipart%2Fmixed%3B%20boundary%3D%22%3D%3D%3D%3D%3Dgnmv7vgvdkt5%3D%3D%3D%3D%3D%22&amp;key=AIzaSyAy9VVXHSpS2IJpptzYtGbLP3-3_l0aBk4</t>
  </si>
  <si>
    <t>01/14/2020 09:51:48</t>
  </si>
  <si>
    <t>http:///batch?%24ct=multipart%2Fmixed%3B%20boundary%3D%22%3D%3D%3D%3D%3Di2rveoh41t77%3D%3D%3D%3D%3D%22&amp;key=AIzaSyAy9VVXHSpS2IJpptzYtGbLP3-3_l0aBk4</t>
  </si>
  <si>
    <t>01/14/2020 09:51:49</t>
  </si>
  <si>
    <t>http:///batch?%24ct=multipart%2Fmixed%3B%20boundary%3D%22%3D%3D%3D%3D%3Du6ddp3qcknpo%3D%3D%3D%3D%3D%22&amp;key=AIzaSyAy9VVXHSpS2IJpptzYtGbLP3-3_l0aBk4</t>
  </si>
  <si>
    <t>01/14/2020 09:52:59</t>
  </si>
  <si>
    <t>http:///batch?%24ct=multipart%2Fmixed%3B%20boundary%3D%22%3D%3D%3D%3D%3Dlblo0m8koby7%3D%3D%3D%3D%3D%22&amp;key=AIzaSyAy9VVXHSpS2IJpptzYtGbLP3-3_l0aBk4</t>
  </si>
  <si>
    <t>"mozilla/5.0 (windows nt 6.1) applewebkit/537.36 (khtml;1;13;13700014;13700235;13700451;13700607;13700946;13700982;13701139;13701214;13701239;13701422;13701506;13701573;13701625;13701709;13701901;13701909;13701945;13701957;13701969;1579006034382000;1579006036473000;5701393;[[13701653;adfn-ctkbyqzacwibdejfkp95v6hsdpmnmwk_yhrk6q5lp4xwgmgdzhs5xu4pdnmdp5sabufxffa;ancestorhasaugmentedpermissions;containsunsubscribedchildren;displayname;domain;emailaddress;false];file(kind;fileid;filesize;fsbe0gqdwcmfyg";hasthumbnail;hasvisitorpermissions;id;id);items(deleted;ken;ken=ac4w5vhnhffcpr0s1rvwina3hx353dw6pg:1579006034378&amp;buildlabel=drive.web-frontend_20200101.00_p40;kind;lastmodifyinguser(kind;lastviewedbymedate;like gecko) chrome/79.0.3945.117 safari/537.36";modifiedbymedate;modifieddate;null;ontainsunsubscribedchildren;owners(kind;per;permissionid;picture;pt-br;shared;sharedwithmedate;thumbnailversion;title;userpermission(role);workspaceids;</t>
  </si>
  <si>
    <t>http://"mozilla/5.0 (windows nt 6.1) applewebkit/537.36 (khtml,1,13,13700014,13700235,13700451,13700607,13700946,13700982,13701139,13701214,13701239,13701422,13701506,13701573,13701625,13701709,13701901,13701909,13701945,13701957,13701969,1579006034382000,1579006036473000,5701393,[[13701653,adfn-ctkbyqzacwibdejfkp95v6hsdpmnmwk_yhrk6q5lp4xwgmgdzhs5xu4pdnmdp5sabufxffa,ancestorhasaugmentedpermissions,containsunsubscribedchildren,displayname,domain,emailaddress,false],file(kind,fileid,filesize,fsbe0gqdwcmfyg",hasthumbnail,hasvisitorpermissions,id,id),items(deleted,ken,ken=ac4w5vhnhffcpr0s1rvwina3hx353dw6pg:1579006034378&amp;buildlabel=drive.web-frontend_20200101.00_p40,kind,lastmodifyinguser(kind,lastviewedbymedate,like gecko) chrome/79.0.3945.117 safari/537.36",modifiedbymedate,modifieddate,null,ontainsunsubscribedchildren,owners(kind,per,permissionid,picture,pt-br,shared,sharedwithmedate,thumbnailversion,title,userpermission(role),workspaceids</t>
  </si>
  <si>
    <t>http:///batch?%24ct=multipart%2Fmixed%3B%20boundary%3D%22%3D%3D%3D%3D%3Dndonr7bahz3%3D%3D%3D%3D%3D%22&amp;key=AIzaSyAy9VVXHSpS2IJpptzYtGbLP3-3_l0aBk4</t>
  </si>
  <si>
    <t>01/14/2020 09:54:15</t>
  </si>
  <si>
    <t>01/14/2020 09:54:16</t>
  </si>
  <si>
    <t>http:///batch?%24ct=multipart%2Fmixed%3B%20boundary%3D%22%3D%3D%3D%3D%3D8jo561mlhrpz%3D%3D%3D%3D%3D%22&amp;key=AIzaSyAy9VVXHSpS2IJpptzYtGbLP3-3_l0aBk4</t>
  </si>
  <si>
    <t>01/14/2020 09:51:19</t>
  </si>
  <si>
    <t>01/14/2020 09:52:09</t>
  </si>
  <si>
    <t>01/14/2020 09:50:56</t>
  </si>
  <si>
    <t>4fc71db8-93f2-4061-b313-ea519e457c74.tmp</t>
  </si>
  <si>
    <t>\\acsfs\profiles$\LAISLG\Downloads\4fc71db8-93f2-4061-b313-ea519e457c74.tmp</t>
  </si>
  <si>
    <t>01/14/2020 09:56:34</t>
  </si>
  <si>
    <t>01/14/2020 09:52:31</t>
  </si>
  <si>
    <t>01/14/2020 09:57:35</t>
  </si>
  <si>
    <t>b9472f80-37bd-4a5d-9749-39075dffaeca.tmp</t>
  </si>
  <si>
    <t>\\acsfs\profiles$\luanarda\Downloads\b9472f80-37bd-4a5d-9749-39075dffaeca.tmp</t>
  </si>
  <si>
    <t>01/14/2020 09:55:54</t>
  </si>
  <si>
    <t>01/14/2020 09:58:35</t>
  </si>
  <si>
    <t>01/14/2020 09:54:55</t>
  </si>
  <si>
    <t>SnippingTool - Atalho.lnk</t>
  </si>
  <si>
    <t>\\acsfs\ACS\Gabriel da Silva\Contemporânea\SnippingTool - Atalho.lnk</t>
  </si>
  <si>
    <t>01/14/2020 09:53:12</t>
  </si>
  <si>
    <t>b21763d4-24ce-4df3-9625-1c284271c210.tmp</t>
  </si>
  <si>
    <t>\\acsfs\profiles$\gabrielhca\Downloads\b21763d4-24ce-4df3-9625-1c284271c210.tmp</t>
  </si>
  <si>
    <t>01/14/2020 09:54:24</t>
  </si>
  <si>
    <t>6b42f5b9-867f-4ffe-898c-bd7b11e9de33.tmp</t>
  </si>
  <si>
    <t>\\acsfs\profiles$\gabrielhca\Downloads\6b42f5b9-867f-4ffe-898c-bd7b11e9de33.tmp</t>
  </si>
  <si>
    <t>01/14/2020 09:55:31</t>
  </si>
  <si>
    <t>22ccc24c-9129-4e6b-8bb7-9ab1fcc46ba7.tmp</t>
  </si>
  <si>
    <t>\\acsfs\profiles$\gabrielhca\Downloads\22ccc24c-9129-4e6b-8bb7-9ab1fcc46ba7.tmp</t>
  </si>
  <si>
    <t>01/14/2020 09:53:49</t>
  </si>
  <si>
    <t>01/14/2020 09:59:34</t>
  </si>
  <si>
    <t>01/14/2020 09:56:29</t>
  </si>
  <si>
    <t>f79072fb-52f2-4380-a5cf-efc910b56ff9.tmp</t>
  </si>
  <si>
    <t>\\acsfs\profiles$\lorenabmc\Downloads\f79072fb-52f2-4380-a5cf-efc910b56ff9.tmp</t>
  </si>
  <si>
    <t>01/14/2020 09:54:58</t>
  </si>
  <si>
    <t>01/14/2020 10:00:35</t>
  </si>
  <si>
    <t>01/14/2020 09:54:59</t>
  </si>
  <si>
    <t>lu12468p6xka.tmp</t>
  </si>
  <si>
    <t>\\acsfs\profiles$\dhiulliananads\My Documents\lu12468p6xka.tmp</t>
  </si>
  <si>
    <t>\\acsfs\profiles$\dhiulliananads\My Documents\lu12468p6xka.tmp\</t>
  </si>
  <si>
    <t>\\acsfs\profiles$\dhiulliananads\My Documents\lu12468p6xka.tmp\META-INF\</t>
  </si>
  <si>
    <t>\\acsfs\profiles$\dhiulliananads\My Documents\lu12468p6xka.tmp\Thumbnails\</t>
  </si>
  <si>
    <t>01/14/2020 09:59:35</t>
  </si>
  <si>
    <t>384a7836-d77f-48c5-b599-6aa2c2b9a24c.tmp</t>
  </si>
  <si>
    <t>\\acsfs\profiles$\matheushds\Downloads\384a7836-d77f-48c5-b599-6aa2c2b9a24c.tmp</t>
  </si>
  <si>
    <t>01/14/2020 09:55:46</t>
  </si>
  <si>
    <t>http:///batch?%24ct=multipart%2Fmixed%3B%20boundary%3D%22%3D%3D%3D%3D%3Ds6xyypia854m%3D%3D%3D%3D%3D%22&amp;key=AIzaSyAy9VVXHSpS2IJpptzYtGbLP3-3_l0aBk4</t>
  </si>
  <si>
    <t>01/14/2020 09:55:47</t>
  </si>
  <si>
    <t>http:///batch?%24ct=multipart%2Fmixed%3B%20boundary%3D%22%3D%3D%3D%3D%3D6gmz0xooryxs%3D%3D%3D%3D%3D%22&amp;key=AIzaSyAy9VVXHSpS2IJpptzYtGbLP3-3_l0aBk4</t>
  </si>
  <si>
    <t>01/14/2020 09:58:51</t>
  </si>
  <si>
    <t>http:///batch?%24ct=multipart%2Fmixed%3B%20boundary%3D%22%3D%3D%3D%3D%3Ddo08gtpzoqe7%3D%3D%3D%3D%3D%22&amp;key=AIzaSyAy9VVXHSpS2IJpptzYtGbLP3-3_l0aBk4</t>
  </si>
  <si>
    <t>01/14/2020 09:58:52</t>
  </si>
  <si>
    <t>http:///batch?%24ct=multipart%2Fmixed%3B%20boundary%3D%22%3D%3D%3D%3D%3D1aezc7eankv%3D%3D%3D%3D%3D%22&amp;key=AIzaSyAy9VVXHSpS2IJpptzYtGbLP3-3_l0aBk4</t>
  </si>
  <si>
    <t>01/14/2020 09:55:32</t>
  </si>
  <si>
    <t>40315204-e129-4384-9be4-00f1ae266d62.tmp</t>
  </si>
  <si>
    <t>\\acsfs\profiles$\mariagsg\Downloads\40315204-e129-4384-9be4-00f1ae266d62.tmp</t>
  </si>
  <si>
    <t>01/14/2020 09:55:34</t>
  </si>
  <si>
    <t>ed768a80-b07c-40dc-9956-f5fe477eed32.tmp</t>
  </si>
  <si>
    <t>\\acsfs\profiles$\mariagsg\Downloads\ed768a80-b07c-40dc-9956-f5fe477eed32.tmp</t>
  </si>
  <si>
    <t>01/14/2020 09:56:09</t>
  </si>
  <si>
    <t>Agent State Details 13.01.2020.xlsx</t>
  </si>
  <si>
    <t>\\acsfs\deptos\Operacao\PCP\5 - Comum\PLANEJAMENTO BV\23 - EXTRAÇÕES\Agent State Details\2020\JANEIRO\Agent State Details 13.01.2020.xlsx</t>
  </si>
  <si>
    <t>01/14/2020 09:57:34</t>
  </si>
  <si>
    <t>01/14/2020 09:57:46</t>
  </si>
  <si>
    <t>RELATORIO DE LOGIN - BV CARTÕES 12-01 - Cópia.xlsm</t>
  </si>
  <si>
    <t>\\acsfs\DEPTOS\Operacao\PCP\5 - Comum\PLANEJAMENTO BV\14 - ACOMPANHAMENTO\1 - REPORT ACOMPANHAMENTO\2020\1 - JANEIRO\CARTÕES\Login Logout Cartões\RELATORIO DE LOGIN - BV CARTÕES 12-01 - Cópia.xlsm</t>
  </si>
  <si>
    <t>01/14/2020 10:01:34</t>
  </si>
  <si>
    <t>01/14/2020 10:01:35</t>
  </si>
  <si>
    <t>01/14/2020 09:58:22</t>
  </si>
  <si>
    <t>01/14/2020 09:59:22</t>
  </si>
  <si>
    <t>01/14/2020 09:59:52</t>
  </si>
  <si>
    <t>01/14/2020 09:58:56</t>
  </si>
  <si>
    <t>01/14/2020 09:59:59</t>
  </si>
  <si>
    <t>01/14/2020 10:02:35</t>
  </si>
  <si>
    <t>dec61bb9-a477-4d3d-93f5-f0cb57091cff.tmp</t>
  </si>
  <si>
    <t>\\acsfs\profiles$\luanarda\Downloads\dec61bb9-a477-4d3d-93f5-f0cb57091cff.tmp</t>
  </si>
  <si>
    <t>01/14/2020 09:57:17</t>
  </si>
  <si>
    <t>3c0f4eac-2734-40a6-be84-2cc354a48129.tmp</t>
  </si>
  <si>
    <t>\\acsfs\profiles$\kamilamrc\Downloads\3c0f4eac-2734-40a6-be84-2cc354a48129.tmp</t>
  </si>
  <si>
    <t>01/14/2020 09:59:03</t>
  </si>
  <si>
    <t>5428cb58-87cf-430d-aa62-3d412d2996af.tmp</t>
  </si>
  <si>
    <t>\\acsfs\profiles$\kamilamrc\Downloads\5428cb58-87cf-430d-aa62-3d412d2996af.tmp</t>
  </si>
  <si>
    <t>7773bf46-7260-4ace-9a84-ebd3bdd025e1.tmp</t>
  </si>
  <si>
    <t>\\acsfs\profiles$\kamilamrc\Downloads\7773bf46-7260-4ace-9a84-ebd3bdd025e1.tmp</t>
  </si>
  <si>
    <t>01/14/2020 09:59:38</t>
  </si>
  <si>
    <t>2e2d602e-6c66-4ba8-9242-ce97f13288af.tmp</t>
  </si>
  <si>
    <t>\\acsfs\profiles$\kamilamrc\Downloads\2e2d602e-6c66-4ba8-9242-ce97f13288af.tmp</t>
  </si>
  <si>
    <t>01/14/2020 09:59:44</t>
  </si>
  <si>
    <t>fbbaf152-ab01-4cd7-9aa5-3e1c37de5c89.tmp</t>
  </si>
  <si>
    <t>\\acsfs\profiles$\kamilamrc\Downloads\fbbaf152-ab01-4cd7-9aa5-3e1c37de5c89.tmp</t>
  </si>
  <si>
    <t>01/14/2020 09:59:48</t>
  </si>
  <si>
    <t>434f0618-def2-433c-a673-68ed864338f7.tmp</t>
  </si>
  <si>
    <t>\\acsfs\profiles$\kamilamrc\Downloads\434f0618-def2-433c-a673-68ed864338f7.tmp</t>
  </si>
  <si>
    <t>01/14/2020 09:58:13</t>
  </si>
  <si>
    <t>96f58f8d-44d8-42b7-b8d4-9e0de0784f46.tmp</t>
  </si>
  <si>
    <t>\\acsfs\profiles$\lucasgpe\Downloads\96f58f8d-44d8-42b7-b8d4-9e0de0784f46.tmp</t>
  </si>
  <si>
    <t>01/14/2020 10:01:54</t>
  </si>
  <si>
    <t>01/14/2020 09:57:41</t>
  </si>
  <si>
    <t>22db4f6c-8a29-4e13-9e86-2411646c2214.tmp</t>
  </si>
  <si>
    <t>\\acsfs\profiles$\lorrainerdl\Downloads\22db4f6c-8a29-4e13-9e86-2411646c2214.tmp</t>
  </si>
  <si>
    <t>01/14/2020 10:01:56</t>
  </si>
  <si>
    <t>01/14/2020 10:03:34</t>
  </si>
  <si>
    <t>lu11748c87v.tmp</t>
  </si>
  <si>
    <t>\\acsfs\profiles$\BRUNAAR\Numero\lu11748c87v.tmp</t>
  </si>
  <si>
    <t>01/14/2020 09:58:16</t>
  </si>
  <si>
    <t>01/14/2020 10:01:53</t>
  </si>
  <si>
    <t>01/14/2020 10:02:37</t>
  </si>
  <si>
    <t>01/14/2020 10:01:27</t>
  </si>
  <si>
    <t>01/14/2020 10:04:21</t>
  </si>
  <si>
    <t>01/14/2020 10:04:35</t>
  </si>
  <si>
    <t>01/14/2020 10:04:40</t>
  </si>
  <si>
    <t>01/14/2020 10:05:34</t>
  </si>
  <si>
    <t>01/14/2020 10:04:22</t>
  </si>
  <si>
    <t>01/14/2020 10:04:46</t>
  </si>
  <si>
    <t>100014122394468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https://10001412239446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4/2020 10:01:44</t>
  </si>
  <si>
    <t>https://joaogvc@algartech.com,marianadjc@algartech.com,planejamentodeoperacoesetrafego@bv.com.br,rafaelggs@algartech.com,raphaelmco@algartech.com.br,ricardodfm@algartech.com.br,taysdss@algartech.com,viniciussg@algartech.com</t>
  </si>
  <si>
    <t>01/14/2020 10:03:08</t>
  </si>
  <si>
    <t>01/14/2020 10:06:35</t>
  </si>
  <si>
    <t>01/14/2020 10:04:42</t>
  </si>
  <si>
    <t>01/14/2020 10:01:52</t>
  </si>
  <si>
    <t>01/14/2020 10:03:40</t>
  </si>
  <si>
    <t>ERICA LUZIANA SILVA RIBEIRO_1_6777327186214987232_1_32.wav</t>
  </si>
  <si>
    <t>\\acsfs\Deptos\EDUCACAO EMPRESARIAL\KÉSIA\Ligações 2º ciclo - Janeiro 2020\ERICA LUZIANA SILVA RIBEIRO_1_6777327186214987232_1_32.wav</t>
  </si>
  <si>
    <t>01/14/2020 10:04:16</t>
  </si>
  <si>
    <t>01/14/2020 10:07:35</t>
  </si>
  <si>
    <t>\\acsfs\profiles$\tatianefr\</t>
  </si>
  <si>
    <t>\\acsfs\profiles$\tatianefr\LINKS DE ACESSO.txt</t>
  </si>
  <si>
    <t>01/14/2020 10:04:54</t>
  </si>
  <si>
    <t>\\acsfs\profiles$\tatianefr\My Documents\xworkcenter\logs\</t>
  </si>
  <si>
    <t>XLOG_tatianefr_10012020_074907.log</t>
  </si>
  <si>
    <t>\\acsfs\profiles$\tatianefr\My Documents\xworkcenter\logs\XLOG_tatianefr_10012020_074907.log</t>
  </si>
  <si>
    <t>\\acsfs\profiles$\tatianefr\My Documents\dbxwc\</t>
  </si>
  <si>
    <t>\\acsfs\profiles$\tatianefr\My Documents\dbxwc\dbxwc.xwc</t>
  </si>
  <si>
    <t>01/14/2020 10:04:55</t>
  </si>
  <si>
    <t>XLOG_tatianefr_10012020_074843.log</t>
  </si>
  <si>
    <t>\\acsfs\profiles$\tatianefr\My Documents\xworkcenter\logs\XLOG_tatianefr_10012020_074843.log</t>
  </si>
  <si>
    <t>\\acsfs\profiles$\tatianefr\My Documents\xworkcenter\logs\wrapper.log</t>
  </si>
  <si>
    <t>01/14/2020 10:06:32</t>
  </si>
  <si>
    <t>01/14/2020 10:06:34</t>
  </si>
  <si>
    <t>01/14/2020 10:06:40</t>
  </si>
  <si>
    <t>01/14/2020 10:06:47</t>
  </si>
  <si>
    <t>01/14/2020 10:06:52</t>
  </si>
  <si>
    <t>01/14/2020 10:07:02</t>
  </si>
  <si>
    <t>01/14/2020 10:08:34</t>
  </si>
  <si>
    <t>.~lock.Retenção de Seguros 2.ods#</t>
  </si>
  <si>
    <t>\\acsfs\profiles$\LUCASBS\Planilhas\.~lock.Retenção de Seguros 2.ods#</t>
  </si>
  <si>
    <t>01/14/2020 10:04:57</t>
  </si>
  <si>
    <t>01/14/2020 10:07:32</t>
  </si>
  <si>
    <t>01/14/2020 10:08:33</t>
  </si>
  <si>
    <t>01/14/2020 10:09:35</t>
  </si>
  <si>
    <t>44317438-4954-464d-b172-698f9a736933.tmp</t>
  </si>
  <si>
    <t>\\acsfs\profiles$\lorraynevam\Downloads\44317438-4954-464d-b172-698f9a736933.tmp</t>
  </si>
  <si>
    <t>01/14/2020 10:04:41</t>
  </si>
  <si>
    <t>01/14/2020 10:07:34</t>
  </si>
  <si>
    <t>01/14/2020 10:10:34</t>
  </si>
  <si>
    <t>73ad34db-29c7-49da-b205-1681548d6fa0.tmp</t>
  </si>
  <si>
    <t>\\acsfs\profiles$\matheushds\Downloads\73ad34db-29c7-49da-b205-1681548d6fa0.tmp</t>
  </si>
  <si>
    <t>01/14/2020 10:08:40</t>
  </si>
  <si>
    <t>MATHEUS HENRIQUE DOS SANTOS (5049).contact</t>
  </si>
  <si>
    <t>\\acsfs\profiles$\matheushds\Contacts\MATHEUS HENRIQUE DOS SANTOS (5049).contact</t>
  </si>
  <si>
    <t>01/14/2020 10:06:38</t>
  </si>
  <si>
    <t>01/14/2020 10:06:54</t>
  </si>
  <si>
    <t>01/14/2020 10:06:59</t>
  </si>
  <si>
    <t>01/14/2020 10:07:25</t>
  </si>
  <si>
    <t>01/14/2020 10:07:43</t>
  </si>
  <si>
    <t>01/14/2020 10:08:17</t>
  </si>
  <si>
    <t>10001412239446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4/2020 10:09:15</t>
  </si>
  <si>
    <t>Agent utilization 01.01.2020 a 12.01.2020.xlsx</t>
  </si>
  <si>
    <t>\\acsfs\deptos\Operacao\PCP\5 - Comum\PLANEJAMENTO BV\23 - EXTRAÇÕES\Agent utilization\2020\Agent utilization 01.01.2020 a 12.01.2020.xlsx</t>
  </si>
  <si>
    <t>01/14/2020 10:06:41</t>
  </si>
  <si>
    <t>01/14/2020 10:06:42</t>
  </si>
  <si>
    <t>01/14/2020 10:11:35</t>
  </si>
  <si>
    <t>01/14/2020 10:07:53</t>
  </si>
  <si>
    <t>01/14/2020 10:08:23</t>
  </si>
  <si>
    <t>01/14/2020 10:08:53</t>
  </si>
  <si>
    <t>01/14/2020 10:10:06</t>
  </si>
  <si>
    <t>01/14/2020 10:12:35</t>
  </si>
  <si>
    <t>01/14/2020 10:11:21</t>
  </si>
  <si>
    <t>lu248202g3iq6.tmp</t>
  </si>
  <si>
    <t>\\acsfs\profiles$\lucasgpe\Desktop\lu248202g3iq6.tmp</t>
  </si>
  <si>
    <t>\\acsfs\profiles$\lucasgpe\Desktop\lu248202g3iq6.tmp\</t>
  </si>
  <si>
    <t>\\acsfs\profiles$\lucasgpe\Desktop\lu248202g3iq6.tmp\META-INF\</t>
  </si>
  <si>
    <t>\\acsfs\profiles$\lucasgpe\Desktop\lu248202g3iq6.tmp\Thumbnails\</t>
  </si>
  <si>
    <t>01/14/2020 10:08:45</t>
  </si>
  <si>
    <t>01/14/2020 10:08:46</t>
  </si>
  <si>
    <t>01/14/2020 10:08:47</t>
  </si>
  <si>
    <t>01/14/2020 10:08:48</t>
  </si>
  <si>
    <t>01/14/2020 10:08:49</t>
  </si>
  <si>
    <t>01/14/2020 10:08:50</t>
  </si>
  <si>
    <t>01/14/2020 10:08:51</t>
  </si>
  <si>
    <t>01/14/2020 10:08:52</t>
  </si>
  <si>
    <t>01/14/2020 10:08:54</t>
  </si>
  <si>
    <t>01/14/2020 10:08:55</t>
  </si>
  <si>
    <t>01/14/2020 10:08:56</t>
  </si>
  <si>
    <t>01/14/2020 10:08:57</t>
  </si>
  <si>
    <t>01/14/2020 10:08:58</t>
  </si>
  <si>
    <t>01/14/2020 10:08:59</t>
  </si>
  <si>
    <t>01/14/2020 10:09:00</t>
  </si>
  <si>
    <t>01/14/2020 10:09:01</t>
  </si>
  <si>
    <t>01/14/2020 10:09:02</t>
  </si>
  <si>
    <t>01/14/2020 10:09:03</t>
  </si>
  <si>
    <t>01/14/2020 10:09:04</t>
  </si>
  <si>
    <t>01/14/2020 10:09:05</t>
  </si>
  <si>
    <t>01/14/2020 10:09:06</t>
  </si>
  <si>
    <t>01/14/2020 10:09:07</t>
  </si>
  <si>
    <t>01/14/2020 10:09:08</t>
  </si>
  <si>
    <t>01/14/2020 10:09:09</t>
  </si>
  <si>
    <t>01/14/2020 10:09:10</t>
  </si>
  <si>
    <t>01/14/2020 10:09:11</t>
  </si>
  <si>
    <t>01/14/2020 10:09:12</t>
  </si>
  <si>
    <t>01/14/2020 10:13:35</t>
  </si>
  <si>
    <t>01/14/2020 10:12:43</t>
  </si>
  <si>
    <t>6bde45a3-8f42-405d-b8a1-67c74214fb34.tmp</t>
  </si>
  <si>
    <t>\\acsfs\profiles$\gabrielsma\Downloads\6bde45a3-8f42-405d-b8a1-67c74214fb34.tmp</t>
  </si>
  <si>
    <t>01/14/2020 10:10:52</t>
  </si>
  <si>
    <t>01/14/2020 10:14:35</t>
  </si>
  <si>
    <t>8e2f8696-0ead-45ea-8d2c-2371ccb0eef1.tmp</t>
  </si>
  <si>
    <t>\\acsfs\profiles$\gabrielaff\Downloads\8e2f8696-0ead-45ea-8d2c-2371ccb0eef1.tmp</t>
  </si>
  <si>
    <t>01/14/2020 10:13:49</t>
  </si>
  <si>
    <t>01/14/2020 10:09:32</t>
  </si>
  <si>
    <t>02b09729-48a7-4001-8ca1-bc196fb60892.tmp</t>
  </si>
  <si>
    <t>\\acsfs\profiles$\nathaliarmr\Downloads\02b09729-48a7-4001-8ca1-bc196fb60892.tmp</t>
  </si>
  <si>
    <t>01/14/2020 10:12:58</t>
  </si>
  <si>
    <t>01/14/2020 10:13:00</t>
  </si>
  <si>
    <t>aa7f8abf-c9fe-40a4-8013-4cbfb5c6cadc.tmp</t>
  </si>
  <si>
    <t>\\acsfs\profiles$\claudiajca\Downloads\aa7f8abf-c9fe-40a4-8013-4cbfb5c6cadc.tmp</t>
  </si>
  <si>
    <t>01/14/2020 10:11:05</t>
  </si>
  <si>
    <t>01/14/2020 10:15:35</t>
  </si>
  <si>
    <t>01/14/2020 10:11:06</t>
  </si>
  <si>
    <t>01/14/2020 10:11:15</t>
  </si>
  <si>
    <t>01/14/2020 10:15:06</t>
  </si>
  <si>
    <t>01/14/2020 10:11:19</t>
  </si>
  <si>
    <t>AGENT LOGIN LOGOUT DETAILS REPORT 13.01.2020.xlsx</t>
  </si>
  <si>
    <t>\\acsfs\deptos\Operacao\PCP\5 - Comum\PLANEJAMENTO BV\23 - EXTRAÇÕES\Agente Login Logout details report\2020\JANEIRO\AGENT LOGIN LOGOUT DETAILS REPORT 13.01.2020.xlsx</t>
  </si>
  <si>
    <t>Queue Summary Report 01.01.20 a 12.01.2020.xlsx</t>
  </si>
  <si>
    <t>\\acsfs\deptos\Operacao\PCP\5 - Comum\PLANEJAMENTO BV\23 - EXTRAÇÕES\Queue Summary Report\2020\Queue Summary Report 01.01.20 a 12.01.2020.xlsx</t>
  </si>
  <si>
    <t>01/14/2020 10:10:45</t>
  </si>
  <si>
    <t>01/14/2020 10:16:35</t>
  </si>
  <si>
    <t>01/14/2020 10:10:46</t>
  </si>
  <si>
    <t>lu941615w46h.tmp</t>
  </si>
  <si>
    <t>\\acsfs\profiles$\CINTIADCF\lu941615w46h.tmp</t>
  </si>
  <si>
    <t>\\acsfs\profiles$\CINTIADCF\lu941615w46h.tmp\</t>
  </si>
  <si>
    <t>\\acsfs\profiles$\CINTIADCF\lu941615w46h.tmp\META-INF\</t>
  </si>
  <si>
    <t>\\acsfs\profiles$\CINTIADCF\lu941615w46h.tmp\Thumbnails\</t>
  </si>
  <si>
    <t>01/14/2020 10:13:23</t>
  </si>
  <si>
    <t>01/14/2020 10:13:53</t>
  </si>
  <si>
    <t>01/14/2020 10:16:11</t>
  </si>
  <si>
    <t>VALERIA SENA DE ARAUJO_1_6778791138702722958_1_32.wav</t>
  </si>
  <si>
    <t>\\acsfs\Deptos\EDUCACAO EMPRESARIAL\KÉSIA\Ligações 2º ciclo - Janeiro 2020\VALERIA SENA DE ARAUJO_1_6778791138702722958_1_32.wav</t>
  </si>
  <si>
    <t>01/14/2020 10:15:10</t>
  </si>
  <si>
    <t>01/14/2020 10:17:35</t>
  </si>
  <si>
    <t>01/14/2020 10:15:11</t>
  </si>
  <si>
    <t>01/14/2020 10:13:37</t>
  </si>
  <si>
    <t>01/14/2020 10:12:21</t>
  </si>
  <si>
    <t>01/14/2020 10:12:42</t>
  </si>
  <si>
    <t>01/14/2020 10:12:50</t>
  </si>
  <si>
    <t>01/14/2020 10:12:52</t>
  </si>
  <si>
    <t>01/14/2020 10:12:00</t>
  </si>
  <si>
    <t>7002798f-58a8-49b2-aa0b-2050bee92596.tmp</t>
  </si>
  <si>
    <t>\\acsfs\profiles$\lucasgpe\Downloads\7002798f-58a8-49b2-aa0b-2050bee92596.tmp</t>
  </si>
  <si>
    <t>01/14/2020 10:12:05</t>
  </si>
  <si>
    <t>ee7916ac-a175-4c34-854a-3e974a33a93b.tmp</t>
  </si>
  <si>
    <t>\\acsfs\profiles$\lucasgpe\Downloads\ee7916ac-a175-4c34-854a-3e974a33a93b.tmp</t>
  </si>
  <si>
    <t>01/14/2020 10:14:48</t>
  </si>
  <si>
    <t>\\acsfs\Deptos\EDUCACAO EMPRESARIAL\FERNANDA MONIT\Fernanda\MONITORIA JANEIRO\Ligação para MUTANT segundo ciclo janeiro\</t>
  </si>
  <si>
    <t>Lais Ribeiro_1_6777339242188187926_1_32.wav</t>
  </si>
  <si>
    <t>\\acsfs\Deptos\EDUCACAO EMPRESARIAL\FERNANDA MONIT\Fernanda\MONITORIA JANEIRO\Ligação para MUTANT segundo ciclo janeiro\Lais Ribeiro_1_6777339242188187926_1_32.wav</t>
  </si>
  <si>
    <t>01/14/2020 10:12:49</t>
  </si>
  <si>
    <t>01/14/2020 10:18:34</t>
  </si>
  <si>
    <t>lu124162ieot.tmp</t>
  </si>
  <si>
    <t>\\acsfs\profiles$\LUCASBS\Planilhas\lu124162ieot.tmp</t>
  </si>
  <si>
    <t>\\acsfs\profiles$\LUCASBS\Planilhas\lu124162ieot.tmp\</t>
  </si>
  <si>
    <t>\\acsfs\profiles$\LUCASBS\Planilhas\lu124162ieot.tmp\META-INF\</t>
  </si>
  <si>
    <t>\\acsfs\profiles$\LUCASBS\Planilhas\lu124162ieot.tmp\Thumbnails\</t>
  </si>
  <si>
    <t>01/14/2020 10:17:14</t>
  </si>
  <si>
    <t>f0a2b6d7-34ae-4f55-906f-083ba396a3b1.tmp</t>
  </si>
  <si>
    <t>\\acsfs\profiles$\rafaelahpn\Downloads\f0a2b6d7-34ae-4f55-906f-083ba396a3b1.tmp</t>
  </si>
  <si>
    <t>01/14/2020 10:14:25</t>
  </si>
  <si>
    <t>01/14/2020 10:14:46</t>
  </si>
  <si>
    <t>01/14/2020 10:19:35</t>
  </si>
  <si>
    <t>01/14/2020 10:15:44</t>
  </si>
  <si>
    <t>17/09/1999;__/__/____;</t>
  </si>
  <si>
    <t>https://17/09/1999,__/__/____</t>
  </si>
  <si>
    <t>01/14/2020 10:16:08</t>
  </si>
  <si>
    <t>01/14/2020 10:16:16</t>
  </si>
  <si>
    <t>01/14/2020 10:16:18</t>
  </si>
  <si>
    <t>01/14/2020 10:16:58</t>
  </si>
  <si>
    <t>https://parceiro.metlife.com.br/cotadorml/implantador/propostas/cadproposta.aspx?idproposta=1879723</t>
  </si>
  <si>
    <t>01/14/2020 10:15:27</t>
  </si>
  <si>
    <t>01/14/2020 10:15:28</t>
  </si>
  <si>
    <t>01/14/2020 10:15:29</t>
  </si>
  <si>
    <t>01/14/2020 10:15:30</t>
  </si>
  <si>
    <t>01/14/2020 10:15:31</t>
  </si>
  <si>
    <t>01/14/2020 10:15:32</t>
  </si>
  <si>
    <t>01/14/2020 10:15:33</t>
  </si>
  <si>
    <t>01/14/2020 10:15:34</t>
  </si>
  <si>
    <t>01/14/2020 10:15:36</t>
  </si>
  <si>
    <t>01/14/2020 10:15:37</t>
  </si>
  <si>
    <t>01/14/2020 10:15:38</t>
  </si>
  <si>
    <t>01/14/2020 10:15:39</t>
  </si>
  <si>
    <t>01/14/2020 10:15:40</t>
  </si>
  <si>
    <t>01/14/2020 10:15:41</t>
  </si>
  <si>
    <t>01/14/2020 10:15:42</t>
  </si>
  <si>
    <t>01/14/2020 10:15:43</t>
  </si>
  <si>
    <t>01/14/2020 10:15:45</t>
  </si>
  <si>
    <t>01/14/2020 10:15:46</t>
  </si>
  <si>
    <t>01/14/2020 10:15:47</t>
  </si>
  <si>
    <t>01/14/2020 10:15:48</t>
  </si>
  <si>
    <t>01/14/2020 10:15:49</t>
  </si>
  <si>
    <t>01/14/2020 10:15:50</t>
  </si>
  <si>
    <t>01/14/2020 10:15:51</t>
  </si>
  <si>
    <t>01/14/2020 10:18:44</t>
  </si>
  <si>
    <t>00a921cd-4650-4a88-9bc0-f13609ec6dca.tmp</t>
  </si>
  <si>
    <t>\\acsfs\profiles$\nathaliarmr\Downloads\00a921cd-4650-4a88-9bc0-f13609ec6dca.tmp</t>
  </si>
  <si>
    <t>01/14/2020 10:15:52</t>
  </si>
  <si>
    <t>01/14/2020 10:19:28</t>
  </si>
  <si>
    <t>01/14/2020 10:20:35</t>
  </si>
  <si>
    <t>01/14/2020 10:19:03</t>
  </si>
  <si>
    <t>01/14/2020 10:19:04</t>
  </si>
  <si>
    <t>lu1000011qr4z.tmp</t>
  </si>
  <si>
    <t>\\acsfs\profiles$\jonathanwap\lu1000011qr4z.tmp</t>
  </si>
  <si>
    <t>\\acsfs\profiles$\jonathanwap\lu1000011qr4z.tmp\</t>
  </si>
  <si>
    <t>\\acsfs\profiles$\jonathanwap\lu1000011qr4z.tmp\META-INF\</t>
  </si>
  <si>
    <t>\\acsfs\profiles$\jonathanwap\lu1000011qr4z.tmp\Thumbnails\</t>
  </si>
  <si>
    <t>01/14/2020 10:20:01</t>
  </si>
  <si>
    <t>01/14/2020 10:20:09</t>
  </si>
  <si>
    <t>01/14/2020 10:20:15</t>
  </si>
  <si>
    <t>01/14/2020 10:16:54</t>
  </si>
  <si>
    <t>01/14/2020 10:21:35</t>
  </si>
  <si>
    <t>01/14/2020 10:17:18</t>
  </si>
  <si>
    <t>f73ca937-649c-48fb-8178-7dfe2c7cdcb4.tmp</t>
  </si>
  <si>
    <t>\\acsfs\profiles$\gabriellalpr\Downloads\f73ca937-649c-48fb-8178-7dfe2c7cdcb4.tmp</t>
  </si>
  <si>
    <t>01/14/2020 10:17:24</t>
  </si>
  <si>
    <t>01/14/2020 10:17:54</t>
  </si>
  <si>
    <t>01/14/2020 10:17:13</t>
  </si>
  <si>
    <t>01/14/2020 10:21:18</t>
  </si>
  <si>
    <t>01/14/2020 10:22:35</t>
  </si>
  <si>
    <t>01/14/2020 10:18:04</t>
  </si>
  <si>
    <t>01/14/2020 10:20:36</t>
  </si>
  <si>
    <t>7efdc53e-e30c-4ff9-a880-43ae3a34e615.tmp</t>
  </si>
  <si>
    <t>\\acsfs\profiles$\camillaleb\Downloads\7efdc53e-e30c-4ff9-a880-43ae3a34e615.tmp</t>
  </si>
  <si>
    <t>01/14/2020 10:19:46</t>
  </si>
  <si>
    <t>01/14/2020 10:23:35</t>
  </si>
  <si>
    <t>Jaqueline Coimbra_1_6777741126573039597_1_32.wav</t>
  </si>
  <si>
    <t>\\acsfs\Deptos\EDUCACAO EMPRESARIAL\FERNANDA MONIT\Fernanda\MONITORIA JANEIRO\Ligação para MUTANT segundo ciclo janeiro\Jaqueline Coimbra_1_6777741126573039597_1_32.wav</t>
  </si>
  <si>
    <t>01/14/2020 10:17:37</t>
  </si>
  <si>
    <t>1d5186c8-e4ca-4d2e-9e80-6669fb313449.tmp</t>
  </si>
  <si>
    <t>\\acsfs\profiles$\gabrielsma\Downloads\1d5186c8-e4ca-4d2e-9e80-6669fb313449.tmp</t>
  </si>
  <si>
    <t>01/14/2020 10:17:50</t>
  </si>
  <si>
    <t>Não confirmado 529515.crdownload</t>
  </si>
  <si>
    <t>\\acsfs\ACS\Gabriel da Silva\Contemporânea\Acessos\Não confirmado 529515.crdownload</t>
  </si>
  <si>
    <t>01/14/2020 10:18:20</t>
  </si>
  <si>
    <t>7c65b533-4b13-4425-82a0-a719b348a31a.tmp</t>
  </si>
  <si>
    <t>\\acsfs\profiles$\gabrielsma\Downloads\7c65b533-4b13-4425-82a0-a719b348a31a.tmp</t>
  </si>
  <si>
    <t>01/14/2020 10:18:26</t>
  </si>
  <si>
    <t>Não confirmado 218490.crdownload</t>
  </si>
  <si>
    <t>\\acsfs\ACS\Gabriel da Silva\Contemporânea\Acessos\Não confirmado 218490.crdownload</t>
  </si>
  <si>
    <t>01/14/2020 10:19:58</t>
  </si>
  <si>
    <t>dd737415-a938-4138-906c-838844d0bb97.tmp</t>
  </si>
  <si>
    <t>\\acsfs\profiles$\francislayneads\Downloads\dd737415-a938-4138-906c-838844d0bb97.tmp</t>
  </si>
  <si>
    <t>01/14/2020 10:20:27</t>
  </si>
  <si>
    <t>d5263208-e54b-4e34-9b7c-877fe6f294d8.tmp</t>
  </si>
  <si>
    <t>\\acsfs\profiles$\francislayneads\Downloads\d5263208-e54b-4e34-9b7c-877fe6f294d8.tmp</t>
  </si>
  <si>
    <t>01/14/2020 10:21:00</t>
  </si>
  <si>
    <t>a717984f-2dc6-4881-ad9f-31e2e655e4a0.tmp</t>
  </si>
  <si>
    <t>\\acsfs\profiles$\francislayneads\Downloads\a717984f-2dc6-4881-ad9f-31e2e655e4a0.tmp</t>
  </si>
  <si>
    <t>01/14/2020 10:24:35</t>
  </si>
  <si>
    <t>01/14/2020 10:19:31</t>
  </si>
  <si>
    <t>45e9e91f-e942-44d8-82f8-0709d45877ac.tmp</t>
  </si>
  <si>
    <t>\\acsfs\profiles$\gabrielafs\Downloads\45e9e91f-e942-44d8-82f8-0709d45877ac.tmp</t>
  </si>
  <si>
    <t>01/14/2020 10:19:32</t>
  </si>
  <si>
    <t>799c9c0f-d3c3-4df4-999c-0d8dca9c7d1c.tmp</t>
  </si>
  <si>
    <t>\\acsfs\profiles$\gabrielafs\Downloads\799c9c0f-d3c3-4df4-999c-0d8dca9c7d1c.tmp</t>
  </si>
  <si>
    <t>01/14/2020 10:19:34</t>
  </si>
  <si>
    <t>fcd9875a-86f5-49ec-a031-4c214caa40cf.tmp</t>
  </si>
  <si>
    <t>\\acsfs\profiles$\gabrielafs\Downloads\fcd9875a-86f5-49ec-a031-4c214caa40cf.tmp</t>
  </si>
  <si>
    <t>82e46d4a-0b0e-4a89-9b14-37d9c3982a7b.tmp</t>
  </si>
  <si>
    <t>\\acsfs\profiles$\gabrielafs\Downloads\82e46d4a-0b0e-4a89-9b14-37d9c3982a7b.tmp</t>
  </si>
  <si>
    <t>01/14/2020 10:21:57</t>
  </si>
  <si>
    <t>9be984bd-1e29-456d-929a-41f91a4838b2.tmp</t>
  </si>
  <si>
    <t>\\acsfs\profiles$\gabrielafs\Downloads\9be984bd-1e29-456d-929a-41f91a4838b2.tmp</t>
  </si>
  <si>
    <t>01/14/2020 10:22:03</t>
  </si>
  <si>
    <t>0b66b4d5-45b0-4ca0-a41b-009a27a2a985.tmp</t>
  </si>
  <si>
    <t>\\acsfs\profiles$\nathaliarmr\Downloads\0b66b4d5-45b0-4ca0-a41b-009a27a2a985.tmp</t>
  </si>
  <si>
    <t>01/14/2020 10:23:54</t>
  </si>
  <si>
    <t>1f65b33c-fda5-41bd-b13d-33f39b561994.tmp</t>
  </si>
  <si>
    <t>\\acsfs\profiles$\nathaliarmr\Downloads\1f65b33c-fda5-41bd-b13d-33f39b561994.tmp</t>
  </si>
  <si>
    <t>01/13/2020 20:54:07</t>
  </si>
  <si>
    <t>XLOG_anakcs_13012020_123409.log</t>
  </si>
  <si>
    <t>\\acsfs\profiles$\anakcs\My Documents\xworkcenter\logs\XLOG_anakcs_13012020_123409.log</t>
  </si>
  <si>
    <t>01/14/2020 10:22:05</t>
  </si>
  <si>
    <t>01/14/2020 10:25:35</t>
  </si>
  <si>
    <t>01/14/2020 10:21:22</t>
  </si>
  <si>
    <t>1063bd73-4215-4b29-a663-ce17041038c7.tmp</t>
  </si>
  <si>
    <t>\\acsfs\profiles$\mariajra\Downloads\1063bd73-4215-4b29-a663-ce17041038c7.tmp</t>
  </si>
  <si>
    <t>01/14/2020 10:22:14</t>
  </si>
  <si>
    <t>01/14/2020 10:22:21</t>
  </si>
  <si>
    <t>01/14/2020 10:22:41</t>
  </si>
  <si>
    <t>01/14/2020 10:22:50</t>
  </si>
  <si>
    <t>01/14/2020 10:23:05</t>
  </si>
  <si>
    <t>01/14/2020 10:23:15</t>
  </si>
  <si>
    <t>01/14/2020 10:23:33</t>
  </si>
  <si>
    <t>01/14/2020 10:23:48</t>
  </si>
  <si>
    <t>01/14/2020 10:23:59</t>
  </si>
  <si>
    <t>01/14/2020 10:24:06</t>
  </si>
  <si>
    <t>01/14/2020 10:24:11</t>
  </si>
  <si>
    <t>01/14/2020 10:25:13</t>
  </si>
  <si>
    <t>01/14/2020 10:25:17</t>
  </si>
  <si>
    <t>01/14/2020 10:25:22</t>
  </si>
  <si>
    <t>01/14/2020 10:25:27</t>
  </si>
  <si>
    <t>01/14/2020 10:20:40</t>
  </si>
  <si>
    <t>01/14/2020 10:20:46</t>
  </si>
  <si>
    <t>01/14/2020 10:20:49</t>
  </si>
  <si>
    <t>01/14/2020 10:21:31</t>
  </si>
  <si>
    <t>01/14/2020 10:21:33</t>
  </si>
  <si>
    <t>01/14/2020 10:21:39</t>
  </si>
  <si>
    <t>01/14/2020 10:21:47</t>
  </si>
  <si>
    <t>01/14/2020 10:22:13</t>
  </si>
  <si>
    <t>01/14/2020 10:22:26</t>
  </si>
  <si>
    <t>01/14/2020 10:22:45</t>
  </si>
  <si>
    <t>01/14/2020 10:23:01</t>
  </si>
  <si>
    <t>01/14/2020 10:23:14</t>
  </si>
  <si>
    <t>01/14/2020 10:24:08</t>
  </si>
  <si>
    <t>01/14/2020 10:24:17</t>
  </si>
  <si>
    <t>01/14/2020 10:24:23</t>
  </si>
  <si>
    <t>01/14/2020 10:24:44</t>
  </si>
  <si>
    <t>01/14/2020 10:24:54</t>
  </si>
  <si>
    <t>01/14/2020 10:25:04</t>
  </si>
  <si>
    <t>01/14/2020 10:22:48</t>
  </si>
  <si>
    <t>01/14/2020 10:26:35</t>
  </si>
  <si>
    <t>01/14/2020 10:23:03</t>
  </si>
  <si>
    <t>01/14/2020 10:24:53</t>
  </si>
  <si>
    <t>01/14/2020 10:25:47</t>
  </si>
  <si>
    <t>a7d34f7c-275c-423c-aaee-5d4612802fc8.tmp</t>
  </si>
  <si>
    <t>\\acsfs\profiles$\monicargds\Downloads\a7d34f7c-275c-423c-aaee-5d4612802fc8.tmp</t>
  </si>
  <si>
    <t>01/14/2020 10:20:54</t>
  </si>
  <si>
    <t>01/14/2020 10:21:24</t>
  </si>
  <si>
    <t>01/14/2020 10:23:24</t>
  </si>
  <si>
    <t>01/14/2020 10:22:19</t>
  </si>
  <si>
    <t>YASMIN SOARES COSTA_1_6777688543288429571_1_32.wav</t>
  </si>
  <si>
    <t>\\acsfs\Deptos\EDUCACAO EMPRESARIAL\KÉSIA\Ligações 2º ciclo - Janeiro 2020\YASMIN SOARES COSTA_1_6777688543288429571_1_32.wav</t>
  </si>
  <si>
    <t>01/14/2020 10:25:32</t>
  </si>
  <si>
    <t>01/14/2020 10:27:34</t>
  </si>
  <si>
    <t>e98287c5-e21f-412f-9dce-32b6c3356e04.tmp</t>
  </si>
  <si>
    <t>\\acsfs\profiles$\geovannasm\Downloads\e98287c5-e21f-412f-9dce-32b6c3356e04.tmp</t>
  </si>
  <si>
    <t>01/14/2020 10:23:13</t>
  </si>
  <si>
    <t>01/14/2020 10:28:35</t>
  </si>
  <si>
    <t>01/14/2020 10:24:13</t>
  </si>
  <si>
    <t>01/14/2020 10:24:50</t>
  </si>
  <si>
    <t>01/14/2020 10:24:59</t>
  </si>
  <si>
    <t>01/14/2020 10:25:06</t>
  </si>
  <si>
    <t>01/14/2020 10:25:18</t>
  </si>
  <si>
    <t>01/14/2020 10:25:25</t>
  </si>
  <si>
    <t>01/14/2020 10:25:41</t>
  </si>
  <si>
    <t>01/14/2020 10:25:49</t>
  </si>
  <si>
    <t>01/14/2020 10:25:21</t>
  </si>
  <si>
    <t>4a714f70-b5c1-4aa6-ae03-db967e2c690e.tmp</t>
  </si>
  <si>
    <t>\\acsfs\profiles$\rafaelahpn\Downloads\4a714f70-b5c1-4aa6-ae03-db967e2c690e.tmp</t>
  </si>
  <si>
    <t>01/14/2020 10:29:34</t>
  </si>
  <si>
    <t>1f578e73-6279-4c3e-9a8b-9b5a570bcc6f.tmp</t>
  </si>
  <si>
    <t>\\acsfs\profiles$\gabrielaff\Downloads\1f578e73-6279-4c3e-9a8b-9b5a570bcc6f.tmp</t>
  </si>
  <si>
    <t>01/14/2020 10:25:16</t>
  </si>
  <si>
    <t>9d50c056-9e69-4059-b89b-1fe1a870087c.tmp</t>
  </si>
  <si>
    <t>\\acsfs\profiles$\gabrielaff\Downloads\9d50c056-9e69-4059-b89b-1fe1a870087c.tmp</t>
  </si>
  <si>
    <t>01/14/2020 10:26:53</t>
  </si>
  <si>
    <t>d4651c90-b9f5-454b-9620-42b9fb98750d.tmp</t>
  </si>
  <si>
    <t>\\acsfs\profiles$\gabrielaff\Downloads\d4651c90-b9f5-454b-9620-42b9fb98750d.tmp</t>
  </si>
  <si>
    <t>01/14/2020 10:27:24</t>
  </si>
  <si>
    <t>66157157-ac60-4ad2-8ab2-b0d25ecc8795.tmp</t>
  </si>
  <si>
    <t>\\acsfs\profiles$\gabrielaff\Downloads\66157157-ac60-4ad2-8ab2-b0d25ecc8795.tmp</t>
  </si>
  <si>
    <t>01/14/2020 10:28:05</t>
  </si>
  <si>
    <t>01/14/2020 10:24:30</t>
  </si>
  <si>
    <t>0ce3812b-8d70-4f15-8cae-26881911eb09.tmp</t>
  </si>
  <si>
    <t>\\acsfs\profiles$\gabrielafs\Downloads\0ce3812b-8d70-4f15-8cae-26881911eb09.tmp</t>
  </si>
  <si>
    <t>01/14/2020 10:30:35</t>
  </si>
  <si>
    <t>01/14/2020 10:25:42</t>
  </si>
  <si>
    <t>01/14/2020 10:26:21</t>
  </si>
  <si>
    <t>01/14/2020 10:26:28</t>
  </si>
  <si>
    <t>01/14/2020 10:26:34</t>
  </si>
  <si>
    <t>01/14/2020 10:26:40</t>
  </si>
  <si>
    <t>01/14/2020 10:25:40</t>
  </si>
  <si>
    <t>01/14/2020 10:25:48</t>
  </si>
  <si>
    <t>01/14/2020 10:26:01</t>
  </si>
  <si>
    <t>01/14/2020 10:26:06</t>
  </si>
  <si>
    <t>01/14/2020 10:26:17</t>
  </si>
  <si>
    <t>01/14/2020 10:26:26</t>
  </si>
  <si>
    <t>01/14/2020 10:26:39</t>
  </si>
  <si>
    <t>01/14/2020 10:27:03</t>
  </si>
  <si>
    <t>01/14/2020 10:27:16</t>
  </si>
  <si>
    <t>01/14/2020 10:27:23</t>
  </si>
  <si>
    <t>01/14/2020 10:27:32</t>
  </si>
  <si>
    <t>01/14/2020 10:29:04</t>
  </si>
  <si>
    <t>01/14/2020 10:28:18</t>
  </si>
  <si>
    <t>01/14/2020 10:28:41</t>
  </si>
  <si>
    <t>01/14/2020 10:28:47</t>
  </si>
  <si>
    <t>01/14/2020 10:29:30</t>
  </si>
  <si>
    <t>01/14/2020 10:29:38</t>
  </si>
  <si>
    <t>01/14/2020 10:29:32</t>
  </si>
  <si>
    <t>01/14/2020 10:29:33</t>
  </si>
  <si>
    <t>01/14/2020 10:28:25</t>
  </si>
  <si>
    <t>01/14/2020 10:31:34</t>
  </si>
  <si>
    <t>01/14/2020 10:28:55</t>
  </si>
  <si>
    <t>01/14/2020 10:29:25</t>
  </si>
  <si>
    <t>01/14/2020 10:30:05</t>
  </si>
  <si>
    <t>01/14/2020 10:28:24</t>
  </si>
  <si>
    <t>01/14/2020 10:33:33</t>
  </si>
  <si>
    <t>01/14/2020 10:28:30</t>
  </si>
  <si>
    <t>01/14/2020 10:32:00</t>
  </si>
  <si>
    <t>Thais Machado Bezerra_1_6778022124808380833_1_32.wav</t>
  </si>
  <si>
    <t>\\acsfs\Deptos\EDUCACAO EMPRESARIAL\FERNANDA MONIT\Fernanda\MONITORIA JANEIRO\Ligação para MUTANT segundo ciclo janeiro\Thais Machado Bezerra_1_6778022124808380833_1_32.wav</t>
  </si>
  <si>
    <t>01/14/2020 10:31:28</t>
  </si>
  <si>
    <t>mail.google.com/sync/u/0/i/s?hl=pt-BR&amp;c=1602</t>
  </si>
  <si>
    <t>"mozilla/5.0 (windows nt 6.1) applewebkit/537.36 (khtml;0] _x0018_�2_x0007_c-4e;0]0":;0]\\\\\\\vt�_x000F_&lt;l;0]\\\\\\\ܪj &lt;l;0]\\\\\\�_x0010_� &lt;l;0]als;0]l;0]ll;0]thon-35.pyc;0]�lx��v�86u�{� �_x0007_�� �r;0]�� \\;1;13;131;13700014;13700109;13700185;13700451;13700951;13701207;13701298;13701422;13701430;13701450;13701506;13701537;13701573;13701577;13701625;13701657;13701693;13701693�;13701749;13701825;13701901;13701905;13701957;13701969;13702068;13702088;142961685;152;156;1578930052848000;1578930058554000;1578954746236;1578955047263;1578955950345;1578957154449;1578957455473;1578969194262;1578975661816;1578976865572;1578984390616;1578994625136;1578995528127;1578995829120;1578997033107;181;1ya5yrwelrso-yxib3ctz0mdjsqkh2uffmn2kfrmynlkfp2vhk5vxrjlyzc1nx1i8okgrxz4hh9fxnqqavexbjgszjfxng_3tikapcccza7s5nl0iiv528sipt3_n6smfvjyvnmz5gmbld86jsedcdqpnbowbtwaejdtwlwiwyazylw418myzkyijnlherxkuhkwira-leptxg0ukvt86f9johtnmgsqydxcl9if9g_6raikea\";1ya5yrwelrso-yxib3ctz0mdjsqkh2uffmn2kfrmynlkfp2vhk5vxrjlyzc1nx1i8okgrxz4hh9fxnqqavexbjgszjfxng_3tikapcccza7s5nl0iiv5</t>
  </si>
  <si>
    <t>"mozilla/5.0 (windows nt 6.1) applewebkit/537.36 (khtml,0] _x0018_�2_x0007_c-4e,0]0":,0]\\\\\\\vt�_x000F_&lt;l,0]\\\\\\\ܪj &lt;l,0]\\\\\\�_x0010_� &lt;l,0]als,0]l,0]ll,0]thon-35.pyc,0]�lx��v�86u�{� �_x0007_�� �r,0]�� \\,1,13,131,13700014,13700109,13700185,13700451,13700951,13701207,13701298,13701422,13701430,13701450,13701506,13701537,13701573,13701577,13701625,13701657,13701693,13701693�,13701693�,13701749,13701825,13701901,13701905,13701957,13701969,13702068,13702088,142961685,152,156,1578930052848000,1578930058554000,1578954746236,1578955047263,1578955950345,1578957154449,1578957455473,1578969194262,1578975661816,1578976865572,1578984390616,1578994625136,1578995528127,1578995829120,1578997033107,181,1ya5yrwelrso-yxib3ctz0mdjsqkh2uffmn2kfrmynlkfp2vhk5vxrjlyzc1nx1i8okgrxz4hh9fxnqqavexbjgszjfxng_3tikapcccza7s5nl0iiv528sipt3_n6smfvjyvnmz5gmbld86jsedcdqpnbowbtwaejdtwlwiwyazylw418myzkyijnlherxkuhkwira-leptxg0ukvt86f9johtnmgsqydxcl9if9g_6raikea\",1ya5yrwelrso-yxib3ctz0mdjsqkh2uffmn2kfrmynlkfp2vhk5vxrjlyzc1nx1i8okgrxz4hh9fxnqqavexbjgszjfxng_3tikapcccza</t>
  </si>
  <si>
    <t>01/14/2020 10:32:46</t>
  </si>
  <si>
    <t>mail.google.com/sync/u/0/i/s?hl=pt-BR&amp;c=1606</t>
  </si>
  <si>
    <t>0]l;10;142961685;1578932773978;[];[]]];atuima2v-l-r4mlrttnejldjmmcmtjqqdb_eo8phe2_wqj_y1ojumr1iabvw2ppblwocree42tuodgonxc9zyhfd_xfplg4b5glbnshq93fpe_-_ug45yoeb9l7us2h8\";false;maristelavodq@bv.algartech.com;null;supervisaobancovotorantim@algartech.com;thiagolrc@bv.algartech.com;true]";</t>
  </si>
  <si>
    <t>0]l,10,142961685,1578932773978,[],[]]],atuima2v-l-r4mlrttnejldjmmcmtjqqdb_eo8phe2_wqj_y1ojumr1iabvw2ppblwocree42tuodgonxc9zyhfd_xfplg4b5glbnshq93fpe_-_ug45yoeb9l7us2h8\",false,maristelavodq@bv.algartech.com,null,supervisaobancovotorantim@algartech.com,thiagolrc@bv.algartech.com,true]"</t>
  </si>
  <si>
    <t>01/14/2020 10:32:41</t>
  </si>
  <si>
    <t>67c3e984-69ff-4632-82ee-7aa3cd7fcf3b.tmp</t>
  </si>
  <si>
    <t>\\acsfs\profiles$\rafaelahpn\Downloads\67c3e984-69ff-4632-82ee-7aa3cd7fcf3b.tmp</t>
  </si>
  <si>
    <t>01/14/2020 10:28:38</t>
  </si>
  <si>
    <t>e287fd37-c259-4b82-ac46-852a25882bb6.tmp</t>
  </si>
  <si>
    <t>\\acsfs\profiles$\thallitaqna\Downloads\e287fd37-c259-4b82-ac46-852a25882bb6.tmp</t>
  </si>
  <si>
    <t>01/14/2020 10:28:42</t>
  </si>
  <si>
    <t>25a7d0d1-1fd1-490c-bfab-6c81feeda73a.tmp</t>
  </si>
  <si>
    <t>\\acsfs\profiles$\thallitaqna\Downloads\25a7d0d1-1fd1-490c-bfab-6c81feeda73a.tmp</t>
  </si>
  <si>
    <t>01/14/2020 10:29:24</t>
  </si>
  <si>
    <t>2a268813-e951-46ab-bd16-ece756337ab4.tmp</t>
  </si>
  <si>
    <t>\\acsfs\profiles$\thallitaqna\Downloads\2a268813-e951-46ab-bd16-ece756337ab4.tmp</t>
  </si>
  <si>
    <t>01/14/2020 10:29:45</t>
  </si>
  <si>
    <t>ef96499b-f740-4a3b-a317-8fa8a2156cc7.tmp</t>
  </si>
  <si>
    <t>\\acsfs\profiles$\thallitaqna\Downloads\ef96499b-f740-4a3b-a317-8fa8a2156cc7.tmp</t>
  </si>
  <si>
    <t>01/14/2020 10:34:34</t>
  </si>
  <si>
    <t>01/14/2020 10:32:20</t>
  </si>
  <si>
    <t>01/14/2020 10:31:03</t>
  </si>
  <si>
    <t>01/14/2020 10:31:04</t>
  </si>
  <si>
    <t>01/14/2020 10:31:05</t>
  </si>
  <si>
    <t>01/14/2020 10:31:06</t>
  </si>
  <si>
    <t>01/14/2020 10:31:07</t>
  </si>
  <si>
    <t>01/14/2020 10:31:08</t>
  </si>
  <si>
    <t>01/14/2020 10:31:09</t>
  </si>
  <si>
    <t>01/14/2020 10:31:10</t>
  </si>
  <si>
    <t>01/14/2020 10:31:11</t>
  </si>
  <si>
    <t>01/14/2020 10:31:12</t>
  </si>
  <si>
    <t>01/14/2020 10:31:13</t>
  </si>
  <si>
    <t>01/14/2020 10:31:14</t>
  </si>
  <si>
    <t>01/14/2020 10:31:15</t>
  </si>
  <si>
    <t>01/14/2020 10:31:16</t>
  </si>
  <si>
    <t>01/14/2020 10:31:17</t>
  </si>
  <si>
    <t>01/14/2020 10:31:18</t>
  </si>
  <si>
    <t>01/14/2020 10:31:19</t>
  </si>
  <si>
    <t>01/14/2020 10:31:20</t>
  </si>
  <si>
    <t>01/14/2020 10:34:12</t>
  </si>
  <si>
    <t>01/14/2020 10:35:34</t>
  </si>
  <si>
    <t>lu12468p6xkf.tmp</t>
  </si>
  <si>
    <t>\\acsfs\profiles$\dhiulliananads\My Documents\lu12468p6xkf.tmp</t>
  </si>
  <si>
    <t>\\acsfs\profiles$\dhiulliananads\My Documents\lu12468p6xkf.tmp\</t>
  </si>
  <si>
    <t>\\acsfs\profiles$\dhiulliananads\My Documents\lu12468p6xkf.tmp\META-INF\</t>
  </si>
  <si>
    <t>\\acsfs\profiles$\dhiulliananads\My Documents\lu12468p6xkf.tmp\Thumbnails\</t>
  </si>
  <si>
    <t>01/14/2020 10:33:43</t>
  </si>
  <si>
    <t>01/14/2020 10:35:12</t>
  </si>
  <si>
    <t>01/14/2020 10:36:34</t>
  </si>
  <si>
    <t>lu2733221pjpv.tmp</t>
  </si>
  <si>
    <t>\\acsfs\profiles$\RAFAELRF\meu\lu2733221pjpv.tmp</t>
  </si>
  <si>
    <t>\\acsfs\profiles$\RAFAELRF\meu\lu2733221pjpv.tmp\</t>
  </si>
  <si>
    <t>\\acsfs\profiles$\RAFAELRF\meu\lu2733221pjpv.tmp\META-INF\</t>
  </si>
  <si>
    <t>\\acsfs\profiles$\RAFAELRF\meu\lu2733221pjpv.tmp\Thumbnails\</t>
  </si>
  <si>
    <t>01/14/2020 10:32:11</t>
  </si>
  <si>
    <t>01/14/2020 10:37:34</t>
  </si>
  <si>
    <t>ace04657-bd8a-4a8f-8e84-af3389822f43.tmp</t>
  </si>
  <si>
    <t>\\acsfs\profiles$\vivianalds\Downloads\ace04657-bd8a-4a8f-8e84-af3389822f43.tmp</t>
  </si>
  <si>
    <t>01/14/2020 10:37:26</t>
  </si>
  <si>
    <t>01/14/2020 10:33:13</t>
  </si>
  <si>
    <t>01/14/2020 10:38:34</t>
  </si>
  <si>
    <t>01/14/2020 10:33:20</t>
  </si>
  <si>
    <t>01/14/2020 10:33:50</t>
  </si>
  <si>
    <t>01/14/2020 10:34:13</t>
  </si>
  <si>
    <t>01/14/2020 10:34:19</t>
  </si>
  <si>
    <t>01/14/2020 10:34:24</t>
  </si>
  <si>
    <t>01/14/2020 10:34:30</t>
  </si>
  <si>
    <t>01/14/2020 10:34:35</t>
  </si>
  <si>
    <t>01/14/2020 10:34:41</t>
  </si>
  <si>
    <t>01/14/2020 10:35:28</t>
  </si>
  <si>
    <t>01/14/2020 10:35:44</t>
  </si>
  <si>
    <t>01/14/2020 10:36:20</t>
  </si>
  <si>
    <t>01/14/2020 10:36:32</t>
  </si>
  <si>
    <t>01/14/2020 10:36:55</t>
  </si>
  <si>
    <t>01/14/2020 10:32:52</t>
  </si>
  <si>
    <t>mail.google.com/sync/u/0/i/s?hl=pt-BR&amp;c=1608</t>
  </si>
  <si>
    <t>01/14/2020 10:32:54</t>
  </si>
  <si>
    <t>01/13/2020 13:50:48</t>
  </si>
  <si>
    <t>01/14/2020 10:39:34</t>
  </si>
  <si>
    <t>aec25fc8-7beb-4086-b89a-e5f2c19eeb50.tmp</t>
  </si>
  <si>
    <t>\\acsfs\profiles$\victorgl\Downloads\aec25fc8-7beb-4086-b89a-e5f2c19eeb50.tmp</t>
  </si>
  <si>
    <t>01/14/2020 10:36:37</t>
  </si>
  <si>
    <t>1e0db469-93e1-41be-8f22-518c67413f76.tmp</t>
  </si>
  <si>
    <t>\\acsfs\profiles$\larissaad\Downloads\1e0db469-93e1-41be-8f22-518c67413f76.tmp</t>
  </si>
  <si>
    <t>01/13/2020 13:50:50</t>
  </si>
  <si>
    <t>08b5d6a3-ff3f-46cb-9a2d-371b97ae9447.tmp</t>
  </si>
  <si>
    <t>\\acsfs\profiles$\victorgl\Downloads\08b5d6a3-ff3f-46cb-9a2d-371b97ae9447.tmp</t>
  </si>
  <si>
    <t>01/13/2020 13:51:32</t>
  </si>
  <si>
    <t>b96142c5-060a-4cdb-a040-318ed401bb0f.tmp</t>
  </si>
  <si>
    <t>\\acsfs\profiles$\victorgl\Downloads\b96142c5-060a-4cdb-a040-318ed401bb0f.tmp</t>
  </si>
  <si>
    <t>edcee420-c0af-4247-9e40-01a23fd8b73c.tmp</t>
  </si>
  <si>
    <t>\\acsfs\profiles$\victorgl\Downloads\edcee420-c0af-4247-9e40-01a23fd8b73c.tmp</t>
  </si>
  <si>
    <t>01/13/2020 13:52:12</t>
  </si>
  <si>
    <t>50a6ab9a-c675-4d27-afc9-cea8b1ca5df3.tmp</t>
  </si>
  <si>
    <t>\\acsfs\profiles$\victorgl\Downloads\50a6ab9a-c675-4d27-afc9-cea8b1ca5df3.tmp</t>
  </si>
  <si>
    <t>01/13/2020 13:53:24</t>
  </si>
  <si>
    <t>c9471846-8f00-47e3-9b5e-6055311fd8ca.tmp</t>
  </si>
  <si>
    <t>\\acsfs\profiles$\victorgl\Downloads\c9471846-8f00-47e3-9b5e-6055311fd8ca.tmp</t>
  </si>
  <si>
    <t>01/14/2020 10:36:12</t>
  </si>
  <si>
    <t>01/14/2020 10:40:34</t>
  </si>
  <si>
    <t>0c60923b-55f9-4f44-9e81-3a451d5cdaf3.tmp</t>
  </si>
  <si>
    <t>\\acsfs\profiles$\mariagsg\Downloads\0c60923b-55f9-4f44-9e81-3a451d5cdaf3.tmp</t>
  </si>
  <si>
    <t>01/14/2020 10:36:22</t>
  </si>
  <si>
    <t>01/14/2020 10:41:34</t>
  </si>
  <si>
    <t>\\acsfs\Deptos\Operacao\Banco_Votorantim\Supervisao\Maristela\CRBV vendas\Desligamento\Não confirmado 417656.crdownload\</t>
  </si>
  <si>
    <t>\\acsfs\Deptos\Operacao\Banco_Votorantim\Supervisao\Maristela\CRBV vendas\Desligamento\Não confirmado 417656.crdownload</t>
  </si>
  <si>
    <t>Não confirmado 417656.crdownload</t>
  </si>
  <si>
    <t>01/14/2020 10:37:00</t>
  </si>
  <si>
    <t>ANA CLARA MORAES SILVEIRA_1_6777494604040187070_1_32.wav</t>
  </si>
  <si>
    <t>\\acsfs\Deptos\EDUCACAO EMPRESARIAL\KÉSIA\Ligações 2º ciclo - Janeiro 2020\ANA CLARA MORAES SILVEIRA_1_6777494604040187070_1_32.wav</t>
  </si>
  <si>
    <t>01/14/2020 10:41:36</t>
  </si>
  <si>
    <t>01/14/2020 10:42:34</t>
  </si>
  <si>
    <t>da301f1c-f513-4b3f-b557-0e8d76f4885b.tmp</t>
  </si>
  <si>
    <t>\\acsfs\profiles$\lucasgpe\Downloads\da301f1c-f513-4b3f-b557-0e8d76f4885b.tmp</t>
  </si>
  <si>
    <t>01/14/2020 10:42:00</t>
  </si>
  <si>
    <t>01/14/2020 10:44:34</t>
  </si>
  <si>
    <t>01/14/2020 10:42:24</t>
  </si>
  <si>
    <t>01/14/2020 10:42:39</t>
  </si>
  <si>
    <t>01/14/2020 10:42:42</t>
  </si>
  <si>
    <t>01/14/2020 10:41:24</t>
  </si>
  <si>
    <t>01/14/2020 10:45:34</t>
  </si>
  <si>
    <t>Reneg - Vcto 15-01-20.xlsx</t>
  </si>
  <si>
    <t>\\acsfs\DEPTOS\Operacao\Banco_Votorantim\Comum\00 - COMUM - BV CARTÕES\EQUIPE ADILSON\Reneg\Reneg - Vcto 15-01-20.xlsx</t>
  </si>
  <si>
    <t>01/14/2020 10:43:44</t>
  </si>
  <si>
    <t>01/14/2020 10:43:49</t>
  </si>
  <si>
    <t>http:///batch?%24ct=multipart%2Fmixed%3B%20boundary%3D%22%3D%3D%3D%3D%3Dox6vj5mek098%3D%3D%3D%3D%3D%22&amp;key=AIzaSyAy9VVXHSpS2IJpptzYtGbLP3-3_l0aBk4</t>
  </si>
  <si>
    <t>http:///batch?%24ct=multipart%2Fmixed%3B%20boundary%3D%22%3D%3D%3D%3D%3D8291unk5npgh%3D%3D%3D%3D%3D%22&amp;key=AIzaSyAy9VVXHSpS2IJpptzYtGbLP3-3_l0aBk4</t>
  </si>
  <si>
    <t>ancestorhasaugmentedpermissions;containsunsubscribedchildren;displayn;displayname;domain;emailaddress;file(kind;fileid;filesize;hasthumbnail;hasvisitorpermissions;id;id);items(deleted;items(kind;ken;kind;lastmodifyinguse;lastmodifyinguser(kind;lastviewedbymedate;modifiedbymedate;modifieddate;ontainsunsubscribedchildren;owners(kind;per;permission;permissionid;picture;rpermissions;shared;sharedwithmedate;thumbnailversion;title;userpermission(role);workspaceids;</t>
  </si>
  <si>
    <t>http://ancestorhasaugmentedpermissions,containsunsubscribedchildren,displayn,displayname,domain,emailaddress,file(kind,fileid,filesize,hasthumbnail,hasvisitorpermissions,id,id),items(deleted,items(kind,ken,kind,lastmodifyinguse,lastmodifyinguser(kind,lastviewedbymedate,modifiedbymedate,modifieddate,ontainsunsubscribedchildren,owners(kind,per,permission,permissionid,picture,rpermissions,shared,sharedwithmedate,thumbnailversion,title,userpermission(role),workspaceids</t>
  </si>
  <si>
    <t>01/14/2020 10:44:32</t>
  </si>
  <si>
    <t>0;0.668;0];1.054;1.054];105.91999999996915;12.854];135.413;15.344;15.344];155.14000000075612;1585.943];186.01999999918917;21.464;21.464];253.53999999970256;3;33.212;33.212];354.0850000008504;354.3250000002445;378.2950000004348;378.94000000051165;379.1800000017247;379.3600000008155;379.43000000086613;380.78000000132306;384.5899999996618;4.843;490.6600000012986;5;50.970000000233995;506.83;546.8500000006316;547.5400000013906;547.9250000007596;548.2850000007602;548.9050000014686;59.54500000007101;6.009];60.17500000052678;60.32500000037544;679.9450000016805;68.52000000071712;700";72.35500000024331;72.69000000087544;78.76500000020314;78.80499999919266;873.966];91.53000000151224;:400;["https://apis.google.com/_/scs/abc-static/_/js/k=g;["https://drive.google.com/_/drive_fe/_/js/k=drive_fe.main.pt_br.0guumejfwv4.o/am=mbqqtgue_sahaay/d=1/ct=zgms/rs=afb8gsw4csik3zgokact5lf5ve6dhrn2kq/m=b;[null;ancestorhasaugmentedpermissions;containsunsubscribedchildren;core";css;displayname;domain;emailaddress;file(kind;fileid;filesize</t>
  </si>
  <si>
    <t>http://0,0.668,0],1.054,1.054],105.91999999996915,12.854],135.413,15.344,15.344],155.14000000075612,1585.943],186.01999999918917,21.464,21.464],253.53999999970256,3,33.212,33.212],354.0850000008504,354.3250000002445,378.2950000004348,378.94000000051165,379.1800000017247,379.3600000008155,379.43000000086613,380.78000000132306,384.5899999996618,4.843,490.6600000012986,5,50.970000000233995,506.83,546.8500000006316,547.5400000013906,547.9250000007596,548.2850000007602,548.9050000014686,59.54500000007101,6.009],60.17500000052678,60.32500000037544,679.9450000016805,68.52000000071712,700",72.35500000024331,72.69000000087544,78.76500000020314,78.80499999919266,873.966],91.53000000151224,:400,["https://apis.google.com/_/scs/abc-static/_/js/k=g,["https://drive.google.com/_/drive_fe/_/js/k=drive_fe.main.pt_br.0guumejfwv4.o/am=mbqqtgue_sahaay/d=1/ct=zgms/rs=afb8gsw4csik3zgokact5lf5ve6dhrn2kq/m=b,[null,ancestorhasaugmentedpermissions,containsunsubscribedchildren,core",css,displayname,domain,emailaddress,file(kind,fileid,f</t>
  </si>
  <si>
    <t>0;0.668;0];1.054;1.054];105.91999999996915;1070.2150000015536;12.854];13.58;135.413;15.344;15.344];15.552;15.552];155.14000000075612;1585.943];186.01999999918917;2.510000000256696;21.464;21.464];21.740000000136206;253.53999999970256;3;33.212;33.212];354.0850000008504;354.3250000002445;36.79999999985739;378.2950000004348;378.94000000051165;379.1800000017247;379.3600000008155;379.43000000086613;38.438];380.78000000132306;384.5899999996618;4.843;49.399999999877764;490.6600000012986;5;50.970000000233995;506.83;51.0149999990972;546.8500000006316;547.5400000013906;547.9250000007596;548.2850000007602;548.9050000014686;59.54500000007101;6.009];60.17500000052678;60.32500000037544;60.62999999994645;615.3150000009191;64.34000000081141;679.9450000016805;68.52000000071712;700";72.35500000024331;72.69000000087544;742.6050000012765;78.76500000020314;78.80499999919266;794.3900000009307;873.966];91.53000000151224;928.5200000012992;944.4400000011228;950.7450000000972;:400;["https://apis.google.com/_/scs/abc-static/_/js/k=g;["h</t>
  </si>
  <si>
    <t>http://0,0.668,0],1.054,1.054],105.91999999996915,1070.2150000015536,12.854],13.58,135.413,15.344,15.344],15.552,15.552],155.14000000075612,1585.943],186.01999999918917,2.510000000256696,21.464,21.464],21.740000000136206,253.53999999970256,3,33.212,33.212],354.0850000008504,354.3250000002445,36.79999999985739,378.2950000004348,378.94000000051165,379.1800000017247,379.3600000008155,379.43000000086613,38.438],380.78000000132306,384.5899999996618,4.843,49.399999999877764,490.6600000012986,5,50.970000000233995,506.83,51.0149999990972,546.8500000006316,547.5400000013906,547.9250000007596,548.2850000007602,548.9050000014686,59.54500000007101,6.009],60.17500000052678,60.32500000037544,60.62999999994645,615.3150000009191,64.34000000081141,679.9450000016805,68.52000000071712,700",72.35500000024331,72.69000000087544,742.6050000012765,78.76500000020314,78.80499999919266,794.3900000009307,873.966],91.53000000151224,928.5200000012992,944.4400000011228,950.7450000000972,:400,["https://apis.google.com/_/scs/abc-static/_/js/</t>
  </si>
  <si>
    <t>0;0.668;0];1.054;1.054];1006.3100000006671;105.91999999996915;1062.3150000010355;1070.2150000015536;1077.0049999991897;1102.2550000016054;1125.3900000010617;12.854];126.375;13.58;135.413;15.344;15.344];15.436;15.436];15.552;15.552];155.14000000075612;1585.943];173.60999999982596;186.01999999918917;2.510000000256696;21.464;21.464];21.7;21.740000000136206;21.7];2133.9400000015303;253.53999999970256;3;33.212;33.212];34.445000001142034;354.0850000008504;354.3250000002445;36.79999999985739;378.2950000004348;378.94000000051165;379.1800000017247;379.3600000008155;379.43000000086613;38.438];380.78000000132306;384.5899999996618;4.843;442.611];49.399999999877764;490.6600000012986;5;50.970000000233995;506.83;51.0149999990972;546.8500000006316;547.5400000013906;547.9250000007596;548.2850000007602;548.9050000014686;59.54500000007101;6.009];60.17500000052678;60.32500000037544;60.62999999994645;615.3150000009191;64.34000000081141;679.9450000016805;68.52000000071712;700";72.35500000024331;72.69000000087544;742.6050000012765;</t>
  </si>
  <si>
    <t>http://0,0.668,0],1.054,1.054],1006.3100000006671,105.91999999996915,1062.3150000010355,1070.2150000015536,1077.0049999991897,1102.2550000016054,1125.3900000010617,12.854],126.375,13.58,135.413,15.344,15.344],15.436,15.436],15.552,15.552],155.14000000075612,1585.943],173.60999999982596,186.01999999918917,2.510000000256696,21.464,21.464],21.7,21.740000000136206,21.7],2133.9400000015303,253.53999999970256,3,33.212,33.212],34.445000001142034,354.0850000008504,354.3250000002445,36.79999999985739,378.2950000004348,378.94000000051165,379.1800000017247,379.3600000008155,379.43000000086613,38.438],380.78000000132306,384.5899999996618,4.843,442.611],49.399999999877764,490.6600000012986,5,50.970000000233995,506.83,51.0149999990972,546.8500000006316,547.5400000013906,547.9250000007596,548.2850000007602,548.9050000014686,59.54500000007101,6.009],60.17500000052678,60.32500000037544,60.62999999994645,615.3150000009191,64.34000000081141,679.9450000016805,68.52000000071712,700",72.35500000024331,72.69000000087544,742.6050000</t>
  </si>
  <si>
    <t>0;0.668;0];1.054;1.054];1.557;1006.3100000006671;1017.055000000255;105.91999999996915;1062.0800000015151;1062.3150000010355;1070.2150000015536;1070.4349999996339;1077.0049999991897;1102.2550000016054;1125.3900000010617;1189.155000000028;119.90999999943597;12.854];12.870000000475557;1241.9100000006438;126.375;13.58;135.413;15.344;15.344];15.436;15.436];15.552;15.552];155.14000000075612;1585.943];173.60999999982596;186.01999999918917;2.510000000256696;21.464;21.464];21.7;21.740000000136206;21.7];2133.9400000015303;2192.4550000003364;2340.4150000005757;2346.2450000006356;253.53999999970256;3;3.777];33.212;33.212];34.445000001142034;354.0850000008504;354.3250000002445;36.79999999985739;378.2950000004348;378.94000000051165;379.1800000017247;379.3600000008155;379.43000000086613;38.438];380.78000000132306;384.5899999996618;4.843;442.611];49.399999999877764;490.6600000012986;5;50.970000000233995;506.83;51.0149999990972;546.8500000006316;547.5400000013906;547.9250000007596;548.2850000007602;548.9050000014686;56.249999</t>
  </si>
  <si>
    <t>http://0,0.668,0],1.054,1.054],1.557,1006.3100000006671,1017.055000000255,105.91999999996915,1062.0800000015151,1062.3150000010355,1070.2150000015536,1070.4349999996339,1077.0049999991897,1102.2550000016054,1125.3900000010617,1189.155000000028,119.90999999943597,12.854],12.870000000475557,1241.9100000006438,126.375,13.58,135.413,15.344,15.344],15.436,15.436],15.552,15.552],155.14000000075612,1585.943],173.60999999982596,186.01999999918917,2.510000000256696,21.464,21.464],21.7,21.740000000136206,21.7],2133.9400000015303,2192.4550000003364,2340.4150000005757,2346.2450000006356,253.53999999970256,3,3.777],33.212,33.212],34.445000001142034,354.0850000008504,354.3250000002445,36.79999999985739,378.2950000004348,378.94000000051165,379.1800000017247,379.3600000008155,379.43000000086613,38.438],380.78000000132306,384.5899999996618,4.843,442.611],49.399999999877764,490.6600000012986,5,50.970000000233995,506.83,51.0149999990972,546.8500000006316,547.5400000013906,547.9250000007596,548.2850000007602,548.9050000014686,56</t>
  </si>
  <si>
    <t>01/14/2020 10:42:23</t>
  </si>
  <si>
    <t>01/14/2020 10:42:45</t>
  </si>
  <si>
    <t>\\udpavonfs01\AVON\00 - ACOMPANHAMENTO AVON\04 - BACKOFFICE CORNERSTONE\2020\01.2020\RELATORIO\13.01.2020\Acompanhamento Backoffice Cornerstone JAN.20.xlsx</t>
  </si>
  <si>
    <t>01/14/2020 10:43:42</t>
  </si>
  <si>
    <t>01/14/2020 10:46:34</t>
  </si>
  <si>
    <t>01/14/2020 10:45:31</t>
  </si>
  <si>
    <t>01/14/2020 10:48:35</t>
  </si>
  <si>
    <t>01/14/2020 10:45:39</t>
  </si>
  <si>
    <t>01/14/2020 10:45:43</t>
  </si>
  <si>
    <t>01/14/2020 10:43:39</t>
  </si>
  <si>
    <t>01/14/2020 10:44:33</t>
  </si>
  <si>
    <t>mail.google.com/sync/u/0/i/s?hl=pt-BR&amp;c=1691</t>
  </si>
  <si>
    <t>"languagecode":"pt-br";"requesttype":"background_request";"scenariotype;"timezone":"-03:00";0]578941s�� 90;0]als;0]l;142961685;1578999441075;1578999742070;1579000043067;1579000344063;1579008004964;1579008305983;1ya5yrwelrso-yxib3ctz0mdjsqkh2uffmn2kfrmynlkfp2vhk5vxrjlyzc1nx1i8okgrxz4hh9fxnqqavexbjgszjfxng_3tikapcccza7s5nl0iiv528sipt3_n6smfvjyvnmz5gmbld86jsedcdqpnbowbtwaejdtwlwiwyazylw418myzkyijnlherxkuhkwirbbleptqoiy3apulea2mvtqgd35yefwxttokk9mao2w2g\";1ya5yrwelrso-yxib3ctz0mdjsqkh2uffmn2kfrmynlkfp2vhk5vxrjlyzc1nx1i8okgrxz4hh9fxnqqavexbjgszjfxng_3tikapcccza7s5nl0iiv528sipt3_n6smfvjyvnmz5gmbld86jsedcdqpnbowbtwaejdtwlwiwyazylw418myzkyijnlherxkuhkwirbgleptkd8kw9928_q0wttaiefgtb510pfzu5c9c01pfa\";1ya5yrwelrso-yxib3ctz0mdjsqkh2uffmn2kfrmynlkfp2vhk5vxrjlyzc1nx1i8okgrxz4hh9fxnqqavexbjgszjfxng_3tikapcccza7s5nl0iiv528sipt3_n6smfvjyvnmz5gmbld86jsedcdqpnbowbtwaejdtwlwiwyazylw418myzkyijnlherxkuhkwirblleptyjgaerbvj73k06pqxr3zty7vvf9f0jreme1j3w\";1ya5yrwelrso-yxib3ctz0mdjsqkh2uffmn2kfrmynlkfp2vhk5vxrjlyzc1nx1i8okgrxz4hh9fxn</t>
  </si>
  <si>
    <t>"languagecode":"pt-br","requesttype":"background_request","scenariotype,"timezone":"-03:00",0]578941s�� 90,0]als,0]l,142961685,1578999441075,1578999742070,1579000043067,1579000344063,1579008004964,1579008305983,1ya5yrwelrso-yxib3ctz0mdjsqkh2uffmn2kfrmynlkfp2vhk5vxrjlyzc1nx1i8okgrxz4hh9fxnqqavexbjgszjfxng_3tikapcccza7s5nl0iiv528sipt3_n6smfvjyvnmz5gmbld86jsedcdqpnbowbtwaejdtwlwiwyazylw418myzkyijnlherxkuhkwirbbleptqoiy3apulea2mvtqgd35yefwxttokk9mao2w2g\",1ya5yrwelrso-yxib3ctz0mdjsqkh2uffmn2kfrmynlkfp2vhk5vxrjlyzc1nx1i8okgrxz4hh9fxnqqavexbjgszjfxng_3tikapcccza7s5nl0iiv528sipt3_n6smfvjyvnmz5gmbld86jsedcdqpnbowbtwaejdtwlwiwyazylw418myzkyijnlherxkuhkwirbgleptkd8kw9928_q0wttaiefgtb510pfzu5c9c01pfa\",1ya5yrwelrso-yxib3ctz0mdjsqkh2uffmn2kfrmynlkfp2vhk5vxrjlyzc1nx1i8okgrxz4hh9fxnqqavexbjgszjfxng_3tikapcccza7s5nl0iiv528sipt3_n6smfvjyvnmz5gmbld86jsedcdqpnbowbtwaejdtwlwiwyazylw418myzkyijnlherxkuhkwirblleptyjgaerbvj73k06pqxr3zty7vvf9f0jreme1j3w\",1ya5yrwelrso-yxib3ctz0mdjsqkh2uffmn2kfrmynlkfp2vhk5vxrjlyzc1nx1i8okgrxz4hh9fxn</t>
  </si>
  <si>
    <t>01/14/2020 10:44:43</t>
  </si>
  <si>
    <t>mail.google.com/sync/u/0/i/s?hl=pt-BR&amp;c=1696</t>
  </si>
  <si>
    <t>"languagecode":"pt-br";"requesttype":"background_request";"scenariotype;"timezone":"-03:00";0] _x0018_�2_x0007_c-4e;0]0};0]\\\\\\\:�x &lt;l;0]\\\\\\\k�� &lt;l;0]\\\\\\\qh; &lt;l;0]ackages\tornado\platform\interface.py;0]l;0]ll;142961685;1578947220311;1578949026584;1578949327611;1578949628634;1578949929662;1578951735943;1578952037003;1578952639056;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;58;64;65;66;67;73;74;76;[];[]]];andrelpsa@algartech.com;atuima2v-l-r4mlrttnejldjmmcmtjqqdb_eo8phe2_wqj_y1ojumr1iabvw2ppblwocree42tuodgonxc9zytfd_xfmhuyp_nsbf90zwa1ymt8xxsjb3zk2_u2mwite\";atuima2v-l-r4mlrttnej</t>
  </si>
  <si>
    <t>"languagecode":"pt-br","requesttype":"background_request","scenariotype,"timezone":"-03:00",0] _x0018_�2_x0007_c-4e,0]0},0]\\\\\\\:�x &lt;l,0]\\\\\\\k�� &lt;l,0]\\\\\\\qh; &lt;l,0]ackages\tornado\platform\interface.py,0]l,0]ll,142961685,1578947220311,1578949026584,1578949327611,1578949628634,1578949929662,1578951735943,1578952037003,1578952639056,358&amp;i=66&amp;ai=mail:o.ebdc.139.1/s:v=2&amp;a=lc&amp;sv=cv&amp;ev=di&amp;t=101.985107421875&amp;i=8.985107421875&amp;ai=mail:lc.ebdc.140.0/s:v=2&amp;a=re&amp;sv=di&amp;ev=di&amp;t=103&amp;i=80&amp;ai=mail:re.ebdc.141.0/s:v=2&amp;a=o&amp;sv=di&amp;ev=cv&amp;t=152&amp;i=87&amp;ai=mail:o.ebdc.142.0/s:v=2&amp;a=lc&amp;sv=cv&amp;ev=di&amp;t=117.955078125&amp;i=17.955078125&amp;ai=mail:lc.ebdc.143.0/s:v=2&amp;a=re&amp;sv=di&amp;ev=di&amp;t=162&amp;i=139&amp;ai=mail:re.ebdc.144.0/s:v=2&amp;a=o&amp;sv=di&amp;ev=cv&amp;t=184&amp;i=62&amp;ai=mail:o.ebdc.145.1/s:v=2&amp;a=lc&amp;sv=cv&amp;ev=di&amp;t=106.97998046875&amp;i=10.97998046875&amp;ai=mail:lc.ebdc.146.0,58,64,65,66,67,73,74,76,[],[]]],andrelpsa@algartech.com,atuima2v-l-r4mlrttnejldjmmcmtjqqdb_eo8phe2_wqj_y1ojumr1iabvw2ppblwocree42tuodgonxc9zytfd_xfmhuyp_nsbf90zwa1ymt8xxsjb3zk2_u2mwite\",atuima2v-l-r4mlrttnej</t>
  </si>
  <si>
    <t>01/14/2020 10:44:46</t>
  </si>
  <si>
    <t>mail.google.com/sync/u/0/i/s?hl=pt-BR&amp;c=1701</t>
  </si>
  <si>
    <t>01/14/2020 10:44:52</t>
  </si>
  <si>
    <t>mail.google.com/sync/u/0/i/s?hl=pt-BR&amp;c=1706</t>
  </si>
  <si>
    <t>01/14/2020 10:44:59</t>
  </si>
  <si>
    <t>mail.google.com/sync/u/0/i/s?hl=pt-BR&amp;c=1711</t>
  </si>
  <si>
    <t>01/14/2020 10:44:47</t>
  </si>
  <si>
    <t>01/14/2020 10:45:15</t>
  </si>
  <si>
    <t>01/14/2020 10:44:35</t>
  </si>
  <si>
    <t>01/14/2020 10:49:35</t>
  </si>
  <si>
    <t>c16d440b-6fc0-474f-96c8-d849a72cbb42.tmp</t>
  </si>
  <si>
    <t>\\acsfs\profiles$\lorenabmc\Downloads\c16d440b-6fc0-474f-96c8-d849a72cbb42.tmp</t>
  </si>
  <si>
    <t>01/14/2020 10:45:22</t>
  </si>
  <si>
    <t>16d71e73-94b5-4c82-b309-2b08216b267d.tmp</t>
  </si>
  <si>
    <t>\\acsfs\profiles$\leticiala\Downloads\16d71e73-94b5-4c82-b309-2b08216b267d.tmp</t>
  </si>
  <si>
    <t>01/14/2020 10:46:10</t>
  </si>
  <si>
    <t>00a7ad76-ea9e-442a-b557-276e5efcd92c.tmp</t>
  </si>
  <si>
    <t>\\acsfs\profiles$\leticiala\Downloads\00a7ad76-ea9e-442a-b557-276e5efcd92c.tmp</t>
  </si>
  <si>
    <t>01/14/2020 10:49:12</t>
  </si>
  <si>
    <t>01/14/2020 10:50:35</t>
  </si>
  <si>
    <t>01/14/2020 10:49:40</t>
  </si>
  <si>
    <t>01/14/2020 10:46:27</t>
  </si>
  <si>
    <t>01/14/2020 10:51:35</t>
  </si>
  <si>
    <t>01/14/2020 10:46:58</t>
  </si>
  <si>
    <t>01/14/2020 10:47:28</t>
  </si>
  <si>
    <t>01/14/2020 10:47:58</t>
  </si>
  <si>
    <t>01/14/2020 10:48:28</t>
  </si>
  <si>
    <t>01/14/2020 10:48:58</t>
  </si>
  <si>
    <t>01/14/2020 10:51:06</t>
  </si>
  <si>
    <t>01/14/2020 10:52:35</t>
  </si>
  <si>
    <t>01/14/2020 10:51:07</t>
  </si>
  <si>
    <t>01/14/2020 10:47:59</t>
  </si>
  <si>
    <t>01/14/2020 10:53:35</t>
  </si>
  <si>
    <t>01/14/2020 10:53:56</t>
  </si>
  <si>
    <t>01/14/2020 10:54:34</t>
  </si>
  <si>
    <t>9dfc0c8d-251b-47a0-ac49-dd7687fb91ad.tmp</t>
  </si>
  <si>
    <t>\\acsfs\profiles$\leticiala\Downloads\9dfc0c8d-251b-47a0-ac49-dd7687fb91ad.tmp</t>
  </si>
  <si>
    <t>01/14/2020 10:51:54</t>
  </si>
  <si>
    <t>01/14/2020 10:55:35</t>
  </si>
  <si>
    <t>01/14/2020 10:53:13</t>
  </si>
  <si>
    <t>01/14/2020 10:54:50</t>
  </si>
  <si>
    <t>01/14/2020 10:51:12</t>
  </si>
  <si>
    <t>01/14/2020 10:51:17</t>
  </si>
  <si>
    <t>01/14/2020 10:51:22</t>
  </si>
  <si>
    <t>joaogvc@algartech.com;leonardoao@algartech.com;marianacds@algartech.com;marianadjc@algartech.com;paulacn@algartech.com;planejamentodeoperacoesetrafego@bv.com.br;rafaelggs@algartech.com;raphaelmco@algartech.com.br;ricardodfm@algartech.com.br;taysdss@algartech.com;thiagordu@algartech.com;viniciussg@algartech.com;</t>
  </si>
  <si>
    <t>joaogvc@algartech.com,leonardoao@algartech.com,marianacds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4/2020 10:51:31</t>
  </si>
  <si>
    <t>01/14/2020 10:51:48</t>
  </si>
  <si>
    <t>01/14/2020 10:52:05</t>
  </si>
  <si>
    <t>01/14/2020 10:52:23</t>
  </si>
  <si>
    <t>01/14/2020 10:52:30</t>
  </si>
  <si>
    <t>01/14/2020 10:54:04</t>
  </si>
  <si>
    <t>01/14/2020 10:52:40</t>
  </si>
  <si>
    <t>01/14/2020 10:52:57</t>
  </si>
  <si>
    <t>01/14/2020 10:53:07</t>
  </si>
  <si>
    <t>01/14/2020 10:54:15</t>
  </si>
  <si>
    <t>RELATORIO DE LOGIN - BV CARTÕES 13-01.xlsm</t>
  </si>
  <si>
    <t>\\acsfs\DEPTOS\Operacao\PCP\5 - Comum\PLANEJAMENTO BV\14 - ACOMPANHAMENTO\1 - REPORT ACOMPANHAMENTO\2020\1 - JANEIRO\CARTÕES\Login Logout Cartões\RELATORIO DE LOGIN - BV CARTÕES 13-01.xlsm</t>
  </si>
  <si>
    <t>01/14/2020 10:54:55</t>
  </si>
  <si>
    <t>mail.google.com/_/upload?authuser=0&amp;dcp=asu-n&amp;upload_id=AEnB2UpHNtbD866_wfQwWLmXDA_bPpR5uIF0p9IQWIh2ocHdU9yoK5xPAlxVl1diWAI3axyd7GdqB2OZD8xwdO00L19BWH2Mrkz2gpNg_f8GDyNvBgxq5Kc&amp;upload_protocol=resumable</t>
  </si>
  <si>
    <t>01/14/2020 10:54:13</t>
  </si>
  <si>
    <t>01/14/2020 10:56:35</t>
  </si>
  <si>
    <t>5143d137-f5eb-4dac-af60-5a43f2a129be.tmp</t>
  </si>
  <si>
    <t>\\acsfs\profiles$\cintiadcf\Downloads\5143d137-f5eb-4dac-af60-5a43f2a129be.tmp</t>
  </si>
  <si>
    <t>01/14/2020 10:50:59</t>
  </si>
  <si>
    <t>01/14/2020 10:53:50</t>
  </si>
  <si>
    <t>01/14/2020 10:57:36</t>
  </si>
  <si>
    <t>01/14/2020 10:53:51</t>
  </si>
  <si>
    <t>01/14/2020 10:54:05</t>
  </si>
  <si>
    <t>01/14/2020 10:54:06</t>
  </si>
  <si>
    <t>01/14/2020 10:54:57</t>
  </si>
  <si>
    <t>01/14/2020 10:54:58</t>
  </si>
  <si>
    <t>01/14/2020 10:57:40</t>
  </si>
  <si>
    <t>01/14/2020 11:00:36</t>
  </si>
  <si>
    <t>01/14/2020 10:59:44</t>
  </si>
  <si>
    <t>9ce7e874-772a-43a5-b92c-6dba3c9ecf09.tmp</t>
  </si>
  <si>
    <t>\\acsfs\profiles$\quindaizaagds\Downloads\9ce7e874-772a-43a5-b92c-6dba3c9ecf09.tmp</t>
  </si>
  <si>
    <t>01/14/2020 10:59:46</t>
  </si>
  <si>
    <t>01/14/2020 10:59:47</t>
  </si>
  <si>
    <t>01/14/2020 10:56:59</t>
  </si>
  <si>
    <t>01/14/2020 11:01:36</t>
  </si>
  <si>
    <t>01/14/2020 10:57:29</t>
  </si>
  <si>
    <t>01/14/2020 10:57:59</t>
  </si>
  <si>
    <t>01/14/2020 10:59:00</t>
  </si>
  <si>
    <t>01/14/2020 11:00:00</t>
  </si>
  <si>
    <t>01/14/2020 11:00:52</t>
  </si>
  <si>
    <t>01/14/2020 10:58:00</t>
  </si>
  <si>
    <t>BRUNA LARA ARAUJO SANTOS_1_6777815730154977833_1_32.wav</t>
  </si>
  <si>
    <t>\\acsfs\Deptos\EDUCACAO EMPRESARIAL\KÉSIA\Ligações 2º ciclo - Janeiro 2020\BRUNA LARA ARAUJO SANTOS_1_6777815730154977833_1_32.wav</t>
  </si>
  <si>
    <t>01/14/2020 11:01:24</t>
  </si>
  <si>
    <t>01/14/2020 11:02:36</t>
  </si>
  <si>
    <t>6032dda5-ee86-485e-bd49-88e06e994e2a.tmp</t>
  </si>
  <si>
    <t>\\acsfs\profiles$\THYAGOSP\Downloads\6032dda5-ee86-485e-bd49-88e06e994e2a.tmp</t>
  </si>
  <si>
    <t>01/14/2020 11:01:17</t>
  </si>
  <si>
    <t>01/14/2020 11:00:27</t>
  </si>
  <si>
    <t>01/14/2020 11:03:36</t>
  </si>
  <si>
    <t>01/14/2020 11:00:33</t>
  </si>
  <si>
    <t>01/14/2020 11:01:35</t>
  </si>
  <si>
    <t>Beatriz Pereira Mendes da Silva_1_6777354712660393041_1_32.wav</t>
  </si>
  <si>
    <t>\\acsfs\Deptos\EDUCACAO EMPRESARIAL\FERNANDA MONIT\Fernanda\MONITORIA JANEIRO\Ligação para MUTANT segundo ciclo janeiro\Beatriz Pereira Mendes da Silva_1_6777354712660393041_1_32.wav</t>
  </si>
  <si>
    <t>01/14/2020 11:02:16</t>
  </si>
  <si>
    <t>01/14/2020 10:58:57</t>
  </si>
  <si>
    <t>lu11748c87z.tmp</t>
  </si>
  <si>
    <t>\\acsfs\profiles$\BRUNAAR\Numero\lu11748c87z.tmp</t>
  </si>
  <si>
    <t>01/14/2020 10:59:08</t>
  </si>
  <si>
    <t>lu11748c883.tmp</t>
  </si>
  <si>
    <t>\\acsfs\profiles$\BRUNAAR\Numero\lu11748c883.tmp</t>
  </si>
  <si>
    <t>01/14/2020 10:58:29</t>
  </si>
  <si>
    <t>01/14/2020 11:03:32</t>
  </si>
  <si>
    <t>01/14/2020 11:04:36</t>
  </si>
  <si>
    <t>10.200.67.63</t>
  </si>
  <si>
    <t>alinesv</t>
  </si>
  <si>
    <t>\\acsfs\profiles$\alinesv\Contacts\</t>
  </si>
  <si>
    <t>ALINE SANTOS VENANCIO (33).contact</t>
  </si>
  <si>
    <t>\\acsfs\profiles$\alinesv\Contacts\ALINE SANTOS VENANCIO (33).contact</t>
  </si>
  <si>
    <t>01/14/2020 11:03:33</t>
  </si>
  <si>
    <t>01/14/2020 10:58:54</t>
  </si>
  <si>
    <t>01/14/2020 11:03:16</t>
  </si>
  <si>
    <t>3d96b387-06c1-4a05-b26a-4df73adb6a19.tmp</t>
  </si>
  <si>
    <t>\\acsfs\profiles$\larissaad\Downloads\3d96b387-06c1-4a05-b26a-4df73adb6a19.tmp</t>
  </si>
  <si>
    <t>01/14/2020 11:01:23</t>
  </si>
  <si>
    <t>37be8472-b390-475e-be4c-5c5936de5756.tmp</t>
  </si>
  <si>
    <t>\\acsfs\profiles$\nathaliarmr\Downloads\37be8472-b390-475e-be4c-5c5936de5756.tmp</t>
  </si>
  <si>
    <t>01/14/2020 11:03:44</t>
  </si>
  <si>
    <t>01/14/2020 11:05:37</t>
  </si>
  <si>
    <t>01/14/2020 11:00:58</t>
  </si>
  <si>
    <t>22d48e02-b6ca-43c5-a2eb-df4b7cd2c4dc.tmp</t>
  </si>
  <si>
    <t>\\acsfs\profiles$\quindaizaagds\Downloads\22d48e02-b6ca-43c5-a2eb-df4b7cd2c4dc.tmp</t>
  </si>
  <si>
    <t>01/14/2020 11:01:01</t>
  </si>
  <si>
    <t>be3c6207-0177-4570-83e3-eaaabbe9358f.tmp</t>
  </si>
  <si>
    <t>\\acsfs\profiles$\quindaizaagds\Downloads\be3c6207-0177-4570-83e3-eaaabbe9358f.tmp</t>
  </si>
  <si>
    <t>01/14/2020 11:01:34</t>
  </si>
  <si>
    <t>2268c7b4-66d6-4a3d-9d20-2201e8c082ed.tmp</t>
  </si>
  <si>
    <t>\\acsfs\profiles$\quindaizaagds\Downloads\2268c7b4-66d6-4a3d-9d20-2201e8c082ed.tmp</t>
  </si>
  <si>
    <t>01/14/2020 11:03:34</t>
  </si>
  <si>
    <t>3440a874-eb75-4cd9-bc54-cdb412fc8270.tmp</t>
  </si>
  <si>
    <t>\\acsfs\profiles$\quindaizaagds\Downloads\3440a874-eb75-4cd9-bc54-cdb412fc8270.tmp</t>
  </si>
  <si>
    <t>01/14/2020 11:02:20</t>
  </si>
  <si>
    <t>01/14/2020 11:01:38</t>
  </si>
  <si>
    <t>01/14/2020 11:06:36</t>
  </si>
  <si>
    <t>01/14/2020 11:02:17</t>
  </si>
  <si>
    <t>01/14/2020 11:05:45</t>
  </si>
  <si>
    <t>01/14/2020 11:07:36</t>
  </si>
  <si>
    <t>01/14/2020 11:07:16</t>
  </si>
  <si>
    <t>01/14/2020 11:08:36</t>
  </si>
  <si>
    <t>01/14/2020 11:06:57</t>
  </si>
  <si>
    <t>59f88545-4493-4129-96e5-a829efab0367.tmp</t>
  </si>
  <si>
    <t>\\acsfs\profiles$\gabrielhca\Downloads\59f88545-4493-4129-96e5-a829efab0367.tmp</t>
  </si>
  <si>
    <t>01/14/2020 11:06:12</t>
  </si>
  <si>
    <t>cd142f21-93d3-403f-9ece-70d888fdda4a.tmp</t>
  </si>
  <si>
    <t>\\acsfs\profiles$\ERICALSR\Downloads\cd142f21-93d3-403f-9ece-70d888fdda4a.tmp</t>
  </si>
  <si>
    <t>01/14/2020 11:04:18</t>
  </si>
  <si>
    <t>01/14/2020 11:09:36</t>
  </si>
  <si>
    <t>\\acsfs\profiles$\alinesv\My Documents\My Videos\</t>
  </si>
  <si>
    <t>\\acsfs\profiles$\alinesv\My Documents\My Videos\desktop.ini</t>
  </si>
  <si>
    <t>01/14/2020 11:04:19</t>
  </si>
  <si>
    <t>01/14/2020 11:04:20</t>
  </si>
  <si>
    <t>\\acsfs\profiles$\alinesv\My Documents\My Pictures\</t>
  </si>
  <si>
    <t>\\acsfs\profiles$\alinesv\My Documents\My Pictures\desktop.ini</t>
  </si>
  <si>
    <t>01/14/2020 11:04:21</t>
  </si>
  <si>
    <t>01/14/2020 11:04:22</t>
  </si>
  <si>
    <t>\\acsfs\profiles$\alinesv\Contacts\desktop.ini</t>
  </si>
  <si>
    <t>01/14/2020 11:04:23</t>
  </si>
  <si>
    <t>01/14/2020 11:04:24</t>
  </si>
  <si>
    <t>\\acsfs\profiles$\alinesv\Favorites\</t>
  </si>
  <si>
    <t>\\acsfs\profiles$\alinesv\Favorites\desktop.ini</t>
  </si>
  <si>
    <t>01/14/2020 11:04:25</t>
  </si>
  <si>
    <t>01/14/2020 11:04:26</t>
  </si>
  <si>
    <t>\\acsfs\profiles$\alinesv\My Documents\My Music\</t>
  </si>
  <si>
    <t>\\acsfs\profiles$\alinesv\My Documents\My Music\desktop.ini</t>
  </si>
  <si>
    <t>01/14/2020 11:04:27</t>
  </si>
  <si>
    <t>01/14/2020 11:04:28</t>
  </si>
  <si>
    <t>01/14/2020 11:04:30</t>
  </si>
  <si>
    <t>\\acsfs\profiles$\alinesv\Searches\</t>
  </si>
  <si>
    <t>\\acsfs\profiles$\alinesv\Searches\desktop.ini</t>
  </si>
  <si>
    <t>01/14/2020 11:04:31</t>
  </si>
  <si>
    <t>\\acsfs\profiles$\alinesv\Downloads\</t>
  </si>
  <si>
    <t>\\acsfs\profiles$\alinesv\Downloads\desktop.ini</t>
  </si>
  <si>
    <t>01/14/2020 11:04:32</t>
  </si>
  <si>
    <t>\\acsfs\profiles$\alinesv\My Documents\</t>
  </si>
  <si>
    <t>\\acsfs\profiles$\alinesv\My Documents\desktop.ini</t>
  </si>
  <si>
    <t>01/14/2020 11:04:33</t>
  </si>
  <si>
    <t>01/14/2020 11:04:34</t>
  </si>
  <si>
    <t>01/14/2020 11:04:35</t>
  </si>
  <si>
    <t>\\acsfs\profiles$\alinesv\Saved Games\</t>
  </si>
  <si>
    <t>\\acsfs\profiles$\alinesv\Saved Games\desktop.ini</t>
  </si>
  <si>
    <t>01/14/2020 11:05:04</t>
  </si>
  <si>
    <t>\\acsfs\profiles$\alinesv\Favorites\Links for Brasil\</t>
  </si>
  <si>
    <t>\\acsfs\profiles$\alinesv\Favorites\Links for Brasil\desktop.ini</t>
  </si>
  <si>
    <t>01/14/2020 11:05:06</t>
  </si>
  <si>
    <t>\\acsfs\profiles$\alinesv\Favorites\Links for Brasil\Microsoft Brasil.url</t>
  </si>
  <si>
    <t>01/14/2020 11:05:07</t>
  </si>
  <si>
    <t>\\acsfs\profiles$\alinesv\Favorites\Links for Brasil\Windows Brasil.url</t>
  </si>
  <si>
    <t>01/14/2020 11:05:08</t>
  </si>
  <si>
    <t>01/14/2020 11:05:09</t>
  </si>
  <si>
    <t>\\acsfs\profiles$\alinesv\Favorites\Links for Brasil\MSN Brasil.url</t>
  </si>
  <si>
    <t>01/14/2020 11:05:10</t>
  </si>
  <si>
    <t>01/14/2020 11:05:27</t>
  </si>
  <si>
    <t>01/14/2020 11:10:36</t>
  </si>
  <si>
    <t>angelica.santos@dxc.com;ctssuporteinfo@dxc.com;daniela.ribeiro@bv.com.br;fabio.ernest@bv.com.br;</t>
  </si>
  <si>
    <t>angelica.santos@dxc.com,ctssuporteinfo@dxc.com,daniela.ribeiro@bv.com.br,fabio.ernest@bv.com.br</t>
  </si>
  <si>
    <t>01/14/2020 11:08:57</t>
  </si>
  <si>
    <t>ancestorhasaugmentedpermissions;angelica.santos@dxc.com;containsunsubscribedchildren;ctssuporteinfo@dxc.com;daniela.ribeiro@bv.com.br;displayn;displayname;domain;emailaddress;fabio.ernest@bv.com.br;file(kind;fileid;filesize;hasthumbnail;hasvisitorpermissions;id;id);items(deleted;items(kind;ken;kind;lastmodifyinguse;lastmodifyinguser(kind;lastviewedbymedate;modifiedbymedate;modifieddate;ontainsunsubscribedchildren;owners(kind;per;permission;permissionid;picture;rpermissions;shared;sharedwithmedate;thumbnailversion;title;userpermission(role);workspaceids;</t>
  </si>
  <si>
    <t>ancestorhasaugmentedpermissions,angelica.santos@dxc.com,containsunsubscribedchildren,ctssuporteinfo@dxc.com,daniela.ribeiro@bv.com.br,displayn,displayname,domain,emailaddress,fabio.ernest@bv.com.br,file(kind,fileid,filesize,hasthumbnail,hasvisitorpermissions,id,id),items(deleted,items(kind,ken,kind,lastmodifyinguse,lastmodifyinguser(kind,lastviewedbymedate,modifiedbymedate,modifieddate,ontainsunsubscribedchildren,owners(kind,per,permission,permissionid,picture,rpermissions,shared,sharedwithmedate,thumbnailversion,title,userpermission(role),workspaceids</t>
  </si>
  <si>
    <t>01/14/2020 11:09:00</t>
  </si>
  <si>
    <t>01/14/2020 11:09:34</t>
  </si>
  <si>
    <t>01/14/2020 11:08:19</t>
  </si>
  <si>
    <t>01/14/2020 11:06:15</t>
  </si>
  <si>
    <t>01/14/2020 11:09:17</t>
  </si>
  <si>
    <t>01/14/2020 11:09:31</t>
  </si>
  <si>
    <t>01/14/2020 11:09:32</t>
  </si>
  <si>
    <t>01/14/2020 11:10:29</t>
  </si>
  <si>
    <t>01/14/2020 11:11:36</t>
  </si>
  <si>
    <t>e7574704-b987-4836-a12c-a924e1e3c73c.tmp</t>
  </si>
  <si>
    <t>\\acsfs\profiles$\RAFAELRF\Downloads\e7574704-b987-4836-a12c-a924e1e3c73c.tmp</t>
  </si>
  <si>
    <t>01/14/2020 11:10:22</t>
  </si>
  <si>
    <t>01/14/2020 11:09:23</t>
  </si>
  <si>
    <t>Informações - Terceiros.PNG</t>
  </si>
  <si>
    <t>\\acsfs\Deptos\EDUCACAO EMPRESARIAL\KÉSIA\Informações - Terceiros.PNG</t>
  </si>
  <si>
    <t>01/14/2020 11:13:36</t>
  </si>
  <si>
    <t>01/14/2020 11:12:24</t>
  </si>
  <si>
    <t>01/14/2020 11:12:32</t>
  </si>
  <si>
    <t>01/14/2020 11:12:36</t>
  </si>
  <si>
    <t>01/14/2020 11:12:51</t>
  </si>
  <si>
    <t>01/14/2020 11:15:36</t>
  </si>
  <si>
    <t>01/14/2020 11:10:21</t>
  </si>
  <si>
    <t>01/14/2020 11:10:26</t>
  </si>
  <si>
    <t>01/14/2020 11:10:38</t>
  </si>
  <si>
    <t>01/14/2020 11:10:44</t>
  </si>
  <si>
    <t>01/14/2020 11:10:48</t>
  </si>
  <si>
    <t>01/14/2020 11:10:53</t>
  </si>
  <si>
    <t>01/14/2020 11:11:12</t>
  </si>
  <si>
    <t>01/14/2020 11:14:39</t>
  </si>
  <si>
    <t>01/14/2020 11:15:51</t>
  </si>
  <si>
    <t>01/14/2020 11:16:36</t>
  </si>
  <si>
    <t>3108ee42-6d21-4efb-ae11-ea491feef558.tmp</t>
  </si>
  <si>
    <t>\\acsfs\profiles$\gabriellalpr\Downloads\3108ee42-6d21-4efb-ae11-ea491feef558.tmp</t>
  </si>
  <si>
    <t>01/14/2020 11:13:07</t>
  </si>
  <si>
    <t>e3cf215e-71a2-4590-873b-5f1edaab8019.tmp</t>
  </si>
  <si>
    <t>\\acsfs\profiles$\joselrb\Downloads\e3cf215e-71a2-4590-873b-5f1edaab8019.tmp</t>
  </si>
  <si>
    <t>01/14/2020 11:13:37</t>
  </si>
  <si>
    <t>aec8dfae-bfce-40b8-beb3-28b48827ca4d.tmp</t>
  </si>
  <si>
    <t>\\acsfs\profiles$\joselrb\Downloads\aec8dfae-bfce-40b8-beb3-28b48827ca4d.tmp</t>
  </si>
  <si>
    <t>01/14/2020 11:14:01</t>
  </si>
  <si>
    <t>2f577cb0-7582-4c01-85f4-665c50bd30a5.tmp</t>
  </si>
  <si>
    <t>\\acsfs\profiles$\joselrb\Downloads\2f577cb0-7582-4c01-85f4-665c50bd30a5.tmp</t>
  </si>
  <si>
    <t>01/14/2020 11:13:33</t>
  </si>
  <si>
    <t>CINTIA DE JESUS LIMA_1_6777459106135488270_1_32.wav</t>
  </si>
  <si>
    <t>\\acsfs\Deptos\EDUCACAO EMPRESARIAL\KÉSIA\Ligações 2º ciclo - Janeiro 2020\CINTIA DE JESUS LIMA_1_6777459106135488270_1_32.wav</t>
  </si>
  <si>
    <t>01/14/2020 11:15:42</t>
  </si>
  <si>
    <t>01/14/2020 11:17:36</t>
  </si>
  <si>
    <t>01/14/2020 11:17:34</t>
  </si>
  <si>
    <t>01/14/2020 11:18:36</t>
  </si>
  <si>
    <t>01/14/2020 11:16:32</t>
  </si>
  <si>
    <t>01/14/2020 11:15:11</t>
  </si>
  <si>
    <t>01/14/2020 11:20:36</t>
  </si>
  <si>
    <t>01/14/2020 11:15:31</t>
  </si>
  <si>
    <t>01/14/2020 11:15:54</t>
  </si>
  <si>
    <t>01/14/2020 11:16:04</t>
  </si>
  <si>
    <t>0,0.668,0],1.054,1.054],1.557,1006.3100000006671,1017.055000000255,105.91999999996915,1062.0800000015151,1062.3150000010355,1070.2150000015536,1070.4349999996339,1077.0049999991897,1102.2550000016054,1125.3900000010617,1189.155000000028,119.90999999943597,12.854],12.870000000475557,1241.9100000006438,126.375,13.58,135.413,15.344,15.344],15.436,15.436],15.552,15.552],155.14000000075612,1585.943],173.60999999982596,186.01999999918917,2.510000000256696,21.464,21.464],21.7,21.740000000136206,21.7],2133.9400000015303,2192.4550000003364,2340.4150000005757,2346.2450000006356,253.53999999970256,3,3.777],33.212,33.212],34.445000001142034,354.0850000008504,354.3250000002445,36.79999999985739,378.2950000004348,378.94000000051165,379.1800000017247,379.3600000008155,379.43000000086613,38.438],380.78000000132306,384.5899999996618,4.843,442.611],49.399999999877764,490.6600000012986,5,50.970000000233995,506.83,51.0149999990972,546.8500000006316,547.5400000013906,547.9250000007596,548.2850000007602,548.9050000014686,56.249999</t>
  </si>
  <si>
    <t>01/14/2020 11:16:21</t>
  </si>
  <si>
    <t>0]4xb;1579006940260;2104726273;4;[];[]]];ancestorhasaugmentedpermissions;bvcartes-supervisores@algarnet.onmicrosoft.com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serpermission(role);workspaceids;x3uwmszta-6eoaufu_ruryo-cpfqmpbjbzt1tdc3slxxxnxps4iuazxegx0v0kgmkiwoilwscxys5jj6xjy655su7yklkl6seaqfdujs5pwhc7jqabe-f9vohggn05cucnuig2iovmi3e-pvx_ixavqgh-95py0ypbjsgavvtlpc6odbgaqnjywdpofc8-r1zy_i9slqdoovc17mqm0ns2dfgavqre3bpttw\";znymuj2x5crgq91mxkk6nlro3ij_aoq5bcd6g8xla3acpkpoh-woypkjcm7bw8jk1tkf64erbx5jwkobjwzchcvfbs8yb0pqv6eiu6wb9maud2ftox3uwmszta-6eoaufu_ruryo-cpfqmpbjbzt1tdc3slxxxnxps4iuazxegx0v0kgmkiwoilwscxys5jj6xjy655su7yklkl6seaqfdujs5pwhc7jqabe-f9vohggn05cucnuig2iovmi3e-pvx_ixavqgh-95py0ypbjsgavvtlpc</t>
  </si>
  <si>
    <t>0]4xb,1579006940260,2104726273,4,[],[]]],ancestorhasaugmentedpermissions,bvcartes-supervisores@algarnet.onmicrosoft.com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,x3uwmszta-6eoaufu_ruryo-cpfqmpbjbzt1tdc3slxxxnxps4iuazxegx0v0kgmkiwoilwscxys5jj6xjy655su7yklkl6seaqfdujs5pwhc7jqabe-f9vohggn05cucnuig2iovmi3e-pvx_ixavqgh-95py0ypbjsgavvtlpc6odbgaqnjywdpofc8-r1zy_i9slqdoovc17mqm0ns2dfgavqre3bpttw\",znymuj2x5crgq91mxkk6nlro3ij_aoq5bcd6g8xla3acpkpoh-woypkjcm7bw8jk1tkf64erbx5jwkobjwzchcvfbs8yb0pqv6eiu6wb9maud2ftox3uwmszta-6eoaufu_ruryo-cpfqmpbjbzt1tdc3slxxxnxps4iuazxegx0v0kgmkiwoilwscxys5jj6xjy655su7yklkl6seaqfdujs5pwhc7jqabe-f9vohggn05cucnuig2iovmi3e-pvx_ixavqgh-95py0ypbjsgavvtlpc</t>
  </si>
  <si>
    <t>angelica.santos@dxc.com;bvcartes-supervisores@algarnet.onmicrosoft.com;ctssuporteinfo@dxc.com;daniela.ribeiro@bv.com.br;fabio.ernest@bv.com.br;</t>
  </si>
  <si>
    <t>angelica.santos@dxc.com,bvcartes-supervisores@algarnet.onmicrosoft.com,ctssuporteinfo@dxc.com,daniela.ribeiro@bv.com.br,fabio.ernest@bv.com.br</t>
  </si>
  <si>
    <t>01/14/2020 11:16:45</t>
  </si>
  <si>
    <t>01/14/2020 11:19:52</t>
  </si>
  <si>
    <t>01/14/2020 11:20:01</t>
  </si>
  <si>
    <t>01/14/2020 11:17:31</t>
  </si>
  <si>
    <t>01/14/2020 11:21:36</t>
  </si>
  <si>
    <t>FABIANA FONTINELE VERAS_1_6777468739747121452_1_32.wav</t>
  </si>
  <si>
    <t>\\acsfs\Deptos\EDUCACAO EMPRESARIAL\KÉSIA\Ligações 2º ciclo - Janeiro 2020\FABIANA FONTINELE VERAS_1_6777468739747121452_1_32.wav</t>
  </si>
  <si>
    <t>01/14/2020 11:20:17</t>
  </si>
  <si>
    <t>01/14/2020 11:22:36</t>
  </si>
  <si>
    <t>01/14/2020 11:20:33</t>
  </si>
  <si>
    <t>01/14/2020 11:18:02</t>
  </si>
  <si>
    <t>01/14/2020 11:23:36</t>
  </si>
  <si>
    <t>01/14/2020 11:18:22</t>
  </si>
  <si>
    <t>01/14/2020 11:18:38</t>
  </si>
  <si>
    <t>01/14/2020 11:19:11</t>
  </si>
  <si>
    <t>01/14/2020 11:19:17</t>
  </si>
  <si>
    <t>01/14/2020 11:19:48</t>
  </si>
  <si>
    <t>01/14/2020 11:20:32</t>
  </si>
  <si>
    <t>01/14/2020 11:20:40</t>
  </si>
  <si>
    <t>01/14/2020 11:20:46</t>
  </si>
  <si>
    <t>01/14/2020 11:21:13</t>
  </si>
  <si>
    <t>01/14/2020 11:22:16</t>
  </si>
  <si>
    <t>01/14/2020 11:22:26</t>
  </si>
  <si>
    <t>01/14/2020 11:22:32</t>
  </si>
  <si>
    <t>01/14/2020 11:19:49</t>
  </si>
  <si>
    <t>01/14/2020 11:19:54</t>
  </si>
  <si>
    <t>https://csp.withgoogle.com/csp/apps-picker/v1</t>
  </si>
  <si>
    <t>01/14/2020 11:19:55</t>
  </si>
  <si>
    <t>01/14/2020 11:20:05</t>
  </si>
  <si>
    <t>01/14/2020 11:19:30</t>
  </si>
  <si>
    <t>lu11748c887.tmp</t>
  </si>
  <si>
    <t>\\acsfs\profiles$\BRUNAAR\Numero\lu11748c887.tmp</t>
  </si>
  <si>
    <t>01/14/2020 11:21:44</t>
  </si>
  <si>
    <t>d65c0292-0909-4540-9e86-c54b4a59a204.tmp</t>
  </si>
  <si>
    <t>\\acsfs\profiles$\rafaelamsv\Downloads\d65c0292-0909-4540-9e86-c54b4a59a204.tmp</t>
  </si>
  <si>
    <t>01/14/2020 11:22:06</t>
  </si>
  <si>
    <t>01/14/2020 11:24:36</t>
  </si>
  <si>
    <t>01/14/2020 11:22:13</t>
  </si>
  <si>
    <t>01/14/2020 11:22:31</t>
  </si>
  <si>
    <t>01/14/2020 11:19:32</t>
  </si>
  <si>
    <t>01/14/2020 11:24:04</t>
  </si>
  <si>
    <t>01/14/2020 11:25:37</t>
  </si>
  <si>
    <t>01/14/2020 11:20:28</t>
  </si>
  <si>
    <t>25b5b04d-876d-426f-9270-4a7448f34a60.tmp</t>
  </si>
  <si>
    <t>\\acsfs\profiles$\matheushds\Downloads\25b5b04d-876d-426f-9270-4a7448f34a60.tmp</t>
  </si>
  <si>
    <t>01/14/2020 11:21:21</t>
  </si>
  <si>
    <t>01/14/2020 11:21:42</t>
  </si>
  <si>
    <t>ancestorhasaugmentedpermissions;angelica.santos@dxc.com;containsunsubscribedchildren;ctssuporteinfo@dxc.com;daniela.ribeiro@bv.com.br;displayn;displayname;domain;emailaddress;fabio.ernest@bv.com.br;file(kind;fileid;filesize;hasthumbnail;hasvisitorpermissions;id;id);items(deleted;items(kind;ken;kind;lastmodifyinguse;lastmodifyinguser(kind;lastviewedbymedate;modifiedbymedate;modifieddate;ontainsunsubscribedchildren;owners(kind;per;permission;permissionid;picture;rpermissions;shared;sharedwithmedate;thiagordu@algartech.com;thumbnailversion;title;userpermission(role);workspaceids;</t>
  </si>
  <si>
    <t>ancestorhasaugmentedpermissions,angelica.santos@dxc.com,containsunsubscribedchildren,ctssuporteinfo@dxc.com,daniela.ribeiro@bv.com.br,displayn,displayname,domain,emailaddress,fabio.ernest@bv.com.br,file(kind,fileid,filesize,hasthumbnail,hasvisitorpermissions,id,id),items(deleted,items(kind,ken,kind,lastmodifyinguse,lastmodifyinguser(kind,lastviewedbymedate,modifiedbymedate,modifieddate,ontainsunsubscribedchildren,owners(kind,per,permission,permissionid,picture,rpermissions,shared,sharedwithmedate,thiagordu@algartech.com,thumbnailversion,title,userpermission(role),workspaceids</t>
  </si>
  <si>
    <t>01/14/2020 11:21:50</t>
  </si>
  <si>
    <t>01/14/2020 11:21:55</t>
  </si>
  <si>
    <t>01/14/2020 11:21:59</t>
  </si>
  <si>
    <t>01/14/2020 11:22:23</t>
  </si>
  <si>
    <t>01/14/2020 11:22:28</t>
  </si>
  <si>
    <t>01/14/2020 11:22:42</t>
  </si>
  <si>
    <t>bvcartes-supervisores@algarnet.onmicrosoft.com;thiagordu@algartech.com;</t>
  </si>
  <si>
    <t>bvcartes-supervisores@algarnet.onmicrosoft.com,thiagordu@algartech.com</t>
  </si>
  <si>
    <t>01/14/2020 11:22:45</t>
  </si>
  <si>
    <t>01/14/2020 11:23:20</t>
  </si>
  <si>
    <t>01/14/2020 11:22:02</t>
  </si>
  <si>
    <t>100014122394468;andrelpsa@algartech.com;joaogvc@algartech.com;katia.cardoso@bv.com.br;leonardoao@algartech.com;marianadjc@algartech.com;maristelavodq@bv.algartech.com;paulacn@algartech.com;ricardodfm@algartech.com.br;taysdss@algartech.com;</t>
  </si>
  <si>
    <t>https://100014122394468,andrelpsa@algartech.com,joaogvc@algartech.com,katia.cardoso@bv.com.br,leonardoao@algartech.com,marianadjc@algartech.com,maristelavodq@bv.algartech.com,paulacn@algartech.com,ricardodfm@algartech.com.br,taysdss@algartech.com</t>
  </si>
  <si>
    <t>01/14/2020 11:25:16</t>
  </si>
  <si>
    <t>01/14/2020 11:26:36</t>
  </si>
  <si>
    <t>01/14/2020 11:25:17</t>
  </si>
  <si>
    <t>01/14/2020 11:25:18</t>
  </si>
  <si>
    <t>01/14/2020 11:25:19</t>
  </si>
  <si>
    <t>01/14/2020 11:25:20</t>
  </si>
  <si>
    <t>01/14/2020 11:25:21</t>
  </si>
  <si>
    <t>01/14/2020 11:25:22</t>
  </si>
  <si>
    <t>01/14/2020 11:25:23</t>
  </si>
  <si>
    <t>01/14/2020 11:25:24</t>
  </si>
  <si>
    <t>01/14/2020 11:25:25</t>
  </si>
  <si>
    <t>01/14/2020 11:25:26</t>
  </si>
  <si>
    <t>01/14/2020 11:25:27</t>
  </si>
  <si>
    <t>01/14/2020 11:25:34</t>
  </si>
  <si>
    <t>01/14/2020 11:27:37</t>
  </si>
  <si>
    <t>01/14/2020 11:22:51</t>
  </si>
  <si>
    <t>01/14/2020 11:28:36</t>
  </si>
  <si>
    <t>01/14/2020 11:22:56</t>
  </si>
  <si>
    <t>01/14/2020 11:22:59</t>
  </si>
  <si>
    <t>01/14/2020 11:23:33</t>
  </si>
  <si>
    <t>01/14/2020 11:25:00</t>
  </si>
  <si>
    <t>01/14/2020 11:27:05</t>
  </si>
  <si>
    <t>01/14/2020 11:24:27</t>
  </si>
  <si>
    <t>01/14/2020 11:29:37</t>
  </si>
  <si>
    <t>3c3eaf82-5221-4ba3-96f0-1e96d45a6567.tmp</t>
  </si>
  <si>
    <t>\\acsfs\profiles$\gabrielaff\Downloads\3c3eaf82-5221-4ba3-96f0-1e96d45a6567.tmp</t>
  </si>
  <si>
    <t>01/14/2020 11:28:06</t>
  </si>
  <si>
    <t>f5fcaa63-1fde-4489-99d0-aa29bc738401.tmp</t>
  </si>
  <si>
    <t>\\acsfs\profiles$\larissaad\Downloads\f5fcaa63-1fde-4489-99d0-aa29bc738401.tmp</t>
  </si>
  <si>
    <t>01/14/2020 11:28:33</t>
  </si>
  <si>
    <t>8904022c-4380-4de9-a8ae-36cf5ccca2e8.tmp</t>
  </si>
  <si>
    <t>\\acsfs\profiles$\larissaad\Downloads\8904022c-4380-4de9-a8ae-36cf5ccca2e8.tmp</t>
  </si>
  <si>
    <t>01/14/2020 11:29:16</t>
  </si>
  <si>
    <t>a39469bc-824c-43c6-85be-1eac1905b253.tmp</t>
  </si>
  <si>
    <t>\\acsfs\profiles$\lucasqdss\Downloads\a39469bc-824c-43c6-85be-1eac1905b253.tmp</t>
  </si>
  <si>
    <t>01/14/2020 11:24:52</t>
  </si>
  <si>
    <t>01/14/2020 11:24:51</t>
  </si>
  <si>
    <t>01/14/2020 11:30:36</t>
  </si>
  <si>
    <t>01/14/2020 11:26:33</t>
  </si>
  <si>
    <t>01/14/2020 11:26:49</t>
  </si>
  <si>
    <t>01/14/2020 11:27:44</t>
  </si>
  <si>
    <t>01/14/2020 11:27:45</t>
  </si>
  <si>
    <t>01/14/2020 11:27:46</t>
  </si>
  <si>
    <t>01/14/2020 11:28:00</t>
  </si>
  <si>
    <t>01/14/2020 11:29:43</t>
  </si>
  <si>
    <t>01/14/2020 11:29:44</t>
  </si>
  <si>
    <t>lu1000011qr54.tmp</t>
  </si>
  <si>
    <t>\\acsfs\profiles$\jonathanwap\lu1000011qr54.tmp</t>
  </si>
  <si>
    <t>\\acsfs\profiles$\jonathanwap\lu1000011qr54.tmp\</t>
  </si>
  <si>
    <t>\\acsfs\profiles$\jonathanwap\lu1000011qr54.tmp\META-INF\</t>
  </si>
  <si>
    <t>\\acsfs\profiles$\jonathanwap\lu1000011qr54.tmp\Thumbnails\</t>
  </si>
  <si>
    <t>01/14/2020 11:31:37</t>
  </si>
  <si>
    <t>01/14/2020 11:25:28</t>
  </si>
  <si>
    <t>01/14/2020 11:25:29</t>
  </si>
  <si>
    <t>01/14/2020 11:25:30</t>
  </si>
  <si>
    <t>01/14/2020 11:25:31</t>
  </si>
  <si>
    <t>01/14/2020 11:25:32</t>
  </si>
  <si>
    <t>01/14/2020 11:25:33</t>
  </si>
  <si>
    <t>01/14/2020 11:25:35</t>
  </si>
  <si>
    <t>01/14/2020 11:25:36</t>
  </si>
  <si>
    <t>01/14/2020 11:25:38</t>
  </si>
  <si>
    <t>01/14/2020 11:25:39</t>
  </si>
  <si>
    <t>01/14/2020 11:25:40</t>
  </si>
  <si>
    <t>01/14/2020 11:25:41</t>
  </si>
  <si>
    <t>01/14/2020 11:25:42</t>
  </si>
  <si>
    <t>01/14/2020 11:25:43</t>
  </si>
  <si>
    <t>01/14/2020 11:25:44</t>
  </si>
  <si>
    <t>01/14/2020 11:25:45</t>
  </si>
  <si>
    <t>01/14/2020 11:25:46</t>
  </si>
  <si>
    <t>01/14/2020 11:28:34</t>
  </si>
  <si>
    <t>01/14/2020 11:32:36</t>
  </si>
  <si>
    <t>01/14/2020 11:28:35</t>
  </si>
  <si>
    <t>01/14/2020 11:30:10</t>
  </si>
  <si>
    <t>01/14/2020 11:30:40</t>
  </si>
  <si>
    <t>01/14/2020 11:32:37</t>
  </si>
  <si>
    <t>01/14/2020 11:29:48</t>
  </si>
  <si>
    <t>01/14/2020 11:31:27</t>
  </si>
  <si>
    <t>01/14/2020 11:33:36</t>
  </si>
  <si>
    <t>e5fa6e48-f890-4d7c-9451-67908e12b9a1.tmp</t>
  </si>
  <si>
    <t>\\acsfs\profiles$\LUCASBS\Downloads\e5fa6e48-f890-4d7c-9451-67908e12b9a1.tmp</t>
  </si>
  <si>
    <t>01/14/2020 11:29:13</t>
  </si>
  <si>
    <t>01/14/2020 11:29:20</t>
  </si>
  <si>
    <t>01/14/2020 11:29:24</t>
  </si>
  <si>
    <t>01/14/2020 11:29:58</t>
  </si>
  <si>
    <t>01/14/2020 11:32:51</t>
  </si>
  <si>
    <t>22d57947-05b0-4371-8add-271b5766d6b6.tmp</t>
  </si>
  <si>
    <t>\\acsfs\profiles$\gabrielsma\Downloads\22d57947-05b0-4371-8add-271b5766d6b6.tmp</t>
  </si>
  <si>
    <t>01/14/2020 11:28:31</t>
  </si>
  <si>
    <t>a94801cd-f5c6-439f-b135-e1c430240776.tmp</t>
  </si>
  <si>
    <t>\\acsfs\profiles$\rafaelamsv\Downloads\a94801cd-f5c6-439f-b135-e1c430240776.tmp</t>
  </si>
  <si>
    <t>01/14/2020 11:28:58</t>
  </si>
  <si>
    <t>01/14/2020 11:34:36</t>
  </si>
  <si>
    <t>69124930-908b-47c6-9efd-90392558a386.tmp</t>
  </si>
  <si>
    <t>\\acsfs\profiles$\larissaad\Downloads\69124930-908b-47c6-9efd-90392558a386.tmp</t>
  </si>
  <si>
    <t>01/14/2020 11:30:26</t>
  </si>
  <si>
    <t>9215e349-e0f1-49cc-bc7b-b370ca8e5eb6.tmp</t>
  </si>
  <si>
    <t>\\acsfs\profiles$\larissaad\Downloads\9215e349-e0f1-49cc-bc7b-b370ca8e5eb6.tmp</t>
  </si>
  <si>
    <t>01/14/2020 11:31:39</t>
  </si>
  <si>
    <t>6fe6a13b-bdc5-4c7c-a39e-a923dea1b672.tmp</t>
  </si>
  <si>
    <t>\\acsfs\profiles$\larissaad\Downloads\6fe6a13b-bdc5-4c7c-a39e-a923dea1b672.tmp</t>
  </si>
  <si>
    <t>01/14/2020 11:31:42</t>
  </si>
  <si>
    <t>22b54937-1b35-438f-bfd2-f04413e3914a.tmp</t>
  </si>
  <si>
    <t>\\acsfs\profiles$\larissaad\Downloads\22b54937-1b35-438f-bfd2-f04413e3914a.tmp</t>
  </si>
  <si>
    <t>01/14/2020 11:32:00</t>
  </si>
  <si>
    <t>8a153fc6-e853-48f0-93e4-3ed7c26ee0e4.tmp</t>
  </si>
  <si>
    <t>\\acsfs\profiles$\larissaad\Downloads\8a153fc6-e853-48f0-93e4-3ed7c26ee0e4.tmp</t>
  </si>
  <si>
    <t>01/14/2020 11:32:26</t>
  </si>
  <si>
    <t>18a8ac7c-e7a0-48a1-8abf-aba7d3bce112.tmp</t>
  </si>
  <si>
    <t>\\acsfs\profiles$\larissaad\Downloads\18a8ac7c-e7a0-48a1-8abf-aba7d3bce112.tmp</t>
  </si>
  <si>
    <t>01/14/2020 11:32:47</t>
  </si>
  <si>
    <t>38ece8bc-53fb-4d53-8ea4-aa21c1c90b84.tmp</t>
  </si>
  <si>
    <t>\\acsfs\profiles$\larissaad\Downloads\38ece8bc-53fb-4d53-8ea4-aa21c1c90b84.tmp</t>
  </si>
  <si>
    <t>01/14/2020 11:29:19</t>
  </si>
  <si>
    <t>72c2fef4-8ec7-4912-8769-b5dc38935478.tmp</t>
  </si>
  <si>
    <t>\\acsfs\profiles$\leticiala\Downloads\72c2fef4-8ec7-4912-8769-b5dc38935478.tmp</t>
  </si>
  <si>
    <t>01/14/2020 11:29:47</t>
  </si>
  <si>
    <t>01/14/2020 11:31:19</t>
  </si>
  <si>
    <t>01/14/2020 11:35:36</t>
  </si>
  <si>
    <t>01/14/2020 11:31:49</t>
  </si>
  <si>
    <t>01/14/2020 11:32:48</t>
  </si>
  <si>
    <t>01/14/2020 11:34:50</t>
  </si>
  <si>
    <t>01/14/2020 11:36:36</t>
  </si>
  <si>
    <t>70790de5-eef5-4668-995c-dd53b3b6761c.tmp</t>
  </si>
  <si>
    <t>\\acsfs\profiles$\joselrb\Downloads\70790de5-eef5-4668-995c-dd53b3b6761c.tmp</t>
  </si>
  <si>
    <t>01/14/2020 11:34:56</t>
  </si>
  <si>
    <t>01/14/2020 11:37:36</t>
  </si>
  <si>
    <t>01/14/2020 11:38:36</t>
  </si>
  <si>
    <t>TALITA FERNANDES DA COSTA_1_6777316478861521149_1_32.wav</t>
  </si>
  <si>
    <t>\\acsfs\Deptos\EDUCACAO EMPRESARIAL\FERNANDA MONIT\Fernanda\MONITORIA JANEIRO\Ligação para MUTANT segundo ciclo janeiro\TALITA FERNANDES DA COSTA_1_6777316478861521149_1_32.wav</t>
  </si>
  <si>
    <t>01/14/2020 11:34:17</t>
  </si>
  <si>
    <t>01/14/2020 11:34:24</t>
  </si>
  <si>
    <t>01/14/2020 11:34:30</t>
  </si>
  <si>
    <t>01/14/2020 11:33:18</t>
  </si>
  <si>
    <t>Não confirmado 131631.crdownload</t>
  </si>
  <si>
    <t>\\acsfs\ACS\Gabriel da Silva\Contemporânea\VENDAS\Não confirmado 131631.crdownload</t>
  </si>
  <si>
    <t>01/14/2020 11:33:19</t>
  </si>
  <si>
    <t>a356a4cc-5bf5-46c1-838c-d170e8a6d312.tmp</t>
  </si>
  <si>
    <t>\\acsfs\profiles$\gabrielsma\Downloads\a356a4cc-5bf5-46c1-838c-d170e8a6d312.tmp</t>
  </si>
  <si>
    <t>Não confirmado 410666.crdownload</t>
  </si>
  <si>
    <t>\\acsfs\ACS\Gabriel da Silva\Contemporânea\VENDAS\Não confirmado 410666.crdownload</t>
  </si>
  <si>
    <t>01/14/2020 11:34:10</t>
  </si>
  <si>
    <t>01/14/2020 11:35:13</t>
  </si>
  <si>
    <t>01/14/2020 11:35:01</t>
  </si>
  <si>
    <t>ab1ede4a-3c9f-4945-bef5-c489e52ee8d3.tmp</t>
  </si>
  <si>
    <t>\\acsfs\profiles$\ALYNYA\Downloads\ab1ede4a-3c9f-4945-bef5-c489e52ee8d3.tmp</t>
  </si>
  <si>
    <t>01/14/2020 11:38:25</t>
  </si>
  <si>
    <t>01/14/2020 11:39:36</t>
  </si>
  <si>
    <t>01/14/2020 11:36:05</t>
  </si>
  <si>
    <t>01/14/2020 11:37:58</t>
  </si>
  <si>
    <t>01/14/2020 11:41:36</t>
  </si>
  <si>
    <t>52a886f7-7801-489e-bd47-0511ac45ceb1.tmp</t>
  </si>
  <si>
    <t>\\acsfs\profiles$\joselrb\Downloads\52a886f7-7801-489e-bd47-0511ac45ceb1.tmp</t>
  </si>
  <si>
    <t>01/14/2020 11:38:03</t>
  </si>
  <si>
    <t>01/14/2020 11:42:36</t>
  </si>
  <si>
    <t>01/14/2020 11:38:08</t>
  </si>
  <si>
    <t>01/14/2020 11:43:36</t>
  </si>
  <si>
    <t>01/14/2020 11:41:35</t>
  </si>
  <si>
    <t>01/14/2020 11:41:47</t>
  </si>
  <si>
    <t>01/14/2020 11:42:04</t>
  </si>
  <si>
    <t>01/14/2020 11:42:12</t>
  </si>
  <si>
    <t>01/14/2020 11:43:40</t>
  </si>
  <si>
    <t>01/14/2020 11:44:36</t>
  </si>
  <si>
    <t>01/14/2020 11:40:09</t>
  </si>
  <si>
    <t>01/14/2020 11:45:36</t>
  </si>
  <si>
    <t>043ff3f3-f32d-4a9c-acdd-dc46251790d7.tmp</t>
  </si>
  <si>
    <t>\\acsfs\profiles$\victoriaksr\Downloads\043ff3f3-f32d-4a9c-acdd-dc46251790d7.tmp</t>
  </si>
  <si>
    <t>01/14/2020 11:41:56</t>
  </si>
  <si>
    <t>.~lock.Retratação Qualidade Janeiro.xlsx#</t>
  </si>
  <si>
    <t>\\acsfs\profiles$\victoriaksr\Downloads\.~lock.Retratação Qualidade Janeiro.xlsx#</t>
  </si>
  <si>
    <t>01/14/2020 11:42:49</t>
  </si>
  <si>
    <t>36d1e078-5af8-46ab-b614-f444e42a5c05.tmp</t>
  </si>
  <si>
    <t>\\acsfs\profiles$\quindaizaagds\Downloads\36d1e078-5af8-46ab-b614-f444e42a5c05.tmp</t>
  </si>
  <si>
    <t>01/14/2020 11:43:26</t>
  </si>
  <si>
    <t>01/14/2020 11:44:07</t>
  </si>
  <si>
    <t>01/14/2020 11:42:45</t>
  </si>
  <si>
    <t>01/14/2020 11:44:24</t>
  </si>
  <si>
    <t>01/14/2020 11:46:35</t>
  </si>
  <si>
    <t>.~lock.Reneg Vcto 15-01 Flavio.ods#</t>
  </si>
  <si>
    <t>\\acsfs\profiles$\Flaviojmm\My Documents\.~lock.Reneg Vcto 15-01 Flavio.ods#</t>
  </si>
  <si>
    <t>01/14/2020 11:44:27</t>
  </si>
  <si>
    <t>lu236683kk5qb.tmp</t>
  </si>
  <si>
    <t>\\acsfs\profiles$\Flaviojmm\My Documents\lu236683kk5qb.tmp</t>
  </si>
  <si>
    <t>\\acsfs\profiles$\Flaviojmm\My Documents\lu236683kk5qb.tmp\</t>
  </si>
  <si>
    <t>\\acsfs\profiles$\Flaviojmm\My Documents\lu236683kk5qb.tmp\META-INF\</t>
  </si>
  <si>
    <t>\\acsfs\profiles$\Flaviojmm\My Documents\lu236683kk5qb.tmp\Thumbnails\</t>
  </si>
  <si>
    <t>01/14/2020 11:46:37</t>
  </si>
  <si>
    <t>01/14/2020 11:47:36</t>
  </si>
  <si>
    <t>ce4d0058-8ed2-4294-abe3-22243bc20d7b.tmp</t>
  </si>
  <si>
    <t>\\acsfs\profiles$\luanarda\Downloads\ce4d0058-8ed2-4294-abe3-22243bc20d7b.tmp</t>
  </si>
  <si>
    <t>01/14/2020 11:47:03</t>
  </si>
  <si>
    <t>977bfaea-a6ae-4e11-8487-4d297fc83e40.tmp</t>
  </si>
  <si>
    <t>\\acsfs\profiles$\jhonatadss\Downloads\977bfaea-a6ae-4e11-8487-4d297fc83e40.tmp</t>
  </si>
  <si>
    <t>01/14/2020 11:42:52</t>
  </si>
  <si>
    <t>01/14/2020 11:48:36</t>
  </si>
  <si>
    <t>\\acsfs\Deptos\Operacao\Banco_Votorantim\Supervisao\CAMILLA LIMA RODRIGUES\Medidas disciplinares\</t>
  </si>
  <si>
    <t>Advertência Cinthia.doc</t>
  </si>
  <si>
    <t>\\acsfs\Deptos\Operacao\Banco_Votorantim\Supervisao\CAMILLA LIMA RODRIGUES\Medidas disciplinares\Advertência Cinthia.doc</t>
  </si>
  <si>
    <t>01/14/2020 11:43:03</t>
  </si>
  <si>
    <t>\\acsfs\deptos\operacao\banco_votorantim\supervisao\camilla lima rodrigues\medidas disciplinares\</t>
  </si>
  <si>
    <t>advertência cinthia.doc</t>
  </si>
  <si>
    <t>01/14/2020 11:43:11</t>
  </si>
  <si>
    <t>01/14/2020 11:43:15</t>
  </si>
  <si>
    <t>01/14/2020 11:49:36</t>
  </si>
  <si>
    <t>01/14/2020 11:47:59</t>
  </si>
  <si>
    <t>01/14/2020 11:49:33</t>
  </si>
  <si>
    <t>01/14/2020 11:50:36</t>
  </si>
  <si>
    <t>lu7812bn99.tmp</t>
  </si>
  <si>
    <t>\\acsfs\profiles$\ALEXANDREMM\lu7812bn99.tmp</t>
  </si>
  <si>
    <t>\\acsfs\profiles$\ALEXANDREMM\lu7812bn99.tmp\</t>
  </si>
  <si>
    <t>\\acsfs\profiles$\ALEXANDREMM\lu7812bn99.tmp\META-INF\</t>
  </si>
  <si>
    <t>\\acsfs\profiles$\ALEXANDREMM\lu7812bn99.tmp\Thumbnails\</t>
  </si>
  <si>
    <t>01/14/2020 11:48:57</t>
  </si>
  <si>
    <t>01/14/2020 11:49:02</t>
  </si>
  <si>
    <t>01/14/2020 11:46:09</t>
  </si>
  <si>
    <t>01/14/2020 11:48:29</t>
  </si>
  <si>
    <t>01/14/2020 11:48:50</t>
  </si>
  <si>
    <t>01/14/2020 11:46:39</t>
  </si>
  <si>
    <t>01/14/2020 11:51:36</t>
  </si>
  <si>
    <t>.~lock.isabelle 14.01.2020.ods#</t>
  </si>
  <si>
    <t>\\acsfs\profiles$\ISABELLEGTDS\Nova pasta\.~lock.isabelle 14.01.2020.ods#</t>
  </si>
  <si>
    <t>01/14/2020 11:46:42</t>
  </si>
  <si>
    <t>lu232801kd0vg.tmp</t>
  </si>
  <si>
    <t>\\acsfs\profiles$\ISABELLEGTDS\Nova pasta\lu232801kd0vg.tmp</t>
  </si>
  <si>
    <t>\\acsfs\profiles$\ISABELLEGTDS\Nova pasta\lu232801kd0vg.tmp\</t>
  </si>
  <si>
    <t>\\acsfs\profiles$\ISABELLEGTDS\Nova pasta\lu232801kd0vg.tmp\META-INF\</t>
  </si>
  <si>
    <t>\\acsfs\profiles$\ISABELLEGTDS\Nova pasta\lu232801kd0vg.tmp\Thumbnails\</t>
  </si>
  <si>
    <t>01/14/2020 11:47:04</t>
  </si>
  <si>
    <t>21a3e0dc-9151-409c-b2ab-5bb4ddf94b75.tmp</t>
  </si>
  <si>
    <t>\\acsfs\profiles$\isabellegtds\Downloads\21a3e0dc-9151-409c-b2ab-5bb4ddf94b75.tmp</t>
  </si>
  <si>
    <t>01/14/2020 11:50:13</t>
  </si>
  <si>
    <t>01/14/2020 11:50:01</t>
  </si>
  <si>
    <t>01/14/2020 11:48:10</t>
  </si>
  <si>
    <t>01/14/2020 11:53:36</t>
  </si>
  <si>
    <t>01/14/2020 11:48:11</t>
  </si>
  <si>
    <t>lu11748c88b.tmp</t>
  </si>
  <si>
    <t>\\acsfs\profiles$\BRUNAAR\Numero\lu11748c88b.tmp</t>
  </si>
  <si>
    <t>01/14/2020 11:52:49</t>
  </si>
  <si>
    <t>42153ef5-52cd-4c6e-802d-0a56c1bc4aa6.tmp</t>
  </si>
  <si>
    <t>\\acsfs\profiles$\gabrielsma\Downloads\42153ef5-52cd-4c6e-802d-0a56c1bc4aa6.tmp</t>
  </si>
  <si>
    <t>01/14/2020 11:50:31</t>
  </si>
  <si>
    <t>01/14/2020 11:54:37</t>
  </si>
  <si>
    <t>01/14/2020 11:50:38</t>
  </si>
  <si>
    <t>01/14/2020 11:50:42</t>
  </si>
  <si>
    <t>https://udpwfmniceap02/web/guest/home?p_auth=50my22ct&amp;p_p_id=58&amp;p_p_lifecycle=1&amp;p_p_state=maximized&amp;p_p_mode=view&amp;savelastpath=0&amp;_58_struts_action=/login/forgot_password</t>
  </si>
  <si>
    <t>01/14/2020 11:53:26</t>
  </si>
  <si>
    <t>01/14/2020 11:55:36</t>
  </si>
  <si>
    <t>01/14/2020 11:52:04</t>
  </si>
  <si>
    <t>b204fa41-9dbd-408e-8313-fbe07766b9a5.tmp</t>
  </si>
  <si>
    <t>\\acsfs\profiles$\dhiulliananads\Downloads\b204fa41-9dbd-408e-8313-fbe07766b9a5.tmp</t>
  </si>
  <si>
    <t>01/14/2020 11:54:26</t>
  </si>
  <si>
    <t>Valor Prêmio por Operador Janeiro - até 13.01.pdf</t>
  </si>
  <si>
    <t>\\acsfs\DEPTOS\Operacao\Banco_Votorantim\Comum\00 - COMUM - BV CARTÕES\EQUIPE ADILSON\Vendas\Valor Prêmio por Operador Janeiro - até 13.01.pdf</t>
  </si>
  <si>
    <t>01/14/2020 11:54:25</t>
  </si>
  <si>
    <t>01/14/2020 11:53:41</t>
  </si>
  <si>
    <t>01/14/2020 11:56:36</t>
  </si>
  <si>
    <t>01/14/2020 11:54:31</t>
  </si>
  <si>
    <t>01/14/2020 11:54:58</t>
  </si>
  <si>
    <t>77f2bff7-0e32-4e82-bd63-dac443f1e850.tmp</t>
  </si>
  <si>
    <t>\\acsfs\profiles$\sarahbal\Downloads\77f2bff7-0e32-4e82-bd63-dac443f1e850.tmp</t>
  </si>
  <si>
    <t>01/14/2020 11:57:36</t>
  </si>
  <si>
    <t>01/14/2020 11:54:38</t>
  </si>
  <si>
    <t>01/14/2020 11:54:55</t>
  </si>
  <si>
    <t>01/14/2020 11:54:56</t>
  </si>
  <si>
    <t>01/14/2020 11:55:34</t>
  </si>
  <si>
    <t>01/14/2020 11:58:36</t>
  </si>
  <si>
    <t>01/14/2020 11:53:04</t>
  </si>
  <si>
    <t>\\acsfs\ACS\Gabriel da Silva\Contemporânea\VENDAS\Q29udHJvbGxlci5JRS1Qb3J0YWw-.ica.crdownload</t>
  </si>
  <si>
    <t>01/14/2020 11:54:33</t>
  </si>
  <si>
    <t>888cb3ff-1522-436a-87b2-7f69a3cf429b.tmp</t>
  </si>
  <si>
    <t>\\acsfs\profiles$\ALYNYA\Downloads\888cb3ff-1522-436a-87b2-7f69a3cf429b.tmp</t>
  </si>
  <si>
    <t>01/14/2020 11:59:35</t>
  </si>
  <si>
    <t>01/14/2020 11:55:38</t>
  </si>
  <si>
    <t>01/14/2020 11:55:02</t>
  </si>
  <si>
    <t>01/14/2020 11:56:58</t>
  </si>
  <si>
    <t>37db3b7f-9600-4549-9bb8-d7f3f44b8416.tmp</t>
  </si>
  <si>
    <t>\\acsfs\profiles$\claudiajca\Downloads\37db3b7f-9600-4549-9bb8-d7f3f44b8416.tmp</t>
  </si>
  <si>
    <t>01/14/2020 11:59:43</t>
  </si>
  <si>
    <t>01/14/2020 12:00:36</t>
  </si>
  <si>
    <t>01/14/2020 11:59:06</t>
  </si>
  <si>
    <t>01/14/2020 11:57:16</t>
  </si>
  <si>
    <t>01/14/2020 12:01:36</t>
  </si>
  <si>
    <t>.~lock.isabelle 14.01.20.ods#</t>
  </si>
  <si>
    <t>\\acsfs\profiles$\ISABELLEGTDS\Nova pasta\.~lock.isabelle 14.01.20.ods#</t>
  </si>
  <si>
    <t>01/14/2020 11:57:20</t>
  </si>
  <si>
    <t>lu240081mr3j2.tmp</t>
  </si>
  <si>
    <t>\\acsfs\profiles$\ISABELLEGTDS\Nova pasta\lu240081mr3j2.tmp</t>
  </si>
  <si>
    <t>\\acsfs\profiles$\ISABELLEGTDS\Nova pasta\lu240081mr3j2.tmp\</t>
  </si>
  <si>
    <t>\\acsfs\profiles$\ISABELLEGTDS\Nova pasta\lu240081mr3j2.tmp\META-INF\</t>
  </si>
  <si>
    <t>\\acsfs\profiles$\ISABELLEGTDS\Nova pasta\lu240081mr3j2.tmp\Thumbnails\</t>
  </si>
  <si>
    <t>01/14/2020 11:58:37</t>
  </si>
  <si>
    <t>.~lock.Reneg Vcto 15-01-20 Flavio.ods#</t>
  </si>
  <si>
    <t>\\acsfs\profiles$\Flaviojmm\My Documents\.~lock.Reneg Vcto 15-01-20 Flavio.ods#</t>
  </si>
  <si>
    <t>01/14/2020 11:58:40</t>
  </si>
  <si>
    <t>lu282843mxztu.tmp</t>
  </si>
  <si>
    <t>\\acsfs\profiles$\Flaviojmm\My Documents\lu282843mxztu.tmp</t>
  </si>
  <si>
    <t>\\acsfs\profiles$\Flaviojmm\My Documents\lu282843mxztu.tmp\</t>
  </si>
  <si>
    <t>\\acsfs\profiles$\Flaviojmm\My Documents\lu282843mxztu.tmp\META-INF\</t>
  </si>
  <si>
    <t>\\acsfs\profiles$\Flaviojmm\My Documents\lu282843mxztu.tmp\Thumbnails\</t>
  </si>
  <si>
    <t>01/14/2020 11:59:47</t>
  </si>
  <si>
    <t>01/14/2020 11:59:51</t>
  </si>
  <si>
    <t>lu282843mxzu0.tmp</t>
  </si>
  <si>
    <t>\\acsfs\profiles$\Flaviojmm\My Documents\lu282843mxzu0.tmp</t>
  </si>
  <si>
    <t>\\acsfs\profiles$\Flaviojmm\My Documents\lu282843mxzu0.tmp\</t>
  </si>
  <si>
    <t>\\acsfs\profiles$\Flaviojmm\My Documents\lu282843mxzu0.tmp\META-INF\</t>
  </si>
  <si>
    <t>\\acsfs\profiles$\Flaviojmm\My Documents\lu282843mxzu0.tmp\Thumbnails\</t>
  </si>
  <si>
    <t>01/14/2020 11:59:02</t>
  </si>
  <si>
    <t>01/14/2020 12:02:36</t>
  </si>
  <si>
    <t>b354ad5e-e6de-461e-bc23-5a29cddbf0b5.tmp</t>
  </si>
  <si>
    <t>\\acsfs\profiles$\lucasgpe\Downloads\b354ad5e-e6de-461e-bc23-5a29cddbf0b5.tmp</t>
  </si>
  <si>
    <t>01/14/2020 12:02:15</t>
  </si>
  <si>
    <t>01/14/2020 12:02:21</t>
  </si>
  <si>
    <t>01/14/2020 12:02:33</t>
  </si>
  <si>
    <t>01/14/2020 12:03:36</t>
  </si>
  <si>
    <t>lu11748c88f.tmp</t>
  </si>
  <si>
    <t>\\acsfs\profiles$\BRUNAAR\Numero\lu11748c88f.tmp</t>
  </si>
  <si>
    <t>01/14/2020 11:59:39</t>
  </si>
  <si>
    <t>Base de vendas.xlsm</t>
  </si>
  <si>
    <t>\\acsfs\ACS\Gabriel da Silva\Contemporânea\VENDAS\Base de vendas.xlsm</t>
  </si>
  <si>
    <t>01/14/2020 12:05:11</t>
  </si>
  <si>
    <t>01/14/2020 12:05:36</t>
  </si>
  <si>
    <t>01/14/2020 12:05:12</t>
  </si>
  <si>
    <t>lu1000011qr5h.tmp</t>
  </si>
  <si>
    <t>\\acsfs\profiles$\jonathanwap\lu1000011qr5h.tmp</t>
  </si>
  <si>
    <t>\\acsfs\profiles$\jonathanwap\lu1000011qr5h.tmp\</t>
  </si>
  <si>
    <t>\\acsfs\profiles$\jonathanwap\lu1000011qr5h.tmp\META-INF\</t>
  </si>
  <si>
    <t>\\acsfs\profiles$\jonathanwap\lu1000011qr5h.tmp\Thumbnails\</t>
  </si>
  <si>
    <t>01/14/2020 12:05:21</t>
  </si>
  <si>
    <t>01/14/2020 12:03:42</t>
  </si>
  <si>
    <t>01/14/2020 12:05:13</t>
  </si>
  <si>
    <t>01/14/2020 12:06:36</t>
  </si>
  <si>
    <t>01/14/2020 12:05:43</t>
  </si>
  <si>
    <t>01/14/2020 12:01:21</t>
  </si>
  <si>
    <t>01/14/2020 12:01:24</t>
  </si>
  <si>
    <t>lu282843mxzu6.tmp</t>
  </si>
  <si>
    <t>\\acsfs\profiles$\Flaviojmm\My Documents\lu282843mxzu6.tmp</t>
  </si>
  <si>
    <t>\\acsfs\profiles$\Flaviojmm\My Documents\lu282843mxzu6.tmp\</t>
  </si>
  <si>
    <t>\\acsfs\profiles$\Flaviojmm\My Documents\lu282843mxzu6.tmp\META-INF\</t>
  </si>
  <si>
    <t>\\acsfs\profiles$\Flaviojmm\My Documents\lu282843mxzu6.tmp\Thumbnails\</t>
  </si>
  <si>
    <t>01/14/2020 12:01:41</t>
  </si>
  <si>
    <t>01/14/2020 12:01:44</t>
  </si>
  <si>
    <t>lu282843mxzuc.tmp</t>
  </si>
  <si>
    <t>\\acsfs\profiles$\Flaviojmm\My Documents\lu282843mxzuc.tmp</t>
  </si>
  <si>
    <t>\\acsfs\profiles$\Flaviojmm\My Documents\lu282843mxzuc.tmp\</t>
  </si>
  <si>
    <t>\\acsfs\profiles$\Flaviojmm\My Documents\lu282843mxzuc.tmp\META-INF\</t>
  </si>
  <si>
    <t>\\acsfs\profiles$\Flaviojmm\My Documents\lu282843mxzuc.tmp\Thumbnails\</t>
  </si>
  <si>
    <t>01/14/2020 12:07:36</t>
  </si>
  <si>
    <t>01/14/2020 12:07:07</t>
  </si>
  <si>
    <t>01/14/2020 12:02:41</t>
  </si>
  <si>
    <t>01/14/2020 12:03:07</t>
  </si>
  <si>
    <t>01/14/2020 12:06:15</t>
  </si>
  <si>
    <t>01/14/2020 12:08:36</t>
  </si>
  <si>
    <t>01/14/2020 12:06:40</t>
  </si>
  <si>
    <t>01/14/2020 12:07:01</t>
  </si>
  <si>
    <t>01/14/2020 12:07:24</t>
  </si>
  <si>
    <t>01/14/2020 12:07:44</t>
  </si>
  <si>
    <t>01/14/2020 12:06:47</t>
  </si>
  <si>
    <t>9833e68e-8d5b-4d34-85e1-ac672dd37d51.tmp</t>
  </si>
  <si>
    <t>\\acsfs\profiles$\thallitaqna\Downloads\9833e68e-8d5b-4d34-85e1-ac672dd37d51.tmp</t>
  </si>
  <si>
    <t>01/14/2020 12:07:08</t>
  </si>
  <si>
    <t>8e8bd9b2-529b-475f-b9f5-cb0de8601f88.tmp</t>
  </si>
  <si>
    <t>\\acsfs\profiles$\thallitaqna\Downloads\8e8bd9b2-529b-475f-b9f5-cb0de8601f88.tmp</t>
  </si>
  <si>
    <t>01/14/2020 12:07:32</t>
  </si>
  <si>
    <t>01/14/2020 12:07:23</t>
  </si>
  <si>
    <t>01/14/2020 12:09:36</t>
  </si>
  <si>
    <t>af7d0471-7625-4373-bcb6-c4e3e38141aa.tmp</t>
  </si>
  <si>
    <t>\\acsfs\profiles$\paulovadc\Downloads\af7d0471-7625-4373-bcb6-c4e3e38141aa.tmp</t>
  </si>
  <si>
    <t>01/14/2020 12:06:43</t>
  </si>
  <si>
    <t>01/14/2020 12:11:36</t>
  </si>
  <si>
    <t>01/14/2020 12:07:43</t>
  </si>
  <si>
    <t>01/14/2020 12:08:13</t>
  </si>
  <si>
    <t>01/14/2020 12:08:43</t>
  </si>
  <si>
    <t>01/14/2020 12:10:44</t>
  </si>
  <si>
    <t>01/14/2020 12:11:18</t>
  </si>
  <si>
    <t>01/14/2020 12:12:36</t>
  </si>
  <si>
    <t>01/14/2020 12:07:34</t>
  </si>
  <si>
    <t>8c28cf4c-fffc-47e3-9147-9c2c7c52de43.tmp</t>
  </si>
  <si>
    <t>\\acsfs\profiles$\lucasgpe\Downloads\8c28cf4c-fffc-47e3-9147-9c2c7c52de43.tmp</t>
  </si>
  <si>
    <t>01/14/2020 12:08:19</t>
  </si>
  <si>
    <t>312ddf02-9df6-40dc-8089-3bd3ebf1534b.tmp</t>
  </si>
  <si>
    <t>\\acsfs\profiles$\fernandofs\Downloads\312ddf02-9df6-40dc-8089-3bd3ebf1534b.tmp</t>
  </si>
  <si>
    <t>01/14/2020 12:08:25</t>
  </si>
  <si>
    <t>62265605-c2c6-4c64-afcd-b2bc8cb05c3b.tmp</t>
  </si>
  <si>
    <t>\\acsfs\profiles$\fernandofs\Downloads\62265605-c2c6-4c64-afcd-b2bc8cb05c3b.tmp</t>
  </si>
  <si>
    <t>01/14/2020 12:08:01</t>
  </si>
  <si>
    <t>01/14/2020 12:13:36</t>
  </si>
  <si>
    <t>01/14/2020 12:12:13</t>
  </si>
  <si>
    <t>01/14/2020 12:12:14</t>
  </si>
  <si>
    <t>lu11748c88j.tmp</t>
  </si>
  <si>
    <t>\\acsfs\profiles$\BRUNAAR\Numero\lu11748c88j.tmp</t>
  </si>
  <si>
    <t>01/14/2020 12:09:16</t>
  </si>
  <si>
    <t>mail.google.com/sync/u/0/i/s?hl=pt-BR&amp;c=1797</t>
  </si>
  <si>
    <t>_x0003_���_x001C_x�*x_x0006_��e`y_x000E_;"mozilla/5.0 (windows nt 6.1) applewebkit/537.36 (khtml;0;0];0]22] �_x0003_�_x0006_(�?_x0007_�=�_x0006_9995;0]l;0]ll;0]}ls;1;13;13700014;13700109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882896000;1578915886959000;1578930052848000;1578930058554000;1578930666787;1578940598260;1579002887516;1579004392649;1579014326512;17;1ya5yrwelrso-yxib3ctz0mdjsqkh2uffmn2kfrmynlkfp2vhk5vxrjlyzc1nx1i8okgrxz4hh9fxnqqavexbjgszjfxng_3tikapcccza7s5nl0iiv528sipt3_n6smfvjyvnmz5gmbld86jsedcdqpnbowbtwaejdtwlwiwyazylw418myzkyijnlherxkuhkwirbqle</t>
  </si>
  <si>
    <t>_x0003_���_x001C_x�*x_x0006_��e`y_x000E_,"mozilla/5.0 (windows nt 6.1) applewebkit/537.36 (khtml,0,0],0]22] �_x0003_�_x0006_(�?_x0007_�=�_x0006_9995,0]l,0]ll,0]}ls,1,13,13700014,13700109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882896000,1578915886959000,1578930052848000,1578930058554000,1578930666787,1578940598260,1579002887516,1579004392649,1579014326512,17,1ya5yrwelrso-yxib3ctz0mdjsqkh2uffmn2kfrmynlkfp2vhk5vxrjlyzc1nx1i8okgrxz4hh9fxnqqavexbjgszjfxng_3tikapcccza7s5nl0iiv528sipt3_n6smfvjyvnmz5gmbld86jsedcdqpnbowbtwaejdtwlwiwyazylw418myzkyijnlherxkuhkwirbqle</t>
  </si>
  <si>
    <t>01/14/2020 12:08:53</t>
  </si>
  <si>
    <t>f347901a-64b9-4cbd-b59a-a63d145d1cc3.tmp</t>
  </si>
  <si>
    <t>\\acsfs\profiles$\adelvinsonle\Downloads\f347901a-64b9-4cbd-b59a-a63d145d1cc3.tmp</t>
  </si>
  <si>
    <t>01/14/2020 12:09:57</t>
  </si>
  <si>
    <t>160c20f9-d5f4-4822-94f7-26d6385e66b1.tmp</t>
  </si>
  <si>
    <t>\\acsfs\profiles$\ERICALSR\Downloads\160c20f9-d5f4-4822-94f7-26d6385e66b1.tmp</t>
  </si>
  <si>
    <t>01/14/2020 12:13:51</t>
  </si>
  <si>
    <t>01/14/2020 12:14:36</t>
  </si>
  <si>
    <t>01/14/2020 12:12:54</t>
  </si>
  <si>
    <t>01/14/2020 12:15:37</t>
  </si>
  <si>
    <t>01/14/2020 12:12:59</t>
  </si>
  <si>
    <t>01/14/2020 12:13:22</t>
  </si>
  <si>
    <t>01/14/2020 12:16:36</t>
  </si>
  <si>
    <t>01/14/2020 12:14:53</t>
  </si>
  <si>
    <t>bb89ad11-0890-4161-b8b5-0027e6070173.tmp</t>
  </si>
  <si>
    <t>\\acsfs\profiles$\cintiadcf\Downloads\bb89ad11-0890-4161-b8b5-0027e6070173.tmp</t>
  </si>
  <si>
    <t>01/14/2020 12:13:13</t>
  </si>
  <si>
    <t>ada2281f-afb6-4c37-8457-f8fd3b2f896d.tmp</t>
  </si>
  <si>
    <t>\\acsfs\profiles$\monicargds\Downloads\ada2281f-afb6-4c37-8457-f8fd3b2f896d.tmp</t>
  </si>
  <si>
    <t>01/14/2020 12:11:14</t>
  </si>
  <si>
    <t>01/14/2020 12:12:44</t>
  </si>
  <si>
    <t>01/14/2020 12:13:14</t>
  </si>
  <si>
    <t>01/14/2020 12:14:00</t>
  </si>
  <si>
    <t>60922324-1eb3-4e00-b1b2-31215868a09c.tmp</t>
  </si>
  <si>
    <t>\\acsfs\profiles$\sarahbal\Downloads\60922324-1eb3-4e00-b1b2-31215868a09c.tmp</t>
  </si>
  <si>
    <t>01/14/2020 12:14:26</t>
  </si>
  <si>
    <t>01/14/2020 12:11:28</t>
  </si>
  <si>
    <t>01/14/2020 12:12:08</t>
  </si>
  <si>
    <t>fernandaab@algartech.com;lilianls@algartech.com;suportebv@mutantbr.com;talmaiardo@algartech.com;tatiane.biassi@mutantbr.com;thiagordu@algartech.com;</t>
  </si>
  <si>
    <t>fernandaab@algartech.com,lilianls@algartech.com,suportebv@mutantbr.com,talmaiardo@algartech.com,tatiane.biassi@mutantbr.com,thiagordu@algartech.com</t>
  </si>
  <si>
    <t>01/14/2020 12:12:10</t>
  </si>
  <si>
    <t>fernandaab@algartech.com;lilianls@algartech.com;marianerdo@algartech.com;suportebv@mutantbr.com;talmaiardo@algartech.com;tatiane.biassi@mutantbr.com;thiagordu@algartech.com;</t>
  </si>
  <si>
    <t>fernandaab@algartech.com,lilianls@algartech.com,marianerdo@algartech.com,suportebv@mutantbr.com,talmaiardo@algartech.com,tatiane.biassi@mutantbr.com,thiagordu@algartech.com</t>
  </si>
  <si>
    <t>01/14/2020 12:12:12</t>
  </si>
  <si>
    <t>fernandaab@algartech.com;larisacc@algartech.com;lilianls@algartech.com;marianerdo@algartech.com;suportebv@mutantbr.com;talmaiardo@algartech.com;tatiane.biassi@mutantbr.com;thiagordu@algartech.com;</t>
  </si>
  <si>
    <t>fernandaab@algartech.com,larisacc@algartech.com,lilianls@algartech.com,marianerdo@algartech.com,suportebv@mutantbr.com,talmaiardo@algartech.com,tatiane.biassi@mutantbr.com,thiagordu@algartech.com</t>
  </si>
  <si>
    <t>01/14/2020 12:14:04</t>
  </si>
  <si>
    <t>01/14/2020 12:17:36</t>
  </si>
  <si>
    <t>\\acsfs\profiles$\thallitaqna\Contacts\</t>
  </si>
  <si>
    <t>THALLITA QUEREN NETO APARECIDO (37).contact</t>
  </si>
  <si>
    <t>\\acsfs\profiles$\thallitaqna\Contacts\THALLITA QUEREN NETO APARECIDO (37).contact</t>
  </si>
  <si>
    <t>\\acsfs\profiles$\thallitaqna\My Documents\My Videos\</t>
  </si>
  <si>
    <t>\\acsfs\profiles$\thallitaqna\My Documents\My Videos\desktop.ini</t>
  </si>
  <si>
    <t>\\acsfs\profiles$\thallitaqna\My Documents\My Pictures\</t>
  </si>
  <si>
    <t>\\acsfs\profiles$\thallitaqna\My Documents\My Pictures\desktop.ini</t>
  </si>
  <si>
    <t>01/14/2020 12:14:27</t>
  </si>
  <si>
    <t>\\acsfs\profiles$\thallitaqna\Contacts\desktop.ini</t>
  </si>
  <si>
    <t>01/14/2020 12:14:28</t>
  </si>
  <si>
    <t>\\acsfs\profiles$\thallitaqna\Favorites\</t>
  </si>
  <si>
    <t>\\acsfs\profiles$\thallitaqna\Favorites\desktop.ini</t>
  </si>
  <si>
    <t>\\acsfs\profiles$\thallitaqna\My Documents\My Music\</t>
  </si>
  <si>
    <t>\\acsfs\profiles$\thallitaqna\My Documents\My Music\desktop.ini</t>
  </si>
  <si>
    <t>01/14/2020 12:14:29</t>
  </si>
  <si>
    <t>01/14/2020 12:14:30</t>
  </si>
  <si>
    <t>\\acsfs\profiles$\thallitaqna\Searches\</t>
  </si>
  <si>
    <t>\\acsfs\profiles$\thallitaqna\Searches\desktop.ini</t>
  </si>
  <si>
    <t>01/14/2020 12:14:31</t>
  </si>
  <si>
    <t>\\acsfs\profiles$\thallitaqna\Downloads\desktop.ini</t>
  </si>
  <si>
    <t>01/14/2020 12:14:32</t>
  </si>
  <si>
    <t>\\acsfs\profiles$\thallitaqna\My Documents\</t>
  </si>
  <si>
    <t>\\acsfs\profiles$\thallitaqna\My Documents\desktop.ini</t>
  </si>
  <si>
    <t>01/14/2020 12:14:33</t>
  </si>
  <si>
    <t>\\acsfs\profiles$\thallitaqna\Saved Games\</t>
  </si>
  <si>
    <t>\\acsfs\profiles$\thallitaqna\Saved Games\desktop.ini</t>
  </si>
  <si>
    <t>01/14/2020 12:14:34</t>
  </si>
  <si>
    <t>01/14/2020 12:15:03</t>
  </si>
  <si>
    <t>\\acsfs\profiles$\thallitaqna\Favorites\Links for Brasil\</t>
  </si>
  <si>
    <t>\\acsfs\profiles$\thallitaqna\Favorites\Links for Brasil\desktop.ini</t>
  </si>
  <si>
    <t>\\acsfs\profiles$\thallitaqna\Favorites\Links for Brasil\Microsoft Brasil.url</t>
  </si>
  <si>
    <t>01/14/2020 12:15:04</t>
  </si>
  <si>
    <t>\\acsfs\profiles$\thallitaqna\Favorites\Links for Brasil\Windows Brasil.url</t>
  </si>
  <si>
    <t>\\acsfs\profiles$\thallitaqna\Favorites\Links for Brasil\MSN Brasil.url</t>
  </si>
  <si>
    <t>01/14/2020 12:15:05</t>
  </si>
  <si>
    <t>01/14/2020 12:18:36</t>
  </si>
  <si>
    <t>01/14/2020 12:14:07</t>
  </si>
  <si>
    <t>01/14/2020 12:14:14</t>
  </si>
  <si>
    <t>01/14/2020 12:14:25</t>
  </si>
  <si>
    <t>01/14/2020 12:14:42</t>
  </si>
  <si>
    <t>01/14/2020 12:14:44</t>
  </si>
  <si>
    <t>01/14/2020 12:13:28</t>
  </si>
  <si>
    <t>01/14/2020 12:13:29</t>
  </si>
  <si>
    <t>lu11748c88n.tmp</t>
  </si>
  <si>
    <t>\\acsfs\profiles$\BRUNAAR\Numero\lu11748c88n.tmp</t>
  </si>
  <si>
    <t>01/14/2020 12:15:25</t>
  </si>
  <si>
    <t>mail.google.com/sync/u/0/i/s?hl=pt-BR&amp;c=1816</t>
  </si>
  <si>
    <t>"mozilla/5.0 (windows nt 6.1) applewebkit/537.36 (khtml;0] _x0018_�2_x0007_c-4e;0]0":;0]:0}:0})�� 66;0]\\\\\\\vt�_x000F_&lt;l;0]\\\\\\\ܪj &lt;l;0]\\\\\\�_x0010_� &lt;l;0]als;0]l;0]ll;0]thon-35.pyc;0]�lx��v�86u�{� �_x0007_�� �r;0]�� \\;1;13;131;13700014;13700109;13700185;13700451;13700951;13701207;13701298;13701422;13701430;13701450;13701506;13701537;13701573;13701577;13701625;13701657;13701693;13701693�;13701749;13701825;13701901;13701905;13701957;13701969;13702068;13702088;142961685;152;156;1578930052848000;1578930058554000;1578954746236;1578955047263;1578955950345;1578957154449;1578957455473;1578969194262;1578975661816;1578976865572;1578984390616;1578994625136;1578995528127;1578995829120;1578997033107;1579012219328;1579012520355;1579014627543;181;1ya5yrwelrso-yxib3ctz0mdjsqkh2uffmn2kfrmynlkfp2vhk5vxrjlyzc1nx1i8okgrxz4hh9fxnqqavexbjgszjfxng_3tikapcccza7s5nl0iiv528sipt3_n6smfvjyvnmz5gmbld86jsedcdqpnbowbtwaejdtwlwiwyazylw418myzkyijnlherxkuhkwira-leptxg0ukvt86f9johtnmgsqydxcl9if9g_6raikea\";1ya5yrwelrso-yxib3ctz0mdjsqkh2uffmn2kfrmynlkfp2vhk5vxrjlyzc</t>
  </si>
  <si>
    <t>"mozilla/5.0 (windows nt 6.1) applewebkit/537.36 (khtml,0] _x0018_�2_x0007_c-4e,0]0":,0]:0}:0})�� 66,0]\\\\\\\vt�_x000F_&lt;l,0]\\\\\\\ܪj &lt;l,0]\\\\\\�_x0010_� &lt;l,0]als,0]l,0]ll,0]thon-35.pyc,0]�lx��v�86u�{� �_x0007_�� �r,0]�� \\,1,13,131,13700014,13700109,13700185,13700451,13700951,13701207,13701298,13701422,13701430,13701450,13701506,13701537,13701573,13701577,13701625,13701657,13701693,13701693�,13701693�,13701749,13701825,13701901,13701905,13701957,13701969,13702068,13702088,142961685,152,156,1578930052848000,1578930058554000,1578954746236,1578955047263,1578955950345,1578957154449,1578957455473,1578969194262,1578975661816,1578976865572,1578984390616,1578994625136,1578995528127,1578995829120,1578997033107,1579012219328,1579012520355,1579014627543,181,1ya5yrwelrso-yxib3ctz0mdjsqkh2uffmn2kfrmynlkfp2vhk5vxrjlyzc1nx1i8okgrxz4hh9fxnqqavexbjgszjfxng_3tikapcccza7s5nl0iiv528sipt3_n6smfvjyvnmz5gmbld86jsedcdqpnbowbtwaejdtwlwiwyazylw418myzkyijnlherxkuhkwira-leptxg0ukvt86f9johtnmgsqydxcl9if9g_6raikea\",1ya5yrwelrso-yxib3ctz0mdjsqkh2uffmn2kfrmynlkfp2vh</t>
  </si>
  <si>
    <t>01/14/2020 12:15:52</t>
  </si>
  <si>
    <t>mail.google.com/sync/u/0/i/s?hl=pt-BR&amp;c=1819</t>
  </si>
  <si>
    <t>"mozilla/5.0 (windows nt 6.1) applewebkit/537.36 (khtml;0];0] _x0018_�2_x0007_c-4e;0]:0};0]\\\\\\\_�o &lt;l;0]\\\\\\\��1 &lt;l;0]\\\\\\l|{ &lt;l;0]\\��� &lt;l;0]ackages\tornado\platform\interface.py;0]als;0]ersion\&gt;\(ds��� 1.;0]l;0]ll;1;107;121;13;135;13700014;13700109;13700185;13700451;13700951;13701207;13701298;13701422;13701430;13701450;13701506;13701537;13701573;13701577;13701625;13701657;13701693�;13701749;13701825;13701901;13701905;13701957;13701969;13702068;13702088;142961685;147;151;1578930052848000;1578930058554000;1578942404414;1578946919315;1578952338029;1578959261631;1578961969976;1578966183923;1578970398365;1578974156685;1578975360790;1578978370554;1578987702036;1578991615377;1579004994697;161;192;1ya5yrwelrso-yxib3ctz0mdjsqkh2uffmn2kfrmynlkfp2vhk5vxrjlyzc1nx1i8okgrxz4hh9fxnqqavexbjgszjfxng_3tikapcccza7s5nl0iiv528sipt3_n6smfvjyvnmz5gmbld86jsedcdqpnbowbtwaejdtwlwiwyazylw418myzkyijnlherxkuhkwira1lepte7zdg9sclvmpo7jylbvlezgsriufy1njtv4nta\";1ya5yrwelrso-yxib3ctz0mdjsqkh2uffmn2kfrmynlkfp2vhk5vxrjlyzc1nx1i8okgrxz4hh9fxnqqave</t>
  </si>
  <si>
    <t>"mozilla/5.0 (windows nt 6.1) applewebkit/537.36 (khtml,0],0] _x0018_�2_x0007_c-4e,0]:0},0]\\\\\\\_�o &lt;l,0]\\\\\\\��1 &lt;l,0]\\\\\\l|{ &lt;l,0]\\��� &lt;l,0]ackages\tornado\platform\interface.py,0]als,0]ersion\&gt;\(ds��� 1.,0]l,0]ll,1,107,121,13,135,13700014,13700109,13700185,13700451,13700951,13701207,13701298,13701422,13701430,13701450,13701506,13701537,13701573,13701577,13701625,13701657,13701693�,13701749,13701825,13701901,13701905,13701957,13701969,13702068,13702088,142961685,147,151,1578930052848000,1578930058554000,1578942404414,1578946919315,1578952338029,1578959261631,1578961969976,1578966183923,1578970398365,1578974156685,1578975360790,1578978370554,1578987702036,1578991615377,1579004994697,161,192,1ya5yrwelrso-yxib3ctz0mdjsqkh2uffmn2kfrmynlkfp2vhk5vxrjlyzc1nx1i8okgrxz4hh9fxnqqavexbjgszjfxng_3tikapcccza7s5nl0iiv528sipt3_n6smfvjyvnmz5gmbld86jsedcdqpnbowbtwaejdtwlwiwyazylw418myzkyijnlherxkuhkwira1lepte7zdg9sclvmpo7jylbvlezgsriufy1njtv4nta\",1ya5yrwelrso-yxib3ctz0mdjsqkh2uffmn2kfrmynlkfp2vhk5vxrjlyzc1nx1i8okgrxz4hh9fxnqqave</t>
  </si>
  <si>
    <t>01/14/2020 12:16:06</t>
  </si>
  <si>
    <t>mail.google.com/sync/u/0/i/s?hl=pt-BR&amp;c=1821</t>
  </si>
  <si>
    <t>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thon-35.pyc,1,119,126,13,13700014,13700109,13700109�,13700185,13700451,13700951,13701207,13701298,13701422,13701430,13701450,13701506,13701537,13701573,13701577,13701625,13701657,13701693,13701693�,13701693�,13701749,13701825,13701901,13701905,13701957,13701969,13702068,13702088,138,142961685,153,155,1578930052848000,1578930058554000,1578958057528,1578965581932,1578967688903,1578971301444,1578975962847,1578976564592,1579001247369,1ya5yrwelrso-yxib3ctz0mdjsqkh2uffmn2kfrmynlkfp2vhk5vxrjlyzc1nx1i8okgrxz4hh9fxnqqavexbjgszjfxng_3tikapcccza7s5nl0iiv528sipt3_n6smfvjyvnmz5gmbld86jsedcdqpnbowbtwaejdtwlwiwyazylw418myzkyijnlherxkuhkwira5leptyvbqa_jzeya8qcole_gvg3bkvh4xosewrhwsbq\",1ya5yrwelrso-yxib3ctz0mdjsqkh2uffmn2kfrmynlkfp2vhk5vxrjlyzc1nx1i8okgrxz4hh9fxnqqavexbjgszjfxng_3tikapcccza7s5</t>
  </si>
  <si>
    <t>01/14/2020 12:16:09</t>
  </si>
  <si>
    <t>mail.google.com/sync/u/0/i/s?hl=pt-BR&amp;c=1824</t>
  </si>
  <si>
    <t>01/14/2020 12:16:10</t>
  </si>
  <si>
    <t>01/14/2020 12:18:05</t>
  </si>
  <si>
    <t>01/14/2020 12:19:36</t>
  </si>
  <si>
    <t>01/14/2020 12:16:30</t>
  </si>
  <si>
    <t>c68d93f3-d764-4bb1-8aa3-4372169b1ef2.tmp</t>
  </si>
  <si>
    <t>\\acsfs\profiles$\claudiajca\Downloads\c68d93f3-d764-4bb1-8aa3-4372169b1ef2.tmp</t>
  </si>
  <si>
    <t>01/14/2020 12:18:06</t>
  </si>
  <si>
    <t>f457a7e2-43ff-4341-aac7-e72505265631.tmp</t>
  </si>
  <si>
    <t>\\acsfs\profiles$\claudiajca\Downloads\f457a7e2-43ff-4341-aac7-e72505265631.tmp</t>
  </si>
  <si>
    <t>01/14/2020 12:17:06</t>
  </si>
  <si>
    <t>01/14/2020 12:20:36</t>
  </si>
  <si>
    <t>01/14/2020 12:17:14</t>
  </si>
  <si>
    <t>01/14/2020 12:17:18</t>
  </si>
  <si>
    <t>01/14/2020 12:17:37</t>
  </si>
  <si>
    <t>01/14/2020 12:17:59</t>
  </si>
  <si>
    <t>01/14/2020 12:17:32</t>
  </si>
  <si>
    <t>01/14/2020 12:21:36</t>
  </si>
  <si>
    <t>01/14/2020 12:20:15</t>
  </si>
  <si>
    <t>1c7b20ae-16c7-4556-b08d-41453859e48d.tmp</t>
  </si>
  <si>
    <t>\\acsfs\profiles$\isabellegtds\Downloads\1c7b20ae-16c7-4556-b08d-41453859e48d.tmp</t>
  </si>
  <si>
    <t>01/14/2020 12:19:46</t>
  </si>
  <si>
    <t>01/14/2020 12:20:46</t>
  </si>
  <si>
    <t>01/14/2020 12:19:05</t>
  </si>
  <si>
    <t>01/14/2020 12:22:36</t>
  </si>
  <si>
    <t>01/14/2020 12:21:43</t>
  </si>
  <si>
    <t>01/14/2020 12:23:36</t>
  </si>
  <si>
    <t>01/14/2020 12:18:01</t>
  </si>
  <si>
    <t>01/14/2020 12:20:48</t>
  </si>
  <si>
    <t>04d76c1c-160e-4cd2-b7c0-79e7a7b361c9.tmp</t>
  </si>
  <si>
    <t>\\acsfs\profiles$\ALYNYA\Downloads\04d76c1c-160e-4cd2-b7c0-79e7a7b361c9.tmp</t>
  </si>
  <si>
    <t>01/14/2020 12:20:30</t>
  </si>
  <si>
    <t>01/14/2020 12:24:36</t>
  </si>
  <si>
    <t>01/14/2020 12:21:07</t>
  </si>
  <si>
    <t>dc189f9b-4e08-4498-83db-42cb3c7ded34.tmp</t>
  </si>
  <si>
    <t>\\acsfs\profiles$\claudiajca\Downloads\dc189f9b-4e08-4498-83db-42cb3c7ded34.tmp</t>
  </si>
  <si>
    <t>01/14/2020 12:21:10</t>
  </si>
  <si>
    <t>01/14/2020 12:19:58</t>
  </si>
  <si>
    <t>01/14/2020 12:25:36</t>
  </si>
  <si>
    <t>01/14/2020 12:22:29</t>
  </si>
  <si>
    <t>01/14/2020 12:23:31</t>
  </si>
  <si>
    <t>01/14/2020 12:21:16</t>
  </si>
  <si>
    <t>01/14/2020 12:26:36</t>
  </si>
  <si>
    <t>01/14/2020 12:23:17</t>
  </si>
  <si>
    <t>01/14/2020 12:23:47</t>
  </si>
  <si>
    <t>01/14/2020 12:24:17</t>
  </si>
  <si>
    <t>01/14/2020 12:25:48</t>
  </si>
  <si>
    <t>01/14/2020 12:25:28</t>
  </si>
  <si>
    <t>01/14/2020 12:27:36</t>
  </si>
  <si>
    <t>01/14/2020 12:25:07</t>
  </si>
  <si>
    <t>483bfa09-2553-42e3-b556-8fadc9014cbc.tmp</t>
  </si>
  <si>
    <t>\\acsfs\profiles$\inarajst\Downloads\483bfa09-2553-42e3-b556-8fadc9014cbc.tmp</t>
  </si>
  <si>
    <t>01/14/2020 12:26:00</t>
  </si>
  <si>
    <t>01/14/2020 12:24:18</t>
  </si>
  <si>
    <t>01/14/2020 12:28:36</t>
  </si>
  <si>
    <t>01/14/2020 12:23:18</t>
  </si>
  <si>
    <t>lu11748c88r.tmp</t>
  </si>
  <si>
    <t>\\acsfs\profiles$\BRUNAAR\Numero\lu11748c88r.tmp</t>
  </si>
  <si>
    <t>01/14/2020 12:27:13</t>
  </si>
  <si>
    <t>01/14/2020 12:27:18</t>
  </si>
  <si>
    <t>a8436c2c-2bfd-4491-9417-fca87fe84b8c.tmp</t>
  </si>
  <si>
    <t>\\acsfs\profiles$\vivianealda\Downloads\a8436c2c-2bfd-4491-9417-fca87fe84b8c.tmp</t>
  </si>
  <si>
    <t>01/14/2020 12:24:16</t>
  </si>
  <si>
    <t>01/14/2020 12:29:36</t>
  </si>
  <si>
    <t>01/14/2020 12:26:16</t>
  </si>
  <si>
    <t>01/14/2020 12:31:36</t>
  </si>
  <si>
    <t>8952ebea-3669-4845-a8c2-f28822922f50.tmp</t>
  </si>
  <si>
    <t>\\acsfs\profiles$\cintiadcf\Downloads\8952ebea-3669-4845-a8c2-f28822922f50.tmp</t>
  </si>
  <si>
    <t>01/14/2020 12:30:46</t>
  </si>
  <si>
    <t>04da584e-d9e6-47ed-a097-10ed3ac1f2bd.tmp</t>
  </si>
  <si>
    <t>\\acsfs\profiles$\cintiadcf\Downloads\04da584e-d9e6-47ed-a097-10ed3ac1f2bd.tmp</t>
  </si>
  <si>
    <t>01/14/2020 12:31:37</t>
  </si>
  <si>
    <t>01/14/2020 12:28:50</t>
  </si>
  <si>
    <t>01/14/2020 12:32:36</t>
  </si>
  <si>
    <t>01/14/2020 12:29:19</t>
  </si>
  <si>
    <t>01/14/2020 12:33:36</t>
  </si>
  <si>
    <t>01/14/2020 12:28:12</t>
  </si>
  <si>
    <t>a75aa9b9-b530-4ee0-95e9-21938286f62c.tmp</t>
  </si>
  <si>
    <t>\\acsfs\profiles$\BRUNAAR\Downloads\a75aa9b9-b530-4ee0-95e9-21938286f62c.tmp</t>
  </si>
  <si>
    <t>01/14/2020 12:33:03</t>
  </si>
  <si>
    <t>01/14/2020 12:34:36</t>
  </si>
  <si>
    <t>01/14/2020 12:33:05</t>
  </si>
  <si>
    <t>01/14/2020 12:33:07</t>
  </si>
  <si>
    <t>01/14/2020 12:33:08</t>
  </si>
  <si>
    <t>01/14/2020 12:33:09</t>
  </si>
  <si>
    <t>01/14/2020 12:33:10</t>
  </si>
  <si>
    <t>01/14/2020 12:33:16</t>
  </si>
  <si>
    <t>01/14/2020 12:33:23</t>
  </si>
  <si>
    <t>01/14/2020 12:33:28</t>
  </si>
  <si>
    <t>01/14/2020 12:33:31</t>
  </si>
  <si>
    <t>01/14/2020 12:33:32</t>
  </si>
  <si>
    <t>01/14/2020 12:31:17</t>
  </si>
  <si>
    <t>01/14/2020 12:33:33</t>
  </si>
  <si>
    <t>01/14/2020 12:33:34</t>
  </si>
  <si>
    <t>01/14/2020 12:33:46</t>
  </si>
  <si>
    <t>01/14/2020 12:33:49</t>
  </si>
  <si>
    <t>01/14/2020 12:33:50</t>
  </si>
  <si>
    <t>01/14/2020 12:33:51</t>
  </si>
  <si>
    <t>01/14/2020 12:33:52</t>
  </si>
  <si>
    <t>01/14/2020 12:32:47</t>
  </si>
  <si>
    <t>01/14/2020 12:35:36</t>
  </si>
  <si>
    <t>169f7e8b-c922-44ae-8e75-4e92f5128739.tmp</t>
  </si>
  <si>
    <t>\\acsfs\profiles$\victoriaksr\Downloads\169f7e8b-c922-44ae-8e75-4e92f5128739.tmp</t>
  </si>
  <si>
    <t>01/14/2020 12:31:25</t>
  </si>
  <si>
    <t>6d7dde96-1167-4773-beb2-f8f283c66412.tmp</t>
  </si>
  <si>
    <t>\\acsfs\profiles$\nataliacsl\Downloads\6d7dde96-1167-4773-beb2-f8f283c66412.tmp</t>
  </si>
  <si>
    <t>01/14/2020 12:31:45</t>
  </si>
  <si>
    <t>01/14/2020 12:31:46</t>
  </si>
  <si>
    <t>lu12468p6xko.tmp</t>
  </si>
  <si>
    <t>\\acsfs\profiles$\dhiulliananads\My Documents\lu12468p6xko.tmp</t>
  </si>
  <si>
    <t>\\acsfs\profiles$\dhiulliananads\My Documents\lu12468p6xko.tmp\</t>
  </si>
  <si>
    <t>\\acsfs\profiles$\dhiulliananads\My Documents\lu12468p6xko.tmp\META-INF\</t>
  </si>
  <si>
    <t>\\acsfs\profiles$\dhiulliananads\My Documents\lu12468p6xko.tmp\Thumbnails\</t>
  </si>
  <si>
    <t>01/14/2020 12:34:30</t>
  </si>
  <si>
    <t>01/14/2020 12:34:20</t>
  </si>
  <si>
    <t>01/14/2020 12:36:35</t>
  </si>
  <si>
    <t>01/14/2020 12:34:50</t>
  </si>
  <si>
    <t>01/14/2020 12:35:20</t>
  </si>
  <si>
    <t>01/14/2020 12:37:24</t>
  </si>
  <si>
    <t>01/14/2020 12:38:36</t>
  </si>
  <si>
    <t>\\acsfs\ACS\Gabriel da Silva\Contemporânea\8A45BF70.tmp\</t>
  </si>
  <si>
    <t>\\acsfs\ACS\Gabriel da Silva\Contemporânea\8A45BF70.tmp\:Zone.Identifier:$DATA</t>
  </si>
  <si>
    <t>01/14/2020 12:37:25</t>
  </si>
  <si>
    <t>\\acsfs\ACS\Gabriel da Silva\Contemporânea\Vendas ALGAR.xlsb\</t>
  </si>
  <si>
    <t>image3.svg</t>
  </si>
  <si>
    <t>\\acsfs\ACS\Gabriel da Silva\Contemporânea\Vendas ALGAR.xlsb</t>
  </si>
  <si>
    <t>Vendas ALGAR.xlsb</t>
  </si>
  <si>
    <t>01/14/2020 12:34:00</t>
  </si>
  <si>
    <t>01/14/2020 12:39:36</t>
  </si>
  <si>
    <t>01/14/2020 12:34:01</t>
  </si>
  <si>
    <t>01/14/2020 12:34:05</t>
  </si>
  <si>
    <t>01/14/2020 12:34:06</t>
  </si>
  <si>
    <t>01/14/2020 12:34:07</t>
  </si>
  <si>
    <t>01/14/2020 12:34:10</t>
  </si>
  <si>
    <t>01/14/2020 12:34:13</t>
  </si>
  <si>
    <t>01/14/2020 12:34:14</t>
  </si>
  <si>
    <t>01/14/2020 12:36:03</t>
  </si>
  <si>
    <t>01/14/2020 12:36:07</t>
  </si>
  <si>
    <t>01/14/2020 12:36:08</t>
  </si>
  <si>
    <t>01/14/2020 12:36:11</t>
  </si>
  <si>
    <t>01/14/2020 12:36:16</t>
  </si>
  <si>
    <t>01/14/2020 12:36:18</t>
  </si>
  <si>
    <t>01/14/2020 12:36:19</t>
  </si>
  <si>
    <t>01/14/2020 12:36:21</t>
  </si>
  <si>
    <t>01/14/2020 12:36:25</t>
  </si>
  <si>
    <t>01/14/2020 12:36:32</t>
  </si>
  <si>
    <t>"[[];"[\"1578938069213\";"mozilla/5.0 (windows nt 6.1; win64; x64) applewebkit/537.36 (khtml;0\;0]�nk�c��m�(��k��hy���t緳�?�]�l�'���ʱ�k�3'&amp;_x0019_rq�l]y~x��y�`��_x0001_(=� �����-o��}_x001E_o� e_x0016_^ ~q��[j�t��_`�_x000E_��ö_x0001_;1;13;13700109;13700167;13700235;13700951;13701078;13701207;13701214;13701235;13701239;13701458;13701486;13701506;13701510;13701534;13701573;13701577;13701613;13701625;13701653;13701693;13701709;13701901�;13701949;13701969;15;1578938074214;1578938589213;1578940723092000;1578940727411000;16;1\;25;285089911;4129063919656596672\;6929;7057;7332;7416;7433;7443;7462;7495;7500;7512;7567;7582;7634;7637;7];8200010;8202123;8202124;8202125;8202126;8202193;8202316;8202323;8202463;8202511;8202514;8202524;8202578;8202720];[1;[7591;[[13701450;[[null;[];[]];[]]"];[]]];[null;\"[[null;];adfn-cukavp_gzvgyovd4ezxa34ayzzyr-p2q7lkzwbbb3upbycht4niuwjbx-5yqdis7nlddfhi;false];fq2hjgod7i0d9g";gmail_fe_191205.12_p5\\\;ken=ac4w5vg9uknafdl_4gy7xugiocajkfmaxw:1578940723088&amp;buildlabel=drive.web-frontend_20200101.00_p42193;like gecko) chrome/79.0.3</t>
  </si>
  <si>
    <t>https://"[[],"[\"1578938069213\","mozilla/5.0 (windows nt 6.1; win64; x64) applewebkit/537.36 (khtml,0\,0]�nk�c��m�(��k��hy���t緳�?�]�l�'���ʱ�k�3'&amp;_x0019_rq�l]y~x��y�`��_x0001_(=� �����-o��}_x001E_o� e_x0016_^ ~q��[j�t��_`�_x000E_��ö_x0001_,1,13,13700109,13700167,13700235,13700951,13701078,13701207,13701214,13701235,13701239,13701458,13701486,13701506,13701510,13701534,13701573,13701577,13701613,13701625,13701653,13701693,13701709,13701901�,13701949,13701969,15,1578938074214,1578938589213,1578940723092000,1578940727411000,16,1\,25,285089911,4129063919656596672\,6929,7057,7332,7416,7433,7443,7462,7495,7500,7512,7567,7582,7634,7637,7],8200010,8202123,8202124,8202125,8202126,8202193,8202316,8202323,8202463,8202511,8202514,8202524,8202578,8202720],[1,[7591,[[13701450,[[null,[],[]],[]]"],[]]],[null,\"[[null,],adfn-cukavp_gzvgyovd4ezxa34ayzzyr-p2q7lkzwbbb3upbycht4niuwjbx-5yqdis7nlddfhi,false],fq2hjgod7i0d9g",gmail_fe_191205.12_p5\\\,ken=ac4w5vg9uknafdl_4gy7xugiocajkfmaxw:1578940723088&amp;buildlabel=drive.web-frontend_20200101.00_p42193,like gecko) chrom</t>
  </si>
  <si>
    <t>01/14/2020 12:36:34</t>
  </si>
  <si>
    <t>01/14/2020 12:36:37</t>
  </si>
  <si>
    <t>01/14/2020 12:36:39</t>
  </si>
  <si>
    <t>01/14/2020 12:36:40</t>
  </si>
  <si>
    <t>01/14/2020 12:36:41</t>
  </si>
  <si>
    <t>01/14/2020 12:36:42</t>
  </si>
  <si>
    <t>01/14/2020 12:36:43</t>
  </si>
  <si>
    <t>01/14/2020 12:36:49</t>
  </si>
  <si>
    <t>01/14/2020 12:36:50</t>
  </si>
  <si>
    <t>01/14/2020 12:36:53</t>
  </si>
  <si>
    <t>0]]0];0]]l;0]a_x0006__x001F_�;0]i;0]l;1578963302346;1578963603339;1578963904335;708385187;76;77;78;[];[]]];false;iwagbqyq5_cmqlzbanwpacqolgbymbrky1hyw9wzwbrqebiph8iqz-_-nea8ajk3cl1u6dhazrweuy4acpn1lbxov-fxfxs7u6fxlrrmewru5fr4fy8cuk8t73sxehkspjr8dpf1-v_6eyefdj_s5ctm3pd-_i4y3cnuoucl3oesbl-jzrepmleg33fjkfom_gv_oiymounmhepbtspoobkmjpnttr8idpe\";iwagbqyq5_cmqlzbanwpacqolgbymbrky1hyw9wzwbrqebiph8iqz-_-nea8ajk3cl1u6dhazrweuy4acpn1lbxov-fxfxs7u6fxlrrmewru5fr4fy8cuk8t73sxehkspjr8dpf1-v_6eyefdj_s5ctm3pd-_i4y3cnuoucl3oesbl-jzrepmleg3hfjkfpvwd4ugmnftsnmsfnubzryf9dpbtdcp9otuo4\";iwagbqyq5_cmqlzbanwpacqolgbymbrky1hyw9wzwbrqebiph8iqz-_-nea8ajk3cl1u6dhazrweuy4acpn1lbxov-fxfxs7u6fxlrrmewru5fr4fy8cuk8t73sxehkspjr8dpf1-v_6eyefdj_s5ctm3pd-_i4y3cnuoucl3oesbl-jzrepmleg3nfjkfp1ambimkcqo8fosskz1kkpco-yobwacpoffcg\";null;true]";</t>
  </si>
  <si>
    <t>https://0]]0],0]]l,0]a_x0006__x001F_�,0]i,0]l,1578963302346,1578963603339,1578963904335,708385187,76,77,78,[],[]]],false,iwagbqyq5_cmqlzbanwpacqolgbymbrky1hyw9wzwbrqebiph8iqz-_-nea8ajk3cl1u6dhazrweuy4acpn1lbxov-fxfxs7u6fxlrrmewru5fr4fy8cuk8t73sxehkspjr8dpf1-v_6eyefdj_s5ctm3pd-_i4y3cnuoucl3oesbl-jzrepmleg33fjkfom_gv_oiymounmhepbtspoobkmjpnttr8idpe\",iwagbqyq5_cmqlzbanwpacqolgbymbrky1hyw9wzwbrqebiph8iqz-_-nea8ajk3cl1u6dhazrweuy4acpn1lbxov-fxfxs7u6fxlrrmewru5fr4fy8cuk8t73sxehkspjr8dpf1-v_6eyefdj_s5ctm3pd-_i4y3cnuoucl3oesbl-jzrepmleg3hfjkfpvwd4ugmnftsnmsfnubzryf9dpbtdcp9otuo4\",iwagbqyq5_cmqlzbanwpacqolgbymbrky1hyw9wzwbrqebiph8iqz-_-nea8ajk3cl1u6dhazrweuy4acpn1lbxov-fxfxs7u6fxlrrmewru5fr4fy8cuk8t73sxehkspjr8dpf1-v_6eyefdj_s5ctm3pd-_i4y3cnuoucl3oesbl-jzrepmleg3nfjkfp1ambimkcqo8fosskz1kkpco-yobwacpoffcg\",null,true]"</t>
  </si>
  <si>
    <t>01/14/2020 12:36:55</t>
  </si>
  <si>
    <t>01/14/2020 12:37:00</t>
  </si>
  <si>
    <t>01/14/2020 12:37:11</t>
  </si>
  <si>
    <t>01/14/2020 12:37:12</t>
  </si>
  <si>
    <t>01/14/2020 12:37:15</t>
  </si>
  <si>
    <t>01/14/2020 12:37:16</t>
  </si>
  <si>
    <t>01/14/2020 12:37:17</t>
  </si>
  <si>
    <t>01/14/2020 12:37:29</t>
  </si>
  <si>
    <t>01/14/2020 12:37:36</t>
  </si>
  <si>
    <t>01/14/2020 12:37:53</t>
  </si>
  <si>
    <t>01/14/2020 12:37:54</t>
  </si>
  <si>
    <t>01/14/2020 12:37:56</t>
  </si>
  <si>
    <t>01/14/2020 12:37:57</t>
  </si>
  <si>
    <t>01/14/2020 12:37:59</t>
  </si>
  <si>
    <t>01/14/2020 12:38:04</t>
  </si>
  <si>
    <t>01/14/2020 12:38:10</t>
  </si>
  <si>
    <t>01/14/2020 12:41:36</t>
  </si>
  <si>
    <t>01/14/2020 12:37:21</t>
  </si>
  <si>
    <t>01/14/2020 12:37:51</t>
  </si>
  <si>
    <t>01/14/2020 12:38:21</t>
  </si>
  <si>
    <t>01/14/2020 12:38:51</t>
  </si>
  <si>
    <t>01/14/2020 12:39:21</t>
  </si>
  <si>
    <t>01/14/2020 12:39:51</t>
  </si>
  <si>
    <t>01/14/2020 12:40:22</t>
  </si>
  <si>
    <t>01/14/2020 12:38:28</t>
  </si>
  <si>
    <t>30f4fea6-7459-4d4d-85dc-eb434de8d008.tmp</t>
  </si>
  <si>
    <t>\\acsfs\profiles$\Flaviojmm\Downloads\30f4fea6-7459-4d4d-85dc-eb434de8d008.tmp</t>
  </si>
  <si>
    <t>01/14/2020 12:40:11</t>
  </si>
  <si>
    <t>2f0d8fdd-f59d-413f-96eb-9c388a6d375a.tmp</t>
  </si>
  <si>
    <t>\\acsfs\profiles$\LUISPLS\Downloads\2f0d8fdd-f59d-413f-96eb-9c388a6d375a.tmp</t>
  </si>
  <si>
    <t>01/13/2020 20:51:28</t>
  </si>
  <si>
    <t>01/14/2020 12:42:36</t>
  </si>
  <si>
    <t>01/13/2020 20:51:29</t>
  </si>
  <si>
    <t>lu13788c2ja.tmp</t>
  </si>
  <si>
    <t>\\acsfs\profiles$\regisedsj\My Documents\lu13788c2ja.tmp</t>
  </si>
  <si>
    <t>\\acsfs\profiles$\regisedsj\My Documents\lu13788c2ja.tmp\</t>
  </si>
  <si>
    <t>\\acsfs\profiles$\regisedsj\My Documents\lu13788c2ja.tmp\META-INF\</t>
  </si>
  <si>
    <t>\\acsfs\profiles$\regisedsj\My Documents\lu13788c2ja.tmp\Thumbnails\</t>
  </si>
  <si>
    <t>01/14/2020 12:37:46</t>
  </si>
  <si>
    <t>01/14/2020 12:41:33</t>
  </si>
  <si>
    <t>01/14/2020 12:41:26</t>
  </si>
  <si>
    <t>01/14/2020 12:43:36</t>
  </si>
  <si>
    <t>af842752-ae74-4efa-a647-6ab90eb8fb38.tmp</t>
  </si>
  <si>
    <t>\\acsfs\profiles$\maxmillianosv\Downloads\af842752-ae74-4efa-a647-6ab90eb8fb38.tmp</t>
  </si>
  <si>
    <t>01/14/2020 12:41:27</t>
  </si>
  <si>
    <t>5eeed10f-9103-4a38-b8bb-014d4d547882.tmp</t>
  </si>
  <si>
    <t>\\acsfs\profiles$\maxmillianosv\Downloads\5eeed10f-9103-4a38-b8bb-014d4d547882.tmp</t>
  </si>
  <si>
    <t>b8d781bd-7818-4e00-8a81-b29adb6abef9.tmp</t>
  </si>
  <si>
    <t>\\acsfs\profiles$\maxmillianosv\Downloads\b8d781bd-7818-4e00-8a81-b29adb6abef9.tmp</t>
  </si>
  <si>
    <t>01/14/2020 12:41:55</t>
  </si>
  <si>
    <t>abab25fc-6551-4a1c-bb87-d20c821939ab.tmp</t>
  </si>
  <si>
    <t>\\acsfs\profiles$\maxmillianosv\Downloads\abab25fc-6551-4a1c-bb87-d20c821939ab.tmp</t>
  </si>
  <si>
    <t>01/14/2020 12:42:18</t>
  </si>
  <si>
    <t>eefc2f30-fee5-458d-aebb-f10a13e7ed0f.tmp</t>
  </si>
  <si>
    <t>\\acsfs\profiles$\maxmillianosv\Downloads\eefc2f30-fee5-458d-aebb-f10a13e7ed0f.tmp</t>
  </si>
  <si>
    <t>01/14/2020 12:39:33</t>
  </si>
  <si>
    <t>1bb41202-7e1a-43ef-b122-af1ad9b59925.tmp</t>
  </si>
  <si>
    <t>\\acsfs\profiles$\gabrielsma\Downloads\1bb41202-7e1a-43ef-b122-af1ad9b59925.tmp</t>
  </si>
  <si>
    <t>01/14/2020 12:39:54</t>
  </si>
  <si>
    <t>Não confirmado 28942.crdownload</t>
  </si>
  <si>
    <t>\\acsfs\ACS\Gabriel da Silva\Contemporânea\VENDAS\Não confirmado 28942.crdownload</t>
  </si>
  <si>
    <t>01/14/2020 12:40:14</t>
  </si>
  <si>
    <t>cc08a442-2470-4247-8d10-23f96dc8abd0.tmp</t>
  </si>
  <si>
    <t>\\acsfs\profiles$\gabrielsma\Downloads\cc08a442-2470-4247-8d10-23f96dc8abd0.tmp</t>
  </si>
  <si>
    <t>01/14/2020 12:40:16</t>
  </si>
  <si>
    <t>Não confirmado 977482.crdownload</t>
  </si>
  <si>
    <t>\\acsfs\ACS\Gabriel da Silva\Contemporânea\VENDAS\Não confirmado 977482.crdownload</t>
  </si>
  <si>
    <t>01/14/2020 12:41:08</t>
  </si>
  <si>
    <t>01/14/2020 12:42:58</t>
  </si>
  <si>
    <t>01/14/2020 12:44:36</t>
  </si>
  <si>
    <t>01/14/2020 12:42:54</t>
  </si>
  <si>
    <t>1faf530d-6a27-4f0d-bbcb-252b98811d4a.tmp</t>
  </si>
  <si>
    <t>\\acsfs\profiles$\nathaliarmr\Downloads\1faf530d-6a27-4f0d-bbcb-252b98811d4a.tmp</t>
  </si>
  <si>
    <t>01/14/2020 12:42:27</t>
  </si>
  <si>
    <t>01/14/2020 12:42:30</t>
  </si>
  <si>
    <t>01/14/2020 12:42:52</t>
  </si>
  <si>
    <t>01/14/2020 12:42:53</t>
  </si>
  <si>
    <t>01/14/2020 12:42:39</t>
  </si>
  <si>
    <t>01/14/2020 12:45:36</t>
  </si>
  <si>
    <t>01/14/2020 12:41:52</t>
  </si>
  <si>
    <t>01/14/2020 12:46:36</t>
  </si>
  <si>
    <t>01/14/2020 12:42:22</t>
  </si>
  <si>
    <t>01/14/2020 12:41:53</t>
  </si>
  <si>
    <t>01/14/2020 12:42:35</t>
  </si>
  <si>
    <t>e43ecc39-9ec0-49e8-8518-d53e2df9bfea.tmp</t>
  </si>
  <si>
    <t>\\acsfs\profiles$\LUISPLS\Downloads\e43ecc39-9ec0-49e8-8518-d53e2df9bfea.tmp</t>
  </si>
  <si>
    <t>01/14/2020 12:43:42</t>
  </si>
  <si>
    <t>01/14/2020 12:47:36</t>
  </si>
  <si>
    <t>01/14/2020 12:44:22</t>
  </si>
  <si>
    <t>66e107a2-d4b0-4f08-a9e6-03a9d0a8e440.tmp</t>
  </si>
  <si>
    <t>\\acsfs\profiles$\regisedsj\Downloads\66e107a2-d4b0-4f08-a9e6-03a9d0a8e440.tmp</t>
  </si>
  <si>
    <t>01/14/2020 12:45:12</t>
  </si>
  <si>
    <t>01/14/2020 12:42:57</t>
  </si>
  <si>
    <t>01/14/2020 12:48:35</t>
  </si>
  <si>
    <t>68b43d94-d426-4ba0-bbc3-2eb260769e07.tmp</t>
  </si>
  <si>
    <t>\\acsfs\profiles$\maxmillianosv\Downloads\68b43d94-d426-4ba0-bbc3-2eb260769e07.tmp</t>
  </si>
  <si>
    <t>01/14/2020 12:43:57</t>
  </si>
  <si>
    <t>bb5ced4c-0d79-4a5c-aceb-93d4ae291f4e.tmp</t>
  </si>
  <si>
    <t>\\acsfs\profiles$\maxmillianosv\Downloads\bb5ced4c-0d79-4a5c-aceb-93d4ae291f4e.tmp</t>
  </si>
  <si>
    <t>01/14/2020 12:44:26</t>
  </si>
  <si>
    <t>01/14/2020 12:43:47</t>
  </si>
  <si>
    <t>lu11748c88v.tmp</t>
  </si>
  <si>
    <t>\\acsfs\profiles$\BRUNAAR\Numero\lu11748c88v.tmp</t>
  </si>
  <si>
    <t>01/14/2020 12:45:18</t>
  </si>
  <si>
    <t>01/14/2020 12:49:36</t>
  </si>
  <si>
    <t>01/14/2020 12:45:52</t>
  </si>
  <si>
    <t>01/14/2020 12:45:54</t>
  </si>
  <si>
    <t>01/14/2020 12:45:56</t>
  </si>
  <si>
    <t>01/14/2020 12:45:57</t>
  </si>
  <si>
    <t>01/14/2020 12:45:58</t>
  </si>
  <si>
    <t>01/14/2020 12:46:03</t>
  </si>
  <si>
    <t>01/14/2020 12:46:05</t>
  </si>
  <si>
    <t>01/14/2020 12:46:06</t>
  </si>
  <si>
    <t>01/14/2020 12:46:07</t>
  </si>
  <si>
    <t>01/14/2020 12:46:13</t>
  </si>
  <si>
    <t>01/14/2020 12:46:14</t>
  </si>
  <si>
    <t>01/14/2020 12:46:21</t>
  </si>
  <si>
    <t>01/14/2020 12:46:22</t>
  </si>
  <si>
    <t>01/14/2020 12:46:23</t>
  </si>
  <si>
    <t>01/14/2020 12:46:26</t>
  </si>
  <si>
    <t>01/14/2020 12:46:29</t>
  </si>
  <si>
    <t>1578940752363000]]]363000]]];gw5ndczmtg5odk4mdmreps2jpi7mr8ycw==";</t>
  </si>
  <si>
    <t>https://1578940752363000]]]363000]]] ,gw5ndczmtg5odk4mdmreps2jpi7mr8ycw=="</t>
  </si>
  <si>
    <t>01/14/2020 12:46:30</t>
  </si>
  <si>
    <t>01/14/2020 12:46:37</t>
  </si>
  <si>
    <t>01/14/2020 12:48:12</t>
  </si>
  <si>
    <t>01/14/2020 12:48:13</t>
  </si>
  <si>
    <t>01/14/2020 12:48:14</t>
  </si>
  <si>
    <t>01/14/2020 12:48:16</t>
  </si>
  <si>
    <t>01/14/2020 12:48:17</t>
  </si>
  <si>
    <t>01/14/2020 12:48:20</t>
  </si>
  <si>
    <t>01/14/2020 12:48:21</t>
  </si>
  <si>
    <t>"10":{"1":"caeqabgbigvwdc1cuigaoaa";"10":{"1":282;"12":"15789402012017b215e38e3c86680";"13":"pt-br";"14":"br";"14":"pt-br"};"17":{"1":["1578940207211";"2":"-03:00";"2":"1578940213656"};"2":"1578940213664"};"2":{"1":282}};"2":{"1":3;"21":"";"25":{"1":"1578940201201";"26":{"2":[{"1":{"1":"matricula";"27":[{"1":{"1":"13";"3":"gustavo damas silva";"3":{"2":"1578940213673"}};"4":"pr_1_0"}];"4":["equipecrbv1@bv.algartech.com"];"4":{"1":{"1":[{"1":"matrícula"}]}};"5":"msg-a:r-1400789227488206701";"7":"caeqabgbigvwdc1cuigaoaa"};"8":{"2":1};"mozilla/5.0 (windows nt 6.1; win64; x64) applewebkit/537.36 (khtml;1;12;13;13700109;13700167;13700235;13700951;13701078;13701207;13701214;13701235;13701239;13701458;13701486;13701506;13701510;13701534;13701573;13701577;13701613;13701625;13701653;13701693;13701709;13701901;13701949;13701969;15;1578940208163;1578940723092000;1578940727411000;16;2;22;22g \n80g \n34_x001C_"5":{"1":"";28;3;30;33g \n61g \n33g \n40g \n40g \n58g \n70g \n75g \n \n \n98805\n \n54\n \n9\n \n6\n \n39\n \n55;4;43g \</t>
  </si>
  <si>
    <t>https://"10":{"1":"caeqabgbigvwdc1cuigaoaa","10":{"1":282,"12":"15789402012017b215e38e3c86680","13":"pt-br","14":"br","14":"pt-br"},"17":{"1":["1578940207211","2":"-03:00","2":"1578940213656"},"2":"1578940213664"},"2":{"1":282}},"2":{"1":3,"21":"","25":{"1":"1578940201201","26":{"2":[{"1":{"1":"matricula","27":[{"1":{"1":"13","3":"gustavo damas silva","3":{"2":"1578940213673"}},"4":"pr_1_0"}],"4":["equipecrbv1@bv.algartech.com"],"4":{"1":{"1":[{"1":"matrícula"}]}},"5":"msg-a:r-1400789227488206701","7":"caeqabgbigvwdc1cuigaoaa"},"8":{"2":1},"mozilla/5.0 (windows nt 6.1; win64; x64) applewebkit/537.36 (khtml,1,12,13,13700109,13700167,13700235,13700951,13701078,13701207,13701214,13701235,13701239,13701458,13701486,13701506,13701510,13701534,13701573,13701577,13701613,13701625,13701653,13701693,13701709,13701901,13701949,13701969,15,1578940208163,1578940723092000,1578940727411000,16,2,22,22g \n80g \n34_x001C_"5":{"1":"",28,3,30,33g \n61g \n33g \n40g \n40g \n58g \n70g \n75g \n \n \n98805\n \n54\n \n9\n \n6\n \n39\n \n55</t>
  </si>
  <si>
    <t>01/14/2020 12:48:22</t>
  </si>
  <si>
    <t>01/14/2020 12:48:25</t>
  </si>
  <si>
    <t>01/14/2020 12:48:27</t>
  </si>
  <si>
    <t>01/14/2020 12:51:36</t>
  </si>
  <si>
    <t>01/14/2020 12:46:24</t>
  </si>
  <si>
    <t>01/14/2020 12:46:54</t>
  </si>
  <si>
    <t>01/14/2020 12:47:24</t>
  </si>
  <si>
    <t>01/14/2020 12:48:55</t>
  </si>
  <si>
    <t>01/14/2020 12:47:55</t>
  </si>
  <si>
    <t>01/14/2020 12:52:15</t>
  </si>
  <si>
    <t>01/14/2020 12:52:35</t>
  </si>
  <si>
    <t>b8875dbc-a8ae-4e06-85d7-2bfb299fe5d7.tmp</t>
  </si>
  <si>
    <t>\\acsfs\profiles$\fernandofs\Downloads\b8875dbc-a8ae-4e06-85d7-2bfb299fe5d7.tmp</t>
  </si>
  <si>
    <t>01/14/2020 12:52:26</t>
  </si>
  <si>
    <t>01/14/2020 12:53:36</t>
  </si>
  <si>
    <t>01/14/2020 12:48:52</t>
  </si>
  <si>
    <t>lu11748c88z.tmp</t>
  </si>
  <si>
    <t>\\acsfs\profiles$\BRUNAAR\Numero\lu11748c88z.tmp</t>
  </si>
  <si>
    <t>01/14/2020 12:50:15</t>
  </si>
  <si>
    <t>lu11748c893.tmp</t>
  </si>
  <si>
    <t>\\acsfs\profiles$\BRUNAAR\Numero\lu11748c893.tmp</t>
  </si>
  <si>
    <t>01/14/2020 12:54:04</t>
  </si>
  <si>
    <t>01/14/2020 12:54:35</t>
  </si>
  <si>
    <t>01/14/2020 12:52:04</t>
  </si>
  <si>
    <t>01/14/2020 12:55:36</t>
  </si>
  <si>
    <t>01/14/2020 12:53:47</t>
  </si>
  <si>
    <t>01/14/2020 12:51:23</t>
  </si>
  <si>
    <t>889b08c4-30c9-45a5-897d-520f18b882db.tmp</t>
  </si>
  <si>
    <t>\\acsfs\profiles$\mariajra\Downloads\889b08c4-30c9-45a5-897d-520f18b882db.tmp</t>
  </si>
  <si>
    <t>01/14/2020 12:51:12</t>
  </si>
  <si>
    <t>01/14/2020 12:56:35</t>
  </si>
  <si>
    <t>01/14/2020 12:51:14</t>
  </si>
  <si>
    <t>lu2733221pjqk.tmp</t>
  </si>
  <si>
    <t>\\acsfs\profiles$\RAFAELRF\meu\lu2733221pjqk.tmp</t>
  </si>
  <si>
    <t>01/14/2020 12:53:56</t>
  </si>
  <si>
    <t>01/14/2020 12:54:27</t>
  </si>
  <si>
    <t>01/14/2020 12:52:16</t>
  </si>
  <si>
    <t>626f07c5-f148-4fc3-95ad-fdfe1d340a7b.tmp</t>
  </si>
  <si>
    <t>\\acsfs\profiles$\PEDROHAB\Downloads\626f07c5-f148-4fc3-95ad-fdfe1d340a7b.tmp</t>
  </si>
  <si>
    <t>01/14/2020 12:53:13</t>
  </si>
  <si>
    <t>01/14/2020 12:57:36</t>
  </si>
  <si>
    <t>5ae7ab77-691b-4d44-8a03-880be564d002.tmp</t>
  </si>
  <si>
    <t>\\acsfs\profiles$\regisedsj\Downloads\5ae7ab77-691b-4d44-8a03-880be564d002.tmp</t>
  </si>
  <si>
    <t>01/14/2020 12:56:31</t>
  </si>
  <si>
    <t>01/14/2020 12:53:51</t>
  </si>
  <si>
    <t>01/14/2020 12:58:36</t>
  </si>
  <si>
    <t>outlook.office.com/owa/service.svc?action=CreateItem&amp;app=Mail&amp;n=129</t>
  </si>
  <si>
    <t>ricardodfm@algartech.com.br;</t>
  </si>
  <si>
    <t>ricardodfm@algartech.com.br</t>
  </si>
  <si>
    <t>01/14/2020 12:58:12</t>
  </si>
  <si>
    <t>01/14/2020 12:59:35</t>
  </si>
  <si>
    <t>01/14/2020 12:58:13</t>
  </si>
  <si>
    <t>01/14/2020 12:58:14</t>
  </si>
  <si>
    <t>01/14/2020 12:58:15</t>
  </si>
  <si>
    <t>01/14/2020 12:58:16</t>
  </si>
  <si>
    <t>01/14/2020 12:58:17</t>
  </si>
  <si>
    <t>01/14/2020 12:58:19</t>
  </si>
  <si>
    <t>01/14/2020 12:58:20</t>
  </si>
  <si>
    <t>01/14/2020 12:58:25</t>
  </si>
  <si>
    <t>01/14/2020 12:58:00</t>
  </si>
  <si>
    <t>e65c154d-cbed-4723-9322-d7c3ae959a58.tmp</t>
  </si>
  <si>
    <t>\\acsfs\profiles$\marcosvnds\Downloads\e65c154d-cbed-4723-9322-d7c3ae959a58.tmp</t>
  </si>
  <si>
    <t>01/14/2020 12:58:01</t>
  </si>
  <si>
    <t>cc19af4b-8ada-43d6-968e-0d206bfb20af.tmp</t>
  </si>
  <si>
    <t>\\acsfs\profiles$\marcosvnds\Downloads\cc19af4b-8ada-43d6-968e-0d206bfb20af.tmp</t>
  </si>
  <si>
    <t>01/14/2020 12:58:58</t>
  </si>
  <si>
    <t>01/14/2020 13:01:35</t>
  </si>
  <si>
    <t>01/14/2020 12:59:29</t>
  </si>
  <si>
    <t>01/14/2020 13:01:41</t>
  </si>
  <si>
    <t>01/14/2020 13:02:35</t>
  </si>
  <si>
    <t>01/14/2020 12:59:32</t>
  </si>
  <si>
    <t>01/14/2020 13:03:35</t>
  </si>
  <si>
    <t>01/14/2020 12:40:50</t>
  </si>
  <si>
    <t>01/14/2020 13:04:35</t>
  </si>
  <si>
    <t>01/14/2020 12:40:51</t>
  </si>
  <si>
    <t>lu277762cwz59.tmp</t>
  </si>
  <si>
    <t>\\acsfs\profiles$\ALYNYA\My Documents\lu277762cwz59.tmp</t>
  </si>
  <si>
    <t>\\acsfs\profiles$\ALYNYA\My Documents\lu277762cwz59.tmp\</t>
  </si>
  <si>
    <t>\\acsfs\profiles$\ALYNYA\My Documents\lu277762cwz59.tmp\META-INF\</t>
  </si>
  <si>
    <t>\\acsfs\profiles$\ALYNYA\My Documents\lu277762cwz59.tmp\Thumbnails\</t>
  </si>
  <si>
    <t>01/14/2020 13:00:53</t>
  </si>
  <si>
    <t>01/14/2020 13:00:56</t>
  </si>
  <si>
    <t>01/14/2020 13:00:59</t>
  </si>
  <si>
    <t>01/14/2020 13:01:00</t>
  </si>
  <si>
    <t>01/14/2020 13:01:01</t>
  </si>
  <si>
    <t>01/14/2020 13:01:07</t>
  </si>
  <si>
    <t>01/14/2020 13:01:15</t>
  </si>
  <si>
    <t>01/14/2020 13:02:40</t>
  </si>
  <si>
    <t>06a2ef79-8b6b-42d5-8933-6f44a7c07f54.tmp</t>
  </si>
  <si>
    <t>\\acsfs\profiles$\marcosvnds\Downloads\06a2ef79-8b6b-42d5-8933-6f44a7c07f54.tmp</t>
  </si>
  <si>
    <t>01/14/2020 13:02:56</t>
  </si>
  <si>
    <t>0106c549-7085-4d3e-8c23-c51ae6fa5330.tmp</t>
  </si>
  <si>
    <t>\\acsfs\profiles$\marcosvnds\Downloads\0106c549-7085-4d3e-8c23-c51ae6fa5330.tmp</t>
  </si>
  <si>
    <t>01/14/2020 13:03:26</t>
  </si>
  <si>
    <t>ac98438d-b7da-4f7c-87ff-cc3fd37bfe5b.tmp</t>
  </si>
  <si>
    <t>\\acsfs\profiles$\marcosvnds\Downloads\ac98438d-b7da-4f7c-87ff-cc3fd37bfe5b.tmp</t>
  </si>
  <si>
    <t>01/14/2020 13:03:52</t>
  </si>
  <si>
    <t>3b3a09fa-c012-4836-8686-7f4f7d91d6dc.tmp</t>
  </si>
  <si>
    <t>\\acsfs\profiles$\marcosvnds\Downloads\3b3a09fa-c012-4836-8686-7f4f7d91d6dc.tmp</t>
  </si>
  <si>
    <t>01/14/2020 12:59:58</t>
  </si>
  <si>
    <t>01/14/2020 13:05:35</t>
  </si>
  <si>
    <t>01/14/2020 13:04:26</t>
  </si>
  <si>
    <t>01/14/2020 13:06:36</t>
  </si>
  <si>
    <t>6ee1b3d9-a1c8-49ea-b647-ed43a961620b.tmp</t>
  </si>
  <si>
    <t>\\acsfs\profiles$\cintiadcf\Downloads\6ee1b3d9-a1c8-49ea-b647-ed43a961620b.tmp</t>
  </si>
  <si>
    <t>01/14/2020 13:03:00</t>
  </si>
  <si>
    <t>01/14/2020 13:03:30</t>
  </si>
  <si>
    <t>01/14/2020 13:04:30</t>
  </si>
  <si>
    <t>01/14/2020 13:05:54</t>
  </si>
  <si>
    <t>01/14/2020 13:04:57</t>
  </si>
  <si>
    <t>01/14/2020 13:07:36</t>
  </si>
  <si>
    <t>ea499914-74b6-410f-b086-cce705c008fc.tmp</t>
  </si>
  <si>
    <t>\\acsfs\profiles$\ayalabfi\Downloads\ea499914-74b6-410f-b086-cce705c008fc.tmp</t>
  </si>
  <si>
    <t>01/14/2020 13:03:46</t>
  </si>
  <si>
    <t>4bb7fd3d-f9bd-4caf-90e8-18d09a1151b2.tmp</t>
  </si>
  <si>
    <t>\\acsfs\profiles$\geovannasm\Downloads\4bb7fd3d-f9bd-4caf-90e8-18d09a1151b2.tmp</t>
  </si>
  <si>
    <t>01/14/2020 13:04:06</t>
  </si>
  <si>
    <t>01/14/2020 13:09:35</t>
  </si>
  <si>
    <t>7a906db3-a660-4177-9fe6-d6ea509e17b9.tmp</t>
  </si>
  <si>
    <t>\\acsfs\profiles$\laylaams\Downloads\7a906db3-a660-4177-9fe6-d6ea509e17b9.tmp</t>
  </si>
  <si>
    <t>01/14/2020 13:05:03</t>
  </si>
  <si>
    <t>3cfaeb38-0d42-4902-b7dd-11c3bc2a2bb2.tmp</t>
  </si>
  <si>
    <t>\\acsfs\profiles$\laylaams\Downloads\3cfaeb38-0d42-4902-b7dd-11c3bc2a2bb2.tmp</t>
  </si>
  <si>
    <t>01/14/2020 13:08:09</t>
  </si>
  <si>
    <t>THALLITA QUEREN NETO APARECIDO (38).contact</t>
  </si>
  <si>
    <t>\\acsfs\profiles$\thallitaqna\Contacts\THALLITA QUEREN NETO APARECIDO (38).contact</t>
  </si>
  <si>
    <t>01/14/2020 13:08:10</t>
  </si>
  <si>
    <t>01/14/2020 13:08:31</t>
  </si>
  <si>
    <t>01/14/2020 13:08:32</t>
  </si>
  <si>
    <t>01/14/2020 13:08:33</t>
  </si>
  <si>
    <t>01/14/2020 13:08:34</t>
  </si>
  <si>
    <t>01/14/2020 13:08:35</t>
  </si>
  <si>
    <t>01/14/2020 13:08:36</t>
  </si>
  <si>
    <t>01/14/2020 13:07:16</t>
  </si>
  <si>
    <t>01/14/2020 13:10:35</t>
  </si>
  <si>
    <t>005d60e6-1d09-4889-8159-693f2bb46cf8.tmp</t>
  </si>
  <si>
    <t>\\acsfs\profiles$\quindaizaagds\Downloads\005d60e6-1d09-4889-8159-693f2bb46cf8.tmp</t>
  </si>
  <si>
    <t>01/14/2020 13:09:04</t>
  </si>
  <si>
    <t>543f3561-bf15-4700-b2b7-1387975e7f91.tmp</t>
  </si>
  <si>
    <t>\\acsfs\profiles$\quindaizaagds\Downloads\543f3561-bf15-4700-b2b7-1387975e7f91.tmp</t>
  </si>
  <si>
    <t>01/14/2020 13:09:06</t>
  </si>
  <si>
    <t>679b3db5-3ca9-444a-84ab-c94f53b201fc.tmp</t>
  </si>
  <si>
    <t>\\acsfs\profiles$\quindaizaagds\Downloads\679b3db5-3ca9-444a-84ab-c94f53b201fc.tmp</t>
  </si>
  <si>
    <t>01/14/2020 13:06:17</t>
  </si>
  <si>
    <t>01/14/2020 13:06:59</t>
  </si>
  <si>
    <t>01/14/2020 13:07:10</t>
  </si>
  <si>
    <t>01/14/2020 13:07:50</t>
  </si>
  <si>
    <t>01/14/2020 13:08:13</t>
  </si>
  <si>
    <t>01/14/2020 13:08:15</t>
  </si>
  <si>
    <t>01/14/2020 13:08:21</t>
  </si>
  <si>
    <t>mail.google.com/sync/u/0/i/s?hl=pt-BR&amp;c=947</t>
  </si>
  <si>
    <t>01/14/2020 13:08:02</t>
  </si>
  <si>
    <t>01/14/2020 13:11:35</t>
  </si>
  <si>
    <t>01/14/2020 13:09:02</t>
  </si>
  <si>
    <t>01/14/2020 13:09:32</t>
  </si>
  <si>
    <t>01/14/2020 13:10:02</t>
  </si>
  <si>
    <t>01/14/2020 13:07:01</t>
  </si>
  <si>
    <t>01/14/2020 13:12:35</t>
  </si>
  <si>
    <t>01/14/2020 13:07:58</t>
  </si>
  <si>
    <t>01/14/2020 13:12:01</t>
  </si>
  <si>
    <t>01/14/2020 13:13:35</t>
  </si>
  <si>
    <t>01/14/2020 13:14:36</t>
  </si>
  <si>
    <t>01/14/2020 13:08:37</t>
  </si>
  <si>
    <t>01/14/2020 13:08:38</t>
  </si>
  <si>
    <t>01/14/2020 13:08:39</t>
  </si>
  <si>
    <t>01/14/2020 13:09:10</t>
  </si>
  <si>
    <t>01/14/2020 13:09:11</t>
  </si>
  <si>
    <t>01/14/2020 13:13:42</t>
  </si>
  <si>
    <t>01/14/2020 13:15:35</t>
  </si>
  <si>
    <t>01/14/2020 13:12:55</t>
  </si>
  <si>
    <t>01/14/2020 13:13:22</t>
  </si>
  <si>
    <t>01/14/2020 13:16:36</t>
  </si>
  <si>
    <t>01/14/2020 13:13:28</t>
  </si>
  <si>
    <t>mail.google.com/sync/u/0/i/s?hl=pt-BR&amp;c=959</t>
  </si>
  <si>
    <t>01/14/2020 13:14:46</t>
  </si>
  <si>
    <t>01/14/2020 13:15:05</t>
  </si>
  <si>
    <t>01/14/2020 13:15:08</t>
  </si>
  <si>
    <t>01/14/2020 13:15:16</t>
  </si>
  <si>
    <t>01/14/2020 13:15:22</t>
  </si>
  <si>
    <t>01/14/2020 13:15:27</t>
  </si>
  <si>
    <t>01/14/2020 13:15:30</t>
  </si>
  <si>
    <t>01/14/2020 13:12:34</t>
  </si>
  <si>
    <t>01/14/2020 13:12:21</t>
  </si>
  <si>
    <t>01/14/2020 13:14:14</t>
  </si>
  <si>
    <t>lu8912g7tw.tmp</t>
  </si>
  <si>
    <t>\\acsfs\profiles$\LUISPLS\My Documents\Nova pasta\lu8912g7tw.tmp</t>
  </si>
  <si>
    <t>\\acsfs\profiles$\LUISPLS\My Documents\Nova pasta\lu8912g7tw.tmp\</t>
  </si>
  <si>
    <t>\\acsfs\profiles$\LUISPLS\My Documents\Nova pasta\lu8912g7tw.tmp\META-INF\</t>
  </si>
  <si>
    <t>\\acsfs\profiles$\LUISPLS\My Documents\Nova pasta\lu8912g7tw.tmp\Thumbnails\</t>
  </si>
  <si>
    <t>01/14/2020 13:14:22</t>
  </si>
  <si>
    <t>01/14/2020 13:13:52</t>
  </si>
  <si>
    <t>01/14/2020 13:17:35</t>
  </si>
  <si>
    <t>01/14/2020 13:14:30</t>
  </si>
  <si>
    <t>01/14/2020 13:14:31</t>
  </si>
  <si>
    <t>01/14/2020 13:15:21</t>
  </si>
  <si>
    <t>01/14/2020 13:19:35</t>
  </si>
  <si>
    <t>e865e9de-ef07-4426-bef2-117fb65e2cee.tmp</t>
  </si>
  <si>
    <t>\\acsfs\profiles$\nathaliarmr\Downloads\e865e9de-ef07-4426-bef2-117fb65e2cee.tmp</t>
  </si>
  <si>
    <t>01/14/2020 13:16:53</t>
  </si>
  <si>
    <t>01/14/2020 13:20:36</t>
  </si>
  <si>
    <t>kit_pre_deslig_pedido_demissao_ausente_95303_beatriz batista martins.pdf</t>
  </si>
  <si>
    <t>01/14/2020 13:16:58</t>
  </si>
  <si>
    <t>01/14/2020 13:21:36</t>
  </si>
  <si>
    <t>01/14/2020 13:17:31</t>
  </si>
  <si>
    <t>https://bvcartes-supervisores@algarnet.onmicrosoft.com,joaogvc@algartech.com,leonardoao@algartech.com,marianadjc@algartech.com,paulacn@algartech.com,planejamentodeoperacoesetrafego@bv.com.br,raphaelmco@algartech.com.br,ricardodfm@algartech.com.br,robsonams@algartech.com,taysdss@algartech.com,viniciussg@algartech.com</t>
  </si>
  <si>
    <t>01/14/2020 13:19:59</t>
  </si>
  <si>
    <t>3ed93619-f9e6-42c2-bca7-2d2a1a7a4f60.tmp</t>
  </si>
  <si>
    <t>\\acsfs\profiles$\isabellegtds\Downloads\3ed93619-f9e6-42c2-bca7-2d2a1a7a4f60.tmp</t>
  </si>
  <si>
    <t>faf41ea7-3cb5-4ae5-9dec-5d0670029413.tmp</t>
  </si>
  <si>
    <t>\\acsfs\profiles$\cintiadcf\Downloads\faf41ea7-3cb5-4ae5-9dec-5d0670029413.tmp</t>
  </si>
  <si>
    <t>01/14/2020 13:17:50</t>
  </si>
  <si>
    <t>01/14/2020 13:16:35</t>
  </si>
  <si>
    <t>01/14/2020 13:20:37</t>
  </si>
  <si>
    <t>01/14/2020 13:22:35</t>
  </si>
  <si>
    <t>19c43535-30fe-4ff5-ad93-b6f0d667905d.tmp</t>
  </si>
  <si>
    <t>\\acsfs\profiles$\ayalabfi\Downloads\19c43535-30fe-4ff5-ad93-b6f0d667905d.tmp</t>
  </si>
  <si>
    <t>01/14/2020 13:20:02</t>
  </si>
  <si>
    <t>110857ea-e1dc-4098-acf6-ea29084f48d7.tmp</t>
  </si>
  <si>
    <t>\\acsfs\profiles$\ayalabfi\Downloads\110857ea-e1dc-4098-acf6-ea29084f48d7.tmp</t>
  </si>
  <si>
    <t>01/14/2020 13:20:53</t>
  </si>
  <si>
    <t>01/14/2020 13:23:36</t>
  </si>
  <si>
    <t>01/14/2020 13:22:39</t>
  </si>
  <si>
    <t>01/14/2020 13:22:48</t>
  </si>
  <si>
    <t>01/14/2020 13:22:43</t>
  </si>
  <si>
    <t>01/14/2020 13:19:54</t>
  </si>
  <si>
    <t>01/14/2020 13:24:35</t>
  </si>
  <si>
    <t>4fe68ee7-8d74-4504-84db-274c148a35a8.tmp</t>
  </si>
  <si>
    <t>\\acsfs\profiles$\larissaad\Downloads\4fe68ee7-8d74-4504-84db-274c148a35a8.tmp</t>
  </si>
  <si>
    <t>01/14/2020 13:23:13</t>
  </si>
  <si>
    <t>f3b318b7-1be4-4fba-b961-a3b977a48706.tmp</t>
  </si>
  <si>
    <t>\\acsfs\profiles$\larissaad\Downloads\f3b318b7-1be4-4fba-b961-a3b977a48706.tmp</t>
  </si>
  <si>
    <t>01/14/2020 13:18:55</t>
  </si>
  <si>
    <t>9c889a21-35d3-4bdc-b558-c09fc968e764.tmp</t>
  </si>
  <si>
    <t>\\acsfs\profiles$\eduardobb\Downloads\9c889a21-35d3-4bdc-b558-c09fc968e764.tmp</t>
  </si>
  <si>
    <t>01/14/2020 13:23:16</t>
  </si>
  <si>
    <t>01/14/2020 13:23:29</t>
  </si>
  <si>
    <t>01/14/2020 13:21:56</t>
  </si>
  <si>
    <t>d911b25f-bf45-4671-85bd-f2e352b04363.tmp</t>
  </si>
  <si>
    <t>\\acsfs\profiles$\henriquehmdo\Downloads\d911b25f-bf45-4671-85bd-f2e352b04363.tmp</t>
  </si>
  <si>
    <t>01/14/2020 13:19:41</t>
  </si>
  <si>
    <t>b62a2123-58f6-4abb-8227-6952d5e783b9.tmp</t>
  </si>
  <si>
    <t>\\acsfs\profiles$\paulovadc\Downloads\b62a2123-58f6-4abb-8227-6952d5e783b9.tmp</t>
  </si>
  <si>
    <t>01/14/2020 13:24:46</t>
  </si>
  <si>
    <t>01/14/2020 13:25:36</t>
  </si>
  <si>
    <t>01/14/2020 13:23:33</t>
  </si>
  <si>
    <t>01/14/2020 13:24:18</t>
  </si>
  <si>
    <t>dcc017e1-7c30-496d-a37d-87e1f36e021b.tmp</t>
  </si>
  <si>
    <t>\\acsfs\profiles$\mariagsg\Downloads\dcc017e1-7c30-496d-a37d-87e1f36e021b.tmp</t>
  </si>
  <si>
    <t>01/14/2020 13:25:17</t>
  </si>
  <si>
    <t>440b921c-0446-45a6-84f4-2c0c7a4ee89a.tmp</t>
  </si>
  <si>
    <t>\\acsfs\profiles$\mariagsg\Downloads\440b921c-0446-45a6-84f4-2c0c7a4ee89a.tmp</t>
  </si>
  <si>
    <t>01/14/2020 13:21:35</t>
  </si>
  <si>
    <t>01/14/2020 13:26:35</t>
  </si>
  <si>
    <t>lu2733221pjqv.tmp</t>
  </si>
  <si>
    <t>\\acsfs\profiles$\RAFAELRF\meu\lu2733221pjqv.tmp</t>
  </si>
  <si>
    <t>\\acsfs\profiles$\RAFAELRF\meu\lu2733221pjqv.tmp\</t>
  </si>
  <si>
    <t>\\acsfs\profiles$\RAFAELRF\meu\lu2733221pjqv.tmp\META-INF\</t>
  </si>
  <si>
    <t>\\acsfs\profiles$\RAFAELRF\meu\lu2733221pjqv.tmp\Thumbnails\</t>
  </si>
  <si>
    <t>01/14/2020 13:25:16</t>
  </si>
  <si>
    <t>01/14/2020 13:27:36</t>
  </si>
  <si>
    <t>5a24744c-f6bf-483c-8e76-59ebcf62407e.tmp</t>
  </si>
  <si>
    <t>\\acsfs\profiles$\geovannasm\Downloads\5a24744c-f6bf-483c-8e76-59ebcf62407e.tmp</t>
  </si>
  <si>
    <t>01/14/2020 13:22:51</t>
  </si>
  <si>
    <t>01/14/2020 13:28:35</t>
  </si>
  <si>
    <t>01/14/2020 13:22:59</t>
  </si>
  <si>
    <t>01/14/2020 13:23:34</t>
  </si>
  <si>
    <t>01/14/2020 13:23:50</t>
  </si>
  <si>
    <t>01/14/2020 13:24:05</t>
  </si>
  <si>
    <t>01/14/2020 13:24:11</t>
  </si>
  <si>
    <t>01/14/2020 13:24:15</t>
  </si>
  <si>
    <t>01/14/2020 13:24:37</t>
  </si>
  <si>
    <t>01/14/2020 13:24:42</t>
  </si>
  <si>
    <t>01/14/2020 13:26:25</t>
  </si>
  <si>
    <t>01/14/2020 13:26:26</t>
  </si>
  <si>
    <t>01/14/2020 13:26:51</t>
  </si>
  <si>
    <t>01/14/2020 13:26:59</t>
  </si>
  <si>
    <t>01/14/2020 13:27:17</t>
  </si>
  <si>
    <t>01/14/2020 13:27:14</t>
  </si>
  <si>
    <t>01/14/2020 13:29:36</t>
  </si>
  <si>
    <t>lilianls@algartech.com;qualidadealgarbv@algartech.com;</t>
  </si>
  <si>
    <t>lilianls@algartech.com,qualidadealgarbv@algartech.com</t>
  </si>
  <si>
    <t>01/14/2020 13:25:35</t>
  </si>
  <si>
    <t>01/14/2020 13:25:09</t>
  </si>
  <si>
    <t>01/14/2020 13:26:14</t>
  </si>
  <si>
    <t>a9ea89be-af52-461b-a878-033e0750882a.tmp</t>
  </si>
  <si>
    <t>\\acsfs\profiles$\marcosvnds\Downloads\a9ea89be-af52-461b-a878-033e0750882a.tmp</t>
  </si>
  <si>
    <t>01/14/2020 13:24:40</t>
  </si>
  <si>
    <t>9277005c-0835-4313-908c-0084309abab3.tmp</t>
  </si>
  <si>
    <t>\\acsfs\profiles$\henriquehmdo\Downloads\9277005c-0835-4313-908c-0084309abab3.tmp</t>
  </si>
  <si>
    <t>01/14/2020 13:24:56</t>
  </si>
  <si>
    <t>01/14/2020 13:30:35</t>
  </si>
  <si>
    <t>vitorgmp@algartech.com;</t>
  </si>
  <si>
    <t>vitorgmp@algartech.com</t>
  </si>
  <si>
    <t>01/14/2020 13:29:39</t>
  </si>
  <si>
    <t>01/14/2020 13:30:05</t>
  </si>
  <si>
    <t>01/14/2020 13:30:08</t>
  </si>
  <si>
    <t>01/14/2020 13:25:59</t>
  </si>
  <si>
    <t>01/14/2020 13:31:36</t>
  </si>
  <si>
    <t>01/14/2020 13:28:48</t>
  </si>
  <si>
    <t>01/14/2020 13:26:40</t>
  </si>
  <si>
    <t>01/14/2020 13:28:41</t>
  </si>
  <si>
    <t>01/14/2020 13:30:42</t>
  </si>
  <si>
    <t>01/14/2020 13:29:13</t>
  </si>
  <si>
    <t>01/14/2020 13:32:35</t>
  </si>
  <si>
    <t>01/14/2020 13:29:14</t>
  </si>
  <si>
    <t>01/14/2020 13:27:06</t>
  </si>
  <si>
    <t>01/14/2020 13:30:01</t>
  </si>
  <si>
    <t>01/14/2020 13:33:35</t>
  </si>
  <si>
    <t>01/14/2020 13:30:26</t>
  </si>
  <si>
    <t>01/14/2020 13:35:35</t>
  </si>
  <si>
    <t>01/14/2020 13:31:00</t>
  </si>
  <si>
    <t>01/14/2020 13:36:36</t>
  </si>
  <si>
    <t>andrelpsa@algartech.com;joaogvc@algartech.com;leonardoao@algartech.com;paulacn@algartech.com;ricardodfm@algartech.com.br;robsonams@algartech.com;taysdss@algartech.com;viniciussg@algartech.com;</t>
  </si>
  <si>
    <t>andrelpsa@algartech.com,joaogvc@algartech.com,leonardoao@algartech.com,paulacn@algartech.com,ricardodfm@algartech.com.br,robsonams@algartech.com,taysdss@algartech.com,viniciussg@algartech.com</t>
  </si>
  <si>
    <t>01/14/2020 13:31:13</t>
  </si>
  <si>
    <t>andrelpsa@algartech.com;ricardodfm@algartech.com.br;viniciussg@algartech.com;</t>
  </si>
  <si>
    <t>andrelpsa@algartech.com,ricardodfm@algartech.com.br,viniciussg@algartech.com</t>
  </si>
  <si>
    <t>01/14/2020 13:31:32</t>
  </si>
  <si>
    <t>01/14/2020 13:31:40</t>
  </si>
  <si>
    <t>01/14/2020 13:31:56</t>
  </si>
  <si>
    <t>01/14/2020 13:31:57</t>
  </si>
  <si>
    <t>01/14/2020 13:32:18</t>
  </si>
  <si>
    <t>mail.google.com/sync/u/0/i/s?hl=pt-BR&amp;c=1019</t>
  </si>
  <si>
    <t>01/14/2020 13:33:06</t>
  </si>
  <si>
    <t>01/14/2020 13:33:15</t>
  </si>
  <si>
    <t>01/14/2020 13:31:42</t>
  </si>
  <si>
    <t>01/14/2020 13:32:13</t>
  </si>
  <si>
    <t>01/14/2020 13:32:43</t>
  </si>
  <si>
    <t>01/14/2020 13:33:13</t>
  </si>
  <si>
    <t>01/14/2020 13:33:43</t>
  </si>
  <si>
    <t>01/14/2020 13:34:13</t>
  </si>
  <si>
    <t>01/14/2020 13:34:44</t>
  </si>
  <si>
    <t>01/14/2020 13:33:37</t>
  </si>
  <si>
    <t>2ef50761-117c-4288-bd80-c33299209694.tmp</t>
  </si>
  <si>
    <t>\\acsfs\profiles$\joselrb\Downloads\2ef50761-117c-4288-bd80-c33299209694.tmp</t>
  </si>
  <si>
    <t>01/14/2020 13:33:04</t>
  </si>
  <si>
    <t>01/14/2020 13:37:35</t>
  </si>
  <si>
    <t>01/14/2020 13:35:30</t>
  </si>
  <si>
    <t>01/14/2020 13:35:32</t>
  </si>
  <si>
    <t>01/14/2020 13:33:55</t>
  </si>
  <si>
    <t>01/14/2020 13:38:36</t>
  </si>
  <si>
    <t>01/14/2020 13:33:09</t>
  </si>
  <si>
    <t>01/14/2020 13:37:10</t>
  </si>
  <si>
    <t>01/14/2020 13:37:29</t>
  </si>
  <si>
    <t>$I7PU409.txt</t>
  </si>
  <si>
    <t>\\acsfs\profiles$\thaianaads\My Documents\$RECYCLE.BIN\$I7PU409.txt</t>
  </si>
  <si>
    <t>01/14/2020 13:35:50</t>
  </si>
  <si>
    <t>7c89cc06-6f87-45c2-91a6-f003ff267bad.tmp</t>
  </si>
  <si>
    <t>\\acsfs\profiles$\jalilebds\Downloads\7c89cc06-6f87-45c2-91a6-f003ff267bad.tmp</t>
  </si>
  <si>
    <t>01/14/2020 13:37:15</t>
  </si>
  <si>
    <t>01/14/2020 13:39:36</t>
  </si>
  <si>
    <t>01/14/2020 13:35:15</t>
  </si>
  <si>
    <t>01/14/2020 13:36:38</t>
  </si>
  <si>
    <t>lu96562f09g.tmp</t>
  </si>
  <si>
    <t>\\acsfs\profiles$\CLAUDIAJCA\lu96562f09g.tmp</t>
  </si>
  <si>
    <t>\\acsfs\profiles$\CLAUDIAJCA\lu96562f09g.tmp\</t>
  </si>
  <si>
    <t>\\acsfs\profiles$\CLAUDIAJCA\lu96562f09g.tmp\META-INF\</t>
  </si>
  <si>
    <t>\\acsfs\profiles$\CLAUDIAJCA\lu96562f09g.tmp\Thumbnails\</t>
  </si>
  <si>
    <t>01/14/2020 13:39:09</t>
  </si>
  <si>
    <t>01/14/2020 13:40:36</t>
  </si>
  <si>
    <t>01/14/2020 13:37:42</t>
  </si>
  <si>
    <t>01/14/2020 13:41:36</t>
  </si>
  <si>
    <t>01/14/2020 13:36:44</t>
  </si>
  <si>
    <t>01/14/2020 13:39:16</t>
  </si>
  <si>
    <t>01/14/2020 13:39:28</t>
  </si>
  <si>
    <t>01/14/2020 13:42:36</t>
  </si>
  <si>
    <t>30d78f9f-5dbc-46fa-b838-5d5eeeeff723.tmp</t>
  </si>
  <si>
    <t>\\acsfs\profiles$\regisedsj\Downloads\30d78f9f-5dbc-46fa-b838-5d5eeeeff723.tmp</t>
  </si>
  <si>
    <t>\\acsfs\profiles$\regisedsj\Downloads\30d78f9f-5dbc-46fa-b838-5d5eeeeff723.tmp\</t>
  </si>
  <si>
    <t>\\acsfs\profiles$\regisedsj\Downloads\30d78f9f-5dbc-46fa-b838-5d5eeeeff723.tmp\META-INF\</t>
  </si>
  <si>
    <t>\\acsfs\profiles$\regisedsj\Downloads\30d78f9f-5dbc-46fa-b838-5d5eeeeff723.tmp\Thumbnails\</t>
  </si>
  <si>
    <t>01/14/2020 13:39:33</t>
  </si>
  <si>
    <t>\\acsfs\profiles$\regisedsj\Downloads\.~lock.Controle de vendas.ods#</t>
  </si>
  <si>
    <t>01/14/2020 13:40:17</t>
  </si>
  <si>
    <t>.~lock.Controle de vendas Janeiro.ods#</t>
  </si>
  <si>
    <t>\\acsfs\profiles$\regisedsj\My Documents\.~lock.Controle de vendas Janeiro.ods#</t>
  </si>
  <si>
    <t>01/14/2020 13:40:18</t>
  </si>
  <si>
    <t>lu89641fqjc0.tmp</t>
  </si>
  <si>
    <t>\\acsfs\profiles$\regisedsj\My Documents\lu89641fqjc0.tmp</t>
  </si>
  <si>
    <t>\\acsfs\profiles$\regisedsj\My Documents\lu89641fqjc0.tmp\</t>
  </si>
  <si>
    <t>\\acsfs\profiles$\regisedsj\My Documents\lu89641fqjc0.tmp\META-INF\</t>
  </si>
  <si>
    <t>\\acsfs\profiles$\regisedsj\My Documents\lu89641fqjc0.tmp\Thumbnails\</t>
  </si>
  <si>
    <t>01/14/2020 13:38:33</t>
  </si>
  <si>
    <t>01/14/2020 13:43:35</t>
  </si>
  <si>
    <t>477be466-244f-4407-9fff-2de3b0378843.tmp</t>
  </si>
  <si>
    <t>\\acsfs\profiles$\nathaliaos\Downloads\477be466-244f-4407-9fff-2de3b0378843.tmp</t>
  </si>
  <si>
    <t>01/14/2020 13:39:29</t>
  </si>
  <si>
    <t>01/14/2020 13:40:15</t>
  </si>
  <si>
    <t>668175ee-3fe1-47c7-9b9e-8beb22aa4d30.tmp</t>
  </si>
  <si>
    <t>\\acsfs\profiles$\nathaliaos\Downloads\668175ee-3fe1-47c7-9b9e-8beb22aa4d30.tmp</t>
  </si>
  <si>
    <t>01/14/2020 13:40:28</t>
  </si>
  <si>
    <t>7e2bf420-fe3f-497a-93e1-b04d314ea7d2.tmp</t>
  </si>
  <si>
    <t>\\acsfs\profiles$\nathaliaos\Downloads\7e2bf420-fe3f-497a-93e1-b04d314ea7d2.tmp</t>
  </si>
  <si>
    <t>01/14/2020 13:41:49</t>
  </si>
  <si>
    <t>01/14/2020 13:41:56</t>
  </si>
  <si>
    <t>01/14/2020 13:41:59</t>
  </si>
  <si>
    <t>01/14/2020 13:38:25</t>
  </si>
  <si>
    <t>\\acsfs\profiles$\thaianaads\Downloads\$RECYCLE.BIN\</t>
  </si>
  <si>
    <t>$IS42BMO.pptx</t>
  </si>
  <si>
    <t>\\acsfs\profiles$\thaianaads\Downloads\$RECYCLE.BIN\$IS42BMO.pptx</t>
  </si>
  <si>
    <t>01/14/2020 13:38:31</t>
  </si>
  <si>
    <t>$I48J7MM.pdf</t>
  </si>
  <si>
    <t>\\acsfs\profiles$\thaianaads\Downloads\$RECYCLE.BIN\$I48J7MM.pdf</t>
  </si>
  <si>
    <t>01/14/2020 13:38:35</t>
  </si>
  <si>
    <t>$IBRENMF.pdf</t>
  </si>
  <si>
    <t>\\acsfs\profiles$\thaianaads\Downloads\$RECYCLE.BIN\$IBRENMF.pdf</t>
  </si>
  <si>
    <t>01/14/2020 13:38:40</t>
  </si>
  <si>
    <t>$ICSG0G7.png</t>
  </si>
  <si>
    <t>\\acsfs\profiles$\thaianaads\Downloads\$RECYCLE.BIN\$ICSG0G7.png</t>
  </si>
  <si>
    <t>01/14/2020 13:38:45</t>
  </si>
  <si>
    <t>$IIJM7X1.jpg</t>
  </si>
  <si>
    <t>\\acsfs\profiles$\thaianaads\Downloads\$RECYCLE.BIN\$IIJM7X1.jpg</t>
  </si>
  <si>
    <t>01/14/2020 13:40:45</t>
  </si>
  <si>
    <t>01/14/2020 13:40:46</t>
  </si>
  <si>
    <t>lu314203qhuuh.tmp</t>
  </si>
  <si>
    <t>\\acsfs\profiles$\jalilebds\Downloads\lu314203qhuuh.tmp</t>
  </si>
  <si>
    <t>01/14/2020 13:40:23</t>
  </si>
  <si>
    <t>01/14/2020 13:44:36</t>
  </si>
  <si>
    <t>352e5671-285c-4ab1-9f96-b0d1b77fc4c1.tmp</t>
  </si>
  <si>
    <t>\\acsfs\profiles$\eduardobb\Downloads\352e5671-285c-4ab1-9f96-b0d1b77fc4c1.tmp</t>
  </si>
  <si>
    <t>01/14/2020 13:41:51</t>
  </si>
  <si>
    <t>adcd8d70-dc53-4304-8d2d-6719e85f71df.tmp</t>
  </si>
  <si>
    <t>\\acsfs\profiles$\brendadsl\Downloads\adcd8d70-dc53-4304-8d2d-6719e85f71df.tmp</t>
  </si>
  <si>
    <t>01/14/2020 13:41:53</t>
  </si>
  <si>
    <t>e546b642-bc1e-44d8-9d67-52f80c08141c.tmp</t>
  </si>
  <si>
    <t>\\acsfs\profiles$\brendadsl\Downloads\e546b642-bc1e-44d8-9d67-52f80c08141c.tmp</t>
  </si>
  <si>
    <t>01/14/2020 13:41:54</t>
  </si>
  <si>
    <t>bd3aaefd-17dd-4166-b3cc-f3b59e226116.tmp</t>
  </si>
  <si>
    <t>\\acsfs\profiles$\brendadsl\Downloads\bd3aaefd-17dd-4166-b3cc-f3b59e226116.tmp</t>
  </si>
  <si>
    <t>01/14/2020 13:41:55</t>
  </si>
  <si>
    <t>61bc78c0-e4cc-41b0-be5d-a81cf08563e0.tmp</t>
  </si>
  <si>
    <t>\\acsfs\profiles$\brendadsl\Downloads\61bc78c0-e4cc-41b0-be5d-a81cf08563e0.tmp</t>
  </si>
  <si>
    <t>f2b958bc-97b0-4f62-b2d5-4573a7e28071.tmp</t>
  </si>
  <si>
    <t>\\acsfs\profiles$\brendadsl\Downloads\f2b958bc-97b0-4f62-b2d5-4573a7e28071.tmp</t>
  </si>
  <si>
    <t>01/14/2020 13:42:34</t>
  </si>
  <si>
    <t>ce3daa7a-37a6-4b8d-b1f6-752ae975d41f.tmp</t>
  </si>
  <si>
    <t>\\acsfs\profiles$\brendadsl\Downloads\ce3daa7a-37a6-4b8d-b1f6-752ae975d41f.tmp</t>
  </si>
  <si>
    <t>01/14/2020 13:41:08</t>
  </si>
  <si>
    <t>01/14/2020 13:45:35</t>
  </si>
  <si>
    <t>0ca7af29-daf9-4c2e-b95b-bd816a1e8080.tmp</t>
  </si>
  <si>
    <t>\\acsfs\profiles$\georgendsq\Downloads\0ca7af29-daf9-4c2e-b95b-bd816a1e8080.tmp</t>
  </si>
  <si>
    <t>01/14/2020 13:44:18</t>
  </si>
  <si>
    <t>01/14/2020 13:46:36</t>
  </si>
  <si>
    <t>01/14/2020 13:44:48</t>
  </si>
  <si>
    <t>01/14/2020 13:45:19</t>
  </si>
  <si>
    <t>01/14/2020 13:45:44</t>
  </si>
  <si>
    <t>b7911690-95b7-4368-89e5-b3a07bb1e571.tmp</t>
  </si>
  <si>
    <t>\\acsfs\profiles$\andrezacapf\Downloads\b7911690-95b7-4368-89e5-b3a07bb1e571.tmp</t>
  </si>
  <si>
    <t>01/14/2020 13:45:48</t>
  </si>
  <si>
    <t>a4d3a06e-9b2b-40dd-a4f9-4a2e05487024.tmp</t>
  </si>
  <si>
    <t>\\acsfs\profiles$\andrezacapf\Downloads\a4d3a06e-9b2b-40dd-a4f9-4a2e05487024.tmp</t>
  </si>
  <si>
    <t>01/14/2020 13:45:52</t>
  </si>
  <si>
    <t>780c997a-9f3d-40b0-84e3-e272c7e91725.tmp</t>
  </si>
  <si>
    <t>\\acsfs\profiles$\andrezacapf\Downloads\780c997a-9f3d-40b0-84e3-e272c7e91725.tmp</t>
  </si>
  <si>
    <t>01/14/2020 13:45:55</t>
  </si>
  <si>
    <t>0d967dd7-feba-4048-85d1-5cf34f02bdf5.tmp</t>
  </si>
  <si>
    <t>\\acsfs\profiles$\andrezacapf\Downloads\0d967dd7-feba-4048-85d1-5cf34f02bdf5.tmp</t>
  </si>
  <si>
    <t>01/14/2020 13:42:56</t>
  </si>
  <si>
    <t>FABIANO BRUNO MENDES FILHO_1_6777413124215610174_1_32.wav</t>
  </si>
  <si>
    <t>\\acsfs\Deptos\EDUCACAO EMPRESARIAL\KÉSIA\Ligações 2º ciclo - Janeiro 2020\FABIANO BRUNO MENDES FILHO_1_6777413124215610174_1_32.wav</t>
  </si>
  <si>
    <t>01/14/2020 13:44:00</t>
  </si>
  <si>
    <t>01/14/2020 13:42:47</t>
  </si>
  <si>
    <t>01/14/2020 13:47:35</t>
  </si>
  <si>
    <t>01/14/2020 13:46:20</t>
  </si>
  <si>
    <t>ac6fcb0b-0455-4bd4-b8e5-801b8e62cdbb.tmp</t>
  </si>
  <si>
    <t>\\acsfs\profiles$\THYAGOSP\Downloads\ac6fcb0b-0455-4bd4-b8e5-801b8e62cdbb.tmp</t>
  </si>
  <si>
    <t>01/14/2020 13:46:02</t>
  </si>
  <si>
    <t>01/14/2020 13:48:36</t>
  </si>
  <si>
    <t>Jessica de Almeida Gomes_1_6778444509072130502_1_32.wav</t>
  </si>
  <si>
    <t>\\acsfs\Deptos\EDUCACAO EMPRESARIAL\FERNANDA MONIT\Fernanda\MONITORIA JANEIRO\Ligação para MUTANT segundo ciclo janeiro\Jessica de Almeida Gomes_1_6778444509072130502_1_32.wav</t>
  </si>
  <si>
    <t>01/14/2020 13:46:27</t>
  </si>
  <si>
    <t>01/14/2020 13:46:57</t>
  </si>
  <si>
    <t>01/14/2020 13:47:00</t>
  </si>
  <si>
    <t>01/14/2020 13:47:15</t>
  </si>
  <si>
    <t>01/14/2020 13:47:29</t>
  </si>
  <si>
    <t>cac36a82-d981-471b-9e65-c6b5ed5e6d50.tmp</t>
  </si>
  <si>
    <t>\\acsfs\profiles$\victorgl\Downloads\cac36a82-d981-471b-9e65-c6b5ed5e6d50.tmp</t>
  </si>
  <si>
    <t>01/14/2020 13:45:27</t>
  </si>
  <si>
    <t>1a3f9dc4-03ce-411f-83bb-8ab539cea90c.tmp</t>
  </si>
  <si>
    <t>\\acsfs\profiles$\victorgl\Downloads\1a3f9dc4-03ce-411f-83bb-8ab539cea90c.tmp</t>
  </si>
  <si>
    <t>01/14/2020 13:45:28</t>
  </si>
  <si>
    <t>02ed4149-81ef-4d24-81a3-33692a210539.tmp</t>
  </si>
  <si>
    <t>\\acsfs\profiles$\victorgl\Downloads\02ed4149-81ef-4d24-81a3-33692a210539.tmp</t>
  </si>
  <si>
    <t>01/14/2020 13:47:23</t>
  </si>
  <si>
    <t>146c2ee2-bb1f-43ce-9a44-77b16342a396.tmp</t>
  </si>
  <si>
    <t>\\acsfs\profiles$\victorgl\Downloads\146c2ee2-bb1f-43ce-9a44-77b16342a396.tmp</t>
  </si>
  <si>
    <t>01/14/2020 13:48:02</t>
  </si>
  <si>
    <t>276432b1-714b-4c07-a26a-4aa55f914509.tmp</t>
  </si>
  <si>
    <t>\\acsfs\profiles$\victorgl\Downloads\276432b1-714b-4c07-a26a-4aa55f914509.tmp</t>
  </si>
  <si>
    <t>01/14/2020 13:45:21</t>
  </si>
  <si>
    <t>01/14/2020 13:49:35</t>
  </si>
  <si>
    <t>01/14/2020 13:43:54</t>
  </si>
  <si>
    <t>01/14/2020 13:47:05</t>
  </si>
  <si>
    <t>01/14/2020 13:47:44</t>
  </si>
  <si>
    <t>01/14/2020 13:46:10</t>
  </si>
  <si>
    <t>26f31504-b303-4357-9933-09a5dd98c74f.tmp</t>
  </si>
  <si>
    <t>\\acsfs\profiles$\gabrielafs\Downloads\26f31504-b303-4357-9933-09a5dd98c74f.tmp</t>
  </si>
  <si>
    <t>01/14/2020 13:47:33</t>
  </si>
  <si>
    <t>6437431e-61b8-433b-9d61-c8663786c861.tmp</t>
  </si>
  <si>
    <t>\\acsfs\profiles$\paulovadc\Downloads\6437431e-61b8-433b-9d61-c8663786c861.tmp</t>
  </si>
  <si>
    <t>01/14/2020 13:46:21</t>
  </si>
  <si>
    <t>01/14/2020 13:50:36</t>
  </si>
  <si>
    <t>deb9d0e1-e094-48a9-a9d2-39504019363f.tmp</t>
  </si>
  <si>
    <t>\\acsfs\profiles$\georgendsq\Downloads\deb9d0e1-e094-48a9-a9d2-39504019363f.tmp</t>
  </si>
  <si>
    <t>01/14/2020 13:46:41</t>
  </si>
  <si>
    <t>f788809e-fb04-44f9-8cd1-20a640541717.tmp</t>
  </si>
  <si>
    <t>\\acsfs\profiles$\georgendsq\Downloads\f788809e-fb04-44f9-8cd1-20a640541717.tmp</t>
  </si>
  <si>
    <t>01/14/2020 13:47:03</t>
  </si>
  <si>
    <t>c6350584-ca19-4ee6-a1b0-d4acc3f231ba.tmp</t>
  </si>
  <si>
    <t>\\acsfs\profiles$\georgendsq\Downloads\c6350584-ca19-4ee6-a1b0-d4acc3f231ba.tmp</t>
  </si>
  <si>
    <t>ce06971c-a360-46f2-9b91-f0c08c2ab9e9.tmp</t>
  </si>
  <si>
    <t>\\acsfs\profiles$\georgendsq\Downloads\ce06971c-a360-46f2-9b91-f0c08c2ab9e9.tmp</t>
  </si>
  <si>
    <t>01/14/2020 13:47:37</t>
  </si>
  <si>
    <t>a92a69e6-3ce6-42e9-9dd8-6b5eddb00953.tmp</t>
  </si>
  <si>
    <t>\\acsfs\profiles$\georgendsq\Downloads\a92a69e6-3ce6-42e9-9dd8-6b5eddb00953.tmp</t>
  </si>
  <si>
    <t>01/14/2020 13:45:47</t>
  </si>
  <si>
    <t>01/14/2020 13:48:34</t>
  </si>
  <si>
    <t>8400ea5e-e968-4ae6-bbcd-f4b9ba91cfa2.tmp</t>
  </si>
  <si>
    <t>\\acsfs\profiles$\mariajra\Downloads\8400ea5e-e968-4ae6-bbcd-f4b9ba91cfa2.tmp</t>
  </si>
  <si>
    <t>01/14/2020 13:47:50</t>
  </si>
  <si>
    <t>01/14/2020 13:51:35</t>
  </si>
  <si>
    <t>01/14/2020 13:48:20</t>
  </si>
  <si>
    <t>01/14/2020 13:46:22</t>
  </si>
  <si>
    <t>e8a4c3e2-8481-47cc-9682-068293cddf4a.tmp</t>
  </si>
  <si>
    <t>\\acsfs\profiles$\andrezacapf\Downloads\e8a4c3e2-8481-47cc-9682-068293cddf4a.tmp</t>
  </si>
  <si>
    <t>224f0a74-4faf-4f2c-92d5-a5deb3ebea01.tmp</t>
  </si>
  <si>
    <t>\\acsfs\profiles$\andrezacapf\Downloads\224f0a74-4faf-4f2c-92d5-a5deb3ebea01.tmp</t>
  </si>
  <si>
    <t>01/14/2020 13:46:48</t>
  </si>
  <si>
    <t>e6fb50c7-d340-4c0b-a487-6c504a54a46d.tmp</t>
  </si>
  <si>
    <t>\\acsfs\profiles$\andrezacapf\Downloads\e6fb50c7-d340-4c0b-a487-6c504a54a46d.tmp</t>
  </si>
  <si>
    <t>01/14/2020 13:46:52</t>
  </si>
  <si>
    <t>30be50c1-4eba-4e12-b7b1-0bd7efda7b3d.tmp</t>
  </si>
  <si>
    <t>\\acsfs\profiles$\andrezacapf\Downloads\30be50c1-4eba-4e12-b7b1-0bd7efda7b3d.tmp</t>
  </si>
  <si>
    <t>01/14/2020 13:47:55</t>
  </si>
  <si>
    <t>43aca856-307a-439f-ab2a-e1cf804f38ee.tmp</t>
  </si>
  <si>
    <t>\\acsfs\profiles$\andrezacapf\Downloads\43aca856-307a-439f-ab2a-e1cf804f38ee.tmp</t>
  </si>
  <si>
    <t>01/14/2020 13:49:07</t>
  </si>
  <si>
    <t>946ab977-868f-4893-9232-43a44727995e.tmp</t>
  </si>
  <si>
    <t>\\acsfs\profiles$\andrezacapf\Downloads\946ab977-868f-4893-9232-43a44727995e.tmp</t>
  </si>
  <si>
    <t>01/14/2020 13:49:33</t>
  </si>
  <si>
    <t>2c2ebac6-b061-4fae-a8f8-2663e232a67d.tmp</t>
  </si>
  <si>
    <t>\\acsfs\profiles$\andrezacapf\Downloads\2c2ebac6-b061-4fae-a8f8-2663e232a67d.tmp</t>
  </si>
  <si>
    <t>01/14/2020 13:49:48</t>
  </si>
  <si>
    <t>b65c20e3-1fdc-482b-a36e-fd18ae770a2b.tmp</t>
  </si>
  <si>
    <t>\\acsfs\profiles$\andrezacapf\Downloads\b65c20e3-1fdc-482b-a36e-fd18ae770a2b.tmp</t>
  </si>
  <si>
    <t>01/14/2020 13:50:12</t>
  </si>
  <si>
    <t>c2775bd4-788e-4554-89b2-9bb1db33f605.tmp</t>
  </si>
  <si>
    <t>\\acsfs\profiles$\andrezacapf\Downloads\c2775bd4-788e-4554-89b2-9bb1db33f605.tmp</t>
  </si>
  <si>
    <t>01/14/2020 13:50:15</t>
  </si>
  <si>
    <t>30504763-4e0d-4949-8a71-8cf12a066f93.tmp</t>
  </si>
  <si>
    <t>\\acsfs\profiles$\andrezacapf\Downloads\30504763-4e0d-4949-8a71-8cf12a066f93.tmp</t>
  </si>
  <si>
    <t>01/14/2020 13:50:07</t>
  </si>
  <si>
    <t>01/14/2020 13:53:36</t>
  </si>
  <si>
    <t>01/14/2020 13:51:00</t>
  </si>
  <si>
    <t>01/14/2020 13:50:43</t>
  </si>
  <si>
    <t>lu12468p6xkt.tmp</t>
  </si>
  <si>
    <t>\\acsfs\profiles$\dhiulliananads\My Documents\lu12468p6xkt.tmp</t>
  </si>
  <si>
    <t>\\acsfs\profiles$\dhiulliananads\My Documents\lu12468p6xkt.tmp\</t>
  </si>
  <si>
    <t>\\acsfs\profiles$\dhiulliananads\My Documents\lu12468p6xkt.tmp\META-INF\</t>
  </si>
  <si>
    <t>\\acsfs\profiles$\dhiulliananads\My Documents\lu12468p6xkt.tmp\Thumbnails\</t>
  </si>
  <si>
    <t>01/14/2020 13:50:56</t>
  </si>
  <si>
    <t>42508342-9c1c-4457-aa5b-eaa171184fec.tmp</t>
  </si>
  <si>
    <t>\\acsfs\profiles$\rafaelamsv\Downloads\42508342-9c1c-4457-aa5b-eaa171184fec.tmp</t>
  </si>
  <si>
    <t>01/14/2020 13:49:10</t>
  </si>
  <si>
    <t>2c6853d1-62c8-4e21-9eaa-6e9a2ac36ff7.tmp</t>
  </si>
  <si>
    <t>\\acsfs\profiles$\KARENJSS\Downloads\2c6853d1-62c8-4e21-9eaa-6e9a2ac36ff7.tmp</t>
  </si>
  <si>
    <t>01/14/2020 13:50:40</t>
  </si>
  <si>
    <t>cfa30fe4-28a0-4aa6-b7d6-c1403578a146.tmp</t>
  </si>
  <si>
    <t>\\acsfs\profiles$\KARENJSS\Downloads\cfa30fe4-28a0-4aa6-b7d6-c1403578a146.tmp</t>
  </si>
  <si>
    <t>01/14/2020 13:51:06</t>
  </si>
  <si>
    <t>b550d211-8543-44ba-8f6b-d71f7a9d5349.tmp</t>
  </si>
  <si>
    <t>\\acsfs\profiles$\KARENJSS\Downloads\b550d211-8543-44ba-8f6b-d71f7a9d5349.tmp</t>
  </si>
  <si>
    <t>01/14/2020 13:53:44</t>
  </si>
  <si>
    <t>01/14/2020 13:54:36</t>
  </si>
  <si>
    <t>c39affe8-4b1b-41d9-90e1-a06d98c5e13b.tmp</t>
  </si>
  <si>
    <t>\\acsfs\profiles$\gabrielafs\Downloads\c39affe8-4b1b-41d9-90e1-a06d98c5e13b.tmp</t>
  </si>
  <si>
    <t>01/14/2020 13:49:30</t>
  </si>
  <si>
    <t>920d2e14-bb1d-43cd-b6da-e57fd0e80692.tmp</t>
  </si>
  <si>
    <t>\\acsfs\profiles$\victorgl\Downloads\920d2e14-bb1d-43cd-b6da-e57fd0e80692.tmp</t>
  </si>
  <si>
    <t>01/14/2020 13:51:27</t>
  </si>
  <si>
    <t>2fc8c901-75c1-4ba0-9e49-f3b1dd3295a5.tmp</t>
  </si>
  <si>
    <t>\\acsfs\profiles$\victorgl\Downloads\2fc8c901-75c1-4ba0-9e49-f3b1dd3295a5.tmp</t>
  </si>
  <si>
    <t>01/14/2020 13:52:02</t>
  </si>
  <si>
    <t>01/14/2020 13:55:36</t>
  </si>
  <si>
    <t>cb243d89-b998-4519-a061-f97e5e68719a.tmp</t>
  </si>
  <si>
    <t>\\acsfs\profiles$\gabrielamdp\Downloads\cb243d89-b998-4519-a061-f97e5e68719a.tmp</t>
  </si>
  <si>
    <t>01/14/2020 13:52:04</t>
  </si>
  <si>
    <t>2494b8fb-e543-4f3d-91e3-6e3cdd66d06c.tmp</t>
  </si>
  <si>
    <t>\\acsfs\profiles$\gabrielamdp\Downloads\2494b8fb-e543-4f3d-91e3-6e3cdd66d06c.tmp</t>
  </si>
  <si>
    <t>01/14/2020 13:52:05</t>
  </si>
  <si>
    <t>cf3f6c33-2ee2-4070-91f7-2688f2c23e84.tmp</t>
  </si>
  <si>
    <t>\\acsfs\profiles$\gabrielamdp\Downloads\cf3f6c33-2ee2-4070-91f7-2688f2c23e84.tmp</t>
  </si>
  <si>
    <t>01/14/2020 13:53:54</t>
  </si>
  <si>
    <t>6366a150-35c0-46f3-8099-e0e46d071121.tmp</t>
  </si>
  <si>
    <t>\\acsfs\profiles$\gabrielamdp\Downloads\6366a150-35c0-46f3-8099-e0e46d071121.tmp</t>
  </si>
  <si>
    <t>01/14/2020 13:52:58</t>
  </si>
  <si>
    <t>afee2fcf-814e-4953-b4c5-960536988fe7.tmp</t>
  </si>
  <si>
    <t>\\acsfs\profiles$\ingridsm\Downloads\afee2fcf-814e-4953-b4c5-960536988fe7.tmp</t>
  </si>
  <si>
    <t>01/14/2020 13:53:39</t>
  </si>
  <si>
    <t>27bc44ce-2570-47f5-b732-c8df79ae2101.tmp</t>
  </si>
  <si>
    <t>\\acsfs\profiles$\ingridsm\Downloads\27bc44ce-2570-47f5-b732-c8df79ae2101.tmp</t>
  </si>
  <si>
    <t>01/14/2020 13:54:34</t>
  </si>
  <si>
    <t>79a04de7-a1db-4d07-bb0f-218138c08ffe.tmp</t>
  </si>
  <si>
    <t>\\acsfs\profiles$\mariajra\Downloads\79a04de7-a1db-4d07-bb0f-218138c08ffe.tmp</t>
  </si>
  <si>
    <t>01/14/2020 13:53:32</t>
  </si>
  <si>
    <t>01/14/2020 13:51:36</t>
  </si>
  <si>
    <t>01/14/2020 13:51:43</t>
  </si>
  <si>
    <t>01/14/2020 13:52:23</t>
  </si>
  <si>
    <t>01/14/2020 13:52:31</t>
  </si>
  <si>
    <t>01/14/2020 13:52:37</t>
  </si>
  <si>
    <t>01/14/2020 13:52:40</t>
  </si>
  <si>
    <t>01/14/2020 13:53:12</t>
  </si>
  <si>
    <t>01/14/2020 13:53:21</t>
  </si>
  <si>
    <t>01/14/2020 13:53:26</t>
  </si>
  <si>
    <t>01/14/2020 13:53:29</t>
  </si>
  <si>
    <t>01/14/2020 13:53:53</t>
  </si>
  <si>
    <t>01/14/2020 13:54:02</t>
  </si>
  <si>
    <t>01/14/2020 13:54:08</t>
  </si>
  <si>
    <t>01/14/2020 13:54:11</t>
  </si>
  <si>
    <t>01/14/2020 13:54:15</t>
  </si>
  <si>
    <t>01/14/2020 13:54:21</t>
  </si>
  <si>
    <t>01/14/2020 13:54:26</t>
  </si>
  <si>
    <t>01/14/2020 13:54:30</t>
  </si>
  <si>
    <t>01/14/2020 13:54:44</t>
  </si>
  <si>
    <t>01/14/2020 13:54:53</t>
  </si>
  <si>
    <t>01/14/2020 13:55:00</t>
  </si>
  <si>
    <t>01/14/2020 13:55:16</t>
  </si>
  <si>
    <t>01/14/2020 13:55:23</t>
  </si>
  <si>
    <t>01/14/2020 13:51:14</t>
  </si>
  <si>
    <t>01/14/2020 13:56:36</t>
  </si>
  <si>
    <t>01/14/2020 13:55:51</t>
  </si>
  <si>
    <t>79fd1510-256f-4f36-a544-3b92d88529bc.tmp</t>
  </si>
  <si>
    <t>\\acsfs\profiles$\sarahbal\Downloads\79fd1510-256f-4f36-a544-3b92d88529bc.tmp</t>
  </si>
  <si>
    <t>01/14/2020 13:51:52</t>
  </si>
  <si>
    <t>01/14/2020 13:52:22</t>
  </si>
  <si>
    <t>01/14/2020 13:52:06</t>
  </si>
  <si>
    <t>cf6bdaa4-ad6f-4d8e-96b3-0cf37c1df394.tmp</t>
  </si>
  <si>
    <t>\\acsfs\profiles$\andrezacapf\Downloads\cf6bdaa4-ad6f-4d8e-96b3-0cf37c1df394.tmp</t>
  </si>
  <si>
    <t>01/14/2020 13:52:24</t>
  </si>
  <si>
    <t>01/14/2020 13:52:25</t>
  </si>
  <si>
    <t>01/14/2020 13:52:26</t>
  </si>
  <si>
    <t>01/14/2020 13:52:27</t>
  </si>
  <si>
    <t>01/14/2020 13:52:28</t>
  </si>
  <si>
    <t>01/14/2020 13:52:29</t>
  </si>
  <si>
    <t>01/14/2020 13:52:30</t>
  </si>
  <si>
    <t>01/14/2020 13:52:32</t>
  </si>
  <si>
    <t>01/14/2020 13:52:33</t>
  </si>
  <si>
    <t>01/14/2020 13:52:34</t>
  </si>
  <si>
    <t>01/14/2020 13:52:36</t>
  </si>
  <si>
    <t>01/14/2020 13:52:38</t>
  </si>
  <si>
    <t>01/14/2020 13:52:39</t>
  </si>
  <si>
    <t>01/14/2020 13:52:41</t>
  </si>
  <si>
    <t>01/14/2020 13:52:42</t>
  </si>
  <si>
    <t>01/14/2020 13:52:43</t>
  </si>
  <si>
    <t>01/14/2020 13:52:44</t>
  </si>
  <si>
    <t>01/14/2020 13:52:45</t>
  </si>
  <si>
    <t>01/14/2020 13:52:46</t>
  </si>
  <si>
    <t>01/14/2020 13:52:47</t>
  </si>
  <si>
    <t>01/14/2020 13:52:48</t>
  </si>
  <si>
    <t>01/14/2020 13:52:49</t>
  </si>
  <si>
    <t>01/14/2020 13:52:50</t>
  </si>
  <si>
    <t>01/14/2020 13:52:51</t>
  </si>
  <si>
    <t>01/14/2020 13:52:52</t>
  </si>
  <si>
    <t>01/14/2020 13:52:53</t>
  </si>
  <si>
    <t>01/14/2020 13:52:54</t>
  </si>
  <si>
    <t>01/14/2020 13:52:55</t>
  </si>
  <si>
    <t>01/14/2020 13:52:57</t>
  </si>
  <si>
    <t>01/14/2020 13:52:59</t>
  </si>
  <si>
    <t>01/14/2020 13:53:00</t>
  </si>
  <si>
    <t>01/14/2020 13:53:01</t>
  </si>
  <si>
    <t>01/14/2020 13:55:44</t>
  </si>
  <si>
    <t>a2e5da1f-de2a-45d1-9b42-33d08e5f46d6.tmp</t>
  </si>
  <si>
    <t>\\acsfs\profiles$\regisadsa\Downloads\a2e5da1f-de2a-45d1-9b42-33d08e5f46d6.tmp</t>
  </si>
  <si>
    <t>01/14/2020 13:54:07</t>
  </si>
  <si>
    <t>01/14/2020 13:58:36</t>
  </si>
  <si>
    <t>01/14/2020 13:54:56</t>
  </si>
  <si>
    <t>7090362f-0848-4890-aa48-3d0f868e21cd.tmp</t>
  </si>
  <si>
    <t>\\acsfs\profiles$\wenderbnm\Downloads\7090362f-0848-4890-aa48-3d0f868e21cd.tmp</t>
  </si>
  <si>
    <t>01/14/2020 13:56:31</t>
  </si>
  <si>
    <t>Daniel Marinho Lima_1_6778471365502633638_1_32.wav</t>
  </si>
  <si>
    <t>\\acsfs\Deptos\EDUCACAO EMPRESARIAL\FERNANDA MONIT\Fernanda\MONITORIA JANEIRO\Ligação para MUTANT segundo ciclo janeiro\Daniel Marinho Lima_1_6778471365502633638_1_32.wav</t>
  </si>
  <si>
    <t>01/14/2020 13:54:14</t>
  </si>
  <si>
    <t>3b07e84a-0ece-43b8-a736-8dbdcc29c20d.tmp</t>
  </si>
  <si>
    <t>\\acsfs\profiles$\KARENJSS\Downloads\3b07e84a-0ece-43b8-a736-8dbdcc29c20d.tmp</t>
  </si>
  <si>
    <t>01/14/2020 13:57:06</t>
  </si>
  <si>
    <t>01/14/2020 13:57:49</t>
  </si>
  <si>
    <t>01/14/2020 13:59:36</t>
  </si>
  <si>
    <t>dd3e41b9-10ef-462d-b200-495ff7aeab6a.tmp</t>
  </si>
  <si>
    <t>\\acsfs\profiles$\laylaams\Downloads\dd3e41b9-10ef-462d-b200-495ff7aeab6a.tmp</t>
  </si>
  <si>
    <t>01/14/2020 13:56:03</t>
  </si>
  <si>
    <t>01/14/2020 13:58:18</t>
  </si>
  <si>
    <t>01/14/2020 13:58:42</t>
  </si>
  <si>
    <t>741952b5-1f8b-41fc-926a-61a6828a690d.tmp</t>
  </si>
  <si>
    <t>\\acsfs\profiles$\matheusmax\Downloads\741952b5-1f8b-41fc-926a-61a6828a690d.tmp</t>
  </si>
  <si>
    <t>01/14/2020 13:59:15</t>
  </si>
  <si>
    <t>fbb9181f-654f-4c83-924a-8fa34964354f.tmp</t>
  </si>
  <si>
    <t>\\acsfs\profiles$\matheusmax\Downloads\fbb9181f-654f-4c83-924a-8fa34964354f.tmp</t>
  </si>
  <si>
    <t>01/14/2020 13:59:24</t>
  </si>
  <si>
    <t>01/14/2020 13:57:42</t>
  </si>
  <si>
    <t>9543f7a9-377a-428d-91fe-ec249c99facb.tmp</t>
  </si>
  <si>
    <t>\\acsfs\profiles$\henriquehmdo\Downloads\9543f7a9-377a-428d-91fe-ec249c99facb.tmp</t>
  </si>
  <si>
    <t>01/14/2020 13:56:56</t>
  </si>
  <si>
    <t>fee3eb04-e5e1-413d-88e5-e6c4947e32f0.tmp</t>
  </si>
  <si>
    <t>\\acsfs\profiles$\victorgl\Downloads\fee3eb04-e5e1-413d-88e5-e6c4947e32f0.tmp</t>
  </si>
  <si>
    <t>01/14/2020 13:57:01</t>
  </si>
  <si>
    <t>4dfaf620-fa54-4b9f-b881-a180fa9e041a.tmp</t>
  </si>
  <si>
    <t>\\acsfs\profiles$\victorgl\Downloads\4dfaf620-fa54-4b9f-b881-a180fa9e041a.tmp</t>
  </si>
  <si>
    <t>01/14/2020 13:57:10</t>
  </si>
  <si>
    <t>df6d5162-6c4b-4a75-9128-bfddd44cb831.tmp</t>
  </si>
  <si>
    <t>\\acsfs\profiles$\victorgl\Downloads\df6d5162-6c4b-4a75-9128-bfddd44cb831.tmp</t>
  </si>
  <si>
    <t>01/14/2020 13:58:06</t>
  </si>
  <si>
    <t>b0397ed5-79c6-4046-9682-6ffa6331c9a5.tmp</t>
  </si>
  <si>
    <t>\\acsfs\profiles$\victorgl\Downloads\b0397ed5-79c6-4046-9682-6ffa6331c9a5.tmp</t>
  </si>
  <si>
    <t>01/14/2020 13:58:43</t>
  </si>
  <si>
    <t>11a62994-4098-4149-89f8-6cd0262dc64b.tmp</t>
  </si>
  <si>
    <t>\\acsfs\profiles$\victorgl\Downloads\11a62994-4098-4149-89f8-6cd0262dc64b.tmp</t>
  </si>
  <si>
    <t>01/14/2020 13:59:08</t>
  </si>
  <si>
    <t>fd400ebe-ab08-4d8f-acf8-cc090b5a1d64.tmp</t>
  </si>
  <si>
    <t>\\acsfs\profiles$\victorgl\Downloads\fd400ebe-ab08-4d8f-acf8-cc090b5a1d64.tmp</t>
  </si>
  <si>
    <t>01/14/2020 13:56:26</t>
  </si>
  <si>
    <t>lu96562f09l.tmp</t>
  </si>
  <si>
    <t>\\acsfs\profiles$\CLAUDIAJCA\lu96562f09l.tmp</t>
  </si>
  <si>
    <t>\\acsfs\profiles$\CLAUDIAJCA\lu96562f09l.tmp\</t>
  </si>
  <si>
    <t>\\acsfs\profiles$\CLAUDIAJCA\lu96562f09l.tmp\META-INF\</t>
  </si>
  <si>
    <t>01/14/2020 14:00:36</t>
  </si>
  <si>
    <t>\\acsfs\profiles$\CLAUDIAJCA\lu96562f09l.tmp\Thumbnails\</t>
  </si>
  <si>
    <t>01/14/2020 13:57:03</t>
  </si>
  <si>
    <t>01/14/2020 13:55:52</t>
  </si>
  <si>
    <t>01/14/2020 13:56:07</t>
  </si>
  <si>
    <t>01/14/2020 13:56:23</t>
  </si>
  <si>
    <t>01/14/2020 13:56:33</t>
  </si>
  <si>
    <t>01/14/2020 13:56:34</t>
  </si>
  <si>
    <t>01/14/2020 13:56:46</t>
  </si>
  <si>
    <t>01/14/2020 13:57:12</t>
  </si>
  <si>
    <t>01/14/2020 13:58:33</t>
  </si>
  <si>
    <t>01/14/2020 14:01:36</t>
  </si>
  <si>
    <t>https://algar.folhasinergyrh.com.br/dependente/upload?id=0&amp;idsolicitacao=20859&amp;nomedependente=izabella maria ferreira diniz</t>
  </si>
  <si>
    <t>C:\Users\luizffn\Downloads\DOCUMENTOS INGRID\</t>
  </si>
  <si>
    <t>DOCUMENTOS.zip</t>
  </si>
  <si>
    <t>C:\Users\luizffn\Downloads\DOCUMENTOS INGRID\DOCUMENTOS.zip\</t>
  </si>
  <si>
    <t>FORMULARIO INGRID.pdf</t>
  </si>
  <si>
    <t>01/14/2020 13:58:45</t>
  </si>
  <si>
    <t>\\acsfs\profiles$\RAFAELRF\meu\.~lock.BANCO DE DADOS - OPERAÇÃO.xlsx#</t>
  </si>
  <si>
    <t>01/14/2020 13:58:48</t>
  </si>
  <si>
    <t>\\acsfs\profiles$\RAFAELRF\meu\.~lock.Status Filas.xlsx#</t>
  </si>
  <si>
    <t>c8ac393e-04fb-4a81-a676-bd75fb7865fe.tmp</t>
  </si>
  <si>
    <t>\\acsfs\profiles$\regisadsa\Downloads\c8ac393e-04fb-4a81-a676-bd75fb7865fe.tmp</t>
  </si>
  <si>
    <t>01/14/2020 13:57:31</t>
  </si>
  <si>
    <t>e8b65979-ce27-4ae0-8b9a-a6522c262739.tmp</t>
  </si>
  <si>
    <t>\\acsfs\profiles$\regisadsa\Downloads\e8b65979-ce27-4ae0-8b9a-a6522c262739.tmp</t>
  </si>
  <si>
    <t>01/14/2020 13:57:43</t>
  </si>
  <si>
    <t>5a8ec5ad-6065-4e4e-bf45-ee1a8fefbb3f.tmp</t>
  </si>
  <si>
    <t>\\acsfs\profiles$\regisadsa\Downloads\5a8ec5ad-6065-4e4e-bf45-ee1a8fefbb3f.tmp</t>
  </si>
  <si>
    <t>01/14/2020 14:02:36</t>
  </si>
  <si>
    <t>01/14/2020 14:00:38</t>
  </si>
  <si>
    <t>cd75beda-7325-4d87-8211-b38fa16e64df.tmp</t>
  </si>
  <si>
    <t>\\acsfs\profiles$\geovannasm\Downloads\cd75beda-7325-4d87-8211-b38fa16e64df.tmp</t>
  </si>
  <si>
    <t>01/14/2020 14:00:52</t>
  </si>
  <si>
    <t>01/14/2020 14:03:36</t>
  </si>
  <si>
    <t>b43c8247-bf40-4cec-a7bd-c97536c54c10.tmp</t>
  </si>
  <si>
    <t>\\acsfs\profiles$\wenderbnm\Downloads\b43c8247-bf40-4cec-a7bd-c97536c54c10.tmp</t>
  </si>
  <si>
    <t>01/14/2020 13:58:32</t>
  </si>
  <si>
    <t>01/14/2020 14:02:09</t>
  </si>
  <si>
    <t>Lais Ribeiro_1_6777339242188187926_1_32_1_6777339242188187926_1_32.wav</t>
  </si>
  <si>
    <t>\\acsfs\Deptos\EDUCACAO EMPRESARIAL\FERNANDA MONIT\Fernanda\MONITORIA JANEIRO\Ligação para MUTANT segundo ciclo janeiro\Lais Ribeiro_1_6777339242188187926_1_32_1_6777339242188187926_1_32.wav</t>
  </si>
  <si>
    <t>01/14/2020 14:01:43</t>
  </si>
  <si>
    <t>01/14/2020 14:04:36</t>
  </si>
  <si>
    <t>01/14/2020 13:59:54</t>
  </si>
  <si>
    <t>fbf685b0-5f9a-4a12-a83a-60e7e7e2f7bf.tmp</t>
  </si>
  <si>
    <t>\\acsfs\profiles$\gabrielafs\Downloads\fbf685b0-5f9a-4a12-a83a-60e7e7e2f7bf.tmp</t>
  </si>
  <si>
    <t>01/14/2020 14:04:00</t>
  </si>
  <si>
    <t>2553e573-a209-47ae-9a28-8e2173e264ba.tmp</t>
  </si>
  <si>
    <t>\\acsfs\profiles$\gustavoab\Downloads\2553e573-a209-47ae-9a28-8e2173e264ba.tmp</t>
  </si>
  <si>
    <t>01/14/2020 14:04:03</t>
  </si>
  <si>
    <t>01/14/2020 14:00:14</t>
  </si>
  <si>
    <t>01/14/2020 14:05:36</t>
  </si>
  <si>
    <t>ef262333-45fa-4138-8517-6f24298fbc80.tmp</t>
  </si>
  <si>
    <t>\\acsfs\profiles$\gabrielamdp\Downloads\ef262333-45fa-4138-8517-6f24298fbc80.tmp</t>
  </si>
  <si>
    <t>01/14/2020 14:01:59</t>
  </si>
  <si>
    <t>3c207ca2-900e-4200-803f-4b20ebe23dcb.tmp</t>
  </si>
  <si>
    <t>\\acsfs\profiles$\gabrielamdp\Downloads\3c207ca2-900e-4200-803f-4b20ebe23dcb.tmp</t>
  </si>
  <si>
    <t>01/14/2020 14:00:30</t>
  </si>
  <si>
    <t>7b00114e-7f29-4494-8544-a07817c6af6b.tmp</t>
  </si>
  <si>
    <t>\\acsfs\profiles$\ingridsm\Downloads\7b00114e-7f29-4494-8544-a07817c6af6b.tmp</t>
  </si>
  <si>
    <t>01/14/2020 14:01:11</t>
  </si>
  <si>
    <t>b9bdf57c-590b-4444-96ee-a747927897a5.tmp</t>
  </si>
  <si>
    <t>\\acsfs\profiles$\ingridsm\Downloads\b9bdf57c-590b-4444-96ee-a747927897a5.tmp</t>
  </si>
  <si>
    <t>01/14/2020 14:01:03</t>
  </si>
  <si>
    <t>01/14/2020 14:03:17</t>
  </si>
  <si>
    <t>PAUSAS INTERVALO 08.01(2).xlsx</t>
  </si>
  <si>
    <t>\\acsfs\QLD\Gestão por Processos\Oficiais\Indicadores\Automação de Processos\01 - APLICAÇÕES\09 - POWERBI\03 - BV\BASES\PAUSAS INTERVALO 08.01(2).xlsx</t>
  </si>
  <si>
    <t>01/14/2020 14:01:28</t>
  </si>
  <si>
    <t>01/14/2020 14:06:37</t>
  </si>
  <si>
    <t>NICE 14.csv</t>
  </si>
  <si>
    <t>\\acsfs\ACS\001 - Qualidade Lilian\PAULO\Pasta Tainara\NICE 14.csv</t>
  </si>
  <si>
    <t>01/14/2020 14:03:20</t>
  </si>
  <si>
    <t>01/14/2020 14:06:02</t>
  </si>
  <si>
    <t>NICE14.xls</t>
  </si>
  <si>
    <t>\\acsfs\ACS\001 - Qualidade Lilian\PAULO\Pasta Tainara\NICE14.xls</t>
  </si>
  <si>
    <t>01/14/2020 14:03:01</t>
  </si>
  <si>
    <t>01/14/2020 14:03:29</t>
  </si>
  <si>
    <t>01/14/2020 14:03:33</t>
  </si>
  <si>
    <t>01/14/2020 14:03:34</t>
  </si>
  <si>
    <t>01/14/2020 14:05:16</t>
  </si>
  <si>
    <t>HENRIQUE CASSIANO OLIVEIRA_1_6778217193633032631_1_32.wav</t>
  </si>
  <si>
    <t>\\acsfs\Deptos\EDUCACAO EMPRESARIAL\KÉSIA\Ligações 2º ciclo - Janeiro 2020\HENRIQUE CASSIANO OLIVEIRA_1_6778217193633032631_1_32.wav</t>
  </si>
  <si>
    <t>01/14/2020 14:04:24</t>
  </si>
  <si>
    <t>01/14/2020 14:07:36</t>
  </si>
  <si>
    <t>f0702a5b-7e6b-4750-9ff5-d4a446a9ba50.tmp</t>
  </si>
  <si>
    <t>\\acsfs\profiles$\vivianalds\Downloads\f0702a5b-7e6b-4750-9ff5-d4a446a9ba50.tmp</t>
  </si>
  <si>
    <t>01/14/2020 14:05:22</t>
  </si>
  <si>
    <t>01/14/2020 14:05:44</t>
  </si>
  <si>
    <t>01/14/2020 14:02:37</t>
  </si>
  <si>
    <t>b4fb74c0-3cc2-4f97-893f-2e244247e130.tmp</t>
  </si>
  <si>
    <t>\\acsfs\profiles$\geovannasm\Downloads\b4fb74c0-3cc2-4f97-893f-2e244247e130.tmp</t>
  </si>
  <si>
    <t>01/14/2020 14:07:39</t>
  </si>
  <si>
    <t>01/14/2020 14:08:37</t>
  </si>
  <si>
    <t>01/14/2020 14:07:40</t>
  </si>
  <si>
    <t>lu131528f2ib.tmp</t>
  </si>
  <si>
    <t>\\acsfs\profiles$\LUCASBS\Planilhas\lu131528f2ib.tmp</t>
  </si>
  <si>
    <t>01/14/2020 14:04:06</t>
  </si>
  <si>
    <t>Lucas Gubert Pereira_1_6777780786301054316_1_32.wav</t>
  </si>
  <si>
    <t>\\acsfs\Deptos\EDUCACAO EMPRESARIAL\FERNANDA MONIT\Fernanda\MONITORIA JANEIRO\Ligação para MUTANT segundo ciclo janeiro\Lucas Gubert Pereira_1_6777780786301054316_1_32.wav</t>
  </si>
  <si>
    <t>01/14/2020 14:05:49</t>
  </si>
  <si>
    <t>01/14/2020 14:05:52</t>
  </si>
  <si>
    <t>01/14/2020 14:05:57</t>
  </si>
  <si>
    <t>01/14/2020 14:07:07</t>
  </si>
  <si>
    <t>01/14/2020 14:09:36</t>
  </si>
  <si>
    <t>b976555a-1f61-4dde-abaa-7676df7d30e9.tmp</t>
  </si>
  <si>
    <t>\\acsfs\profiles$\gustavoab\Downloads\b976555a-1f61-4dde-abaa-7676df7d30e9.tmp</t>
  </si>
  <si>
    <t>01/14/2020 14:06:18</t>
  </si>
  <si>
    <t>01/14/2020 14:10:36</t>
  </si>
  <si>
    <t>PAUSAS INTERVALO 09.01.xlsx</t>
  </si>
  <si>
    <t>\\acsfs\QLD\Gestão por Processos\Oficiais\Indicadores\Automação de Processos\01 - APLICAÇÕES\09 - POWERBI\03 - BV\BASES\PAUSAS INTERVALO 09.01.xlsx</t>
  </si>
  <si>
    <t>01/14/2020 14:09:04</t>
  </si>
  <si>
    <t>PAUSAS INTERVALO 10.01.xlsx</t>
  </si>
  <si>
    <t>\\acsfs\QLD\Gestão por Processos\Oficiais\Indicadores\Automação de Processos\01 - APLICAÇÕES\09 - POWERBI\03 - BV\BASES\PAUSAS INTERVALO 10.01.xlsx</t>
  </si>
  <si>
    <t>01/14/2020 14:07:37</t>
  </si>
  <si>
    <t>01/14/2020 14:11:36</t>
  </si>
  <si>
    <t>01/14/2020 14:08:01</t>
  </si>
  <si>
    <t>01/14/2020 14:08:31</t>
  </si>
  <si>
    <t>01/14/2020 14:09:02</t>
  </si>
  <si>
    <t>01/14/2020 14:12:36</t>
  </si>
  <si>
    <t>01/14/2020 14:12:17</t>
  </si>
  <si>
    <t>01/14/2020 14:13:36</t>
  </si>
  <si>
    <t>35c469c7-1caa-496c-ba7d-a230df9382f5.tmp</t>
  </si>
  <si>
    <t>\\acsfs\profiles$\layonmof\Downloads\35c469c7-1caa-496c-ba7d-a230df9382f5.tmp</t>
  </si>
  <si>
    <t>01/14/2020 14:11:10</t>
  </si>
  <si>
    <t>01/14/2020 14:11:14</t>
  </si>
  <si>
    <t>01/14/2020 14:11:31</t>
  </si>
  <si>
    <t>01/14/2020 14:12:35</t>
  </si>
  <si>
    <t>01/14/2020 14:12:54</t>
  </si>
  <si>
    <t>01/14/2020 14:12:57</t>
  </si>
  <si>
    <t>01/14/2020 14:09:59</t>
  </si>
  <si>
    <t>01/14/2020 14:14:37</t>
  </si>
  <si>
    <t>01/14/2020 14:12:16</t>
  </si>
  <si>
    <t>01/14/2020 14:12:20</t>
  </si>
  <si>
    <t>01/14/2020 14:15:37</t>
  </si>
  <si>
    <t>922b54f8-8148-4cdb-afdb-55bf6718303a.tmp</t>
  </si>
  <si>
    <t>\\acsfs\profiles$\gabrielamdp\Downloads\922b54f8-8148-4cdb-afdb-55bf6718303a.tmp</t>
  </si>
  <si>
    <t>01/14/2020 14:11:45</t>
  </si>
  <si>
    <t>01/14/2020 14:12:05</t>
  </si>
  <si>
    <t>PAINEL DE CONTROLE 07.01(2).xlsx</t>
  </si>
  <si>
    <t>\\acsfs\QLD\Gestão por Processos\Oficiais\Indicadores\Automação de Processos\01 - APLICAÇÕES\09 - POWERBI\03 - BV\BASES\PAINEL DE CONTROLE 07.01(2).xlsx</t>
  </si>
  <si>
    <t>01/14/2020 14:11:18</t>
  </si>
  <si>
    <t>01/14/2020 14:16:37</t>
  </si>
  <si>
    <t>01/14/2020 14:13:34</t>
  </si>
  <si>
    <t>01/14/2020 14:13:57</t>
  </si>
  <si>
    <t>01/14/2020 14:16:05</t>
  </si>
  <si>
    <t>01/14/2020 14:14:58</t>
  </si>
  <si>
    <t>01/14/2020 14:17:38</t>
  </si>
  <si>
    <t>266f93da-d10b-47aa-a210-2dc425394c12.tmp</t>
  </si>
  <si>
    <t>\\acsfs\profiles$\JOAOVAL\Downloads\266f93da-d10b-47aa-a210-2dc425394c12.tmp</t>
  </si>
  <si>
    <t>01/14/2020 14:15:26</t>
  </si>
  <si>
    <t>Não confirmado 339620.crdownload</t>
  </si>
  <si>
    <t>\\acsfs\Deptos\Operacao\Banco_Votorantim\Supervisao\Maristela\CRBV vendas\Desligamento\Não confirmado 339620.crdownload</t>
  </si>
  <si>
    <t>01/14/2020 14:15:47</t>
  </si>
  <si>
    <t>Não confirmado 567041.crdownload</t>
  </si>
  <si>
    <t>\\acsfs\Deptos\Operacao\Banco_Votorantim\Supervisao\Maristela\CRBV vendas\Desligamento\Não confirmado 567041.crdownload</t>
  </si>
  <si>
    <t>\\acsfs\Deptos\Operacao\Banco_Votorantim\Supervisao\Maristela\CRBV vendas\Desligamento\Não confirmado 567041.crdownload\</t>
  </si>
  <si>
    <t>01/14/2020 14:13:07</t>
  </si>
  <si>
    <t>01/14/2020 14:18:37</t>
  </si>
  <si>
    <t>6914e6fb-e0f0-4fe6-8a1a-2e0d41bcf5c1.tmp</t>
  </si>
  <si>
    <t>\\acsfs\profiles$\layonmof\Downloads\6914e6fb-e0f0-4fe6-8a1a-2e0d41bcf5c1.tmp</t>
  </si>
  <si>
    <t>01/14/2020 14:13:19</t>
  </si>
  <si>
    <t>c923a638-6750-4a76-86f7-e1f00020a210.tmp</t>
  </si>
  <si>
    <t>\\acsfs\profiles$\layonmof\Downloads\c923a638-6750-4a76-86f7-e1f00020a210.tmp</t>
  </si>
  <si>
    <t>01/14/2020 14:14:17</t>
  </si>
  <si>
    <t>4367cc6e-3ec8-48f7-a91a-1060348fae46.tmp</t>
  </si>
  <si>
    <t>\\acsfs\profiles$\layonmof\Downloads\4367cc6e-3ec8-48f7-a91a-1060348fae46.tmp</t>
  </si>
  <si>
    <t>01/14/2020 14:17:31</t>
  </si>
  <si>
    <t>26a3878b-2830-42c2-ad4c-091e7b510b18.tmp</t>
  </si>
  <si>
    <t>\\acsfs\profiles$\layonmof\Downloads\26a3878b-2830-42c2-ad4c-091e7b510b18.tmp</t>
  </si>
  <si>
    <t>01/14/2020 14:13:50</t>
  </si>
  <si>
    <t>01/14/2020 14:17:08</t>
  </si>
  <si>
    <t>01/14/2020 14:13:01</t>
  </si>
  <si>
    <t>01/14/2020 14:13:08</t>
  </si>
  <si>
    <t>01/14/2020 14:13:41</t>
  </si>
  <si>
    <t>01/14/2020 14:13:45</t>
  </si>
  <si>
    <t>01/14/2020 14:13:56</t>
  </si>
  <si>
    <t>01/14/2020 14:13:59</t>
  </si>
  <si>
    <t>01/14/2020 14:14:02</t>
  </si>
  <si>
    <t>01/14/2020 14:14:09</t>
  </si>
  <si>
    <t>01/14/2020 14:14:16</t>
  </si>
  <si>
    <t>01/14/2020 14:16:56</t>
  </si>
  <si>
    <t>01/14/2020 14:17:04</t>
  </si>
  <si>
    <t>01/14/2020 14:17:11</t>
  </si>
  <si>
    <t>01/14/2020 14:17:14</t>
  </si>
  <si>
    <t>01/14/2020 14:17:16</t>
  </si>
  <si>
    <t>01/14/2020 14:17:28</t>
  </si>
  <si>
    <t>01/14/2020 14:17:33</t>
  </si>
  <si>
    <t>01/14/2020 14:17:43</t>
  </si>
  <si>
    <t>01/14/2020 14:15:27</t>
  </si>
  <si>
    <t>01/14/2020 14:17:22</t>
  </si>
  <si>
    <t>9028f97f-027e-4fef-b490-64fc833fcfe3.tmp</t>
  </si>
  <si>
    <t>\\acsfs\profiles$\gabrielsma\Downloads\9028f97f-027e-4fef-b490-64fc833fcfe3.tmp</t>
  </si>
  <si>
    <t>01/14/2020 14:17:32</t>
  </si>
  <si>
    <t>01/14/2020 14:16:50</t>
  </si>
  <si>
    <t>82b55cf4-b063-43c0-9631-7524b3647645.tmp</t>
  </si>
  <si>
    <t>\\acsfs\profiles$\fabianafv\Downloads\82b55cf4-b063-43c0-9631-7524b3647645.tmp</t>
  </si>
  <si>
    <t>01/14/2020 14:16:04</t>
  </si>
  <si>
    <t>lu314203qhuut.tmp</t>
  </si>
  <si>
    <t>\\acsfs\profiles$\jalilebds\Downloads\lu314203qhuut.tmp</t>
  </si>
  <si>
    <t>01/14/2020 14:16:02</t>
  </si>
  <si>
    <t>01/14/2020 14:19:37</t>
  </si>
  <si>
    <t>01/14/2020 14:18:56</t>
  </si>
  <si>
    <t>ed1afaaf-115b-4f99-86ef-673efbf69280.tmp</t>
  </si>
  <si>
    <t>\\acsfs\profiles$\brendadsl\Downloads\ed1afaaf-115b-4f99-86ef-673efbf69280.tmp</t>
  </si>
  <si>
    <t>01/14/2020 14:15:49</t>
  </si>
  <si>
    <t>01/14/2020 14:16:18</t>
  </si>
  <si>
    <t>01/14/2020 14:16:19</t>
  </si>
  <si>
    <t>lu20184dh20a.tmp</t>
  </si>
  <si>
    <t>\\acsfs\profiles$\paulovadc\lu20184dh20a.tmp</t>
  </si>
  <si>
    <t>\\acsfs\profiles$\paulovadc\lu20184dh20a.tmp\</t>
  </si>
  <si>
    <t>\\acsfs\profiles$\paulovadc\lu20184dh20a.tmp\META-INF\</t>
  </si>
  <si>
    <t>\\acsfs\profiles$\paulovadc\lu20184dh20a.tmp\Thumbnails\</t>
  </si>
  <si>
    <t>01/14/2020 14:16:24</t>
  </si>
  <si>
    <t>01/14/2020 14:20:37</t>
  </si>
  <si>
    <t>01/14/2020 14:18:15</t>
  </si>
  <si>
    <t>lu1414411n7dw.tmp</t>
  </si>
  <si>
    <t>\\acsfs\profiles$\luanarda\lu1414411n7dw.tmp</t>
  </si>
  <si>
    <t>\\acsfs\profiles$\luanarda\lu1414411n7dw.tmp\</t>
  </si>
  <si>
    <t>\\acsfs\profiles$\luanarda\lu1414411n7dw.tmp\META-INF\</t>
  </si>
  <si>
    <t>01/14/2020 14:16:39</t>
  </si>
  <si>
    <t>INTRADIARIO 07.01(2).xlsx</t>
  </si>
  <si>
    <t>\\acsfs\QLD\Gestão por Processos\Oficiais\Indicadores\Automação de Processos\01 - APLICAÇÕES\09 - POWERBI\03 - BV\BASES\INTRADIARIO 07.01(2).xlsx</t>
  </si>
  <si>
    <t>01/14/2020 14:18:43</t>
  </si>
  <si>
    <t>INTRADIARIO 08.01 (2).xlsx</t>
  </si>
  <si>
    <t>\\acsfs\QLD\Gestão por Processos\Oficiais\Indicadores\Automação de Processos\01 - APLICAÇÕES\09 - POWERBI\03 - BV\BASES\INTRADIARIO 08.01 (2).xlsx</t>
  </si>
  <si>
    <t>\\acsfs\profiles$\luanarda\lu1414411n7dw.tmp\Thumbnails\</t>
  </si>
  <si>
    <t>01/14/2020 14:19:08</t>
  </si>
  <si>
    <t>01/14/2020 14:21:37</t>
  </si>
  <si>
    <t>01/14/2020 14:19:38</t>
  </si>
  <si>
    <t>01/14/2020 14:20:08</t>
  </si>
  <si>
    <t>01/14/2020 14:17:52</t>
  </si>
  <si>
    <t>KARLA BARBOSA DA SILVA_1_6778221059103599652_1_32.wav</t>
  </si>
  <si>
    <t>\\acsfs\Deptos\EDUCACAO EMPRESARIAL\KÉSIA\Ligações 2º ciclo - Janeiro 2020\KARLA BARBOSA DA SILVA_1_6778221059103599652_1_32.wav</t>
  </si>
  <si>
    <t>01/14/2020 14:17:57</t>
  </si>
  <si>
    <t>01/14/2020 14:22:37</t>
  </si>
  <si>
    <t>41c21c67-4b6b-40f6-adc4-cc94bef2d0bc.tmp</t>
  </si>
  <si>
    <t>\\acsfs\profiles$\JOAOVAL\Downloads\41c21c67-4b6b-40f6-adc4-cc94bef2d0bc.tmp</t>
  </si>
  <si>
    <t>01/14/2020 14:17:20</t>
  </si>
  <si>
    <t>Não confirmado 358891.crdownload</t>
  </si>
  <si>
    <t>\\acsfs\Deptos\Operacao\Banco_Votorantim\Supervisao\Maristela\CRBV vendas\Desligamento\Não confirmado 358891.crdownload</t>
  </si>
  <si>
    <t>Formulario Carla 1.zip</t>
  </si>
  <si>
    <t>\\acsfs\Deptos\Operacao\Banco_Votorantim\Supervisao\Maristela\CRBV vendas\Desligamento\Formulario Carla 1.zip</t>
  </si>
  <si>
    <t>\\acsfs\Deptos\Operacao\Banco_Votorantim\Supervisao\Maristela\CRBV vendas\Desligamento\Formulario Carla 1.zip\</t>
  </si>
  <si>
    <t>Formulario Carla 1.pdf</t>
  </si>
  <si>
    <t>Formulario Carla.pdf</t>
  </si>
  <si>
    <t>01/14/2020 14:21:14</t>
  </si>
  <si>
    <t>b6312a55-fd65-4e99-a5f9-d4b66716bbc3.tmp</t>
  </si>
  <si>
    <t>\\acsfs\profiles$\ayalabfi\Downloads\b6312a55-fd65-4e99-a5f9-d4b66716bbc3.tmp</t>
  </si>
  <si>
    <t>01/14/2020 14:23:37</t>
  </si>
  <si>
    <t>e605bc8f-f005-4ebf-975b-4b79c57f59cb.tmp</t>
  </si>
  <si>
    <t>\\acsfs\profiles$\philipegsf\Downloads\e605bc8f-f005-4ebf-975b-4b79c57f59cb.tmp</t>
  </si>
  <si>
    <t>01/14/2020 14:20:33</t>
  </si>
  <si>
    <t>3bc989c3-1162-410c-b3ae-83d35509f81d.tmp</t>
  </si>
  <si>
    <t>\\acsfs\profiles$\philipegsf\Downloads\3bc989c3-1162-410c-b3ae-83d35509f81d.tmp</t>
  </si>
  <si>
    <t>01/14/2020 14:22:50</t>
  </si>
  <si>
    <t>01/14/2020 14:20:24</t>
  </si>
  <si>
    <t>01/14/2020 14:21:46</t>
  </si>
  <si>
    <t>MARLYANNE GONCALVES DE LIMA SILVA_1_6777963073303027774_1_32.wav</t>
  </si>
  <si>
    <t>\\acsfs\Deptos\EDUCACAO EMPRESARIAL\FERNANDA MONIT\Fernanda\MONITORIA JANEIRO\Ligação para MUTANT segundo ciclo janeiro\MARLYANNE GONCALVES DE LIMA SILVA_1_6777963073303027774_1_32.wav</t>
  </si>
  <si>
    <t>01/14/2020 14:18:08</t>
  </si>
  <si>
    <t>f0fd1675-f01a-4d3e-8d29-378b6795dc03.tmp</t>
  </si>
  <si>
    <t>\\acsfs\profiles$\gabrielsma\Downloads\f0fd1675-f01a-4d3e-8d29-378b6795dc03.tmp</t>
  </si>
  <si>
    <t>01/14/2020 14:18:11</t>
  </si>
  <si>
    <t>\\acsfs\ACS\Gabriel da Silva\Contemporânea\Q29udHJvbGxlci5BQ09NLVNvdUJWXzE-.ica.crdownload</t>
  </si>
  <si>
    <t>01/14/2020 14:20:26</t>
  </si>
  <si>
    <t>\\acsfs\ACS\Gabriel da Silva\Contemporânea\4E6256C8.tmp\</t>
  </si>
  <si>
    <t>\\acsfs\ACS\Gabriel da Silva\Contemporânea\4E6256C8.tmp\:Zone.Identifier:$DATA</t>
  </si>
  <si>
    <t>01/14/2020 14:20:28</t>
  </si>
  <si>
    <t>01/14/2020 14:18:49</t>
  </si>
  <si>
    <t>07630912-b4f1-42cd-a074-bed17f27622b.tmp</t>
  </si>
  <si>
    <t>\\acsfs\profiles$\fabianafv\Downloads\07630912-b4f1-42cd-a074-bed17f27622b.tmp</t>
  </si>
  <si>
    <t>01/14/2020 14:21:48</t>
  </si>
  <si>
    <t>b483a6d4-59e5-4106-9f18-885ed2082df6.tmp</t>
  </si>
  <si>
    <t>\\acsfs\profiles$\fabianafv\Downloads\b483a6d4-59e5-4106-9f18-885ed2082df6.tmp</t>
  </si>
  <si>
    <t>01/14/2020 14:24:30</t>
  </si>
  <si>
    <t>01/14/2020 14:25:37</t>
  </si>
  <si>
    <t>PAUSAS INTERVALO 07.01(2).xlsx</t>
  </si>
  <si>
    <t>\\acsfs\QLD\Gestão por Processos\Oficiais\Indicadores\Automação de Processos\01 - APLICAÇÕES\09 - POWERBI\03 - BV\BASES\PAUSAS INTERVALO 07.01(2).xlsx</t>
  </si>
  <si>
    <t>01/14/2020 14:21:57</t>
  </si>
  <si>
    <t>01/14/2020 14:26:37</t>
  </si>
  <si>
    <t>mail.google.com/sync/u/0/i/s?hl=pt-BR&amp;c=1102</t>
  </si>
  <si>
    <t>01/14/2020 14:22:04</t>
  </si>
  <si>
    <t>mail.google.com/sync/u/0/i/s?hl=pt-BR&amp;c=1104</t>
  </si>
  <si>
    <t>01/14/2020 14:24:41</t>
  </si>
  <si>
    <t>01/14/2020 14:25:11</t>
  </si>
  <si>
    <t>01/14/2020 14:27:37</t>
  </si>
  <si>
    <t>01/14/2020 14:25:46</t>
  </si>
  <si>
    <t>01/14/2020 14:26:19</t>
  </si>
  <si>
    <t>15281043-439b-4305-abe5-8eb91b1f1082.tmp</t>
  </si>
  <si>
    <t>\\acsfs\profiles$\geovannasm\Downloads\15281043-439b-4305-abe5-8eb91b1f1082.tmp</t>
  </si>
  <si>
    <t>01/14/2020 14:23:03</t>
  </si>
  <si>
    <t>01/14/2020 14:28:37</t>
  </si>
  <si>
    <t>01/14/2020 14:24:20</t>
  </si>
  <si>
    <t>01/14/2020 14:24:22</t>
  </si>
  <si>
    <t>01/14/2020 14:24:27</t>
  </si>
  <si>
    <t>01/14/2020 14:24:42</t>
  </si>
  <si>
    <t>01/14/2020 14:24:43</t>
  </si>
  <si>
    <t>01/14/2020 14:24:52</t>
  </si>
  <si>
    <t>01/14/2020 14:24:57</t>
  </si>
  <si>
    <t>01/14/2020 14:24:59</t>
  </si>
  <si>
    <t>01/14/2020 14:25:05</t>
  </si>
  <si>
    <t>01/14/2020 14:25:24</t>
  </si>
  <si>
    <t>01/14/2020 14:25:34</t>
  </si>
  <si>
    <t>01/14/2020 14:25:41</t>
  </si>
  <si>
    <t>01/14/2020 14:25:58</t>
  </si>
  <si>
    <t>01/14/2020 14:26:21</t>
  </si>
  <si>
    <t>01/14/2020 14:26:32</t>
  </si>
  <si>
    <t>01/14/2020 14:26:36</t>
  </si>
  <si>
    <t>01/14/2020 14:26:42</t>
  </si>
  <si>
    <t>01/14/2020 14:26:54</t>
  </si>
  <si>
    <t>01/14/2020 14:27:56</t>
  </si>
  <si>
    <t>01/14/2020 14:24:38</t>
  </si>
  <si>
    <t>791d6fdc-6bc8-4602-a63f-57916e149a03.tmp</t>
  </si>
  <si>
    <t>\\acsfs\profiles$\adelvinsonle\Downloads\791d6fdc-6bc8-4602-a63f-57916e149a03.tmp</t>
  </si>
  <si>
    <t>01/14/2020 14:28:31</t>
  </si>
  <si>
    <t>01/14/2020 14:29:37</t>
  </si>
  <si>
    <t>523952e2-3a42-46b1-9fae-20bac1a2e835.tmp</t>
  </si>
  <si>
    <t>\\acsfs\profiles$\leticiala\Downloads\523952e2-3a42-46b1-9fae-20bac1a2e835.tmp</t>
  </si>
  <si>
    <t>3b6fffca-11e8-408c-adee-416d6bb8b8b5.tmp</t>
  </si>
  <si>
    <t>\\acsfs\profiles$\victorgl\Downloads\3b6fffca-11e8-408c-adee-416d6bb8b8b5.tmp</t>
  </si>
  <si>
    <t>01/14/2020 14:25:31</t>
  </si>
  <si>
    <t>01/14/2020 14:25:32</t>
  </si>
  <si>
    <t>lu96562f09q.tmp</t>
  </si>
  <si>
    <t>\\acsfs\profiles$\CLAUDIAJCA\lu96562f09q.tmp</t>
  </si>
  <si>
    <t>\\acsfs\profiles$\CLAUDIAJCA\lu96562f09q.tmp\</t>
  </si>
  <si>
    <t>\\acsfs\profiles$\CLAUDIAJCA\lu96562f09q.tmp\META-INF\</t>
  </si>
  <si>
    <t>\\acsfs\profiles$\CLAUDIAJCA\lu96562f09q.tmp\Thumbnails\</t>
  </si>
  <si>
    <t>01/14/2020 14:26:02</t>
  </si>
  <si>
    <t>01/14/2020 14:30:38</t>
  </si>
  <si>
    <t>01/14/2020 14:27:21</t>
  </si>
  <si>
    <t>01/14/2020 14:30:12</t>
  </si>
  <si>
    <t>INTRADIARIO 09.01.xlsx</t>
  </si>
  <si>
    <t>\\acsfs\QLD\Gestão por Processos\Oficiais\Indicadores\Automação de Processos\01 - APLICAÇÕES\09 - POWERBI\03 - BV\BASES\INTRADIARIO 09.01.xlsx</t>
  </si>
  <si>
    <t>01/14/2020 14:28:13</t>
  </si>
  <si>
    <t>01/14/2020 14:31:37</t>
  </si>
  <si>
    <t>01/14/2020 14:28:43</t>
  </si>
  <si>
    <t>01/14/2020 14:29:13</t>
  </si>
  <si>
    <t>01/14/2020 14:26:30</t>
  </si>
  <si>
    <t>lu129401e8t5.tmp</t>
  </si>
  <si>
    <t>\\acsfs\profiles$\LUISPLS\My Documents\Nova pasta\lu129401e8t5.tmp</t>
  </si>
  <si>
    <t>\\acsfs\profiles$\LUISPLS\My Documents\Nova pasta\lu129401e8t5.tmp\</t>
  </si>
  <si>
    <t>\\acsfs\profiles$\LUISPLS\My Documents\Nova pasta\lu129401e8t5.tmp\META-INF\</t>
  </si>
  <si>
    <t>\\acsfs\profiles$\LUISPLS\My Documents\Nova pasta\lu129401e8t5.tmp\Thumbnails\</t>
  </si>
  <si>
    <t>01/14/2020 14:26:53</t>
  </si>
  <si>
    <t>01/14/2020 14:28:49</t>
  </si>
  <si>
    <t>MATHEUS MARTINS ANANIAS XAVIER_1_6777415413433181897_1_32.wav</t>
  </si>
  <si>
    <t>\\acsfs\Deptos\EDUCACAO EMPRESARIAL\KÉSIA\Ligações 2º ciclo - Janeiro 2020\MATHEUS MARTINS ANANIAS XAVIER_1_6777415413433181897_1_32.wav</t>
  </si>
  <si>
    <t>01/14/2020 14:32:38</t>
  </si>
  <si>
    <t>01/14/2020 14:30:31</t>
  </si>
  <si>
    <t>01/14/2020 14:28:08</t>
  </si>
  <si>
    <t>01/14/2020 14:33:37</t>
  </si>
  <si>
    <t>01/14/2020 14:30:26</t>
  </si>
  <si>
    <t>Base de Vendas_Novembro.19.xlsm</t>
  </si>
  <si>
    <t>\\acsfs\ACS\Gabriel da Silva\Contemporânea\Base de Vendas_Novembro.19.xlsm</t>
  </si>
  <si>
    <t>01/14/2020 14:29:12</t>
  </si>
  <si>
    <t>01/14/2020 14:29:31</t>
  </si>
  <si>
    <t>01/14/2020 14:29:44</t>
  </si>
  <si>
    <t>01/14/2020 14:30:08</t>
  </si>
  <si>
    <t>01/14/2020 14:30:24</t>
  </si>
  <si>
    <t>01/14/2020 14:29:07</t>
  </si>
  <si>
    <t>01/14/2020 14:29:08</t>
  </si>
  <si>
    <t>lu314203qhuv0.tmp</t>
  </si>
  <si>
    <t>\\acsfs\profiles$\jalilebds\Downloads\lu314203qhuv0.tmp</t>
  </si>
  <si>
    <t>01/14/2020 14:30:44</t>
  </si>
  <si>
    <t>01/14/2020 14:30:15</t>
  </si>
  <si>
    <t>01/14/2020 14:34:38</t>
  </si>
  <si>
    <t>2ba70219-fa40-4eb4-a4f1-670aaf3ab043.tmp</t>
  </si>
  <si>
    <t>\\acsfs\profiles$\lorraynevam\Downloads\2ba70219-fa40-4eb4-a4f1-670aaf3ab043.tmp</t>
  </si>
  <si>
    <t>01/14/2020 14:33:38</t>
  </si>
  <si>
    <t>01/14/2020 14:32:36</t>
  </si>
  <si>
    <t>15ca64ae-9a2f-4201-9efc-7726abe58f44.tmp</t>
  </si>
  <si>
    <t>\\acsfs\profiles$\claudiajca\Downloads\15ca64ae-9a2f-4201-9efc-7726abe58f44.tmp</t>
  </si>
  <si>
    <t>01/14/2020 14:32:33</t>
  </si>
  <si>
    <t>01/14/2020 14:35:37</t>
  </si>
  <si>
    <t>01/14/2020 14:32:34</t>
  </si>
  <si>
    <t>lu10376xcz8i.tmp</t>
  </si>
  <si>
    <t>\\acsfs\profiles$\victoriaksr\Downloads\lu10376xcz8i.tmp</t>
  </si>
  <si>
    <t>01/14/2020 14:35:56</t>
  </si>
  <si>
    <t>01/14/2020 14:36:37</t>
  </si>
  <si>
    <t>01/14/2020 14:33:42</t>
  </si>
  <si>
    <t>01/14/2020 14:34:12</t>
  </si>
  <si>
    <t>01/14/2020 14:34:34</t>
  </si>
  <si>
    <t>01/14/2020 14:34:55</t>
  </si>
  <si>
    <t>01/14/2020 14:37:37</t>
  </si>
  <si>
    <t>01/14/2020 14:32:40</t>
  </si>
  <si>
    <t>01/14/2020 14:33:10</t>
  </si>
  <si>
    <t>01/14/2020 14:38:37</t>
  </si>
  <si>
    <t>03c576ff-d927-470d-939a-0c4d98ac74c4.tmp</t>
  </si>
  <si>
    <t>\\acsfs\profiles$\LUCASBS\Downloads\03c576ff-d927-470d-939a-0c4d98ac74c4.tmp</t>
  </si>
  <si>
    <t>01/14/2020 14:35:39</t>
  </si>
  <si>
    <t>36ec5c00-2ed8-4aaa-96f8-9b46b682a67c.tmp</t>
  </si>
  <si>
    <t>\\acsfs\profiles$\layonmof\Downloads\36ec5c00-2ed8-4aaa-96f8-9b46b682a67c.tmp</t>
  </si>
  <si>
    <t>01/14/2020 14:36:10</t>
  </si>
  <si>
    <t>01/14/2020 14:34:29</t>
  </si>
  <si>
    <t>C:\Users\gabrielsma\</t>
  </si>
  <si>
    <t>Pesquisa_Satisfação_1301.xlsx</t>
  </si>
  <si>
    <t>\\acsfs\ACS\Gabriel da Silva\Contemporânea\NPS\NPS_Voz\Janeiro.20\Pesquisa_Satisfação_1301.xlsx</t>
  </si>
  <si>
    <t>01/14/2020 14:34:05</t>
  </si>
  <si>
    <t>ROGERIO FONSECA DUARTE_1_6776860310385003521_1_32.wav</t>
  </si>
  <si>
    <t>\\acsfs\Deptos\EDUCACAO EMPRESARIAL\FERNANDA MONIT\Fernanda\MONITORIA JANEIRO\Ligação para MUTANT segundo ciclo janeiro\ROGERIO FONSECA DUARTE_1_6776860310385003521_1_32.wav</t>
  </si>
  <si>
    <t>01/14/2020 14:35:36</t>
  </si>
  <si>
    <t>01/14/2020 14:35:43</t>
  </si>
  <si>
    <t>01/14/2020 14:35:50</t>
  </si>
  <si>
    <t>01/14/2020 14:36:07</t>
  </si>
  <si>
    <t>01/14/2020 14:38:26</t>
  </si>
  <si>
    <t>01/14/2020 14:38:27</t>
  </si>
  <si>
    <t>lu314203qhuv3.tmp</t>
  </si>
  <si>
    <t>\\acsfs\profiles$\jalilebds\Downloads\lu314203qhuv3.tmp</t>
  </si>
  <si>
    <t>01/14/2020 14:39:36</t>
  </si>
  <si>
    <t>01/14/2020 14:36:38</t>
  </si>
  <si>
    <t>01/14/2020 14:37:51</t>
  </si>
  <si>
    <t>01/14/2020 14:40:37</t>
  </si>
  <si>
    <t>01/14/2020 14:38:57</t>
  </si>
  <si>
    <t>d928a091-9fc1-42c5-a936-91934a0b71f9.tmp</t>
  </si>
  <si>
    <t>\\acsfs\profiles$\gabrielamdp\Downloads\d928a091-9fc1-42c5-a936-91934a0b71f9.tmp</t>
  </si>
  <si>
    <t>01/14/2020 14:36:00</t>
  </si>
  <si>
    <t>01/14/2020 14:41:37</t>
  </si>
  <si>
    <t>01/14/2020 14:37:19</t>
  </si>
  <si>
    <t>01/14/2020 14:38:20</t>
  </si>
  <si>
    <t>01/14/2020 14:36:09</t>
  </si>
  <si>
    <t>0fb4856a-2337-43d5-b5ed-768569aceb30.tmp</t>
  </si>
  <si>
    <t>\\acsfs\profiles$\erichds\Downloads\0fb4856a-2337-43d5-b5ed-768569aceb30.tmp</t>
  </si>
  <si>
    <t>01/14/2020 14:38:05</t>
  </si>
  <si>
    <t>ed54db63-e0f3-40b1-a0db-89855e7579db.tmp</t>
  </si>
  <si>
    <t>\\acsfs\profiles$\erichds\Downloads\ed54db63-e0f3-40b1-a0db-89855e7579db.tmp</t>
  </si>
  <si>
    <t>01/14/2020 14:39:38</t>
  </si>
  <si>
    <t>01/14/2020 14:40:59</t>
  </si>
  <si>
    <t>01/14/2020 14:42:37</t>
  </si>
  <si>
    <t>01/14/2020 14:42:59</t>
  </si>
  <si>
    <t>01/14/2020 14:43:37</t>
  </si>
  <si>
    <t>e2985f1d-49ba-419b-95ef-8dbefcf7fde9.tmp</t>
  </si>
  <si>
    <t>\\acsfs\profiles$\gabrielhca\Downloads\e2985f1d-49ba-419b-95ef-8dbefcf7fde9.tmp</t>
  </si>
  <si>
    <t>01/14/2020 14:41:50</t>
  </si>
  <si>
    <t>01/14/2020 14:44:37</t>
  </si>
  <si>
    <t>01/14/2020 14:43:12</t>
  </si>
  <si>
    <t>cd2669ee-7a80-4cec-85ca-bc60f962b642.tmp</t>
  </si>
  <si>
    <t>\\acsfs\profiles$\anafsb\Downloads\cd2669ee-7a80-4cec-85ca-bc60f962b642.tmp</t>
  </si>
  <si>
    <t>01/14/2020 14:41:01</t>
  </si>
  <si>
    <t>WEBSON DA SILVA ARAUJO (3052).contact</t>
  </si>
  <si>
    <t>\\acsfs\profiles$\websondsa\Contacts\WEBSON DA SILVA ARAUJO (3052).contact</t>
  </si>
  <si>
    <t>01/14/2020 14:43:21</t>
  </si>
  <si>
    <t>.bat.txt</t>
  </si>
  <si>
    <t>\\acsfs\profiles$\websondsa\Downloads\.bat.txt</t>
  </si>
  <si>
    <t>01/14/2020 14:43:07</t>
  </si>
  <si>
    <t>bee28738-4ce6-4e96-9581-0773725abcbe.tmp</t>
  </si>
  <si>
    <t>\\acsfs\profiles$\victorgl\Downloads\bee28738-4ce6-4e96-9581-0773725abcbe.tmp</t>
  </si>
  <si>
    <t>01/14/2020 14:41:03</t>
  </si>
  <si>
    <t>01/14/2020 14:45:37</t>
  </si>
  <si>
    <t>01/14/2020 14:41:08</t>
  </si>
  <si>
    <t>01/14/2020 14:41:14</t>
  </si>
  <si>
    <t>01/14/2020 14:41:16</t>
  </si>
  <si>
    <t>01/14/2020 14:41:39</t>
  </si>
  <si>
    <t>01/14/2020 14:42:42</t>
  </si>
  <si>
    <t>01/14/2020 14:46:37</t>
  </si>
  <si>
    <t>01/14/2020 14:44:35</t>
  </si>
  <si>
    <t>01/14/2020 14:42:47</t>
  </si>
  <si>
    <t>01/14/2020 14:47:37</t>
  </si>
  <si>
    <t>01/14/2020 14:42:46</t>
  </si>
  <si>
    <t>01/14/2020 14:45:08</t>
  </si>
  <si>
    <t>01/14/2020 14:48:37</t>
  </si>
  <si>
    <t>01/14/2020 14:46:57</t>
  </si>
  <si>
    <t>b7329da6-aa23-4d9f-8712-82dd459e88b4.tmp</t>
  </si>
  <si>
    <t>\\acsfs\profiles$\LUCASBS\Downloads\b7329da6-aa23-4d9f-8712-82dd459e88b4.tmp</t>
  </si>
  <si>
    <t>01/14/2020 14:46:38</t>
  </si>
  <si>
    <t>\\acsfs\ACS\Gabriel da Silva\Contemporânea\NPS\A3F9A678.tmp\</t>
  </si>
  <si>
    <t>\\acsfs\ACS\Gabriel da Silva\Contemporânea\NPS\A3F9A678.tmp\:Zone.Identifier:$DATA</t>
  </si>
  <si>
    <t>01/14/2020 14:46:44</t>
  </si>
  <si>
    <t>01/14/2020 14:46:55</t>
  </si>
  <si>
    <t>01/14/2020 14:43:36</t>
  </si>
  <si>
    <t>01/14/2020 14:45:13</t>
  </si>
  <si>
    <t>01/14/2020 14:45:20</t>
  </si>
  <si>
    <t>01/14/2020 14:47:29</t>
  </si>
  <si>
    <t>01/14/2020 14:47:34</t>
  </si>
  <si>
    <t>01/14/2020 14:47:50</t>
  </si>
  <si>
    <t>01/14/2020 14:47:53</t>
  </si>
  <si>
    <t>01/14/2020 14:48:16</t>
  </si>
  <si>
    <t>7b891afa-32cd-465a-854b-d95ab9819f88.tmp</t>
  </si>
  <si>
    <t>\\acsfs\profiles$\KARENJSS\Downloads\7b891afa-32cd-465a-854b-d95ab9819f88.tmp</t>
  </si>
  <si>
    <t>01/14/2020 14:48:14</t>
  </si>
  <si>
    <t>a6b5f531-6841-4eb8-8023-407550aa835e.tmp</t>
  </si>
  <si>
    <t>\\acsfs\profiles$\fabianobmf\Downloads\a6b5f531-6841-4eb8-8023-407550aa835e.tmp</t>
  </si>
  <si>
    <t>01/14/2020 14:49:37</t>
  </si>
  <si>
    <t>lu17060vsant.tmp</t>
  </si>
  <si>
    <t>\\acsfs\profiles$\rafaelacdoc\lu17060vsant.tmp</t>
  </si>
  <si>
    <t>\\acsfs\profiles$\rafaelacdoc\lu17060vsant.tmp\</t>
  </si>
  <si>
    <t>\\acsfs\profiles$\rafaelacdoc\lu17060vsant.tmp\META-INF\</t>
  </si>
  <si>
    <t>\\acsfs\profiles$\rafaelacdoc\lu17060vsant.tmp\Thumbnails\</t>
  </si>
  <si>
    <t>01/14/2020 14:44:12</t>
  </si>
  <si>
    <t>erro.bat</t>
  </si>
  <si>
    <t>\\acsfs\profiles$\websondsa\My Documents\erro.bat</t>
  </si>
  <si>
    <t>01/14/2020 14:48:09</t>
  </si>
  <si>
    <t>2435e69e-e082-4f3b-b690-5da72b3130ea.tmp</t>
  </si>
  <si>
    <t>\\acsfs\profiles$\brunalas\Downloads\2435e69e-e082-4f3b-b690-5da72b3130ea.tmp</t>
  </si>
  <si>
    <t>01/14/2020 14:48:33</t>
  </si>
  <si>
    <t>01/14/2020 14:45:16</t>
  </si>
  <si>
    <t>01/14/2020 14:50:38</t>
  </si>
  <si>
    <t>11251591-5dd9-4bf6-a9aa-80ecdaa4dcb8.tmp</t>
  </si>
  <si>
    <t>\\acsfs\profiles$\ingridsm\Downloads\11251591-5dd9-4bf6-a9aa-80ecdaa4dcb8.tmp</t>
  </si>
  <si>
    <t>01/14/2020 14:46:12</t>
  </si>
  <si>
    <t>01/14/2020 14:47:04</t>
  </si>
  <si>
    <t>01/14/2020 14:47:08</t>
  </si>
  <si>
    <t>01/14/2020 14:47:12</t>
  </si>
  <si>
    <t>01/14/2020 14:45:54</t>
  </si>
  <si>
    <t>01/14/2020 14:47:18</t>
  </si>
  <si>
    <t>01/14/2020 14:47:24</t>
  </si>
  <si>
    <t>01/14/2020 14:47:28</t>
  </si>
  <si>
    <t>01/14/2020 14:47:59</t>
  </si>
  <si>
    <t>01/14/2020 14:48:11</t>
  </si>
  <si>
    <t>01/14/2020 14:48:41</t>
  </si>
  <si>
    <t>01/14/2020 14:51:37</t>
  </si>
  <si>
    <t>01/14/2020 14:48:53</t>
  </si>
  <si>
    <t>01/14/2020 14:49:04</t>
  </si>
  <si>
    <t>01/14/2020 14:49:07</t>
  </si>
  <si>
    <t>01/14/2020 14:49:12</t>
  </si>
  <si>
    <t>01/14/2020 14:49:14</t>
  </si>
  <si>
    <t>01/14/2020 14:49:54</t>
  </si>
  <si>
    <t>01/14/2020 14:48:58</t>
  </si>
  <si>
    <t>1215d8a0-f14a-4c71-a2fa-d429323f9fe3.tmp</t>
  </si>
  <si>
    <t>\\acsfs\profiles$\isabellegtds\Downloads\1215d8a0-f14a-4c71-a2fa-d429323f9fe3.tmp</t>
  </si>
  <si>
    <t>01/14/2020 14:46:25</t>
  </si>
  <si>
    <t>01/14/2020 14:49:27</t>
  </si>
  <si>
    <t>01/14/2020 14:50:28</t>
  </si>
  <si>
    <t>01/14/2020 14:48:47</t>
  </si>
  <si>
    <t>01/14/2020 14:48:56</t>
  </si>
  <si>
    <t>PHILIPE GONCALVES SANTOS FERREIRA_1_6777769567846478095_1_32.wav</t>
  </si>
  <si>
    <t>\\acsfs\Deptos\EDUCACAO EMPRESARIAL\KÉSIA\Ligações 2º ciclo - Janeiro 2020\PHILIPE GONCALVES SANTOS FERREIRA_1_6777769567846478095_1_32.wav</t>
  </si>
  <si>
    <t>01/14/2020 14:52:37</t>
  </si>
  <si>
    <t>01/14/2020 14:50:16</t>
  </si>
  <si>
    <t>ad66b57b-50e3-4f15-a4c3-54c136b61f9a.tmp</t>
  </si>
  <si>
    <t>\\acsfs\profiles$\cintiadjl\Downloads\ad66b57b-50e3-4f15-a4c3-54c136b61f9a.tmp</t>
  </si>
  <si>
    <t>01/14/2020 14:50:19</t>
  </si>
  <si>
    <t>4da41a02-5cfa-4e66-94d5-500ffa1273e9.tmp</t>
  </si>
  <si>
    <t>\\acsfs\profiles$\cintiadjl\Downloads\4da41a02-5cfa-4e66-94d5-500ffa1273e9.tmp</t>
  </si>
  <si>
    <t>01/14/2020 14:50:21</t>
  </si>
  <si>
    <t>01/14/2020 14:49:28</t>
  </si>
  <si>
    <t>5d4bb882-06d4-4ae4-8d20-179a1a8013ed.tmp</t>
  </si>
  <si>
    <t>\\acsfs\profiles$\lucasgpe\Downloads\5d4bb882-06d4-4ae4-8d20-179a1a8013ed.tmp</t>
  </si>
  <si>
    <t>091cb8b6-f39b-4e52-92b1-3690d5bb79dd.tmp</t>
  </si>
  <si>
    <t>\\acsfs\profiles$\geovannasm\Downloads\091cb8b6-f39b-4e52-92b1-3690d5bb79dd.tmp</t>
  </si>
  <si>
    <t>01/14/2020 14:51:31</t>
  </si>
  <si>
    <t>01/14/2020 14:53:37</t>
  </si>
  <si>
    <t>c20a190c-6338-47e3-af73-90387f078e5b.tmp</t>
  </si>
  <si>
    <t>\\acsfs\profiles$\layonmof\Downloads\c20a190c-6338-47e3-af73-90387f078e5b.tmp</t>
  </si>
  <si>
    <t>01/14/2020 14:51:07</t>
  </si>
  <si>
    <t>\\acsfs\ACS\Gabriel da Silva\Contemporânea\NPS\B172A18A.tmp\</t>
  </si>
  <si>
    <t>\\acsfs\ACS\Gabriel da Silva\Contemporânea\NPS\B172A18A.tmp\:Zone.Identifier:$DATA</t>
  </si>
  <si>
    <t>01/14/2020 14:51:10</t>
  </si>
  <si>
    <t>01/14/2020 14:51:23</t>
  </si>
  <si>
    <t>01/14/2020 14:48:08</t>
  </si>
  <si>
    <t>01/14/2020 14:49:24</t>
  </si>
  <si>
    <t>01/14/2020 14:52:46</t>
  </si>
  <si>
    <t>01/14/2020 14:50:37</t>
  </si>
  <si>
    <t>208c5dea-ee6b-497c-a439-f33dcfdeadab.tmp</t>
  </si>
  <si>
    <t>\\acsfs\profiles$\fabianobmf\Downloads\208c5dea-ee6b-497c-a439-f33dcfdeadab.tmp</t>
  </si>
  <si>
    <t>01/14/2020 14:54:37</t>
  </si>
  <si>
    <t>01/14/2020 14:53:48</t>
  </si>
  <si>
    <t>1fb05ea5-d3de-4742-82f6-eac40aebda55.tmp</t>
  </si>
  <si>
    <t>\\acsfs\profiles$\rafaelacdoc\Downloads\1fb05ea5-d3de-4742-82f6-eac40aebda55.tmp</t>
  </si>
  <si>
    <t>01/14/2020 14:52:40</t>
  </si>
  <si>
    <t>01/14/2020 14:52:59</t>
  </si>
  <si>
    <t>01/14/2020 14:53:30</t>
  </si>
  <si>
    <t>9c319083-ec58-408e-9e19-cfee60a1dc77.tmp</t>
  </si>
  <si>
    <t>\\acsfs\profiles$\gabrielafs\Downloads\9c319083-ec58-408e-9e19-cfee60a1dc77.tmp</t>
  </si>
  <si>
    <t>01/14/2020 14:53:07</t>
  </si>
  <si>
    <t>01/14/2020 14:53:09</t>
  </si>
  <si>
    <t>C:\Users\alinegs\Contacts\</t>
  </si>
  <si>
    <t>C:\Users\alinegs\Documents\</t>
  </si>
  <si>
    <t>C:\Users\alinegs\Downloads\</t>
  </si>
  <si>
    <t>C:\Users\alinegs\Favorites\</t>
  </si>
  <si>
    <t>C:\Users\alinegs\Links\</t>
  </si>
  <si>
    <t>C:\Users\alinegs\Music\</t>
  </si>
  <si>
    <t>C:\Users\alinegs\Pictures\</t>
  </si>
  <si>
    <t>C:\Users\alinegs\Saved Games\</t>
  </si>
  <si>
    <t>C:\Users\alinegs\Searches\</t>
  </si>
  <si>
    <t>C:\Users\alinegs\Videos\</t>
  </si>
  <si>
    <t>01/14/2020 14:53:10</t>
  </si>
  <si>
    <t>C:\Users\alinegs\Favorites\Links for Brasil\</t>
  </si>
  <si>
    <t>C:\Users\ayalabfi\Links\</t>
  </si>
  <si>
    <t>01/14/2020 14:53:11</t>
  </si>
  <si>
    <t>01/14/2020 14:53:20</t>
  </si>
  <si>
    <t>C:\Users\wedersonbadr\Links\</t>
  </si>
  <si>
    <t>01/14/2020 14:53:22</t>
  </si>
  <si>
    <t>C:\Users\websondsa\Links\</t>
  </si>
  <si>
    <t>01/14/2020 14:53:44</t>
  </si>
  <si>
    <t>C:\Users\websondsa\</t>
  </si>
  <si>
    <t>wrar580.exe</t>
  </si>
  <si>
    <t>01/14/2020 14:53:52</t>
  </si>
  <si>
    <t>C:\Users\websondsa\documents\</t>
  </si>
  <si>
    <t>01/14/2020 14:53:54</t>
  </si>
  <si>
    <t>01/14/2020 14:54:05</t>
  </si>
  <si>
    <t>Desktop.lnk</t>
  </si>
  <si>
    <t>Downloads.lnk</t>
  </si>
  <si>
    <t>RecentPlaces.lnk</t>
  </si>
  <si>
    <t>01/14/2020 14:51:02</t>
  </si>
  <si>
    <t>fdab4d33-4e8b-4b4d-9fa6-42e4aa86620e.tmp</t>
  </si>
  <si>
    <t>\\acsfs\profiles$\henriqueco\Downloads\fdab4d33-4e8b-4b4d-9fa6-42e4aa86620e.tmp</t>
  </si>
  <si>
    <t>01/14/2020 14:52:05</t>
  </si>
  <si>
    <t>14b4c51a-0385-43fe-8d8a-2dd45821ab80.tmp</t>
  </si>
  <si>
    <t>\\acsfs\profiles$\henriqueco\Downloads\14b4c51a-0385-43fe-8d8a-2dd45821ab80.tmp</t>
  </si>
  <si>
    <t>01/14/2020 14:50:46</t>
  </si>
  <si>
    <t>4fda2445-f712-466a-939b-5d6cd9ef16c0.tmp</t>
  </si>
  <si>
    <t>\\acsfs\profiles$\brunalas\Downloads\4fda2445-f712-466a-939b-5d6cd9ef16c0.tmp</t>
  </si>
  <si>
    <t>01/14/2020 14:52:27</t>
  </si>
  <si>
    <t>01/14/2020 14:55:38</t>
  </si>
  <si>
    <t>8f059478-c0a0-4c5e-a8a4-6f841d2f0a3a.tmp</t>
  </si>
  <si>
    <t>\\acsfs\profiles$\gabrielamdp\Downloads\8f059478-c0a0-4c5e-a8a4-6f841d2f0a3a.tmp</t>
  </si>
  <si>
    <t>01/14/2020 14:56:37</t>
  </si>
  <si>
    <t>01/14/2020 14:50:52</t>
  </si>
  <si>
    <t>01/14/2020 14:51:00</t>
  </si>
  <si>
    <t>100014122394468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</t>
  </si>
  <si>
    <t>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</t>
  </si>
  <si>
    <t>01/14/2020 14:50:58</t>
  </si>
  <si>
    <t>01/14/2020 14:51:28</t>
  </si>
  <si>
    <t>01/14/2020 14:54:00</t>
  </si>
  <si>
    <t>01/14/2020 14:54:09</t>
  </si>
  <si>
    <t>ROSILEIA MARIA DA CRUZ_1_6777777290197670216_1_32.wav</t>
  </si>
  <si>
    <t>\\acsfs\Deptos\EDUCACAO EMPRESARIAL\KÉSIA\Ligações 2º ciclo - Janeiro 2020\ROSILEIA MARIA DA CRUZ_1_6777777290197670216_1_32.wav</t>
  </si>
  <si>
    <t>01/14/2020 14:57:37</t>
  </si>
  <si>
    <t>01/14/2020 14:53:17</t>
  </si>
  <si>
    <t>01/14/2020 14:54:18</t>
  </si>
  <si>
    <t>fabianacscg@algartech.com;lilianls@algartech.com;qualidadealgarbv@algartech.com;</t>
  </si>
  <si>
    <t>fabianacscg@algartech.com,lilianls@algartech.com,qualidadealgarbv@algartech.com</t>
  </si>
  <si>
    <t>01/14/2020 14:54:38</t>
  </si>
  <si>
    <t>01/14/2020 14:55:00</t>
  </si>
  <si>
    <t>01/14/2020 14:55:03</t>
  </si>
  <si>
    <t>01/14/2020 14:55:26</t>
  </si>
  <si>
    <t>01/14/2020 14:55:45</t>
  </si>
  <si>
    <t>01/14/2020 14:53:56</t>
  </si>
  <si>
    <t>01/14/2020 14:56:39</t>
  </si>
  <si>
    <t>01/14/2020 14:55:17</t>
  </si>
  <si>
    <t>01/14/2020 14:58:37</t>
  </si>
  <si>
    <t>948658a0-17bd-45e2-9f8e-30062bac971e.tmp</t>
  </si>
  <si>
    <t>\\acsfs\profiles$\websondsa\Downloads\948658a0-17bd-45e2-9f8e-30062bac971e.tmp</t>
  </si>
  <si>
    <t>01/14/2020 14:53:33</t>
  </si>
  <si>
    <t>01/14/2020 14:57:26</t>
  </si>
  <si>
    <t>01/14/2020 14:54:22</t>
  </si>
  <si>
    <t>f0c5ec15-43fb-4e37-b071-afe6ed8c8a2b.tmp</t>
  </si>
  <si>
    <t>\\acsfs\profiles$\philipegsf\Downloads\f0c5ec15-43fb-4e37-b071-afe6ed8c8a2b.tmp</t>
  </si>
  <si>
    <t>01/14/2020 14:54:29</t>
  </si>
  <si>
    <t>0b6d2d7c-f4d2-4885-acd5-b496ef4c8d2b.tmp</t>
  </si>
  <si>
    <t>\\acsfs\profiles$\philipegsf\Downloads\0b6d2d7c-f4d2-4885-acd5-b496ef4c8d2b.tmp</t>
  </si>
  <si>
    <t>01/14/2020 14:53:12</t>
  </si>
  <si>
    <t>01/14/2020 14:54:53</t>
  </si>
  <si>
    <t>01/14/2020 14:54:54</t>
  </si>
  <si>
    <t>lu314203qhuva.tmp</t>
  </si>
  <si>
    <t>\\acsfs\profiles$\jalilebds\Downloads\lu314203qhuva.tmp</t>
  </si>
  <si>
    <t>01/14/2020 14:56:34</t>
  </si>
  <si>
    <t>01/14/2020 14:56:31</t>
  </si>
  <si>
    <t>01/14/2020 14:59:37</t>
  </si>
  <si>
    <t>01/14/2020 14:54:16</t>
  </si>
  <si>
    <t>d3f9a522-2714-4114-9502-e28dea026df7.tmp</t>
  </si>
  <si>
    <t>\\acsfs\profiles$\rafaelacdoc\Downloads\d3f9a522-2714-4114-9502-e28dea026df7.tmp</t>
  </si>
  <si>
    <t>01/14/2020 14:56:26</t>
  </si>
  <si>
    <t>01/14/2020 14:55:07</t>
  </si>
  <si>
    <t>01/14/2020 14:55:08</t>
  </si>
  <si>
    <t>01/14/2020 14:58:32</t>
  </si>
  <si>
    <t>72c6098b-d2fa-4c7f-9383-cbfe1c0810da.tmp</t>
  </si>
  <si>
    <t>\\acsfs\profiles$\gabrielafs\Downloads\72c6098b-d2fa-4c7f-9383-cbfe1c0810da.tmp</t>
  </si>
  <si>
    <t>01/14/2020 14:56:20</t>
  </si>
  <si>
    <t>~ovo atalho.tmp</t>
  </si>
  <si>
    <t>\\acsfs\profiles$\websondsa\Downloads\~ovo atalho.tmp</t>
  </si>
  <si>
    <t>01/14/2020 14:56:28</t>
  </si>
  <si>
    <t>Disco Local (C).lnk</t>
  </si>
  <si>
    <t>\\acsfs\profiles$\websondsa\Downloads\Disco Local (C).lnk</t>
  </si>
  <si>
    <t>01/14/2020 14:57:52</t>
  </si>
  <si>
    <t>01/14/2020 14:57:04</t>
  </si>
  <si>
    <t>01/14/2020 15:00:37</t>
  </si>
  <si>
    <t>01/14/2020 14:59:28</t>
  </si>
  <si>
    <t>01/14/2020 15:01:37</t>
  </si>
  <si>
    <t>01/14/2020 14:59:45</t>
  </si>
  <si>
    <t>01/14/2020 14:59:14</t>
  </si>
  <si>
    <t>a570a3c5-2384-4104-ac3d-2c8ddd9b5354.tmp</t>
  </si>
  <si>
    <t>\\acsfs\profiles$\sarahbal\Downloads\a570a3c5-2384-4104-ac3d-2c8ddd9b5354.tmp</t>
  </si>
  <si>
    <t>01/14/2020 15:00:50</t>
  </si>
  <si>
    <t>01/14/2020 15:02:37</t>
  </si>
  <si>
    <t>01/14/2020 14:58:34</t>
  </si>
  <si>
    <t>01/14/2020 14:59:24</t>
  </si>
  <si>
    <t>fc126dcd-cfe2-46b7-b322-cfe27ed1637b.tmp</t>
  </si>
  <si>
    <t>\\acsfs\profiles$\lucasgpe\Downloads\fc126dcd-cfe2-46b7-b322-cfe27ed1637b.tmp</t>
  </si>
  <si>
    <t>01/14/2020 14:59:05</t>
  </si>
  <si>
    <t>01/14/2020 14:59:18</t>
  </si>
  <si>
    <t>01/14/2020 14:59:34</t>
  </si>
  <si>
    <t>01/14/2020 14:59:43</t>
  </si>
  <si>
    <t>01/14/2020 15:01:30</t>
  </si>
  <si>
    <t>01/14/2020 15:01:31</t>
  </si>
  <si>
    <t>01/14/2020 15:02:38</t>
  </si>
  <si>
    <t>01/14/2020 15:03:37</t>
  </si>
  <si>
    <t>01/14/2020 15:00:02</t>
  </si>
  <si>
    <t>01/14/2020 15:00:54</t>
  </si>
  <si>
    <t>01/14/2020 14:58:48</t>
  </si>
  <si>
    <t>01/14/2020 15:03:06</t>
  </si>
  <si>
    <t>ADRIELE DAS GRACAS CARVALHO_1_6777820987194935602_1_32.wav</t>
  </si>
  <si>
    <t>\\acsfs\Deptos\EDUCACAO EMPRESARIAL\FERNANDA MONIT\Fernanda\MONITORIA JANEIRO\Ligação para MUTANT segundo ciclo janeiro\ADRIELE DAS GRACAS CARVALHO_1_6777820987194935602_1_32.wav</t>
  </si>
  <si>
    <t>01/14/2020 15:00:20</t>
  </si>
  <si>
    <t>01/14/2020 15:04:37</t>
  </si>
  <si>
    <t>01/14/2020 15:00:36</t>
  </si>
  <si>
    <t>01/14/2020 15:03:10</t>
  </si>
  <si>
    <t>01/14/2020 15:02:54</t>
  </si>
  <si>
    <t>01/14/2020 15:03:36</t>
  </si>
  <si>
    <t>01/14/2020 15:01:23</t>
  </si>
  <si>
    <t>01/14/2020 15:02:40</t>
  </si>
  <si>
    <t>01/14/2020 15:05:37</t>
  </si>
  <si>
    <t>01/14/2020 15:06:37</t>
  </si>
  <si>
    <t>01/14/2020 15:03:11</t>
  </si>
  <si>
    <t>01/14/2020 15:01:00</t>
  </si>
  <si>
    <t>https://udpmailboxap01.acs.com.br:8443/h/search?si=0&amp;so=0&amp;sc=73296&amp;st=conversation&amp;action=compose&amp;id=5452&amp;paction=view&amp;rf=html&amp;op=reply</t>
  </si>
  <si>
    <t>jessykacal@algartech.com.br;</t>
  </si>
  <si>
    <t>https://jessykacal@algartech.com.br</t>
  </si>
  <si>
    <t>01/14/2020 15:04:10</t>
  </si>
  <si>
    <t>https://udpmailboxap01.acs.com.br:8443/h/search?si=0&amp;so=0&amp;sc=73297&amp;sfi=2&amp;st=conversation&amp;action=compose&amp;paction=paneview</t>
  </si>
  <si>
    <t>01/14/2020 15:04:40</t>
  </si>
  <si>
    <t>01/14/2020 15:05:10</t>
  </si>
  <si>
    <t>01/14/2020 15:04:57</t>
  </si>
  <si>
    <t>01/14/2020 15:01:56</t>
  </si>
  <si>
    <t>\\acsfs\profiles$\fabianafv\Downloads\~ovo atalho.tmp</t>
  </si>
  <si>
    <t>01/14/2020 15:02:01</t>
  </si>
  <si>
    <t>OS (C).lnk</t>
  </si>
  <si>
    <t>\\acsfs\profiles$\fabianafv\Downloads\OS (C).lnk</t>
  </si>
  <si>
    <t>01/14/2020 15:02:53</t>
  </si>
  <si>
    <t>ERIC HENRIQUE DA SILVA_1_6777128750135976626_1_32.wav</t>
  </si>
  <si>
    <t>\\acsfs\Deptos\EDUCACAO EMPRESARIAL\KÉSIA\Ligações 2º ciclo - Janeiro 2020\ERIC HENRIQUE DA SILVA_1_6777128750135976626_1_32.wav</t>
  </si>
  <si>
    <t>01/14/2020 15:07:37</t>
  </si>
  <si>
    <t>01/14/2020 15:04:43</t>
  </si>
  <si>
    <t>a7d092f4-297d-4060-8b61-7f610139d71b.tmp</t>
  </si>
  <si>
    <t>\\acsfs\profiles$\lorrainerdl\Downloads\a7d092f4-297d-4060-8b61-7f610139d71b.tmp</t>
  </si>
  <si>
    <t>01/14/2020 15:06:36</t>
  </si>
  <si>
    <t>01/14/2020 15:08:37</t>
  </si>
  <si>
    <t>01/14/2020 15:07:33</t>
  </si>
  <si>
    <t>ef4695a5-4adf-4232-a2c2-ce49828ac35c.tmp</t>
  </si>
  <si>
    <t>\\acsfs\profiles$\laurandos\Downloads\ef4695a5-4adf-4232-a2c2-ce49828ac35c.tmp</t>
  </si>
  <si>
    <t>01/14/2020 15:03:58</t>
  </si>
  <si>
    <t>01/14/2020 15:04:53</t>
  </si>
  <si>
    <t>01/14/2020 15:05:52</t>
  </si>
  <si>
    <t>01/14/2020 15:03:46</t>
  </si>
  <si>
    <t>01/14/2020 15:03:48</t>
  </si>
  <si>
    <t>01/14/2020 15:06:02</t>
  </si>
  <si>
    <t>01/14/2020 15:06:03</t>
  </si>
  <si>
    <t>01/14/2020 15:06:19</t>
  </si>
  <si>
    <t>01/14/2020 15:06:45</t>
  </si>
  <si>
    <t>01/14/2020 15:06:50</t>
  </si>
  <si>
    <t>01/14/2020 15:06:59</t>
  </si>
  <si>
    <t>01/14/2020 15:07:09</t>
  </si>
  <si>
    <t>01/14/2020 15:07:12</t>
  </si>
  <si>
    <t>01/14/2020 15:07:21</t>
  </si>
  <si>
    <t>01/14/2020 15:07:32</t>
  </si>
  <si>
    <t>01/14/2020 15:07:41</t>
  </si>
  <si>
    <t>01/14/2020 15:07:51</t>
  </si>
  <si>
    <t>01/14/2020 15:07:54</t>
  </si>
  <si>
    <t>01/14/2020 15:07:58</t>
  </si>
  <si>
    <t>01/14/2020 15:08:04</t>
  </si>
  <si>
    <t>01/14/2020 15:08:09</t>
  </si>
  <si>
    <t>01/14/2020 15:07:00</t>
  </si>
  <si>
    <t>01/14/2020 15:07:01</t>
  </si>
  <si>
    <t>lu314203qhuvh.tmp</t>
  </si>
  <si>
    <t>\\acsfs\profiles$\jalilebds\Downloads\lu314203qhuvh.tmp</t>
  </si>
  <si>
    <t>01/14/2020 15:06:21</t>
  </si>
  <si>
    <t>01/14/2020 15:09:37</t>
  </si>
  <si>
    <t>01/14/2020 15:03:56</t>
  </si>
  <si>
    <t>01/14/2020 15:07:04</t>
  </si>
  <si>
    <t>4fbd5d70-050c-48ef-86a7-b6dfed528171.tmp</t>
  </si>
  <si>
    <t>\\acsfs\profiles$\leticiala\Downloads\4fbd5d70-050c-48ef-86a7-b6dfed528171.tmp</t>
  </si>
  <si>
    <t>01/14/2020 15:08:52</t>
  </si>
  <si>
    <t>01/14/2020 15:04:42</t>
  </si>
  <si>
    <t>01/14/2020 15:06:26</t>
  </si>
  <si>
    <t>01/14/2020 15:10:37</t>
  </si>
  <si>
    <t>01/14/2020 15:05:51</t>
  </si>
  <si>
    <t>01/14/2020 15:11:37</t>
  </si>
  <si>
    <t>01/14/2020 15:07:23</t>
  </si>
  <si>
    <t>01/14/2020 15:07:34</t>
  </si>
  <si>
    <t>01/14/2020 15:07:39</t>
  </si>
  <si>
    <t>01/14/2020 15:08:13</t>
  </si>
  <si>
    <t>01/14/2020 15:08:57</t>
  </si>
  <si>
    <t>01/14/2020 15:08:31</t>
  </si>
  <si>
    <t>18df1382-079c-4400-b4ef-06dac96a8cf2.tmp</t>
  </si>
  <si>
    <t>\\acsfs\profiles$\isabellegtds\Downloads\18df1382-079c-4400-b4ef-06dac96a8cf2.tmp</t>
  </si>
  <si>
    <t>01/14/2020 15:10:21</t>
  </si>
  <si>
    <t>01/14/2020 15:12:37</t>
  </si>
  <si>
    <t>01/14/2020 15:09:31</t>
  </si>
  <si>
    <t>19fc1850-ff9a-4e6f-9b37-1c1b4dfdcd78.tmp</t>
  </si>
  <si>
    <t>\\acsfs\profiles$\vivianalds\Downloads\19fc1850-ff9a-4e6f-9b37-1c1b4dfdcd78.tmp</t>
  </si>
  <si>
    <t>01/14/2020 15:09:50</t>
  </si>
  <si>
    <t>01/14/2020 15:07:08</t>
  </si>
  <si>
    <t>XLOG_tiagosno_14012020_065915.log</t>
  </si>
  <si>
    <t>\\acsfs\profiles$\tiagosno\My Documents\xworkcenter\logs\XLOG_tiagosno_14012020_065915.log</t>
  </si>
  <si>
    <t>01/14/2020 15:11:21</t>
  </si>
  <si>
    <t>e6c510da-714a-4d4b-9be3-60e8a05bfe5f.tmp</t>
  </si>
  <si>
    <t>\\acsfs\profiles$\inarajst\Downloads\e6c510da-714a-4d4b-9be3-60e8a05bfe5f.tmp</t>
  </si>
  <si>
    <t>01/14/2020 15:11:35</t>
  </si>
  <si>
    <t>11b885f9-6e8b-49a6-aeec-f4a77bba5c01.tmp</t>
  </si>
  <si>
    <t>\\acsfs\profiles$\inarajst\Downloads\11b885f9-6e8b-49a6-aeec-f4a77bba5c01.tmp</t>
  </si>
  <si>
    <t>01/14/2020 15:09:14</t>
  </si>
  <si>
    <t>01/14/2020 15:13:37</t>
  </si>
  <si>
    <t>2afc5830-3ea1-4697-87a1-5a47fd5a7970.tmp</t>
  </si>
  <si>
    <t>\\acsfs\profiles$\layonmof\Downloads\2afc5830-3ea1-4697-87a1-5a47fd5a7970.tmp</t>
  </si>
  <si>
    <t>01/14/2020 15:08:29</t>
  </si>
  <si>
    <t>c73e9a76-1d43-4a73-a605-11feefb6e1f2.tmp</t>
  </si>
  <si>
    <t>\\acsfs\profiles$\laurandos\Downloads\c73e9a76-1d43-4a73-a605-11feefb6e1f2.tmp</t>
  </si>
  <si>
    <t>01/14/2020 15:10:54</t>
  </si>
  <si>
    <t>01/14/2020 15:12:41</t>
  </si>
  <si>
    <t>f5030f80-c807-48c5-ae67-51933cfa7026.tmp</t>
  </si>
  <si>
    <t>\\acsfs\profiles$\rosileiam\Downloads\f5030f80-c807-48c5-ae67-51933cfa7026.tmp</t>
  </si>
  <si>
    <t>01/14/2020 15:08:15</t>
  </si>
  <si>
    <t>01/14/2020 15:08:28</t>
  </si>
  <si>
    <t>01/14/2020 15:08:41</t>
  </si>
  <si>
    <t>01/14/2020 15:15:37</t>
  </si>
  <si>
    <t>01/14/2020 15:12:42</t>
  </si>
  <si>
    <t>01/14/2020 15:14:33</t>
  </si>
  <si>
    <t>01/14/2020 15:14:43</t>
  </si>
  <si>
    <t>01/14/2020 15:14:51</t>
  </si>
  <si>
    <t>01/14/2020 15:12:15</t>
  </si>
  <si>
    <t>01/14/2020 15:16:37</t>
  </si>
  <si>
    <t>01/14/2020 15:12:25</t>
  </si>
  <si>
    <t>123af704-145a-45cf-b59e-fdf5bbe0524b.tmp</t>
  </si>
  <si>
    <t>\\acsfs\profiles$\erichds\Downloads\123af704-145a-45cf-b59e-fdf5bbe0524b.tmp</t>
  </si>
  <si>
    <t>01/14/2020 15:17:37</t>
  </si>
  <si>
    <t>01/14/2020 15:13:46</t>
  </si>
  <si>
    <t>01/14/2020 15:17:07</t>
  </si>
  <si>
    <t>01/14/2020 15:18:38</t>
  </si>
  <si>
    <t>01/14/2020 15:17:08</t>
  </si>
  <si>
    <t>lu13252cg2cz.tmp</t>
  </si>
  <si>
    <t>\\acsfs\profiles$\LUCASBS\Planilhas\lu13252cg2cz.tmp</t>
  </si>
  <si>
    <t>01/14/2020 15:14:44</t>
  </si>
  <si>
    <t>a9a8711b-3048-450b-9ee8-c1c146e0866c.tmp</t>
  </si>
  <si>
    <t>\\acsfs\profiles$\rosileiam\Downloads\a9a8711b-3048-450b-9ee8-c1c146e0866c.tmp</t>
  </si>
  <si>
    <t>01/14/2020 15:14:27</t>
  </si>
  <si>
    <t>01/14/2020 15:14:52</t>
  </si>
  <si>
    <t>01/14/2020 15:16:24</t>
  </si>
  <si>
    <t>01/14/2020 15:16:30</t>
  </si>
  <si>
    <t>01/14/2020 15:16:50</t>
  </si>
  <si>
    <t>01/14/2020 15:16:55</t>
  </si>
  <si>
    <t>mail.google.com/sync/u/0/i/s?hl=pt-BR&amp;c=691</t>
  </si>
  <si>
    <t>01/14/2020 15:17:13</t>
  </si>
  <si>
    <t>01/14/2020 15:17:18</t>
  </si>
  <si>
    <t>01/14/2020 15:17:19</t>
  </si>
  <si>
    <t>01/14/2020 15:17:35</t>
  </si>
  <si>
    <t>01/14/2020 15:18:08</t>
  </si>
  <si>
    <t>01/14/2020 15:18:13</t>
  </si>
  <si>
    <t>01/14/2020 15:14:57</t>
  </si>
  <si>
    <t>01/14/2020 15:14:58</t>
  </si>
  <si>
    <t>lu314203qhuvk.tmp</t>
  </si>
  <si>
    <t>\\acsfs\profiles$\jalilebds\Downloads\lu314203qhuvk.tmp</t>
  </si>
  <si>
    <t>01/14/2020 15:18:33</t>
  </si>
  <si>
    <t>01/14/2020 15:19:37</t>
  </si>
  <si>
    <t>f590973e-1029-4ce8-9875-46655f8cf954.tmp</t>
  </si>
  <si>
    <t>\\acsfs\profiles$\henriqueco\Downloads\f590973e-1029-4ce8-9875-46655f8cf954.tmp</t>
  </si>
  <si>
    <t>01/14/2020 15:19:14</t>
  </si>
  <si>
    <t>01/14/2020 15:21:38</t>
  </si>
  <si>
    <t>01/14/2020 15:18:05</t>
  </si>
  <si>
    <t>01/14/2020 15:19:24</t>
  </si>
  <si>
    <t>01/14/2020 15:19:12</t>
  </si>
  <si>
    <t>01/14/2020 15:22:38</t>
  </si>
  <si>
    <t>01/14/2020 15:18:17</t>
  </si>
  <si>
    <t>58f30f12-816c-4dee-ac5c-ee4111e309df.tmp</t>
  </si>
  <si>
    <t>\\acsfs\profiles$\vivianalds\Downloads\58f30f12-816c-4dee-ac5c-ee4111e309df.tmp</t>
  </si>
  <si>
    <t>01/14/2020 15:18:50</t>
  </si>
  <si>
    <t>01/14/2020 15:21:47</t>
  </si>
  <si>
    <t>01/14/2020 15:23:38</t>
  </si>
  <si>
    <t>01/14/2020 15:18:15</t>
  </si>
  <si>
    <t>01/14/2020 15:18:42</t>
  </si>
  <si>
    <t>01/14/2020 15:19:01</t>
  </si>
  <si>
    <t>01/14/2020 15:18:22</t>
  </si>
  <si>
    <t>01/14/2020 15:21:44</t>
  </si>
  <si>
    <t>01/14/2020 15:21:49</t>
  </si>
  <si>
    <t>01/14/2020 15:22:49</t>
  </si>
  <si>
    <t>01/14/2020 15:22:56</t>
  </si>
  <si>
    <t>01/14/2020 15:22:59</t>
  </si>
  <si>
    <t>cdeed546-5880-4eb3-a4f2-37e137360190.tmp</t>
  </si>
  <si>
    <t>\\acsfs\profiles$\fabianobmf\Downloads\cdeed546-5880-4eb3-a4f2-37e137360190.tmp</t>
  </si>
  <si>
    <t>01/14/2020 15:21:07</t>
  </si>
  <si>
    <t>01/14/2020 15:24:38</t>
  </si>
  <si>
    <t>32b93d1d-9bba-4ab7-87e2-f5c52c8ea8a4.tmp</t>
  </si>
  <si>
    <t>\\acsfs\profiles$\larissaad\Downloads\32b93d1d-9bba-4ab7-87e2-f5c52c8ea8a4.tmp</t>
  </si>
  <si>
    <t>01/14/2020 15:21:01</t>
  </si>
  <si>
    <t>627fb5a1-342a-4e29-b31b-351d2cd7c15c.tmp</t>
  </si>
  <si>
    <t>\\acsfs\profiles$\matheusmax\Downloads\627fb5a1-342a-4e29-b31b-351d2cd7c15c.tmp</t>
  </si>
  <si>
    <t>01/14/2020 15:22:00</t>
  </si>
  <si>
    <t>01/14/2020 15:25:37</t>
  </si>
  <si>
    <t>cb9f2825-bd10-4e9e-b7bc-8b80be1e5532.tmp</t>
  </si>
  <si>
    <t>\\acsfs\profiles$\andreapdsg\Downloads\cb9f2825-bd10-4e9e-b7bc-8b80be1e5532.tmp</t>
  </si>
  <si>
    <t>01/14/2020 15:22:06</t>
  </si>
  <si>
    <t>7f54a1df-f8fa-4f60-b0ba-911ec64b8dd2.tmp</t>
  </si>
  <si>
    <t>\\acsfs\profiles$\andreapdsg\Downloads\7f54a1df-f8fa-4f60-b0ba-911ec64b8dd2.tmp</t>
  </si>
  <si>
    <t>01/14/2020 15:22:10</t>
  </si>
  <si>
    <t>01/14/2020 15:23:04</t>
  </si>
  <si>
    <t>04855405-0db4-4d19-845c-745c2ad3cb4b.tmp</t>
  </si>
  <si>
    <t>\\acsfs\profiles$\taylaedoa\Downloads\04855405-0db4-4d19-845c-745c2ad3cb4b.tmp</t>
  </si>
  <si>
    <t>01/14/2020 15:23:08</t>
  </si>
  <si>
    <t>0aeb2144-b4ad-4e89-95c9-4fec550cb1a7.tmp</t>
  </si>
  <si>
    <t>\\acsfs\profiles$\taylaedoa\Downloads\0aeb2144-b4ad-4e89-95c9-4fec550cb1a7.tmp</t>
  </si>
  <si>
    <t>01/14/2020 15:24:09</t>
  </si>
  <si>
    <t>6c808e46-7859-48f5-bd8b-a5fa7b94bf3a.tmp</t>
  </si>
  <si>
    <t>\\acsfs\profiles$\taylaedoa\Downloads\6c808e46-7859-48f5-bd8b-a5fa7b94bf3a.tmp</t>
  </si>
  <si>
    <t>01/14/2020 15:25:04</t>
  </si>
  <si>
    <t>5b5e0083-c6c6-45d9-af17-f0549ceece6b.tmp</t>
  </si>
  <si>
    <t>\\acsfs\profiles$\taylaedoa\Downloads\5b5e0083-c6c6-45d9-af17-f0549ceece6b.tmp</t>
  </si>
  <si>
    <t>01/14/2020 15:25:11</t>
  </si>
  <si>
    <t>01/14/2020 15:26:38</t>
  </si>
  <si>
    <t>01/14/2020 15:25:56</t>
  </si>
  <si>
    <t>01/14/2020 15:22:02</t>
  </si>
  <si>
    <t>01/14/2020 15:25:40</t>
  </si>
  <si>
    <t>01/14/2020 15:27:38</t>
  </si>
  <si>
    <t>01/14/2020 15:26:07</t>
  </si>
  <si>
    <t>d9d43d3e-5723-49ac-9ac9-a478480fc8c2.tmp</t>
  </si>
  <si>
    <t>\\acsfs\profiles$\nycolleemdj\Downloads\d9d43d3e-5723-49ac-9ac9-a478480fc8c2.tmp</t>
  </si>
  <si>
    <t>01/14/2020 15:24:14</t>
  </si>
  <si>
    <t>01/14/2020 15:24:05</t>
  </si>
  <si>
    <t>fac20665-e25c-47d0-a0e3-a443ec688ae0.tmp</t>
  </si>
  <si>
    <t>\\acsfs\profiles$\fernandofs\Downloads\fac20665-e25c-47d0-a0e3-a443ec688ae0.tmp</t>
  </si>
  <si>
    <t>01/14/2020 15:24:35</t>
  </si>
  <si>
    <t>c201d9a9-1d9f-449b-9b8a-5d55bfd7fc97.tmp</t>
  </si>
  <si>
    <t>\\acsfs\profiles$\fernandofs\Downloads\c201d9a9-1d9f-449b-9b8a-5d55bfd7fc97.tmp</t>
  </si>
  <si>
    <t>01/14/2020 15:24:01</t>
  </si>
  <si>
    <t>01/14/2020 15:28:38</t>
  </si>
  <si>
    <t>01/14/2020 15:26:54</t>
  </si>
  <si>
    <t>01/14/2020 15:27:00</t>
  </si>
  <si>
    <t>01/14/2020 15:27:05</t>
  </si>
  <si>
    <t>01/14/2020 15:24:15</t>
  </si>
  <si>
    <t>lu314203qhuvn.tmp</t>
  </si>
  <si>
    <t>\\acsfs\profiles$\jalilebds\Downloads\lu314203qhuvn.tmp</t>
  </si>
  <si>
    <t>01/14/2020 15:26:55</t>
  </si>
  <si>
    <t>0ff200cb-4806-4b50-9ff5-58bf07b213bc.tmp</t>
  </si>
  <si>
    <t>\\acsfs\profiles$\websondsa\Downloads\0ff200cb-4806-4b50-9ff5-58bf07b213bc.tmp</t>
  </si>
  <si>
    <t>01/14/2020 15:27:35</t>
  </si>
  <si>
    <t>857b4d06-f852-4bc3-a43f-c621821364dd.tmp</t>
  </si>
  <si>
    <t>\\acsfs\profiles$\websondsa\Downloads\857b4d06-f852-4bc3-a43f-c621821364dd.tmp</t>
  </si>
  <si>
    <t>01/14/2020 15:26:43</t>
  </si>
  <si>
    <t>01/14/2020 15:29:37</t>
  </si>
  <si>
    <t>8f55641c-a94e-4d95-a622-fba16e9d6b1a.tmp</t>
  </si>
  <si>
    <t>\\acsfs\profiles$\gabrielafs\Downloads\8f55641c-a94e-4d95-a622-fba16e9d6b1a.tmp</t>
  </si>
  <si>
    <t>01/14/2020 15:24:43</t>
  </si>
  <si>
    <t>01/14/2020 15:30:38</t>
  </si>
  <si>
    <t>XLOG_ellencds_14012020_072826.log</t>
  </si>
  <si>
    <t>\\acsfs\profiles$\ellencds\My Documents\xworkcenter\logs\XLOG_ellencds_14012020_072826.log</t>
  </si>
  <si>
    <t>01/14/2020 15:27:42</t>
  </si>
  <si>
    <t>01/14/2020 15:31:38</t>
  </si>
  <si>
    <t>XLOG_anacdos_14012020_071310.log</t>
  </si>
  <si>
    <t>\\acsfs\profiles$\anacdos\My Documents\xworkcenter\logs\XLOG_anacdos_14012020_071310.log</t>
  </si>
  <si>
    <t>01/14/2020 15:27:46</t>
  </si>
  <si>
    <t>XLOG_anacdos_14012020_071252.log</t>
  </si>
  <si>
    <t>\\acsfs\profiles$\anacdos\My Documents\xworkcenter\logs\XLOG_anacdos_14012020_071252.log</t>
  </si>
  <si>
    <t>01/14/2020 15:26:40</t>
  </si>
  <si>
    <t>01/14/2020 15:29:25</t>
  </si>
  <si>
    <t>https://excel.officeapps.live.com/x/_layouts/xlviewerinternal.aspx?unified=1&amp;ui=pt-br&amp;rs=pt-br&amp;wopisrc=https://algarnet-my.sharepoint.com/personal/josiascdsj_algartech_com/_vti_bin/wopi.ashx/files/69aca668fc0a42819068a83011a1d846&amp;wdenableroaming=1&amp;mscc=1&amp;wdodb=1&amp;hid=e1772b9f-20ac-0000-4915-bf895e72364e&amp;wdorigin=other&amp;jsapi=1&amp;newsession=1&amp;corrid=bd64ead9-3feb-4a31-b70c-d168bac4a706&amp;usid=bd64ead9-3feb-4a31-b70c-d168bac4a706&amp;wdredirectionreason=force_singlestepboot</t>
  </si>
  <si>
    <t>https://excel.officeapps.live.com/x/remoteuls.ashx?usid=bd64ead9-3feb-4a31-b70c-d168bac4a706</t>
  </si>
  <si>
    <t>01/14/2020 15:29:27</t>
  </si>
  <si>
    <t>https://excel.officeapps.live.com/x/_layouts/remotetelemetry.ashx</t>
  </si>
  <si>
    <t>01/14/2020 15:29:28</t>
  </si>
  <si>
    <t>01/14/2020 15:29:31</t>
  </si>
  <si>
    <t>https://excel.officeapps.live.com/x/_layouts/mruservicehandler.ashx?action=updatemruentry&amp;app=1&amp;lc=pt-br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uxnzcyyjlmlt</t>
  </si>
  <si>
    <t>https://excel.officeapps.live.com/x/remoteuls.ashx?waccluster=br2</t>
  </si>
  <si>
    <t>01/14/2020 15:29:32</t>
  </si>
  <si>
    <t>01/14/2020 15:29:33</t>
  </si>
  <si>
    <t>01/14/2020 15:29:36</t>
  </si>
  <si>
    <t>https://excel.officeapps.live.com/afhs/cloudpolicysettings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uxnzcyyjlmltiwywmtmdawmc00ote1lwjmodk1ztcymzy0zsj9.l0</t>
  </si>
  <si>
    <t>https://excel.officeapps.live.com/afhs/applicationfeaturehelperhandler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uxnzcyyjlmltiwywmtmdawmc00ote1lwjmodk1ztc</t>
  </si>
  <si>
    <t>01/14/2020 15:29:38</t>
  </si>
  <si>
    <t>01/14/2020 15:29:39</t>
  </si>
  <si>
    <t>01/14/2020 15:29:40</t>
  </si>
  <si>
    <t>01/14/2020 15:29:42</t>
  </si>
  <si>
    <t>01/14/2020 15:29:43</t>
  </si>
  <si>
    <t>01/14/2020 15:29:45</t>
  </si>
  <si>
    <t>01/14/2020 15:29:48</t>
  </si>
  <si>
    <t>https://excel.officeapps.live.com/x/_layouts/addinservicehandler.ashx?action=getaddins&amp;app=excel&amp;catalog=privatecatalog&amp;clientcode=wac_excel&amp;clientversion=16.0.0.0&amp;corr=7c4a155a-f61f-5f78-8e6d-e48f8d9f0adc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i2ntyziiwizxhwijoimtu3ota2mju2my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</t>
  </si>
  <si>
    <t>01/14/2020 15:29:57</t>
  </si>
  <si>
    <t>https://excel.officeapps.live.com/x/_vti_bin/ewainternalwebservice.json/getautofilteritemlist?waccluster=br2</t>
  </si>
  <si>
    <t>01/14/2020 15:30:01</t>
  </si>
  <si>
    <t>01/14/2020 15:30:03</t>
  </si>
  <si>
    <t>01/14/2020 15:30:05</t>
  </si>
  <si>
    <t>01/14/2020 15:30:11</t>
  </si>
  <si>
    <t>01/14/2020 15:30:17</t>
  </si>
  <si>
    <t>01/14/2020 15:30:18</t>
  </si>
  <si>
    <t>01/14/2020 15:30:21</t>
  </si>
  <si>
    <t>01/14/2020 15:30:31</t>
  </si>
  <si>
    <t>01/14/2020 15:30:33</t>
  </si>
  <si>
    <t>01/14/2020 15:30:50</t>
  </si>
  <si>
    <t>01/14/2020 15:30:53</t>
  </si>
  <si>
    <t>https://excel.officeapps.live.com/x/_vti_bin/ewainternalwebservice.json/toggleautofilter?waccluster=br2</t>
  </si>
  <si>
    <t>01/14/2020 15:30:55</t>
  </si>
  <si>
    <t>01/14/2020 15:31:01</t>
  </si>
  <si>
    <t>01/14/2020 15:31:05</t>
  </si>
  <si>
    <t>01/14/2020 15:31:08</t>
  </si>
  <si>
    <t>01/14/2020 15:27:20</t>
  </si>
  <si>
    <t>GUSTAVO MOURA RODRIGUES_1_6777434740786018585_1_32.wav</t>
  </si>
  <si>
    <t>\\acsfs\Deptos\EDUCACAO EMPRESARIAL\KÉSIA\Ligações 2º ciclo - Janeiro 2020\GUSTAVO MOURA RODRIGUES_1_6777434740786018585_1_32.wav</t>
  </si>
  <si>
    <t>01/14/2020 15:27:28</t>
  </si>
  <si>
    <t>01/14/2020 15:32:38</t>
  </si>
  <si>
    <t>f8e5c6ee-d38c-450e-a72b-a9df19ac764c.tmp</t>
  </si>
  <si>
    <t>\\acsfs\profiles$\nycolleemdj\Downloads\f8e5c6ee-d38c-450e-a72b-a9df19ac764c.tmp</t>
  </si>
  <si>
    <t>01/14/2020 15:29:14</t>
  </si>
  <si>
    <t>XLOG_vanessacgs_14012020_091444.log</t>
  </si>
  <si>
    <t>\\acsfs\profiles$\vanessacgs\My Documents\xworkcenter\logs\XLOG_vanessacgs_14012020_091444.log</t>
  </si>
  <si>
    <t>01/14/2020 15:24:08</t>
  </si>
  <si>
    <t>01/14/2020 15:33:37</t>
  </si>
  <si>
    <t>01/14/2020 15:31:16</t>
  </si>
  <si>
    <t>01/14/2020 15:29:04</t>
  </si>
  <si>
    <t>01/14/2020 15:29:16</t>
  </si>
  <si>
    <t>01/14/2020 15:29:44</t>
  </si>
  <si>
    <t>01/14/2020 15:30:08</t>
  </si>
  <si>
    <t>01/14/2020 15:34:38</t>
  </si>
  <si>
    <t>c0866d8d-b9a8-40a9-b2e3-fb243a58cec1.tmp</t>
  </si>
  <si>
    <t>\\acsfs\profiles$\KARENDSR\Downloads\c0866d8d-b9a8-40a9-b2e3-fb243a58cec1.tmp</t>
  </si>
  <si>
    <t>01/14/2020 15:33:23</t>
  </si>
  <si>
    <t>01/14/2020 15:35:38</t>
  </si>
  <si>
    <t>3c73f792-2472-4f63-9ab5-7477f11dbd06.tmp</t>
  </si>
  <si>
    <t>\\acsfs\profiles$\ingridsm\Downloads\3c73f792-2472-4f63-9ab5-7477f11dbd06.tmp</t>
  </si>
  <si>
    <t>01/14/2020 15:34:22</t>
  </si>
  <si>
    <t>c6af7dd0-041e-42dc-b565-22c6df277eab.tmp</t>
  </si>
  <si>
    <t>\\acsfs\profiles$\welidicdj\Downloads\c6af7dd0-041e-42dc-b565-22c6df277eab.tmp</t>
  </si>
  <si>
    <t>01/14/2020 15:34:26</t>
  </si>
  <si>
    <t>01/14/2020 15:34:46</t>
  </si>
  <si>
    <t>9aeab37b-41bf-4c58-bede-89e258ef5ad4.tmp</t>
  </si>
  <si>
    <t>\\acsfs\profiles$\welidicdj\Downloads\9aeab37b-41bf-4c58-bede-89e258ef5ad4.tmp</t>
  </si>
  <si>
    <t>01/14/2020 15:34:50</t>
  </si>
  <si>
    <t>01/14/2020 15:34:13</t>
  </si>
  <si>
    <t>01/14/2020 15:36:37</t>
  </si>
  <si>
    <t>2cd5b2bb-aeba-4651-b4c2-94fa989eacdb.tmp</t>
  </si>
  <si>
    <t>\\acsfs\profiles$\sarahbal\Downloads\2cd5b2bb-aeba-4651-b4c2-94fa989eacdb.tmp</t>
  </si>
  <si>
    <t>01/14/2020 15:31:15</t>
  </si>
  <si>
    <t>01/14/2020 15:31:27</t>
  </si>
  <si>
    <t>01/14/2020 15:31:30</t>
  </si>
  <si>
    <t>01/14/2020 15:31:32</t>
  </si>
  <si>
    <t>01/14/2020 15:31:35</t>
  </si>
  <si>
    <t>https://excel.officeapps.live.com/x/_vti_bin/ewainternalwebservice.json/copy?waccluster=br2</t>
  </si>
  <si>
    <t>01/14/2020 15:31:37</t>
  </si>
  <si>
    <t>01/14/2020 15:31:46</t>
  </si>
  <si>
    <t>01/14/2020 15:31:48</t>
  </si>
  <si>
    <t>01/14/2020 15:31:50</t>
  </si>
  <si>
    <t>01/14/2020 15:31:53</t>
  </si>
  <si>
    <t>01/14/2020 15:32:03</t>
  </si>
  <si>
    <t>01/14/2020 15:32:24</t>
  </si>
  <si>
    <t>01/14/2020 15:32:52</t>
  </si>
  <si>
    <t>01/14/2020 15:33:14</t>
  </si>
  <si>
    <t>01/14/2020 15:33:15</t>
  </si>
  <si>
    <t>01/14/2020 15:33:18</t>
  </si>
  <si>
    <t>01/14/2020 15:33:19</t>
  </si>
  <si>
    <t>01/14/2020 15:33:52</t>
  </si>
  <si>
    <t>01/14/2020 15:34:09</t>
  </si>
  <si>
    <t>01/14/2020 15:34:23</t>
  </si>
  <si>
    <t>01/14/2020 15:34:31</t>
  </si>
  <si>
    <t>01/14/2020 15:34:33</t>
  </si>
  <si>
    <t>https://excel.officeapps.live.com/x/_vti_bin/ewainternalwebservice.json/uploadlatencytelemetry?waccluster=br2</t>
  </si>
  <si>
    <t>01/14/2020 15:34:40</t>
  </si>
  <si>
    <t>01/14/2020 15:34:52</t>
  </si>
  <si>
    <t>01/14/2020 15:35:24</t>
  </si>
  <si>
    <t>01/14/2020 15:35:49</t>
  </si>
  <si>
    <t>01/14/2020 15:37:37</t>
  </si>
  <si>
    <t>e6c344d9-3219-459c-b8d3-95a6f83e7300.tmp</t>
  </si>
  <si>
    <t>\\acsfs\profiles$\lucasgpe\Downloads\e6c344d9-3219-459c-b8d3-95a6f83e7300.tmp</t>
  </si>
  <si>
    <t>01/14/2020 15:35:56</t>
  </si>
  <si>
    <t>2e43cfa0-a9b7-451d-bd6e-2d02969042aa.tmp</t>
  </si>
  <si>
    <t>\\acsfs\profiles$\inarajst\Downloads\2e43cfa0-a9b7-451d-bd6e-2d02969042aa.tmp</t>
  </si>
  <si>
    <t>01/14/2020 15:35:57</t>
  </si>
  <si>
    <t>01/14/2020 15:37:25</t>
  </si>
  <si>
    <t>01/14/2020 15:38:37</t>
  </si>
  <si>
    <t>01/14/2020 15:37:45</t>
  </si>
  <si>
    <t>\\acsfs\ACS\Gabriel da Silva\Contemporânea\BDBV\CDB85006.tmp\</t>
  </si>
  <si>
    <t>\\acsfs\ACS\Gabriel da Silva\Contemporânea\BDBV\CDB85006.tmp\:Zone.Identifier:$DATA</t>
  </si>
  <si>
    <t>01/14/2020 15:37:46</t>
  </si>
  <si>
    <t>01/14/2020 15:33:58</t>
  </si>
  <si>
    <t>01/14/2020 15:33:59</t>
  </si>
  <si>
    <t>lu314203qhuvq.tmp</t>
  </si>
  <si>
    <t>\\acsfs\profiles$\jalilebds\Downloads\lu314203qhuvq.tmp</t>
  </si>
  <si>
    <t>01/14/2020 15:38:12</t>
  </si>
  <si>
    <t>lu314203qhuvt.tmp</t>
  </si>
  <si>
    <t>\\acsfs\profiles$\jalilebds\Downloads\lu314203qhuvt.tmp</t>
  </si>
  <si>
    <t>01/14/2020 15:36:43</t>
  </si>
  <si>
    <t>01/14/2020 15:39:38</t>
  </si>
  <si>
    <t>01/14/2020 15:37:24</t>
  </si>
  <si>
    <t>01/14/2020 15:36:44</t>
  </si>
  <si>
    <t>01/14/2020 15:40:37</t>
  </si>
  <si>
    <t>d6a839fe-8acb-4e92-8267-bda0bdba14df.tmp</t>
  </si>
  <si>
    <t>\\acsfs\profiles$\lorrainerdl\Downloads\d6a839fe-8acb-4e92-8267-bda0bdba14df.tmp</t>
  </si>
  <si>
    <t>01/14/2020 15:36:45</t>
  </si>
  <si>
    <t>82b879e0-7390-4c7a-b2fc-acafef8bcebd.tmp</t>
  </si>
  <si>
    <t>\\acsfs\profiles$\lorrainerdl\Downloads\82b879e0-7390-4c7a-b2fc-acafef8bcebd.tmp</t>
  </si>
  <si>
    <t>01/14/2020 15:39:48</t>
  </si>
  <si>
    <t>01/14/2020 15:41:38</t>
  </si>
  <si>
    <t>01/14/2020 15:39:15</t>
  </si>
  <si>
    <t>lu89641fqjcg.tmp</t>
  </si>
  <si>
    <t>\\acsfs\profiles$\regisedsj\My Documents\lu89641fqjcg.tmp</t>
  </si>
  <si>
    <t>\\acsfs\profiles$\regisedsj\My Documents\lu89641fqjcg.tmp\</t>
  </si>
  <si>
    <t>\\acsfs\profiles$\regisedsj\My Documents\lu89641fqjcg.tmp\META-INF\</t>
  </si>
  <si>
    <t>\\acsfs\profiles$\regisedsj\My Documents\lu89641fqjcg.tmp\Thumbnails\</t>
  </si>
  <si>
    <t>01/14/2020 15:39:19</t>
  </si>
  <si>
    <t>lu89641fqjck.tmp</t>
  </si>
  <si>
    <t>\\acsfs\profiles$\regisedsj\My Documents\lu89641fqjck.tmp</t>
  </si>
  <si>
    <t>\\acsfs\profiles$\regisedsj\My Documents\lu89641fqjck.tmp\</t>
  </si>
  <si>
    <t>\\acsfs\profiles$\regisedsj\My Documents\lu89641fqjck.tmp\META-INF\</t>
  </si>
  <si>
    <t>\\acsfs\profiles$\regisedsj\My Documents\lu89641fqjck.tmp\Thumbnails\</t>
  </si>
  <si>
    <t>01/14/2020 15:36:24</t>
  </si>
  <si>
    <t>01/14/2020 15:36:54</t>
  </si>
  <si>
    <t>01/14/2020 15:37:03</t>
  </si>
  <si>
    <t>01/14/2020 15:37:08</t>
  </si>
  <si>
    <t>01/14/2020 15:37:17</t>
  </si>
  <si>
    <t>01/14/2020 15:37:38</t>
  </si>
  <si>
    <t>01/14/2020 15:37:59</t>
  </si>
  <si>
    <t>01/14/2020 15:38:05</t>
  </si>
  <si>
    <t>01/14/2020 15:38:06</t>
  </si>
  <si>
    <t>01/14/2020 15:38:08</t>
  </si>
  <si>
    <t>01/14/2020 15:38:09</t>
  </si>
  <si>
    <t>01/14/2020 15:38:11</t>
  </si>
  <si>
    <t>01/14/2020 15:38:38</t>
  </si>
  <si>
    <t>01/14/2020 15:38:51</t>
  </si>
  <si>
    <t>01/14/2020 15:39:00</t>
  </si>
  <si>
    <t>01/14/2020 15:39:08</t>
  </si>
  <si>
    <t>01/14/2020 15:39:41</t>
  </si>
  <si>
    <t>01/14/2020 15:39:45</t>
  </si>
  <si>
    <t>01/14/2020 15:40:10</t>
  </si>
  <si>
    <t>01/14/2020 15:40:45</t>
  </si>
  <si>
    <t>01/14/2020 15:42:37</t>
  </si>
  <si>
    <t>01/14/2020 15:38:46</t>
  </si>
  <si>
    <t>01/14/2020 15:38:47</t>
  </si>
  <si>
    <t>lu15576izhqf.tmp</t>
  </si>
  <si>
    <t>\\acsfs\profiles$\VIVIANALDS\My Documents\lu15576izhqf.tmp</t>
  </si>
  <si>
    <t>\\acsfs\profiles$\VIVIANALDS\My Documents\lu15576izhqf.tmp\</t>
  </si>
  <si>
    <t>\\acsfs\profiles$\VIVIANALDS\My Documents\lu15576izhqf.tmp\META-INF\</t>
  </si>
  <si>
    <t>\\acsfs\profiles$\VIVIANALDS\My Documents\lu15576izhqf.tmp\Thumbnails\</t>
  </si>
  <si>
    <t>01/14/2020 15:37:04</t>
  </si>
  <si>
    <t>1547f9c1-3e65-4458-8786-b8d1769fea24.tmp</t>
  </si>
  <si>
    <t>\\acsfs\profiles$\antoniosva\Downloads\1547f9c1-3e65-4458-8786-b8d1769fea24.tmp</t>
  </si>
  <si>
    <t>01/14/2020 15:39:11</t>
  </si>
  <si>
    <t>01/14/2020 15:38:26</t>
  </si>
  <si>
    <t>01/14/2020 15:43:38</t>
  </si>
  <si>
    <t>01/14/2020 15:42:46</t>
  </si>
  <si>
    <t>01/14/2020 15:39:54</t>
  </si>
  <si>
    <t>kesiadof@algartech.com;lilianls@algartech.com;talmaiardo@algartech.com;tatiane.biassi@mutantbr.com;</t>
  </si>
  <si>
    <t>kesiadof@algartech.com,lilianls@algartech.com,talmaiardo@algartech.com,tatiane.biassi@mutantbr.com</t>
  </si>
  <si>
    <t>01/14/2020 15:40:05</t>
  </si>
  <si>
    <t>01/14/2020 15:40:12</t>
  </si>
  <si>
    <t>01/14/2020 15:40:43</t>
  </si>
  <si>
    <t>01/14/2020 15:41:03</t>
  </si>
  <si>
    <t>01/14/2020 15:41:09</t>
  </si>
  <si>
    <t>01/14/2020 15:41:21</t>
  </si>
  <si>
    <t>01/14/2020 15:43:14</t>
  </si>
  <si>
    <t>01/14/2020 15:43:15</t>
  </si>
  <si>
    <t>lu314203qhuvw.tmp</t>
  </si>
  <si>
    <t>\\acsfs\profiles$\jalilebds\Downloads\lu314203qhuvw.tmp</t>
  </si>
  <si>
    <t>01/14/2020 15:41:33</t>
  </si>
  <si>
    <t>01/14/2020 15:44:38</t>
  </si>
  <si>
    <t>01/14/2020 15:40:34</t>
  </si>
  <si>
    <t>01/14/2020 15:40:25</t>
  </si>
  <si>
    <t>a7728cf0-406c-4dbb-a7ae-7b11650578fd.tmp</t>
  </si>
  <si>
    <t>\\acsfs\profiles$\myllenardl\Downloads\a7728cf0-406c-4dbb-a7ae-7b11650578fd.tmp</t>
  </si>
  <si>
    <t>01/14/2020 15:41:48</t>
  </si>
  <si>
    <t>505db998-66a8-4ce3-8bba-57ea8f621aa5.tmp</t>
  </si>
  <si>
    <t>\\acsfs\profiles$\myllenardl\Downloads\505db998-66a8-4ce3-8bba-57ea8f621aa5.tmp</t>
  </si>
  <si>
    <t>01/14/2020 15:42:06</t>
  </si>
  <si>
    <t>bcf443fa-7751-493c-bbf0-a79b7a58682c.tmp</t>
  </si>
  <si>
    <t>\\acsfs\profiles$\myllenardl\Downloads\bcf443fa-7751-493c-bbf0-a79b7a58682c.tmp</t>
  </si>
  <si>
    <t>01/14/2020 15:42:02</t>
  </si>
  <si>
    <t>60fbbe39-1712-4c34-83e0-d8c0886e8f94.tmp</t>
  </si>
  <si>
    <t>\\acsfs\profiles$\henriquehmdo\Downloads\60fbbe39-1712-4c34-83e0-d8c0886e8f94.tmp</t>
  </si>
  <si>
    <t>01/14/2020 15:46:38</t>
  </si>
  <si>
    <t>01/14/2020 15:41:36</t>
  </si>
  <si>
    <t>01/14/2020 15:41:42</t>
  </si>
  <si>
    <t>01/14/2020 15:41:54</t>
  </si>
  <si>
    <t>01/14/2020 15:42:07</t>
  </si>
  <si>
    <t>01/14/2020 15:42:08</t>
  </si>
  <si>
    <t>01/14/2020 15:43:07</t>
  </si>
  <si>
    <t>01/14/2020 15:44:07</t>
  </si>
  <si>
    <t>01/14/2020 15:45:07</t>
  </si>
  <si>
    <t>01/14/2020 15:46:07</t>
  </si>
  <si>
    <t>01/14/2020 15:42:12</t>
  </si>
  <si>
    <t>cc61ec78-5246-4abd-949e-06a44e48c9f4.tmp</t>
  </si>
  <si>
    <t>\\acsfs\profiles$\paulohaf\Downloads\cc61ec78-5246-4abd-949e-06a44e48c9f4.tmp</t>
  </si>
  <si>
    <t>01/14/2020 15:43:10</t>
  </si>
  <si>
    <t>a95475de-66e4-45ea-b3cb-872bff574942.tmp</t>
  </si>
  <si>
    <t>\\acsfs\profiles$\paulohaf\Downloads\a95475de-66e4-45ea-b3cb-872bff574942.tmp</t>
  </si>
  <si>
    <t>01/14/2020 15:43:23</t>
  </si>
  <si>
    <t>0b993f6d-7f31-47b3-b8d7-fe50a442fca6.tmp</t>
  </si>
  <si>
    <t>\\acsfs\profiles$\paulohaf\Downloads\0b993f6d-7f31-47b3-b8d7-fe50a442fca6.tmp</t>
  </si>
  <si>
    <t>01/14/2020 15:43:44</t>
  </si>
  <si>
    <t>16f2452f-6f9c-4ba8-9fdf-9effb04861af.tmp</t>
  </si>
  <si>
    <t>\\acsfs\profiles$\paulohaf\Downloads\16f2452f-6f9c-4ba8-9fdf-9effb04861af.tmp</t>
  </si>
  <si>
    <t>JOYCE MARIA MENDES DIAS LOPES_1_6777484064190440099_1_32.wav</t>
  </si>
  <si>
    <t>\\acsfs\Deptos\EDUCACAO EMPRESARIAL\KÉSIA\Ligações 2º ciclo - Janeiro 2020\JOYCE MARIA MENDES DIAS LOPES_1_6777484064190440099_1_32.wav</t>
  </si>
  <si>
    <t>01/14/2020 15:42:10</t>
  </si>
  <si>
    <t>01/14/2020 15:47:37</t>
  </si>
  <si>
    <t>01/14/2020 15:43:31</t>
  </si>
  <si>
    <t>01/14/2020 15:48:38</t>
  </si>
  <si>
    <t>01/14/2020 15:43:47</t>
  </si>
  <si>
    <t>01/14/2020 15:44:02</t>
  </si>
  <si>
    <t>01/14/2020 15:45:06</t>
  </si>
  <si>
    <t>lu314203qhuvz.tmp</t>
  </si>
  <si>
    <t>\\acsfs\profiles$\jalilebds\Downloads\lu314203qhuvz.tmp</t>
  </si>
  <si>
    <t>01/14/2020 15:47:44</t>
  </si>
  <si>
    <t>01/14/2020 15:47:45</t>
  </si>
  <si>
    <t>lu314203qhuw2.tmp</t>
  </si>
  <si>
    <t>\\acsfs\profiles$\jalilebds\Downloads\lu314203qhuw2.tmp</t>
  </si>
  <si>
    <t>01/14/2020 15:46:21</t>
  </si>
  <si>
    <t>01/14/2020 15:44:16</t>
  </si>
  <si>
    <t>01/14/2020 15:49:37</t>
  </si>
  <si>
    <t>01/14/2020 15:46:37</t>
  </si>
  <si>
    <t>8193af66-dcf2-481a-a3de-ed1c8c2227d3.tmp</t>
  </si>
  <si>
    <t>\\acsfs\profiles$\regisedsj\Downloads\8193af66-dcf2-481a-a3de-ed1c8c2227d3.tmp</t>
  </si>
  <si>
    <t>a0200071-bd74-490a-8f79-b2a571a25789.tmp</t>
  </si>
  <si>
    <t>\\acsfs\profiles$\regisedsj\Downloads\a0200071-bd74-490a-8f79-b2a571a25789.tmp</t>
  </si>
  <si>
    <t>01/14/2020 15:47:08</t>
  </si>
  <si>
    <t>01/14/2020 15:47:12</t>
  </si>
  <si>
    <t>01/14/2020 15:45:43</t>
  </si>
  <si>
    <t>01/14/2020 15:50:38</t>
  </si>
  <si>
    <t>87cd0965-2f2e-462c-97c0-0f8cf4d1e05c.tmp</t>
  </si>
  <si>
    <t>\\acsfs\profiles$\gabrielamdp\Downloads\87cd0965-2f2e-462c-97c0-0f8cf4d1e05c.tmp</t>
  </si>
  <si>
    <t>01/14/2020 15:49:08</t>
  </si>
  <si>
    <t>01/14/2020 15:47:07</t>
  </si>
  <si>
    <t>01/14/2020 15:51:38</t>
  </si>
  <si>
    <t>01/14/2020 15:48:07</t>
  </si>
  <si>
    <t>01/14/2020 15:49:07</t>
  </si>
  <si>
    <t>01/14/2020 15:50:07</t>
  </si>
  <si>
    <t>01/14/2020 15:50:51</t>
  </si>
  <si>
    <t>01/14/2020 15:51:06</t>
  </si>
  <si>
    <t>01/14/2020 15:51:07</t>
  </si>
  <si>
    <t>01/14/2020 15:51:16</t>
  </si>
  <si>
    <t>01/14/2020 15:51:21</t>
  </si>
  <si>
    <t>01/14/2020 15:47:55</t>
  </si>
  <si>
    <t>01/14/2020 15:52:38</t>
  </si>
  <si>
    <t>01/14/2020 15:46:59</t>
  </si>
  <si>
    <t>01/14/2020 15:49:13</t>
  </si>
  <si>
    <t>01/14/2020 15:49:14</t>
  </si>
  <si>
    <t>01/14/2020 15:49:15</t>
  </si>
  <si>
    <t>01/14/2020 15:53:38</t>
  </si>
  <si>
    <t>01/14/2020 15:49:16</t>
  </si>
  <si>
    <t>01/14/2020 15:49:17</t>
  </si>
  <si>
    <t>01/14/2020 15:49:18</t>
  </si>
  <si>
    <t>01/14/2020 15:49:19</t>
  </si>
  <si>
    <t>01/14/2020 15:49:20</t>
  </si>
  <si>
    <t>01/14/2020 15:49:21</t>
  </si>
  <si>
    <t>01/14/2020 15:49:22</t>
  </si>
  <si>
    <t>01/14/2020 15:49:23</t>
  </si>
  <si>
    <t>01/14/2020 15:49:24</t>
  </si>
  <si>
    <t>01/14/2020 15:49:25</t>
  </si>
  <si>
    <t>01/14/2020 15:49:26</t>
  </si>
  <si>
    <t>01/14/2020 15:49:34</t>
  </si>
  <si>
    <t>01/14/2020 15:54:38</t>
  </si>
  <si>
    <t>a17e9521-538e-4572-9d29-f27a9ba51a5b.tmp</t>
  </si>
  <si>
    <t>\\acsfs\profiles$\larissaad\Downloads\a17e9521-538e-4572-9d29-f27a9ba51a5b.tmp</t>
  </si>
  <si>
    <t>01/14/2020 15:51:49</t>
  </si>
  <si>
    <t>8ce43d3b-c15c-461d-811e-0a302e0808d2.tmp</t>
  </si>
  <si>
    <t>\\acsfs\profiles$\regisedsj\Downloads\8ce43d3b-c15c-461d-811e-0a302e0808d2.tmp</t>
  </si>
  <si>
    <t>01/14/2020 15:53:39</t>
  </si>
  <si>
    <t>54bd4e09-67fd-463b-b425-a62f2a58fdfd.tmp</t>
  </si>
  <si>
    <t>\\acsfs\profiles$\brendadsl\Downloads\54bd4e09-67fd-463b-b425-a62f2a58fdfd.tmp</t>
  </si>
  <si>
    <t>01/14/2020 15:56:38</t>
  </si>
  <si>
    <t>01/14/2020 15:51:27</t>
  </si>
  <si>
    <t>01/14/2020 15:51:37</t>
  </si>
  <si>
    <t>01/14/2020 15:51:56</t>
  </si>
  <si>
    <t>01/14/2020 15:52:07</t>
  </si>
  <si>
    <t>01/14/2020 15:52:09</t>
  </si>
  <si>
    <t>01/14/2020 15:52:50</t>
  </si>
  <si>
    <t>01/14/2020 15:52:52</t>
  </si>
  <si>
    <t>01/14/2020 15:52:55</t>
  </si>
  <si>
    <t>01/14/2020 15:52:56</t>
  </si>
  <si>
    <t>01/14/2020 15:53:07</t>
  </si>
  <si>
    <t>01/14/2020 15:53:08</t>
  </si>
  <si>
    <t>01/14/2020 15:53:19</t>
  </si>
  <si>
    <t>01/14/2020 15:53:25</t>
  </si>
  <si>
    <t>01/14/2020 15:53:31</t>
  </si>
  <si>
    <t>01/14/2020 15:53:37</t>
  </si>
  <si>
    <t>01/14/2020 15:54:01</t>
  </si>
  <si>
    <t>01/14/2020 15:54:31</t>
  </si>
  <si>
    <t>https://excel.officeapps.live.com/x/_vti_bin/ewainternalwebservice.json/updatepresenceusers?waccluster=br2</t>
  </si>
  <si>
    <t>01/14/2020 15:55:31</t>
  </si>
  <si>
    <t>01/14/2020 15:54:49</t>
  </si>
  <si>
    <t>JUCELIA OLIVEIRA DE AMORIM_1_6778614783050586192_1_32.wav</t>
  </si>
  <si>
    <t>\\acsfs\Deptos\EDUCACAO EMPRESARIAL\KÉSIA\Ligações 2º ciclo - Janeiro 2020\JUCELIA OLIVEIRA DE AMORIM_1_6778614783050586192_1_32.wav</t>
  </si>
  <si>
    <t>01/14/2020 15:57:38</t>
  </si>
  <si>
    <t>01/14/2020 15:57:16</t>
  </si>
  <si>
    <t>01/14/2020 15:58:38</t>
  </si>
  <si>
    <t>01/14/2020 15:57:43</t>
  </si>
  <si>
    <t>01/14/2020 15:57:44</t>
  </si>
  <si>
    <t>lu314203qhuw5.tmp</t>
  </si>
  <si>
    <t>\\acsfs\profiles$\jalilebds\Downloads\lu314203qhuw5.tmp</t>
  </si>
  <si>
    <t>01/14/2020 15:56:58</t>
  </si>
  <si>
    <t>FLAVIA CRISTINE DA SILVA TEIXEIRA_1_6777107829350277171_1_32.wav</t>
  </si>
  <si>
    <t>\\acsfs\Deptos\EDUCACAO EMPRESARIAL\FERNANDA MONIT\Fernanda\MONITORIA JANEIRO\Ligação para MUTANT segundo ciclo janeiro\FLAVIA CRISTINE DA SILVA TEIXEIRA_1_6777107829350277171_1_32.wav</t>
  </si>
  <si>
    <t>01/14/2020 15:53:45</t>
  </si>
  <si>
    <t>01/14/2020 15:59:38</t>
  </si>
  <si>
    <t>vendas para janeiro 1.txt</t>
  </si>
  <si>
    <t>\\acsfs\profiles$\thaynaracsl\My Documents\vendas para janeiro 1.txt</t>
  </si>
  <si>
    <t>01/14/2020 15:57:09</t>
  </si>
  <si>
    <t>13d19772-a5d2-4bca-82d7-468c8bc59f36.tmp</t>
  </si>
  <si>
    <t>\\acsfs\profiles$\larissaad\Downloads\13d19772-a5d2-4bca-82d7-468c8bc59f36.tmp</t>
  </si>
  <si>
    <t>01/14/2020 15:58:23</t>
  </si>
  <si>
    <t>029a18ff-c6aa-4bc2-9df5-d7b1b384c737.tmp</t>
  </si>
  <si>
    <t>\\acsfs\profiles$\victorgl\Downloads\029a18ff-c6aa-4bc2-9df5-d7b1b384c737.tmp</t>
  </si>
  <si>
    <t>01/14/2020 15:56:14</t>
  </si>
  <si>
    <t>01/14/2020 16:00:38</t>
  </si>
  <si>
    <t>658d8886-7417-4c92-bda9-fa3dded863c6.tmp</t>
  </si>
  <si>
    <t>\\acsfs\profiles$\gabrielamdp\Downloads\658d8886-7417-4c92-bda9-fa3dded863c6.tmp</t>
  </si>
  <si>
    <t>01/14/2020 15:56:23</t>
  </si>
  <si>
    <t>5a5cdb69-6cdc-4f66-b618-db789feab938.tmp</t>
  </si>
  <si>
    <t>\\acsfs\profiles$\ingridsm\Downloads\5a5cdb69-6cdc-4f66-b618-db789feab938.tmp</t>
  </si>
  <si>
    <t>01/14/2020 15:58:15</t>
  </si>
  <si>
    <t>01/14/2020 16:01:38</t>
  </si>
  <si>
    <t>01/14/2020 15:58:16</t>
  </si>
  <si>
    <t>lu2733221pjrs.tmp</t>
  </si>
  <si>
    <t>\\acsfs\profiles$\RAFAELRF\meu\lu2733221pjrs.tmp</t>
  </si>
  <si>
    <t>01/14/2020 15:56:31</t>
  </si>
  <si>
    <t>01/14/2020 15:57:31</t>
  </si>
  <si>
    <t>01/14/2020 15:58:01</t>
  </si>
  <si>
    <t>01/14/2020 15:58:31</t>
  </si>
  <si>
    <t>01/14/2020 15:59:01</t>
  </si>
  <si>
    <t>01/14/2020 15:59:31</t>
  </si>
  <si>
    <t>01/14/2020 16:00:30</t>
  </si>
  <si>
    <t>01/14/2020 16:02:39</t>
  </si>
  <si>
    <t>01/14/2020 15:58:53</t>
  </si>
  <si>
    <t>56002604-2ac0-49d0-ba47-fdfc3793ab3b.tmp</t>
  </si>
  <si>
    <t>\\acsfs\profiles$\fernandofs\Downloads\56002604-2ac0-49d0-ba47-fdfc3793ab3b.tmp</t>
  </si>
  <si>
    <t>01/14/2020 16:03:38</t>
  </si>
  <si>
    <t>01/14/2020 16:01:27</t>
  </si>
  <si>
    <t>01/14/2020 16:02:37</t>
  </si>
  <si>
    <t>01/14/2020 16:02:46</t>
  </si>
  <si>
    <t>01/14/2020 16:04:38</t>
  </si>
  <si>
    <t>01/14/2020 16:02:49</t>
  </si>
  <si>
    <t>01/14/2020 16:03:17</t>
  </si>
  <si>
    <t>01/14/2020 16:00:09</t>
  </si>
  <si>
    <t>01/14/2020 16:02:44</t>
  </si>
  <si>
    <t>01/14/2020 16:05:38</t>
  </si>
  <si>
    <t>lu10376xcz8m.tmp</t>
  </si>
  <si>
    <t>\\acsfs\profiles$\victoriaksr\Downloads\lu10376xcz8m.tmp</t>
  </si>
  <si>
    <t>01/14/2020 16:03:23</t>
  </si>
  <si>
    <t>01/14/2020 16:01:18</t>
  </si>
  <si>
    <t>01/14/2020 16:01:30</t>
  </si>
  <si>
    <t>01/14/2020 16:06:38</t>
  </si>
  <si>
    <t>01/14/2020 16:02:30</t>
  </si>
  <si>
    <t>01/14/2020 16:02:52</t>
  </si>
  <si>
    <t>01/14/2020 16:03:50</t>
  </si>
  <si>
    <t>LAURA NICOLAU DE OLIVEIRA SANTOS_1_6777471333907369389_1_32.wav</t>
  </si>
  <si>
    <t>\\acsfs\Deptos\EDUCACAO EMPRESARIAL\KÉSIA\Ligações 2º ciclo - Janeiro 2020\LAURA NICOLAU DE OLIVEIRA SANTOS_1_6777471333907369389_1_32.wav</t>
  </si>
  <si>
    <t>01/14/2020 16:03:07</t>
  </si>
  <si>
    <t>01/14/2020 16:03:15</t>
  </si>
  <si>
    <t>01/14/2020 16:03:37</t>
  </si>
  <si>
    <t>01/14/2020 16:03:52</t>
  </si>
  <si>
    <t>01/14/2020 16:03:53</t>
  </si>
  <si>
    <t>01/14/2020 16:07:38</t>
  </si>
  <si>
    <t>01/14/2020 16:04:07</t>
  </si>
  <si>
    <t>01/14/2020 16:04:53</t>
  </si>
  <si>
    <t>01/14/2020 16:05:00</t>
  </si>
  <si>
    <t>01/14/2020 16:05:02</t>
  </si>
  <si>
    <t>01/14/2020 16:05:04</t>
  </si>
  <si>
    <t>01/14/2020 16:05:06</t>
  </si>
  <si>
    <t>01/14/2020 16:05:07</t>
  </si>
  <si>
    <t>01/14/2020 16:05:09</t>
  </si>
  <si>
    <t>01/14/2020 16:05:14</t>
  </si>
  <si>
    <t>01/14/2020 16:05:26</t>
  </si>
  <si>
    <t>01/14/2020 16:06:07</t>
  </si>
  <si>
    <t>01/14/2020 16:05:32</t>
  </si>
  <si>
    <t>01/14/2020 16:05:34</t>
  </si>
  <si>
    <t>01/14/2020 16:04:51</t>
  </si>
  <si>
    <t>lu15576izhqj.tmp</t>
  </si>
  <si>
    <t>\\acsfs\profiles$\VIVIANALDS\My Documents\lu15576izhqj.tmp</t>
  </si>
  <si>
    <t>\\acsfs\profiles$\VIVIANALDS\My Documents\lu15576izhqj.tmp\</t>
  </si>
  <si>
    <t>\\acsfs\profiles$\VIVIANALDS\My Documents\lu15576izhqj.tmp\META-INF\</t>
  </si>
  <si>
    <t>\\acsfs\profiles$\VIVIANALDS\My Documents\lu15576izhqj.tmp\Thumbnails\</t>
  </si>
  <si>
    <t>01/14/2020 16:06:15</t>
  </si>
  <si>
    <t>01/14/2020 16:04:41</t>
  </si>
  <si>
    <t>01/14/2020 16:05:43</t>
  </si>
  <si>
    <t>01/14/2020 16:05:44</t>
  </si>
  <si>
    <t>01/14/2020 16:02:47</t>
  </si>
  <si>
    <t>01/14/2020 16:04:14</t>
  </si>
  <si>
    <t>01/14/2020 16:06:01</t>
  </si>
  <si>
    <t>01/14/2020 16:08:38</t>
  </si>
  <si>
    <t>01/14/2020 16:06:30</t>
  </si>
  <si>
    <t>5115e62b-d3a7-494a-bf69-53d8aa5bb229.tmp</t>
  </si>
  <si>
    <t>\\acsfs\profiles$\philipegsf\Downloads\5115e62b-d3a7-494a-bf69-53d8aa5bb229.tmp</t>
  </si>
  <si>
    <t>01/14/2020 16:06:14</t>
  </si>
  <si>
    <t>f3b4a5ee-3a5d-487d-8195-ff8ca4acad15.tmp</t>
  </si>
  <si>
    <t>\\acsfs\profiles$\fabianafv\Downloads\f3b4a5ee-3a5d-487d-8195-ff8ca4acad15.tmp</t>
  </si>
  <si>
    <t>c41c09b2-d2f2-4da5-9f92-643cfcdf5d72.tmp</t>
  </si>
  <si>
    <t>\\acsfs\profiles$\fabianobmf\Downloads\c41c09b2-d2f2-4da5-9f92-643cfcdf5d72.tmp</t>
  </si>
  <si>
    <t>01/14/2020 16:04:49</t>
  </si>
  <si>
    <t>01/14/2020 16:09:38</t>
  </si>
  <si>
    <t>01/14/2020 16:05:11</t>
  </si>
  <si>
    <t>01/14/2020 16:05:29</t>
  </si>
  <si>
    <t>01/14/2020 16:05:36</t>
  </si>
  <si>
    <t>01/14/2020 16:06:06</t>
  </si>
  <si>
    <t>01/14/2020 16:06:35</t>
  </si>
  <si>
    <t>01/14/2020 16:06:45</t>
  </si>
  <si>
    <t>01/14/2020 16:06:50</t>
  </si>
  <si>
    <t>01/14/2020 16:06:55</t>
  </si>
  <si>
    <t>01/14/2020 16:07:30</t>
  </si>
  <si>
    <t>01/14/2020 16:07:31</t>
  </si>
  <si>
    <t>01/14/2020 16:07:36</t>
  </si>
  <si>
    <t>01/14/2020 16:07:40</t>
  </si>
  <si>
    <t>01/14/2020 16:07:44</t>
  </si>
  <si>
    <t>01/14/2020 16:08:52</t>
  </si>
  <si>
    <t>01/14/2020 16:07:15</t>
  </si>
  <si>
    <t>01/14/2020 16:10:38</t>
  </si>
  <si>
    <t>01/14/2020 16:07:16</t>
  </si>
  <si>
    <t>lu398283w5mb7.tmp</t>
  </si>
  <si>
    <t>\\acsfs\profiles$\VIVIANALDS\My Documents\lu398283w5mb7.tmp</t>
  </si>
  <si>
    <t>\\acsfs\profiles$\VIVIANALDS\My Documents\lu398283w5mb7.tmp\</t>
  </si>
  <si>
    <t>\\acsfs\profiles$\VIVIANALDS\My Documents\lu398283w5mb7.tmp\META-INF\</t>
  </si>
  <si>
    <t>\\acsfs\profiles$\VIVIANALDS\My Documents\lu398283w5mb7.tmp\Thumbnails\</t>
  </si>
  <si>
    <t>01/14/2020 16:08:33</t>
  </si>
  <si>
    <t>lu398283w5mbb.tmp</t>
  </si>
  <si>
    <t>\\acsfs\profiles$\VIVIANALDS\My Documents\lu398283w5mbb.tmp</t>
  </si>
  <si>
    <t>\\acsfs\profiles$\VIVIANALDS\My Documents\lu398283w5mbb.tmp\</t>
  </si>
  <si>
    <t>\\acsfs\profiles$\VIVIANALDS\My Documents\lu398283w5mbb.tmp\META-INF\</t>
  </si>
  <si>
    <t>\\acsfs\profiles$\VIVIANALDS\My Documents\lu398283w5mbb.tmp\Thumbnails\</t>
  </si>
  <si>
    <t>01/14/2020 16:07:18</t>
  </si>
  <si>
    <t>01/14/2020 16:11:38</t>
  </si>
  <si>
    <t>01/14/2020 16:11:04</t>
  </si>
  <si>
    <t>THAYNARA CAMILA SANTOS LOPES_1_6779623378810639060_1_32.wav</t>
  </si>
  <si>
    <t>\\acsfs\Deptos\EDUCACAO EMPRESARIAL\KÉSIA\Ligações 2º ciclo - Janeiro 2020\THAYNARA CAMILA SANTOS LOPES_1_6779623378810639060_1_32.wav</t>
  </si>
  <si>
    <t>01/14/2020 16:12:39</t>
  </si>
  <si>
    <t>01/14/2020 16:06:34</t>
  </si>
  <si>
    <t>01/14/2020 16:07:35</t>
  </si>
  <si>
    <t>01/14/2020 16:08:34</t>
  </si>
  <si>
    <t>01/14/2020 16:09:37</t>
  </si>
  <si>
    <t>01/14/2020 16:10:34</t>
  </si>
  <si>
    <t>01/14/2020 16:11:34</t>
  </si>
  <si>
    <t>01/14/2020 16:08:13</t>
  </si>
  <si>
    <t>01/14/2020 16:13:38</t>
  </si>
  <si>
    <t>XLOG_vanessacgs_14012020_154904.log</t>
  </si>
  <si>
    <t>\\acsfs\profiles$\vanessacgs\My Documents\xworkcenter\logs\XLOG_vanessacgs_14012020_154904.log</t>
  </si>
  <si>
    <t>01/14/2020 16:09:20</t>
  </si>
  <si>
    <t>01/14/2020 16:10:50</t>
  </si>
  <si>
    <t>01/14/2020 16:12:09</t>
  </si>
  <si>
    <t>01/14/2020 16:11:00</t>
  </si>
  <si>
    <t>Apuracao.xlsx</t>
  </si>
  <si>
    <t>\\acsfs\ACS\Gabriel da Silva\Contemporânea\Gen\Apuracao.xlsx</t>
  </si>
  <si>
    <t>01/14/2020 16:11:15</t>
  </si>
  <si>
    <t>01/14/2020 16:12:19</t>
  </si>
  <si>
    <t>255a8579-fe8a-4f94-bba0-5c940b2e9604.tmp</t>
  </si>
  <si>
    <t>\\acsfs\profiles$\gabrielsma\Downloads\255a8579-fe8a-4f94-bba0-5c940b2e9604.tmp</t>
  </si>
  <si>
    <t>01/14/2020 16:12:32</t>
  </si>
  <si>
    <t>Não confirmado 979752.crdownload</t>
  </si>
  <si>
    <t>\\acsfs\ACS\Gabriel da Silva\Contemporânea\Acessos\Não confirmado 979752.crdownload</t>
  </si>
  <si>
    <t>01/14/2020 16:11:19</t>
  </si>
  <si>
    <t>4579cd67-25a1-4826-8100-6dce71333f1a.tmp</t>
  </si>
  <si>
    <t>\\acsfs\profiles$\KARENJSS\Downloads\4579cd67-25a1-4826-8100-6dce71333f1a.tmp</t>
  </si>
  <si>
    <t>01/14/2020 16:12:57</t>
  </si>
  <si>
    <t>69807cd4-6f08-4e59-bed3-7ab8ec3d7642.tmp</t>
  </si>
  <si>
    <t>\\acsfs\profiles$\KARENJSS\Downloads\69807cd4-6f08-4e59-bed3-7ab8ec3d7642.tmp</t>
  </si>
  <si>
    <t>01/14/2020 16:11:17</t>
  </si>
  <si>
    <t>37a71832-fd72-4305-91b6-731a9ee97c81.tmp</t>
  </si>
  <si>
    <t>\\acsfs\profiles$\leonardocb\Downloads\37a71832-fd72-4305-91b6-731a9ee97c81.tmp</t>
  </si>
  <si>
    <t>01/14/2020 16:11:20</t>
  </si>
  <si>
    <t>01/14/2020 16:13:22</t>
  </si>
  <si>
    <t>bb1571d4-e561-4cca-be87-43c14c96ccf9.tmp</t>
  </si>
  <si>
    <t>\\acsfs\profiles$\leonardocb\Downloads\bb1571d4-e561-4cca-be87-43c14c96ccf9.tmp</t>
  </si>
  <si>
    <t>01/14/2020 16:10:45</t>
  </si>
  <si>
    <t>01/14/2020 16:14:38</t>
  </si>
  <si>
    <t>Juliane Araujo Silva_1_6778623879791319345_1_32.wav</t>
  </si>
  <si>
    <t>\\acsfs\Deptos\EDUCACAO EMPRESARIAL\FERNANDA MONIT\Fernanda\MONITORIA JANEIRO\Ligação para MUTANT segundo ciclo janeiro\Juliane Araujo Silva_1_6778623879791319345_1_32.wav</t>
  </si>
  <si>
    <t>01/14/2020 16:11:50</t>
  </si>
  <si>
    <t>01/14/2020 16:11:52</t>
  </si>
  <si>
    <t>mail.google.com/sync/u/0/i/s?hl=pt-BR&amp;c=836</t>
  </si>
  <si>
    <t>01/14/2020 16:09:41</t>
  </si>
  <si>
    <t>01/14/2020 16:10:19</t>
  </si>
  <si>
    <t>890b08a0-d9cd-4557-8a8e-d6d7e8e188f7.tmp</t>
  </si>
  <si>
    <t>\\acsfs\profiles$\victorgl\Downloads\890b08a0-d9cd-4557-8a8e-d6d7e8e188f7.tmp</t>
  </si>
  <si>
    <t>01/14/2020 16:12:14</t>
  </si>
  <si>
    <t>01/14/2020 16:15:38</t>
  </si>
  <si>
    <t>90b512dc-3040-409a-85e6-ba3355eac9e7.tmp</t>
  </si>
  <si>
    <t>\\acsfs\profiles$\gabrielamdp\Downloads\90b512dc-3040-409a-85e6-ba3355eac9e7.tmp</t>
  </si>
  <si>
    <t>01/14/2020 16:12:40</t>
  </si>
  <si>
    <t>a22eefc5-8c87-4b23-aef5-b82aef653e9d.tmp</t>
  </si>
  <si>
    <t>\\acsfs\profiles$\paulohaf\Downloads\a22eefc5-8c87-4b23-aef5-b82aef653e9d.tmp</t>
  </si>
  <si>
    <t>01/14/2020 16:13:05</t>
  </si>
  <si>
    <t>8d67ec99-5a9f-4cd1-a9db-0e70e89c8a41.tmp</t>
  </si>
  <si>
    <t>\\acsfs\profiles$\paulohaf\Downloads\8d67ec99-5a9f-4cd1-a9db-0e70e89c8a41.tmp</t>
  </si>
  <si>
    <t>01/14/2020 16:11:29</t>
  </si>
  <si>
    <t>01/14/2020 16:14:23</t>
  </si>
  <si>
    <t>01/14/2020 16:16:37</t>
  </si>
  <si>
    <t>01/14/2020 16:14:30</t>
  </si>
  <si>
    <t>01/14/2020 16:14:33</t>
  </si>
  <si>
    <t>01/14/2020 16:14:54</t>
  </si>
  <si>
    <t>01/14/2020 16:15:01</t>
  </si>
  <si>
    <t>01/14/2020 16:15:04</t>
  </si>
  <si>
    <t>01/14/2020 16:17:38</t>
  </si>
  <si>
    <t>01/14/2020 16:12:34</t>
  </si>
  <si>
    <t>01/14/2020 16:13:34</t>
  </si>
  <si>
    <t>01/14/2020 16:14:34</t>
  </si>
  <si>
    <t>01/14/2020 16:15:34</t>
  </si>
  <si>
    <t>01/14/2020 16:16:34</t>
  </si>
  <si>
    <t>01/14/2020 16:14:59</t>
  </si>
  <si>
    <t>01/14/2020 16:18:38</t>
  </si>
  <si>
    <t>01/14/2020 16:17:01</t>
  </si>
  <si>
    <t>01/14/2020 16:17:32</t>
  </si>
  <si>
    <t>01/14/2020 16:14:43</t>
  </si>
  <si>
    <t>01/14/2020 16:19:38</t>
  </si>
  <si>
    <t>01/14/2020 16:15:07</t>
  </si>
  <si>
    <t>01/14/2020 16:15:17</t>
  </si>
  <si>
    <t>01/14/2020 16:15:21</t>
  </si>
  <si>
    <t>01/14/2020 16:15:27</t>
  </si>
  <si>
    <t>01/14/2020 16:15:33</t>
  </si>
  <si>
    <t>01/14/2020 16:15:43</t>
  </si>
  <si>
    <t>01/14/2020 16:15:47</t>
  </si>
  <si>
    <t>01/14/2020 16:15:51</t>
  </si>
  <si>
    <t>01/14/2020 16:15:58</t>
  </si>
  <si>
    <t>01/14/2020 16:16:59</t>
  </si>
  <si>
    <t>01/14/2020 16:17:43</t>
  </si>
  <si>
    <t>01/14/2020 16:17:42</t>
  </si>
  <si>
    <t>d8f2152c-5e05-4b70-abd4-1483e8544ed5.tmp</t>
  </si>
  <si>
    <t>\\acsfs\profiles$\lorraynevam\Downloads\d8f2152c-5e05-4b70-abd4-1483e8544ed5.tmp</t>
  </si>
  <si>
    <t>01/14/2020 16:15:35</t>
  </si>
  <si>
    <t>01/14/2020 16:20:38</t>
  </si>
  <si>
    <t>01/14/2020 16:16:51</t>
  </si>
  <si>
    <t>2904d596-ae0f-408d-9a51-34df8aa11a01.tmp</t>
  </si>
  <si>
    <t>\\acsfs\profiles$\ingridsm\Downloads\2904d596-ae0f-408d-9a51-34df8aa11a01.tmp</t>
  </si>
  <si>
    <t>01/14/2020 16:18:48</t>
  </si>
  <si>
    <t>f64a849b-dbe2-40c7-8481-9faf01acfb80.tmp</t>
  </si>
  <si>
    <t>\\acsfs\profiles$\ingridsm\Downloads\f64a849b-dbe2-40c7-8481-9faf01acfb80.tmp</t>
  </si>
  <si>
    <t>01/14/2020 16:16:17</t>
  </si>
  <si>
    <t>01/14/2020 16:16:57</t>
  </si>
  <si>
    <t>01/14/2020 16:16:31</t>
  </si>
  <si>
    <t>01/14/2020 16:21:38</t>
  </si>
  <si>
    <t>01/14/2020 16:17:59</t>
  </si>
  <si>
    <t>01/14/2020 16:18:06</t>
  </si>
  <si>
    <t>01/14/2020 16:18:54</t>
  </si>
  <si>
    <t>01/14/2020 16:19:18</t>
  </si>
  <si>
    <t>01/14/2020 16:19:27</t>
  </si>
  <si>
    <t>01/14/2020 16:19:29</t>
  </si>
  <si>
    <t>01/14/2020 16:19:52</t>
  </si>
  <si>
    <t>01/14/2020 16:20:20</t>
  </si>
  <si>
    <t>01/14/2020 16:20:31</t>
  </si>
  <si>
    <t>01/14/2020 16:20:34</t>
  </si>
  <si>
    <t>01/14/2020 16:20:37</t>
  </si>
  <si>
    <t>01/14/2020 16:20:12</t>
  </si>
  <si>
    <t>01/14/2020 16:17:57</t>
  </si>
  <si>
    <t>01/14/2020 16:22:38</t>
  </si>
  <si>
    <t>01/14/2020 16:17:34</t>
  </si>
  <si>
    <t>01/14/2020 16:18:34</t>
  </si>
  <si>
    <t>01/14/2020 16:19:34</t>
  </si>
  <si>
    <t>01/14/2020 16:21:34</t>
  </si>
  <si>
    <t>01/14/2020 16:18:12</t>
  </si>
  <si>
    <t>555.txt</t>
  </si>
  <si>
    <t>\\acsfs\profiles$\geovannasm\My Documents\555.txt</t>
  </si>
  <si>
    <t>01/14/2020 16:18:59</t>
  </si>
  <si>
    <t>01/14/2020 16:23:38</t>
  </si>
  <si>
    <t>01/14/2020 16:23:12</t>
  </si>
  <si>
    <t>lu314203qhuwd.tmp</t>
  </si>
  <si>
    <t>\\acsfs\profiles$\jalilebds\Downloads\lu314203qhuwd.tmp</t>
  </si>
  <si>
    <t>01/14/2020 16:20:41</t>
  </si>
  <si>
    <t>01/14/2020 16:24:38</t>
  </si>
  <si>
    <t>Nycolle Eduarda Martins De Jesus_1_6778240687104144575_1_32.wav</t>
  </si>
  <si>
    <t>\\acsfs\Deptos\EDUCACAO EMPRESARIAL\FERNANDA MONIT\Fernanda\MONITORIA JANEIRO\Ligação para MUTANT segundo ciclo janeiro\Nycolle Eduarda Martins De Jesus_1_6778240687104144575_1_32.wav</t>
  </si>
  <si>
    <t>01/14/2020 16:22:40</t>
  </si>
  <si>
    <t>01/14/2020 16:25:38</t>
  </si>
  <si>
    <t>e5b0b508-8e20-4e03-9e27-7234fe67f3b5.tmp</t>
  </si>
  <si>
    <t>\\acsfs\profiles$\gabrielamdp\Downloads\e5b0b508-8e20-4e03-9e27-7234fe67f3b5.tmp</t>
  </si>
  <si>
    <t>01/14/2020 16:21:47</t>
  </si>
  <si>
    <t>01/14/2020 16:25:10</t>
  </si>
  <si>
    <t>01/14/2020 16:20:50</t>
  </si>
  <si>
    <t>01/14/2020 16:26:38</t>
  </si>
  <si>
    <t>01/14/2020 16:20:59</t>
  </si>
  <si>
    <t>01/14/2020 16:21:06</t>
  </si>
  <si>
    <t>01/14/2020 16:21:24</t>
  </si>
  <si>
    <t>01/14/2020 16:21:35</t>
  </si>
  <si>
    <t>01/14/2020 16:21:54</t>
  </si>
  <si>
    <t>01/14/2020 16:21:58</t>
  </si>
  <si>
    <t>01/14/2020 16:22:03</t>
  </si>
  <si>
    <t>01/14/2020 16:22:07</t>
  </si>
  <si>
    <t>01/14/2020 16:22:10</t>
  </si>
  <si>
    <t>01/14/2020 16:23:20</t>
  </si>
  <si>
    <t>01/14/2020 16:23:29</t>
  </si>
  <si>
    <t>01/14/2020 16:23:03</t>
  </si>
  <si>
    <t>3461255a-059d-4b1a-8494-c5cec74bdfd4.tmp</t>
  </si>
  <si>
    <t>\\acsfs\profiles$\LUCASNS\Downloads\3461255a-059d-4b1a-8494-c5cec74bdfd4.tmp</t>
  </si>
  <si>
    <t>01/14/2020 16:27:38</t>
  </si>
  <si>
    <t>01/14/2020 16:22:34</t>
  </si>
  <si>
    <t>01/14/2020 16:23:34</t>
  </si>
  <si>
    <t>01/14/2020 16:24:37</t>
  </si>
  <si>
    <t>01/14/2020 16:25:34</t>
  </si>
  <si>
    <t>01/14/2020 16:26:34</t>
  </si>
  <si>
    <t>01/14/2020 16:26:09</t>
  </si>
  <si>
    <t>01/14/2020 16:26:20</t>
  </si>
  <si>
    <t>lu290362jy5u2.tmp</t>
  </si>
  <si>
    <t>\\acsfs\profiles$\lucasgpe\Desktop\lu290362jy5u2.tmp</t>
  </si>
  <si>
    <t>\\acsfs\profiles$\lucasgpe\Desktop\lu290362jy5u2.tmp\</t>
  </si>
  <si>
    <t>\\acsfs\profiles$\lucasgpe\Desktop\lu290362jy5u2.tmp\META-INF\</t>
  </si>
  <si>
    <t>\\acsfs\profiles$\lucasgpe\Desktop\lu290362jy5u2.tmp\Thumbnails\</t>
  </si>
  <si>
    <t>01/14/2020 16:27:02</t>
  </si>
  <si>
    <t>01/14/2020 16:28:38</t>
  </si>
  <si>
    <t>27394daf-e6e4-45b8-a9fa-703e1d71a5ac.tmp</t>
  </si>
  <si>
    <t>\\acsfs\profiles$\layonmof\Downloads\27394daf-e6e4-45b8-a9fa-703e1d71a5ac.tmp</t>
  </si>
  <si>
    <t>01/14/2020 16:25:31</t>
  </si>
  <si>
    <t>dfe7bc0a-3b8d-4e95-9e41-d392a6460e34.tmp</t>
  </si>
  <si>
    <t>\\acsfs\profiles$\rosileiam\Downloads\dfe7bc0a-3b8d-4e95-9e41-d392a6460e34.tmp</t>
  </si>
  <si>
    <t>01/14/2020 16:26:17</t>
  </si>
  <si>
    <t>01/14/2020 16:28:06</t>
  </si>
  <si>
    <t>0b4ada88-1970-4d2f-b9fd-00293f5f9570.tmp</t>
  </si>
  <si>
    <t>\\acsfs\profiles$\leonardocb\Downloads\0b4ada88-1970-4d2f-b9fd-00293f5f9570.tmp</t>
  </si>
  <si>
    <t>01/14/2020 16:24:58</t>
  </si>
  <si>
    <t>685e86e2-a07d-42be-a2f2-826ec4b269a0.tmp</t>
  </si>
  <si>
    <t>\\acsfs\profiles$\fabianobmf\Downloads\685e86e2-a07d-42be-a2f2-826ec4b269a0.tmp</t>
  </si>
  <si>
    <t>01/14/2020 16:29:38</t>
  </si>
  <si>
    <t>01/14/2020 16:25:54</t>
  </si>
  <si>
    <t>01/14/2020 16:26:00</t>
  </si>
  <si>
    <t>01/14/2020 16:26:42</t>
  </si>
  <si>
    <t>01/14/2020 16:26:54</t>
  </si>
  <si>
    <t>01/14/2020 16:27:10</t>
  </si>
  <si>
    <t>01/14/2020 16:27:29</t>
  </si>
  <si>
    <t>01/14/2020 16:27:39</t>
  </si>
  <si>
    <t>01/14/2020 16:27:49</t>
  </si>
  <si>
    <t>01/14/2020 16:28:13</t>
  </si>
  <si>
    <t>01/14/2020 16:27:45</t>
  </si>
  <si>
    <t>f2347ed4-560d-46c1-923b-09e142d61960.tmp</t>
  </si>
  <si>
    <t>\\acsfs\profiles$\larissaad\Downloads\f2347ed4-560d-46c1-923b-09e142d61960.tmp</t>
  </si>
  <si>
    <t>01/14/2020 16:27:28</t>
  </si>
  <si>
    <t>01/14/2020 16:26:27</t>
  </si>
  <si>
    <t>01/14/2020 16:30:37</t>
  </si>
  <si>
    <t>01/14/2020 16:26:28</t>
  </si>
  <si>
    <t>lu10376xcz90.tmp</t>
  </si>
  <si>
    <t>\\acsfs\profiles$\victoriaksr\My Documents\lu10376xcz90.tmp</t>
  </si>
  <si>
    <t>01/14/2020 16:26:37</t>
  </si>
  <si>
    <t>lu10376xcz99.tmp</t>
  </si>
  <si>
    <t>\\acsfs\profiles$\victoriaksr\Downloads\lu10376xcz99.tmp</t>
  </si>
  <si>
    <t>01/14/2020 16:27:56</t>
  </si>
  <si>
    <t>01/14/2020 16:28:08</t>
  </si>
  <si>
    <t>.~lock.TESTE.rtf#</t>
  </si>
  <si>
    <t>\\acsfs\profiles$\victoriaksr\My Documents\.~lock.TESTE.rtf#</t>
  </si>
  <si>
    <t>01/14/2020 16:28:20</t>
  </si>
  <si>
    <t>$IBQNKZ3.rtf</t>
  </si>
  <si>
    <t>\\acsfs\profiles$\victoriaksr\My Documents\$RECYCLE.BIN\$IBQNKZ3.rtf</t>
  </si>
  <si>
    <t>01/14/2020 16:28:28</t>
  </si>
  <si>
    <t>1724 (Tratados) - Copia.ods</t>
  </si>
  <si>
    <t>\\acsfs\profiles$\victoriaksr\My Documents\1724 (Tratados) - Copia.ods</t>
  </si>
  <si>
    <t>\\acsfs\profiles$\victoriaksr\My Documents\1724 (Tratados) - Copia.ods\</t>
  </si>
  <si>
    <t>\\acsfs\profiles$\victoriaksr\My Documents\1724 (Tratados) - Copia.ods\META-INF\</t>
  </si>
  <si>
    <t>\\acsfs\profiles$\victoriaksr\My Documents\1724 (Tratados) - Copia.ods\Thumbnails\</t>
  </si>
  <si>
    <t>01/14/2020 16:28:37</t>
  </si>
  <si>
    <t>.~lock.TESTE.ods#</t>
  </si>
  <si>
    <t>\\acsfs\profiles$\victoriaksr\My Documents\.~lock.TESTE.ods#</t>
  </si>
  <si>
    <t>01/14/2020 16:25:56</t>
  </si>
  <si>
    <t>01/14/2020 16:31:38</t>
  </si>
  <si>
    <t>01/14/2020 16:26:06</t>
  </si>
  <si>
    <t>01/14/2020 16:26:14</t>
  </si>
  <si>
    <t>01/14/2020 16:26:16</t>
  </si>
  <si>
    <t>01/14/2020 16:26:30</t>
  </si>
  <si>
    <t>01/14/2020 16:28:02</t>
  </si>
  <si>
    <t>01/14/2020 16:28:29</t>
  </si>
  <si>
    <t>01/14/2020 16:29:07</t>
  </si>
  <si>
    <t>01/14/2020 16:30:15</t>
  </si>
  <si>
    <t>01/14/2020 16:29:18</t>
  </si>
  <si>
    <t>01/14/2020 16:32:37</t>
  </si>
  <si>
    <t>01/14/2020 16:27:34</t>
  </si>
  <si>
    <t>01/14/2020 16:28:34</t>
  </si>
  <si>
    <t>01/14/2020 16:29:34</t>
  </si>
  <si>
    <t>01/14/2020 16:29:54</t>
  </si>
  <si>
    <t>01/14/2020 16:30:34</t>
  </si>
  <si>
    <t>01/14/2020 16:31:34</t>
  </si>
  <si>
    <t>01/14/2020 16:30:31</t>
  </si>
  <si>
    <t>\\acsfs\Deptos\Operacao\Banco_Votorantim\Supervisao\Maristela\CRBV vendas\Desligamento\Não confirmado 773281.crdownload\</t>
  </si>
  <si>
    <t>\\acsfs\Deptos\Operacao\Banco_Votorantim\Supervisao\Maristela\CRBV vendas\Desligamento\Não confirmado 773281.crdownload</t>
  </si>
  <si>
    <t>01/14/2020 16:30:32</t>
  </si>
  <si>
    <t>Não confirmado 773281.crdownload</t>
  </si>
  <si>
    <t>01/14/2020 16:31:48</t>
  </si>
  <si>
    <t>01/14/2020 16:33:38</t>
  </si>
  <si>
    <t>114d45da-280c-42d1-9b07-7b9a1351c945.tmp</t>
  </si>
  <si>
    <t>\\acsfs\profiles$\layonmof\Downloads\114d45da-280c-42d1-9b07-7b9a1351c945.tmp</t>
  </si>
  <si>
    <t>01/14/2020 16:31:41</t>
  </si>
  <si>
    <t>01/14/2020 16:31:13</t>
  </si>
  <si>
    <t>exclusoesXdocx.xlsx</t>
  </si>
  <si>
    <t>\\acsfs\ACS\Gabriel da Silva\Contemporânea\Acessos\exclusoesXdocx.xlsx</t>
  </si>
  <si>
    <t>01/14/2020 16:31:49</t>
  </si>
  <si>
    <t>lu314203qhuwg.tmp</t>
  </si>
  <si>
    <t>\\acsfs\profiles$\jalilebds\Downloads\lu314203qhuwg.tmp</t>
  </si>
  <si>
    <t>01/14/2020 16:31:28</t>
  </si>
  <si>
    <t>01/14/2020 16:34:38</t>
  </si>
  <si>
    <t>0a2f5eb0-1f9a-461d-a758-61ec48ae2468.tmp</t>
  </si>
  <si>
    <t>\\acsfs\profiles$\laylaams\Downloads\0a2f5eb0-1f9a-461d-a758-61ec48ae2468.tmp</t>
  </si>
  <si>
    <t>01/14/2020 16:30:36</t>
  </si>
  <si>
    <t>01/14/2020 16:30:56</t>
  </si>
  <si>
    <t>01/14/2020 16:31:17</t>
  </si>
  <si>
    <t>01/14/2020 16:31:29</t>
  </si>
  <si>
    <t>01/14/2020 16:31:10</t>
  </si>
  <si>
    <t>ccd85683-3e3b-4e86-a8e3-03925e31bc5f.tmp</t>
  </si>
  <si>
    <t>\\acsfs\profiles$\victorgl\Downloads\ccd85683-3e3b-4e86-a8e3-03925e31bc5f.tmp</t>
  </si>
  <si>
    <t>01/14/2020 16:30:53</t>
  </si>
  <si>
    <t>01/14/2020 16:35:38</t>
  </si>
  <si>
    <t>8000d88e-a15d-411a-865d-f00631e4b35b.tmp</t>
  </si>
  <si>
    <t>\\acsfs\profiles$\taylaedoa\Downloads\8000d88e-a15d-411a-865d-f00631e4b35b.tmp</t>
  </si>
  <si>
    <t>01/14/2020 16:32:38</t>
  </si>
  <si>
    <t>01/14/2020 16:36:38</t>
  </si>
  <si>
    <t>01/14/2020 16:32:52</t>
  </si>
  <si>
    <t>01/14/2020 16:33:21</t>
  </si>
  <si>
    <t>01/14/2020 16:33:33</t>
  </si>
  <si>
    <t>01/14/2020 16:33:51</t>
  </si>
  <si>
    <t>anderson.magalhaes@dxc.com;brcardsparametros@dxc.com;daniela.ribeiro@bv.com.br;eric.delomodarme@dxc.com;fabio.ernest@bv.com.br;jean.loiola@bv.com.br;priscila.pedro@dxc.com;</t>
  </si>
  <si>
    <t>anderson.magalhaes@dxc.com,brcardsparametros@dxc.com,daniela.ribeiro@bv.com.br,eric.delomodarme@dxc.com,fabio.ernest@bv.com.br,jean.loiola@bv.com.br,priscila.pedro@dxc.com</t>
  </si>
  <si>
    <t>01/14/2020 16:33:57</t>
  </si>
  <si>
    <t>01/14/2020 16:33:58</t>
  </si>
  <si>
    <t>01/14/2020 16:34:05</t>
  </si>
  <si>
    <t>01/14/2020 16:35:49</t>
  </si>
  <si>
    <t>anderson.magalhaes@dxc.com;brcardsparametros@dxc.com;bvs-centralcartoes@bv.com.br;daniela.ribeiro@bv.com.br;eric.delomodarme@dxc.com;fabio.ernest@bv.com.br;jean.loiola@bv.com.br;priscila.pedro@dxc.com;</t>
  </si>
  <si>
    <t>anderson.magalhaes@dxc.com,brcardsparametros@dxc.com,bvs-centralcartoes@bv.com.br,daniela.ribeiro@bv.com.br,eric.delomodarme@dxc.com,fabio.ernest@bv.com.br,jean.loiola@bv.com.br,priscila.pedro@dxc.com</t>
  </si>
  <si>
    <t>01/14/2020 16:36:02</t>
  </si>
  <si>
    <t>01/14/2020 16:36:39</t>
  </si>
  <si>
    <t>01/14/2020 16:36:03</t>
  </si>
  <si>
    <t>01/14/2020 16:37:38</t>
  </si>
  <si>
    <t>01/14/2020 16:32:34</t>
  </si>
  <si>
    <t>01/14/2020 16:32:40</t>
  </si>
  <si>
    <t>01/14/2020 16:32:58</t>
  </si>
  <si>
    <t>01/14/2020 16:33:07</t>
  </si>
  <si>
    <t>01/14/2020 16:33:18</t>
  </si>
  <si>
    <t>01/14/2020 16:34:18</t>
  </si>
  <si>
    <t>01/14/2020 16:35:18</t>
  </si>
  <si>
    <t>01/14/2020 16:36:18</t>
  </si>
  <si>
    <t>01/14/2020 16:37:10</t>
  </si>
  <si>
    <t>01/14/2020 16:38:38</t>
  </si>
  <si>
    <t>01/14/2020 16:36:42</t>
  </si>
  <si>
    <t>01/14/2020 16:36:53</t>
  </si>
  <si>
    <t>lu314203qhuwj.tmp</t>
  </si>
  <si>
    <t>\\acsfs\profiles$\jalilebds\Downloads\lu314203qhuwj.tmp</t>
  </si>
  <si>
    <t>01/14/2020 16:35:07</t>
  </si>
  <si>
    <t>51932c15-1525-4a99-9bd5-e0078bec6f9c.tmp</t>
  </si>
  <si>
    <t>\\acsfs\profiles$\fabianobmf\Downloads\51932c15-1525-4a99-9bd5-e0078bec6f9c.tmp</t>
  </si>
  <si>
    <t>01/14/2020 16:36:24</t>
  </si>
  <si>
    <t>01/14/2020 16:39:37</t>
  </si>
  <si>
    <t>Tayla Elias De Oliveira Alves_1_6777447642867768528_1_32.wav</t>
  </si>
  <si>
    <t>\\acsfs\Deptos\EDUCACAO EMPRESARIAL\FERNANDA MONIT\Fernanda\MONITORIA JANEIRO\Ligação para MUTANT segundo ciclo janeiro\Tayla Elias De Oliveira Alves_1_6777447642867768528_1_32.wav</t>
  </si>
  <si>
    <t>01/14/2020 16:37:51</t>
  </si>
  <si>
    <t>01/14/2020 16:37:55</t>
  </si>
  <si>
    <t>01/14/2020 16:38:31</t>
  </si>
  <si>
    <t>01/14/2020 16:36:28</t>
  </si>
  <si>
    <t>01/14/2020 16:35:21</t>
  </si>
  <si>
    <t>01/14/2020 16:35:08</t>
  </si>
  <si>
    <t>0be0a1d6-3cc4-4ea3-bebe-5f258c5f8781.tmp</t>
  </si>
  <si>
    <t>\\acsfs\profiles$\nathaliarmr\Downloads\0be0a1d6-3cc4-4ea3-bebe-5f258c5f8781.tmp</t>
  </si>
  <si>
    <t>01/14/2020 16:37:32</t>
  </si>
  <si>
    <t>01/14/2020 16:41:38</t>
  </si>
  <si>
    <t>13-01 RELATORIO DE LOGIN AVON - Cópia.xlsm</t>
  </si>
  <si>
    <t>\\acsfs\deptos\Operacao\PCP\5 - Comum\CONTROL DESK\2 - DAC2\Control Desk AVON\Relatorios\Status de login\2020\13-01 RELATORIO DE LOGIN AVON - Cópia.xlsm</t>
  </si>
  <si>
    <t>01/14/2020 16:39:40</t>
  </si>
  <si>
    <t>01/14/2020 16:39:49</t>
  </si>
  <si>
    <t>01/14/2020 16:39:54</t>
  </si>
  <si>
    <t>01/14/2020 16:39:57</t>
  </si>
  <si>
    <t>01/14/2020 16:40:09</t>
  </si>
  <si>
    <t>01/14/2020 16:40:12</t>
  </si>
  <si>
    <t>01/14/2020 16:40:22</t>
  </si>
  <si>
    <t>01/14/2020 16:40:36</t>
  </si>
  <si>
    <t>01/14/2020 16:41:01</t>
  </si>
  <si>
    <t>01/14/2020 16:42:38</t>
  </si>
  <si>
    <t>01/14/2020 16:37:16</t>
  </si>
  <si>
    <t>01/14/2020 16:37:29</t>
  </si>
  <si>
    <t>01/14/2020 16:37:37</t>
  </si>
  <si>
    <t>01/14/2020 16:37:54</t>
  </si>
  <si>
    <t>01/14/2020 16:37:58</t>
  </si>
  <si>
    <t>01/14/2020 16:38:02</t>
  </si>
  <si>
    <t>01/14/2020 16:38:07</t>
  </si>
  <si>
    <t>01/14/2020 16:38:15</t>
  </si>
  <si>
    <t>01/14/2020 16:38:18</t>
  </si>
  <si>
    <t>01/14/2020 16:38:33</t>
  </si>
  <si>
    <t>01/14/2020 16:38:37</t>
  </si>
  <si>
    <t>01/14/2020 16:38:40</t>
  </si>
  <si>
    <t>01/14/2020 16:38:58</t>
  </si>
  <si>
    <t>01/14/2020 16:39:17</t>
  </si>
  <si>
    <t>01/14/2020 16:39:20</t>
  </si>
  <si>
    <t>01/14/2020 16:39:47</t>
  </si>
  <si>
    <t>01/14/2020 16:39:50</t>
  </si>
  <si>
    <t>01/14/2020 16:40:04</t>
  </si>
  <si>
    <t>01/14/2020 16:40:06</t>
  </si>
  <si>
    <t>01/14/2020 16:40:07</t>
  </si>
  <si>
    <t>01/14/2020 16:40:20</t>
  </si>
  <si>
    <t>01/14/2020 16:40:37</t>
  </si>
  <si>
    <t>01/14/2020 16:40:41</t>
  </si>
  <si>
    <t>01/14/2020 16:40:42</t>
  </si>
  <si>
    <t>01/14/2020 16:41:07</t>
  </si>
  <si>
    <t>01/14/2020 16:41:42</t>
  </si>
  <si>
    <t>01/14/2020 16:39:22</t>
  </si>
  <si>
    <t>3b30885f-8d01-4ae3-939d-dbbb805d417d.tmp</t>
  </si>
  <si>
    <t>\\acsfs\profiles$\ingridsm\Downloads\3b30885f-8d01-4ae3-939d-dbbb805d417d.tmp</t>
  </si>
  <si>
    <t>01/14/2020 16:41:19</t>
  </si>
  <si>
    <t>61c68d5f-d0b3-48dd-8b36-69a37ec1c43b.tmp</t>
  </si>
  <si>
    <t>\\acsfs\profiles$\ingridsm\Downloads\61c68d5f-d0b3-48dd-8b36-69a37ec1c43b.tmp</t>
  </si>
  <si>
    <t>01/14/2020 16:41:31</t>
  </si>
  <si>
    <t>01/14/2020 16:43:37</t>
  </si>
  <si>
    <t>01/14/2020 16:42:16</t>
  </si>
  <si>
    <t>01/14/2020 16:40:38</t>
  </si>
  <si>
    <t>lu314203qhuwm.tmp</t>
  </si>
  <si>
    <t>\\acsfs\profiles$\jalilebds\Downloads\lu314203qhuwm.tmp</t>
  </si>
  <si>
    <t>01/14/2020 16:38:42</t>
  </si>
  <si>
    <t>17fbc8cc-91c6-4591-8c1f-4f55f770854e.tmp</t>
  </si>
  <si>
    <t>\\acsfs\profiles$\fabianobmf\Downloads\17fbc8cc-91c6-4591-8c1f-4f55f770854e.tmp</t>
  </si>
  <si>
    <t>01/14/2020 16:38:44</t>
  </si>
  <si>
    <t>01/14/2020 16:44:38</t>
  </si>
  <si>
    <t>01/14/2020 16:38:53</t>
  </si>
  <si>
    <t>01/14/2020 16:39:03</t>
  </si>
  <si>
    <t>01/14/2020 16:39:09</t>
  </si>
  <si>
    <t>01/14/2020 16:39:16</t>
  </si>
  <si>
    <t>01/14/2020 16:42:34</t>
  </si>
  <si>
    <t>01/14/2020 16:42:42</t>
  </si>
  <si>
    <t>01/14/2020 16:42:51</t>
  </si>
  <si>
    <t>01/14/2020 16:42:53</t>
  </si>
  <si>
    <t>01/14/2020 16:41:32</t>
  </si>
  <si>
    <t>b83016d3-e28a-46cd-8a8d-a897560bb8b2.tmp</t>
  </si>
  <si>
    <t>\\acsfs\profiles$\larissaad\Downloads\b83016d3-e28a-46cd-8a8d-a897560bb8b2.tmp</t>
  </si>
  <si>
    <t>01/14/2020 16:42:00</t>
  </si>
  <si>
    <t>ac1fac83-9790-4561-89f3-c1c59327c0b2.tmp</t>
  </si>
  <si>
    <t>\\acsfs\profiles$\larissaad\Downloads\ac1fac83-9790-4561-89f3-c1c59327c0b2.tmp</t>
  </si>
  <si>
    <t>01/14/2020 16:43:22</t>
  </si>
  <si>
    <t>5c2d96a9-8d2c-4903-9f02-cb6bf3fce3b5.tmp</t>
  </si>
  <si>
    <t>\\acsfs\profiles$\rafaelacdoc\Downloads\5c2d96a9-8d2c-4903-9f02-cb6bf3fce3b5.tmp</t>
  </si>
  <si>
    <t>01/14/2020 16:41:35</t>
  </si>
  <si>
    <t>01/14/2020 16:44:26</t>
  </si>
  <si>
    <t>01/14/2020 16:45:38</t>
  </si>
  <si>
    <t>lu10376xcz9q.tmp</t>
  </si>
  <si>
    <t>\\acsfs\profiles$\victoriaksr\My Documents\lu10376xcz9q.tmp</t>
  </si>
  <si>
    <t>01/14/2020 16:41:29</t>
  </si>
  <si>
    <t>01/14/2020 16:46:38</t>
  </si>
  <si>
    <t>01/14/2020 16:47:38</t>
  </si>
  <si>
    <t>01/14/2020 16:42:31</t>
  </si>
  <si>
    <t>01/14/2020 16:43:42</t>
  </si>
  <si>
    <t>01/14/2020 16:44:42</t>
  </si>
  <si>
    <t>01/14/2020 16:45:42</t>
  </si>
  <si>
    <t>01/14/2020 16:46:42</t>
  </si>
  <si>
    <t>01/14/2020 16:45:09</t>
  </si>
  <si>
    <t>01/14/2020 16:43:27</t>
  </si>
  <si>
    <t>01/14/2020 16:42:07</t>
  </si>
  <si>
    <t>01/14/2020 16:42:08</t>
  </si>
  <si>
    <t>01/14/2020 16:42:20</t>
  </si>
  <si>
    <t>29977acc-1bef-4add-b560-b63416438c26.tmp</t>
  </si>
  <si>
    <t>\\acsfs\profiles$\ingridsm\Downloads\29977acc-1bef-4add-b560-b63416438c26.tmp</t>
  </si>
  <si>
    <t>01/14/2020 16:43:02</t>
  </si>
  <si>
    <t>01/14/2020 16:48:38</t>
  </si>
  <si>
    <t>andrelpsa@algartech.com;leonardoao@algartech.com;supervisaobancovotorantim@algartech.com;</t>
  </si>
  <si>
    <t>andrelpsa@algartech.com,leonardoao@algartech.com,supervisaobancovotorantim@algartech.com</t>
  </si>
  <si>
    <t>01/14/2020 16:43:33</t>
  </si>
  <si>
    <t>01/14/2020 16:44:00</t>
  </si>
  <si>
    <t>01/14/2020 16:44:21</t>
  </si>
  <si>
    <t>01/14/2020 16:44:31</t>
  </si>
  <si>
    <t>01/14/2020 16:44:51</t>
  </si>
  <si>
    <t>01/14/2020 16:44:55</t>
  </si>
  <si>
    <t>01/14/2020 16:45:03</t>
  </si>
  <si>
    <t>01/14/2020 16:45:12</t>
  </si>
  <si>
    <t>01/14/2020 16:44:05</t>
  </si>
  <si>
    <t>01/14/2020 16:44:09</t>
  </si>
  <si>
    <t>01/14/2020 16:47:20</t>
  </si>
  <si>
    <t>01/14/2020 16:44:11</t>
  </si>
  <si>
    <t>outlook.office.com/owa/service.svc?action=CreateItem&amp;app=Mail&amp;n=189</t>
  </si>
  <si>
    <t>01/14/2020 16:47:47</t>
  </si>
  <si>
    <t>Formulário TTV - Lançamento de Hora Extra (1).xlsx</t>
  </si>
  <si>
    <t>01/14/2020 16:46:19</t>
  </si>
  <si>
    <t>01/14/2020 16:46:20</t>
  </si>
  <si>
    <t>lu314203qhuwp.tmp</t>
  </si>
  <si>
    <t>\\acsfs\profiles$\jalilebds\Downloads\lu314203qhuwp.tmp</t>
  </si>
  <si>
    <t>01/14/2020 16:45:22</t>
  </si>
  <si>
    <t>750df88b-4ba8-4be2-8669-f2afac215630.tmp</t>
  </si>
  <si>
    <t>\\acsfs\profiles$\fabianobmf\Downloads\750df88b-4ba8-4be2-8669-f2afac215630.tmp</t>
  </si>
  <si>
    <t>01/14/2020 16:44:34</t>
  </si>
  <si>
    <t>01/14/2020 16:49:38</t>
  </si>
  <si>
    <t>01/14/2020 16:44:46</t>
  </si>
  <si>
    <t>01/14/2020 16:44:47</t>
  </si>
  <si>
    <t>lu274883g0ce6.tmp</t>
  </si>
  <si>
    <t>\\acsfs\profiles$\LORRAYNEVAM\lu274883g0ce6.tmp</t>
  </si>
  <si>
    <t>\\acsfs\profiles$\LORRAYNEVAM\lu274883g0ce6.tmp\</t>
  </si>
  <si>
    <t>\\acsfs\profiles$\LORRAYNEVAM\lu274883g0ce6.tmp\META-INF\</t>
  </si>
  <si>
    <t>\\acsfs\profiles$\LORRAYNEVAM\lu274883g0ce6.tmp\Thumbnails\</t>
  </si>
  <si>
    <t>01/14/2020 16:48:48</t>
  </si>
  <si>
    <t>01/14/2020 16:51:38</t>
  </si>
  <si>
    <t>01/14/2020 16:48:52</t>
  </si>
  <si>
    <t>01/14/2020 16:48:58</t>
  </si>
  <si>
    <t>01/14/2020 16:50:02</t>
  </si>
  <si>
    <t>01/14/2020 16:50:09</t>
  </si>
  <si>
    <t>01/14/2020 16:50:35</t>
  </si>
  <si>
    <t>01/14/2020 16:52:38</t>
  </si>
  <si>
    <t>01/14/2020 16:47:42</t>
  </si>
  <si>
    <t>01/14/2020 16:48:42</t>
  </si>
  <si>
    <t>01/14/2020 16:49:42</t>
  </si>
  <si>
    <t>01/14/2020 16:50:42</t>
  </si>
  <si>
    <t>01/14/2020 16:51:42</t>
  </si>
  <si>
    <t>01/14/2020 16:48:21</t>
  </si>
  <si>
    <t>01/14/2020 16:53:38</t>
  </si>
  <si>
    <t>01/14/2020 16:51:13</t>
  </si>
  <si>
    <t>lu314203qhuws.tmp</t>
  </si>
  <si>
    <t>\\acsfs\profiles$\jalilebds\Downloads\lu314203qhuws.tmp</t>
  </si>
  <si>
    <t>01/14/2020 16:49:02</t>
  </si>
  <si>
    <t>01/14/2020 16:54:38</t>
  </si>
  <si>
    <t>01/14/2020 16:49:08</t>
  </si>
  <si>
    <t>01/14/2020 16:52:24</t>
  </si>
  <si>
    <t>01/14/2020 16:51:25</t>
  </si>
  <si>
    <t>01/14/2020 16:55:38</t>
  </si>
  <si>
    <t>5838c8f1-b62d-4c88-99c2-085f9d9878cd.tmp</t>
  </si>
  <si>
    <t>\\acsfs\profiles$\gabrielamdp\Downloads\5838c8f1-b62d-4c88-99c2-085f9d9878cd.tmp</t>
  </si>
  <si>
    <t>01/14/2020 16:53:08</t>
  </si>
  <si>
    <t>bcc9f791-ab51-4616-aa31-1ca4a53bf124.tmp</t>
  </si>
  <si>
    <t>\\acsfs\profiles$\gabrielamdp\Downloads\bcc9f791-ab51-4616-aa31-1ca4a53bf124.tmp</t>
  </si>
  <si>
    <t>01/14/2020 16:50:55</t>
  </si>
  <si>
    <t>01/14/2020 16:56:38</t>
  </si>
  <si>
    <t>01/14/2020 16:55:09</t>
  </si>
  <si>
    <t>image2020-01-13-174728 (1).pdf</t>
  </si>
  <si>
    <t>01/14/2020 16:52:57</t>
  </si>
  <si>
    <t>01/14/2020 16:51:47</t>
  </si>
  <si>
    <t>Formulário - Aviso de Suspensão Disciplinar Falta Valeria.doc</t>
  </si>
  <si>
    <t>\\acsfs\DEPTOS\Operacao\Banco_Votorantim\Supervisao\SUPERS BV CARTÕES\ADILSON\Medidas Disciplinares\Formulário - Aviso de Suspensão Disciplinar Falta Valeria.doc</t>
  </si>
  <si>
    <t>01/14/2020 16:55:52</t>
  </si>
  <si>
    <t>image2020-01-14-163218.zip</t>
  </si>
  <si>
    <t>C:\Users\adilsonloj\Downloads\image2020-01-14-163218.zip\</t>
  </si>
  <si>
    <t>image2020-01-14-163218.pdf</t>
  </si>
  <si>
    <t>01/14/2020 16:56:00</t>
  </si>
  <si>
    <t>https://algar.folhasinergyrh.com.br/rescisao/upload?id=0&amp;idsolicitacao=0&amp;idprerescisao=2001</t>
  </si>
  <si>
    <t>14/01/2020;</t>
  </si>
  <si>
    <t>https://14/01/2020</t>
  </si>
  <si>
    <t>01/14/2020 16:57:38</t>
  </si>
  <si>
    <t>01/14/2020 16:52:42</t>
  </si>
  <si>
    <t>01/14/2020 16:53:42</t>
  </si>
  <si>
    <t>01/14/2020 16:54:45</t>
  </si>
  <si>
    <t>01/14/2020 16:55:42</t>
  </si>
  <si>
    <t>01/14/2020 16:56:42</t>
  </si>
  <si>
    <t>01/14/2020 16:53:32</t>
  </si>
  <si>
    <t>01/14/2020 16:54:36</t>
  </si>
  <si>
    <t>01/14/2020 16:56:26</t>
  </si>
  <si>
    <t>01/14/2020 16:58:38</t>
  </si>
  <si>
    <t>vendas par dia 23.txt</t>
  </si>
  <si>
    <t>\\acsfs\profiles$\thaynaracsl\My Documents\vendas par dia 23.txt</t>
  </si>
  <si>
    <t>01/14/2020 16:56:34</t>
  </si>
  <si>
    <t>01/14/2020 16:57:16</t>
  </si>
  <si>
    <t>01/14/2020 16:56:45</t>
  </si>
  <si>
    <t>01/14/2020 16:56:23</t>
  </si>
  <si>
    <t>01/14/2020 16:56:24</t>
  </si>
  <si>
    <t>lu314203qhuwv.tmp</t>
  </si>
  <si>
    <t>\\acsfs\profiles$\jalilebds\Downloads\lu314203qhuwv.tmp</t>
  </si>
  <si>
    <t>01/14/2020 16:54:28</t>
  </si>
  <si>
    <t>01/14/2020 16:59:38</t>
  </si>
  <si>
    <t>01/14/2020 16:54:43</t>
  </si>
  <si>
    <t>01/14/2020 16:54:53</t>
  </si>
  <si>
    <t>01/14/2020 16:54:59</t>
  </si>
  <si>
    <t>01/14/2020 16:55:06</t>
  </si>
  <si>
    <t>01/14/2020 16:55:35</t>
  </si>
  <si>
    <t>01/14/2020 16:55:41</t>
  </si>
  <si>
    <t>01/14/2020 16:55:49</t>
  </si>
  <si>
    <t>01/14/2020 16:57:33</t>
  </si>
  <si>
    <t>01/14/2020 16:57:37</t>
  </si>
  <si>
    <t>01/14/2020 16:57:41</t>
  </si>
  <si>
    <t>01/14/2020 16:57:46</t>
  </si>
  <si>
    <t>01/14/2020 16:57:50</t>
  </si>
  <si>
    <t>01/14/2020 16:57:55</t>
  </si>
  <si>
    <t>01/14/2020 17:01:38</t>
  </si>
  <si>
    <t>01/14/2020 16:58:00</t>
  </si>
  <si>
    <t>01/14/2020 16:58:24</t>
  </si>
  <si>
    <t>01/14/2020 16:58:25</t>
  </si>
  <si>
    <t>01/14/2020 16:58:43</t>
  </si>
  <si>
    <t>01/14/2020 16:59:07</t>
  </si>
  <si>
    <t>01/14/2020 16:59:08</t>
  </si>
  <si>
    <t>01/14/2020 17:02:38</t>
  </si>
  <si>
    <t>01/14/2020 16:57:43</t>
  </si>
  <si>
    <t>01/14/2020 16:59:43</t>
  </si>
  <si>
    <t>01/14/2020 17:00:43</t>
  </si>
  <si>
    <t>01/14/2020 17:01:43</t>
  </si>
  <si>
    <t>01/14/2020 17:01:08</t>
  </si>
  <si>
    <t>01/14/2020 17:03:38</t>
  </si>
  <si>
    <t>01/14/2020 17:01:09</t>
  </si>
  <si>
    <t>lu314203qhuwy.tmp</t>
  </si>
  <si>
    <t>\\acsfs\profiles$\jalilebds\Downloads\lu314203qhuwy.tmp</t>
  </si>
  <si>
    <t>01/14/2020 16:59:05</t>
  </si>
  <si>
    <t>01/14/2020 17:02:51</t>
  </si>
  <si>
    <t>01/14/2020 17:04:38</t>
  </si>
  <si>
    <t>C:\Users\thiagolrc\Downloads\</t>
  </si>
  <si>
    <t>Alteracao_De_Estrutura000.xlsx</t>
  </si>
  <si>
    <t>01/14/2020 17:03:29</t>
  </si>
  <si>
    <t>01/14/2020 16:59:45</t>
  </si>
  <si>
    <t>Myllena Ribeiro_1_6777855441422584756_1_32.wav</t>
  </si>
  <si>
    <t>\\acsfs\Deptos\EDUCACAO EMPRESARIAL\FERNANDA MONIT\Fernanda\MONITORIA JANEIRO\Ligação para MUTANT segundo ciclo janeiro\Myllena Ribeiro_1_6777855441422584756_1_32.wav</t>
  </si>
  <si>
    <t>01/14/2020 17:01:51</t>
  </si>
  <si>
    <t>01/14/2020 17:06:38</t>
  </si>
  <si>
    <t>01/14/2020 17:04:54</t>
  </si>
  <si>
    <t>01/14/2020 17:01:46</t>
  </si>
  <si>
    <t>lu156248sljx.tmp</t>
  </si>
  <si>
    <t>\\acsfs\profiles$\LUISPLS\My Documents\Nova pasta\lu156248sljx.tmp</t>
  </si>
  <si>
    <t>\\acsfs\profiles$\LUISPLS\My Documents\Nova pasta\lu156248sljx.tmp\</t>
  </si>
  <si>
    <t>\\acsfs\profiles$\LUISPLS\My Documents\Nova pasta\lu156248sljx.tmp\META-INF\</t>
  </si>
  <si>
    <t>\\acsfs\profiles$\LUISPLS\My Documents\Nova pasta\lu156248sljx.tmp\Thumbnails\</t>
  </si>
  <si>
    <t>01/14/2020 17:02:25</t>
  </si>
  <si>
    <t>01/14/2020 17:02:36</t>
  </si>
  <si>
    <t>01/14/2020 17:07:39</t>
  </si>
  <si>
    <t>01/14/2020 17:03:10</t>
  </si>
  <si>
    <t>01/14/2020 17:02:44</t>
  </si>
  <si>
    <t>01/14/2020 17:03:44</t>
  </si>
  <si>
    <t>01/14/2020 17:04:44</t>
  </si>
  <si>
    <t>01/14/2020 17:05:44</t>
  </si>
  <si>
    <t>01/14/2020 17:06:44</t>
  </si>
  <si>
    <t>01/14/2020 17:06:36</t>
  </si>
  <si>
    <t>01/14/2020 17:08:38</t>
  </si>
  <si>
    <t>01/14/2020 17:06:53</t>
  </si>
  <si>
    <t>01/14/2020 17:05:54</t>
  </si>
  <si>
    <t>01/14/2020 17:06:05</t>
  </si>
  <si>
    <t>01/14/2020 17:06:11</t>
  </si>
  <si>
    <t>01/14/2020 17:06:22</t>
  </si>
  <si>
    <t>01/14/2020 17:06:28</t>
  </si>
  <si>
    <t>01/14/2020 17:06:37</t>
  </si>
  <si>
    <t>01/14/2020 17:06:48</t>
  </si>
  <si>
    <t>01/14/2020 17:06:54</t>
  </si>
  <si>
    <t>01/14/2020 17:07:00</t>
  </si>
  <si>
    <t>01/14/2020 17:07:22</t>
  </si>
  <si>
    <t>01/14/2020 17:07:26</t>
  </si>
  <si>
    <t>01/14/2020 17:07:15</t>
  </si>
  <si>
    <t>01/14/2020 17:03:42</t>
  </si>
  <si>
    <t>mail.google.com/sync/u/0/i/s?hl=pt-BR&amp;c=2031</t>
  </si>
  <si>
    <t>01/14/2020 17:03:47</t>
  </si>
  <si>
    <t>mail.google.com/sync/u/0/i/s?hl=pt-BR&amp;c=2033</t>
  </si>
  <si>
    <t>01/14/2020 17:04:05</t>
  </si>
  <si>
    <t>mail.google.com/sync/u/0/i/s?hl=pt-BR&amp;c=2036</t>
  </si>
  <si>
    <t>"languagecode":"pt-br";"mozilla/5.0 (windows nt 6.1) applewebkit/537.36 (khtml;"requesttype":"background_request";"scenariotype;"timezone":"-03:00";0;0]578941s�� 90;0]:0}:0})�� 66;0]als;0]l;0]}ls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8999441075;1578999742070;1579000043067;1579000344063;1579008004964;1579008305983;1579013423433;1579013724878;1579014025485;17;1ya5yrwelrso-yxib3ctz0mdjsqkh2uffmn2kfrmynlkfp2vhk5vxrjlyzc1nx1i8okgrxz4hh9fxnqqavexbjgszjfxng_3tikapcccza7s5nl0iiv528sipt3_n6smfvjyvnmz5gmbl</t>
  </si>
  <si>
    <t>"languagecode":"pt-br","mozilla/5.0 (windows nt 6.1) applewebkit/537.36 (khtml,"requesttype":"background_request","scenariotype,"timezone":"-03:00",0,0]578941s�� 90,0]:0}:0})�� 66,0]als,0]l,0]}ls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8999441075,1578999742070,1579000043067,1579000344063,1579008004964,1579008305983,1579013423433,1579013724878,1579014025485,17,1ya5yrwelrso-yxib3ctz0mdjsqkh2uffmn2kfrmynlkfp2vhk5vxrjlyzc1nx1i8okgrxz4hh9fxnqqavexbjgszjfxng_3tikapcccza7s5nl0iiv528sipt3_n6smfvjyvnmz5gmbl</t>
  </si>
  <si>
    <t>01/14/2020 17:04:11</t>
  </si>
  <si>
    <t>mail.google.com/sync/u/0/i/s?hl=pt-BR&amp;c=2038</t>
  </si>
  <si>
    <t>"mozilla/5.0 (windows nt 6.1) applewebkit/537.36 (khtml;0;0] = \\;0] _x0018_�2_x0007_c-4e;0]10r;0]62];0]8;0]\\\\\\\�x� &lt;l;0]l;0]ll;0]thon-35.pyc;0]� \\;1;108;127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];13701949;13701953;13701957;13701969;13702064;13702068;13702088;142;142961685;143;145;149;154;1578930052848000;1578930058554000;1578943006467;1578945715328;1578956853420;1578958960608;1578962270972;1578967989981;1578972505548;1578972806575;1578973409172;1578974758737;1578976263703;1578978069560;160;17;1ya5yrwelrso-yxib3ctz0mdjsqkh2uffmn2kfrmynlkfp2vhk5vxrjlyzc1nx1i8okgrxz4hh9fxnqqavexbjgszjfxng_3tikapcccza7s5nl0iiv528sipt3_</t>
  </si>
  <si>
    <t>"mozilla/5.0 (windows nt 6.1) applewebkit/537.36 (khtml,0,0] = \\,0] _x0018_�2_x0007_c-4e,0]10r,0]62],0]8,0]\\\\\\\�x� &lt;l,0]l,0]ll,0]thon-35.pyc,0]� \\,1,108,127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],13701949,13701953,13701957,13701969,13702064,13702068,13702088,142,142961685,143,145,149,154,1578930052848000,1578930058554000,1578943006467,1578945715328,1578956853420,1578958960608,1578962270972,1578967989981,1578972505548,1578972806575,1578973409172,1578974758737,1578976263703,1578978069560,160,17,1ya5yrwelrso-yxib3ctz0mdjsqkh2uffmn2kfrmynlkfp2vhk5vxrjlyzc1nx1i8okgrxz4hh9fxnqqavexbjgszjfxng_3tikapcccza7s5nl0iiv528sipt3_</t>
  </si>
  <si>
    <t>01/14/2020 17:04:15</t>
  </si>
  <si>
    <t>mail.google.com/sync/u/0/i/s?hl=pt-BR&amp;c=2040</t>
  </si>
  <si>
    <t>01/14/2020 17:04:45</t>
  </si>
  <si>
    <t>mail.google.com/sync/u/0/i/s?hl=pt-BR&amp;c=2043</t>
  </si>
  <si>
    <t>li;"languagecode":"pt-br";"mozilla/5.0 (windows nt 6.1) applewebkit/537.36 (khtml;"requesttype":"background_request";"scenariotype;"timezone":"-03:00";-nh5e6j8pm8_oiulf29weexdvni822bcs7bug\";0]0};0]385;0]:0}lt\sc;0]\\\\\\_x0012_�y &lt;l;0]als;0]l;0]ll;0]t\��* py;1;103;106;120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8930967785;1578954445213;1578960765991;1578961668980;1578965882926;1578988605113;1578993421153;1578993722150;1578994926132;1578996130121;1579000946294;1579028674002;195;1ya5yrwelrso-yxib3ctz0mdjsqkh2uffmn2kfrmynlkfp2vhk5vxrjlyzc1nx1i8okgrxz4hh9fxnqqavexbjgszjfxng_3tikapcccza7s5nl0iiv528sipt3_n6smfvjyvnmz5gmbld86jsedcdqpnbowbtwaejdtwlwiwyazylw418myzkyijnlherxkuhkwirableptwcg5ukaz6gf-4xr471ebiojlmuyl_vwvw2ydww\";1ya5yrwelrso-yxib3ctz0mdjsqkh2uffmn2kfrmynlkfp2vhk5vxrjly</t>
  </si>
  <si>
    <t>li,"languagecode":"pt-br","mozilla/5.0 (windows nt 6.1) applewebkit/537.36 (khtml,"requesttype":"background_request","scenariotype,"timezone":"-03:00",-nh5e6j8pm8_oiulf29weexdvni822bcs7bug\",0]0},0]385,0]:0}lt\sc,0]\\\\\\_x0012_�y &lt;l,0]als,0]l,0]ll,0]t\��* py,1,103,106,120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8930967785,1578954445213,1578960765991,1578961668980,1578965882926,1578988605113,1578993421153,1578993722150,1578994926132,1578996130121,1579000946294,1579028674002,195,1ya5yrwelrso-yxib3ctz0mdjsqkh2uffmn2kfrmynlkfp2vhk5vxrjlyzc1nx1i8okgrxz4hh9fxnqqavexbjgszjfxng_3tikapcccza7s5nl0iiv528sipt3_n6smfvjyvnmz5gmbld86jsedcdqpnbowbtwaejdtwlwiwyazylw418myzkyijnlherxkuhkwirableptwcg5ukaz6gf-4xr471ebiojlmuyl_vwvw2ydww\",1ya5yrwelrso-yxib3ctz0mdjsqkh2uffmn2kfrmynlkfp2vhk5vxrjly</t>
  </si>
  <si>
    <t>01/14/2020 17:04:50</t>
  </si>
  <si>
    <t>mail.google.com/sync/u/0/i/s?hl=pt-BR&amp;c=2045</t>
  </si>
  <si>
    <t>01/14/2020 17:04:55</t>
  </si>
  <si>
    <t>mail.google.com/sync/u/0/i/s?hl=pt-BR&amp;c=2047</t>
  </si>
  <si>
    <t>01/14/2020 17:04:59</t>
  </si>
  <si>
    <t>mail.google.com/sync/u/0/i/s?hl=pt-BR&amp;c=2049</t>
  </si>
  <si>
    <t>01/14/2020 17:06:52</t>
  </si>
  <si>
    <t>lu314203qhux1.tmp</t>
  </si>
  <si>
    <t>\\acsfs\profiles$\jalilebds\Downloads\lu314203qhux1.tmp</t>
  </si>
  <si>
    <t>01/14/2020 17:03:50</t>
  </si>
  <si>
    <t>01/14/2020 17:09:39</t>
  </si>
  <si>
    <t>01/14/2020 17:08:52</t>
  </si>
  <si>
    <t>01/14/2020 17:11:39</t>
  </si>
  <si>
    <t>01/14/2020 17:09:07</t>
  </si>
  <si>
    <t>01/14/2020 17:09:32</t>
  </si>
  <si>
    <t>100014123564284;joaogvc@algartech.com;marianadjc@algartech.com;planejamentodeoperacoesetrafego@bv.com.br;raphaelmco@algartech.com.br;ricardodfm@algartech.com.br;taysdss@algartech.com;viniciussg@algartech.com;</t>
  </si>
  <si>
    <t>https://100014123564284,joaogvc@algartech.com,marianadjc@algartech.com,planejamentodeoperacoesetrafego@bv.com.br,raphaelmco@algartech.com.br,ricardodfm@algartech.com.br,taysdss@algartech.com,viniciussg@algartech.com</t>
  </si>
  <si>
    <t>01/14/2020 17:10:21</t>
  </si>
  <si>
    <t>01/14/2020 17:06:26</t>
  </si>
  <si>
    <t>https://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</t>
  </si>
  <si>
    <t>01/14/2020 17:09:16</t>
  </si>
  <si>
    <t>01/14/2020 17:10:50</t>
  </si>
  <si>
    <t>01/14/2020 17:08:44</t>
  </si>
  <si>
    <t>01/14/2020 17:12:38</t>
  </si>
  <si>
    <t>01/14/2020 17:07:44</t>
  </si>
  <si>
    <t>01/14/2020 17:09:47</t>
  </si>
  <si>
    <t>01/14/2020 17:10:44</t>
  </si>
  <si>
    <t>01/14/2020 17:11:44</t>
  </si>
  <si>
    <t>01/14/2020 17:13:39</t>
  </si>
  <si>
    <t>01/14/2020 17:10:35</t>
  </si>
  <si>
    <t>01/14/2020 17:11:51</t>
  </si>
  <si>
    <t>01/14/2020 17:12:18</t>
  </si>
  <si>
    <t>01/14/2020 17:14:38</t>
  </si>
  <si>
    <t>12dd3c0f-60e4-4304-8567-0be521e02a5c.tmp</t>
  </si>
  <si>
    <t>\\acsfs\profiles$\regisedsj\Downloads\12dd3c0f-60e4-4304-8567-0be521e02a5c.tmp</t>
  </si>
  <si>
    <t>01/14/2020 17:13:19</t>
  </si>
  <si>
    <t>01/14/2020 17:15:39</t>
  </si>
  <si>
    <t>01/14/2020 17:11:12</t>
  </si>
  <si>
    <t>01/14/2020 17:13:06</t>
  </si>
  <si>
    <t>01/14/2020 17:16:38</t>
  </si>
  <si>
    <t>01/14/2020 17:15:15</t>
  </si>
  <si>
    <t>01/14/2020 17:11:46</t>
  </si>
  <si>
    <t>01/14/2020 17:11:50</t>
  </si>
  <si>
    <t>01/14/2020 17:11:58</t>
  </si>
  <si>
    <t>01/14/2020 17:12:32</t>
  </si>
  <si>
    <t>01/14/2020 17:12:59</t>
  </si>
  <si>
    <t>01/14/2020 17:13:29</t>
  </si>
  <si>
    <t>01/14/2020 17:13:38</t>
  </si>
  <si>
    <t>01/14/2020 17:13:57</t>
  </si>
  <si>
    <t>01/14/2020 17:14:06</t>
  </si>
  <si>
    <t>01/14/2020 17:14:12</t>
  </si>
  <si>
    <t>01/14/2020 17:14:36</t>
  </si>
  <si>
    <t>01/14/2020 17:15:36</t>
  </si>
  <si>
    <t>01/14/2020 17:15:41</t>
  </si>
  <si>
    <t>01/14/2020 17:17:38</t>
  </si>
  <si>
    <t>01/14/2020 17:12:44</t>
  </si>
  <si>
    <t>01/14/2020 17:13:44</t>
  </si>
  <si>
    <t>01/14/2020 17:14:44</t>
  </si>
  <si>
    <t>01/14/2020 17:15:44</t>
  </si>
  <si>
    <t>01/14/2020 17:16:44</t>
  </si>
  <si>
    <t>01/14/2020 17:18:12</t>
  </si>
  <si>
    <t>01/14/2020 17:19:38</t>
  </si>
  <si>
    <t>4256bdde-65af-44e5-84a4-b62b2786a7c3.tmp</t>
  </si>
  <si>
    <t>\\acsfs\profiles$\anafaes\Downloads\4256bdde-65af-44e5-84a4-b62b2786a7c3.tmp</t>
  </si>
  <si>
    <t>01/14/2020 17:18:14</t>
  </si>
  <si>
    <t>4c0a165d-1986-4410-8b72-512977d08059.tmp</t>
  </si>
  <si>
    <t>\\acsfs\profiles$\anafaes\Downloads\4c0a165d-1986-4410-8b72-512977d08059.tmp</t>
  </si>
  <si>
    <t>01/14/2020 17:18:18</t>
  </si>
  <si>
    <t>db191458-37cf-4f7b-a8a4-054851bdca68.tmp</t>
  </si>
  <si>
    <t>\\acsfs\profiles$\anafaes\Downloads\db191458-37cf-4f7b-a8a4-054851bdca68.tmp</t>
  </si>
  <si>
    <t>01/14/2020 17:19:24</t>
  </si>
  <si>
    <t>630eab79-ce2a-4dc7-b00f-e3db8d6c724a.tmp</t>
  </si>
  <si>
    <t>\\acsfs\profiles$\anafaes\Downloads\630eab79-ce2a-4dc7-b00f-e3db8d6c724a.tmp</t>
  </si>
  <si>
    <t>01/14/2020 17:18:59</t>
  </si>
  <si>
    <t>01/14/2020 17:20:38</t>
  </si>
  <si>
    <t>01/14/2020 17:15:48</t>
  </si>
  <si>
    <t>01/14/2020 17:21:38</t>
  </si>
  <si>
    <t>01/14/2020 17:17:20</t>
  </si>
  <si>
    <t>01/14/2020 17:17:24</t>
  </si>
  <si>
    <t>01/14/2020 17:17:33</t>
  </si>
  <si>
    <t>01/14/2020 17:17:40</t>
  </si>
  <si>
    <t>01/14/2020 17:17:43</t>
  </si>
  <si>
    <t>01/14/2020 17:17:49</t>
  </si>
  <si>
    <t>01/14/2020 17:17:53</t>
  </si>
  <si>
    <t>01/14/2020 17:17:57</t>
  </si>
  <si>
    <t>01/14/2020 17:18:00</t>
  </si>
  <si>
    <t>01/14/2020 17:18:09</t>
  </si>
  <si>
    <t>mail.google.com/sync/u/0/i/s?hl=pt-BR&amp;c=737</t>
  </si>
  <si>
    <t>01/14/2020 17:18:20</t>
  </si>
  <si>
    <t>01/14/2020 17:18:25</t>
  </si>
  <si>
    <t>01/14/2020 17:18:34</t>
  </si>
  <si>
    <t>01/14/2020 17:20:43</t>
  </si>
  <si>
    <t>01/14/2020 17:19:57</t>
  </si>
  <si>
    <t>01/14/2020 17:22:39</t>
  </si>
  <si>
    <t>01/14/2020 17:17:44</t>
  </si>
  <si>
    <t>01/14/2020 17:18:44</t>
  </si>
  <si>
    <t>01/14/2020 17:19:44</t>
  </si>
  <si>
    <t>01/14/2020 17:20:44</t>
  </si>
  <si>
    <t>01/14/2020 17:21:44</t>
  </si>
  <si>
    <t>01/14/2020 17:18:45</t>
  </si>
  <si>
    <t>01/14/2020 17:23:38</t>
  </si>
  <si>
    <t>2bf4e6d7-ed83-48b0-b60f-d6606220f9ba.tmp</t>
  </si>
  <si>
    <t>\\acsfs\profiles$\layonmof\Downloads\2bf4e6d7-ed83-48b0-b60f-d6606220f9ba.tmp</t>
  </si>
  <si>
    <t>lu314203qhux9.tmp</t>
  </si>
  <si>
    <t>\\acsfs\profiles$\jalilebds\Downloads\lu314203qhux9.tmp</t>
  </si>
  <si>
    <t>01/14/2020 17:20:07</t>
  </si>
  <si>
    <t>01/14/2020 17:24:39</t>
  </si>
  <si>
    <t>01/14/2020 17:22:32</t>
  </si>
  <si>
    <t>01/14/2020 17:25:38</t>
  </si>
  <si>
    <t>01/14/2020 17:25:07</t>
  </si>
  <si>
    <t>01/14/2020 17:26:39</t>
  </si>
  <si>
    <t>01/14/2020 17:26:29</t>
  </si>
  <si>
    <t>01/14/2020 17:27:38</t>
  </si>
  <si>
    <t>01/14/2020 17:22:44</t>
  </si>
  <si>
    <t>01/14/2020 17:23:44</t>
  </si>
  <si>
    <t>01/14/2020 17:24:44</t>
  </si>
  <si>
    <t>01/14/2020 17:25:44</t>
  </si>
  <si>
    <t>01/14/2020 17:26:44</t>
  </si>
  <si>
    <t>01/14/2020 17:23:57</t>
  </si>
  <si>
    <t>01/14/2020 17:28:38</t>
  </si>
  <si>
    <t>01/14/2020 17:26:04</t>
  </si>
  <si>
    <t>01/14/2020 17:27:03</t>
  </si>
  <si>
    <t>01/14/2020 17:27:27</t>
  </si>
  <si>
    <t>01/14/2020 17:26:45</t>
  </si>
  <si>
    <t>lu314203qhuxc.tmp</t>
  </si>
  <si>
    <t>\\acsfs\profiles$\jalilebds\Downloads\lu314203qhuxc.tmp</t>
  </si>
  <si>
    <t>01/14/2020 17:25:02</t>
  </si>
  <si>
    <t>01/14/2020 17:29:38</t>
  </si>
  <si>
    <t>01/14/2020 17:25:32</t>
  </si>
  <si>
    <t>07108bc2-640d-4d20-8777-610d2ca25f0f.tmp</t>
  </si>
  <si>
    <t>\\acsfs\profiles$\matheusmax\Downloads\07108bc2-640d-4d20-8777-610d2ca25f0f.tmp</t>
  </si>
  <si>
    <t>01/14/2020 17:31:38</t>
  </si>
  <si>
    <t>01/14/2020 17:30:02</t>
  </si>
  <si>
    <t>01/14/2020 17:30:05</t>
  </si>
  <si>
    <t>01/14/2020 17:30:12</t>
  </si>
  <si>
    <t>01/14/2020 17:30:22</t>
  </si>
  <si>
    <t>01/14/2020 17:30:41</t>
  </si>
  <si>
    <t>01/14/2020 17:32:38</t>
  </si>
  <si>
    <t>01/14/2020 17:27:44</t>
  </si>
  <si>
    <t>01/14/2020 17:28:44</t>
  </si>
  <si>
    <t>01/14/2020 17:29:27</t>
  </si>
  <si>
    <t>01/14/2020 17:29:44</t>
  </si>
  <si>
    <t>01/14/2020 17:30:44</t>
  </si>
  <si>
    <t>01/14/2020 17:31:44</t>
  </si>
  <si>
    <t>01/14/2020 17:31:56</t>
  </si>
  <si>
    <t>01/14/2020 17:31:58</t>
  </si>
  <si>
    <t>01/14/2020 17:31:59</t>
  </si>
  <si>
    <t>01/14/2020 17:32:00</t>
  </si>
  <si>
    <t>01/14/2020 17:32:01</t>
  </si>
  <si>
    <t>01/14/2020 17:32:03</t>
  </si>
  <si>
    <t>01/14/2020 17:32:05</t>
  </si>
  <si>
    <t>01/14/2020 17:32:06</t>
  </si>
  <si>
    <t>01/14/2020 17:32:07</t>
  </si>
  <si>
    <t>01/14/2020 17:32:09</t>
  </si>
  <si>
    <t>01/14/2020 17:32:10</t>
  </si>
  <si>
    <t>01/14/2020 17:32:11</t>
  </si>
  <si>
    <t>01/14/2020 17:32:12</t>
  </si>
  <si>
    <t>01/14/2020 17:32:13</t>
  </si>
  <si>
    <t>01/14/2020 17:32:14</t>
  </si>
  <si>
    <t>01/14/2020 17:32:16</t>
  </si>
  <si>
    <t>01/14/2020 17:32:17</t>
  </si>
  <si>
    <t>01/14/2020 17:32:18</t>
  </si>
  <si>
    <t>01/14/2020 17:32:19</t>
  </si>
  <si>
    <t>01/14/2020 17:32:21</t>
  </si>
  <si>
    <t>01/14/2020 17:32:22</t>
  </si>
  <si>
    <t>01/14/2020 17:32:25</t>
  </si>
  <si>
    <t>01/14/2020 17:32:27</t>
  </si>
  <si>
    <t>01/14/2020 17:32:28</t>
  </si>
  <si>
    <t>01/14/2020 17:32:29</t>
  </si>
  <si>
    <t>01/14/2020 17:32:30</t>
  </si>
  <si>
    <t>01/14/2020 17:32:33</t>
  </si>
  <si>
    <t>01/14/2020 17:28:09</t>
  </si>
  <si>
    <t>01/14/2020 17:33:38</t>
  </si>
  <si>
    <t>51739c0a-006f-45b2-81b8-b73d16895e9c.tmp</t>
  </si>
  <si>
    <t>\\acsfs\profiles$\fabianafv\Downloads\51739c0a-006f-45b2-81b8-b73d16895e9c.tmp</t>
  </si>
  <si>
    <t>01/14/2020 17:31:14</t>
  </si>
  <si>
    <t>713b1cea-9dfd-4279-8e93-5e8863309af5.tmp</t>
  </si>
  <si>
    <t>\\acsfs\profiles$\rosileiam\Downloads\713b1cea-9dfd-4279-8e93-5e8863309af5.tmp</t>
  </si>
  <si>
    <t>01/14/2020 17:33:39</t>
  </si>
  <si>
    <t>01/14/2020 17:34:38</t>
  </si>
  <si>
    <t>01/14/2020 17:30:53</t>
  </si>
  <si>
    <t>01/14/2020 17:31:07</t>
  </si>
  <si>
    <t>01/14/2020 17:36:38</t>
  </si>
  <si>
    <t>01/14/2020 17:31:31</t>
  </si>
  <si>
    <t>01/14/2020 17:31:40</t>
  </si>
  <si>
    <t>01/14/2020 17:31:50</t>
  </si>
  <si>
    <t>mail.google.com/sync/u/0/i/s?hl=pt-BR&amp;c=785</t>
  </si>
  <si>
    <t>01/14/2020 17:32:08</t>
  </si>
  <si>
    <t>01/14/2020 17:32:43</t>
  </si>
  <si>
    <t>01/14/2020 17:32:57</t>
  </si>
  <si>
    <t>01/14/2020 17:33:02</t>
  </si>
  <si>
    <t>01/14/2020 17:33:11</t>
  </si>
  <si>
    <t>01/14/2020 17:33:16</t>
  </si>
  <si>
    <t>01/14/2020 17:33:26</t>
  </si>
  <si>
    <t>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4/2020 17:37:38</t>
  </si>
  <si>
    <t>01/14/2020 17:32:44</t>
  </si>
  <si>
    <t>01/14/2020 17:33:44</t>
  </si>
  <si>
    <t>01/14/2020 17:34:44</t>
  </si>
  <si>
    <t>01/14/2020 17:35:44</t>
  </si>
  <si>
    <t>01/14/2020 17:36:44</t>
  </si>
  <si>
    <t>01/14/2020 17:32:39</t>
  </si>
  <si>
    <t>01/14/2020 17:32:40</t>
  </si>
  <si>
    <t>01/14/2020 17:32:41</t>
  </si>
  <si>
    <t>01/14/2020 17:32:45</t>
  </si>
  <si>
    <t>01/14/2020 17:32:47</t>
  </si>
  <si>
    <t>01/14/2020 17:32:50</t>
  </si>
  <si>
    <t>01/14/2020 17:32:51</t>
  </si>
  <si>
    <t>01/14/2020 17:32:52</t>
  </si>
  <si>
    <t>01/14/2020 17:38:38</t>
  </si>
  <si>
    <t>01/14/2020 17:32:54</t>
  </si>
  <si>
    <t>01/14/2020 17:32:55</t>
  </si>
  <si>
    <t>01/14/2020 17:32:58</t>
  </si>
  <si>
    <t>01/14/2020 17:33:00</t>
  </si>
  <si>
    <t>01/14/2020 17:33:30</t>
  </si>
  <si>
    <t>01/14/2020 17:34:53</t>
  </si>
  <si>
    <t>01/14/2020 17:36:06</t>
  </si>
  <si>
    <t>01/14/2020 17:34:55</t>
  </si>
  <si>
    <t>01/14/2020 17:35:25</t>
  </si>
  <si>
    <t>01/14/2020 17:35:38</t>
  </si>
  <si>
    <t>01/14/2020 17:36:04</t>
  </si>
  <si>
    <t>01/14/2020 17:36:12</t>
  </si>
  <si>
    <t>01/14/2020 17:34:12</t>
  </si>
  <si>
    <t>01/14/2020 17:34:59</t>
  </si>
  <si>
    <t>01/14/2020 17:37:43</t>
  </si>
  <si>
    <t>01/14/2020 17:37:06</t>
  </si>
  <si>
    <t>bd8fda3f-c4e2-48f9-8e6c-f0e98bfba3ec.tmp</t>
  </si>
  <si>
    <t>\\acsfs\profiles$\adelvinsonle\Downloads\bd8fda3f-c4e2-48f9-8e6c-f0e98bfba3ec.tmp</t>
  </si>
  <si>
    <t>01/14/2020 17:38:22</t>
  </si>
  <si>
    <t>01/14/2020 17:39:38</t>
  </si>
  <si>
    <t>01/14/2020 17:34:47</t>
  </si>
  <si>
    <t>d8309399-d6d3-4e33-9ffe-026536c54ff5.tmp</t>
  </si>
  <si>
    <t>\\acsfs\profiles$\mariajaf\Downloads\d8309399-d6d3-4e33-9ffe-026536c54ff5.tmp</t>
  </si>
  <si>
    <t>01/14/2020 17:36:16</t>
  </si>
  <si>
    <t>a781a648-65f5-4460-ae3b-b4a4b80c036c.tmp</t>
  </si>
  <si>
    <t>\\acsfs\profiles$\mariajaf\Downloads\a781a648-65f5-4460-ae3b-b4a4b80c036c.tmp</t>
  </si>
  <si>
    <t>01/14/2020 17:38:49</t>
  </si>
  <si>
    <t>01/14/2020 17:36:24</t>
  </si>
  <si>
    <t>1ca0f640-67e0-428c-a959-acc8d28109e3.tmp</t>
  </si>
  <si>
    <t>\\acsfs\profiles$\henriqueco\Downloads\1ca0f640-67e0-428c-a959-acc8d28109e3.tmp</t>
  </si>
  <si>
    <t>01/14/2020 17:39:59</t>
  </si>
  <si>
    <t>01/14/2020 17:42:38</t>
  </si>
  <si>
    <t>01/14/2020 17:37:44</t>
  </si>
  <si>
    <t>01/14/2020 17:38:44</t>
  </si>
  <si>
    <t>01/14/2020 17:39:47</t>
  </si>
  <si>
    <t>01/14/2020 17:40:44</t>
  </si>
  <si>
    <t>01/14/2020 17:41:44</t>
  </si>
  <si>
    <t>01/14/2020 17:39:08</t>
  </si>
  <si>
    <t>01/14/2020 17:43:38</t>
  </si>
  <si>
    <t>01/14/2020 17:39:17</t>
  </si>
  <si>
    <t>01/14/2020 17:40:01</t>
  </si>
  <si>
    <t>01/14/2020 17:40:23</t>
  </si>
  <si>
    <t>01/14/2020 17:40:29</t>
  </si>
  <si>
    <t>01/14/2020 17:41:05</t>
  </si>
  <si>
    <t>lu314203qhuxk.tmp</t>
  </si>
  <si>
    <t>\\acsfs\profiles$\jalilebds\Downloads\lu314203qhuxk.tmp</t>
  </si>
  <si>
    <t>01/14/2020 17:40:13</t>
  </si>
  <si>
    <t>01/14/2020 17:44:38</t>
  </si>
  <si>
    <t>01/14/2020 17:44:18</t>
  </si>
  <si>
    <t>01/14/2020 17:45:38</t>
  </si>
  <si>
    <t>5edebbe9-2fc2-411d-a5a5-e8a448d9ceee.tmp</t>
  </si>
  <si>
    <t>\\acsfs\profiles$\andreapdsg\Downloads\5edebbe9-2fc2-411d-a5a5-e8a448d9ceee.tmp</t>
  </si>
  <si>
    <t>01/14/2020 17:42:09</t>
  </si>
  <si>
    <t>01/14/2020 17:47:38</t>
  </si>
  <si>
    <t>01/14/2020 17:42:44</t>
  </si>
  <si>
    <t>01/14/2020 17:43:44</t>
  </si>
  <si>
    <t>01/14/2020 17:44:44</t>
  </si>
  <si>
    <t>01/14/2020 17:45:44</t>
  </si>
  <si>
    <t>01/14/2020 17:46:44</t>
  </si>
  <si>
    <t>01/14/2020 17:47:36</t>
  </si>
  <si>
    <t>01/14/2020 17:48:38</t>
  </si>
  <si>
    <t>01/14/2020 17:46:33</t>
  </si>
  <si>
    <t>e8d8e807-b9cb-4472-bc2a-8c04e3101d2d.tmp</t>
  </si>
  <si>
    <t>\\acsfs\profiles$\leonardocb\Downloads\e8d8e807-b9cb-4472-bc2a-8c04e3101d2d.tmp</t>
  </si>
  <si>
    <t>01/14/2020 17:48:31</t>
  </si>
  <si>
    <t>01/14/2020 17:49:38</t>
  </si>
  <si>
    <t>01/14/2020 17:48:27</t>
  </si>
  <si>
    <t>06e5f43c-de9d-428a-bcab-ca833c78d87c.tmp</t>
  </si>
  <si>
    <t>\\acsfs\profiles$\victorgl\Downloads\06e5f43c-de9d-428a-bcab-ca833c78d87c.tmp</t>
  </si>
  <si>
    <t>01/14/2020 17:50:38</t>
  </si>
  <si>
    <t>01/14/2020 17:49:37</t>
  </si>
  <si>
    <t>acb4dc5b-95b6-4d44-8d59-8901b615cad3.tmp</t>
  </si>
  <si>
    <t>\\acsfs\profiles$\Adrieledgc\Downloads\acb4dc5b-95b6-4d44-8d59-8901b615cad3.tmp</t>
  </si>
  <si>
    <t>01/14/2020 17:46:16</t>
  </si>
  <si>
    <t>1ba42ea3-1678-4d32-8c01-a60b9041445e.tmp</t>
  </si>
  <si>
    <t>\\acsfs\profiles$\welidicdj\Downloads\1ba42ea3-1678-4d32-8c01-a60b9041445e.tmp</t>
  </si>
  <si>
    <t>01/14/2020 17:52:38</t>
  </si>
  <si>
    <t>01/14/2020 17:47:44</t>
  </si>
  <si>
    <t>01/14/2020 17:48:44</t>
  </si>
  <si>
    <t>01/14/2020 17:49:44</t>
  </si>
  <si>
    <t>01/14/2020 17:50:44</t>
  </si>
  <si>
    <t>01/14/2020 17:51:44</t>
  </si>
  <si>
    <t>01/14/2020 17:51:29</t>
  </si>
  <si>
    <t>01/14/2020 17:53:39</t>
  </si>
  <si>
    <t>01/14/2020 17:52:51</t>
  </si>
  <si>
    <t>01/14/2020 17:54:38</t>
  </si>
  <si>
    <t>bc22d6d6-95a9-4864-9429-66eb81513cc2.tmp</t>
  </si>
  <si>
    <t>\\acsfs\profiles$\regisedsj\Downloads\bc22d6d6-95a9-4864-9429-66eb81513cc2.tmp</t>
  </si>
  <si>
    <t>01/14/2020 17:49:48</t>
  </si>
  <si>
    <t>85d6208a-7bc9-4dd0-a89c-8fc04522d774.tmp</t>
  </si>
  <si>
    <t>\\acsfs\profiles$\victorgl\Downloads\85d6208a-7bc9-4dd0-a89c-8fc04522d774.tmp</t>
  </si>
  <si>
    <t>01/14/2020 17:52:01</t>
  </si>
  <si>
    <t>01/14/2020 17:55:39</t>
  </si>
  <si>
    <t>4419160a-062e-4a57-8d4f-088aa60d483e.tmp</t>
  </si>
  <si>
    <t>\\acsfs\profiles$\Adrieledgc\Downloads\4419160a-062e-4a57-8d4f-088aa60d483e.tmp</t>
  </si>
  <si>
    <t>01/14/2020 17:54:43</t>
  </si>
  <si>
    <t>aa645c43-f043-4390-89c1-33bdf0717239.tmp</t>
  </si>
  <si>
    <t>\\acsfs\profiles$\welidicdj\Downloads\aa645c43-f043-4390-89c1-33bdf0717239.tmp</t>
  </si>
  <si>
    <t>01/14/2020 17:55:09</t>
  </si>
  <si>
    <t>01/14/2020 17:56:38</t>
  </si>
  <si>
    <t>01/14/2020 17:57:38</t>
  </si>
  <si>
    <t>01/14/2020 17:52:44</t>
  </si>
  <si>
    <t>01/14/2020 17:53:44</t>
  </si>
  <si>
    <t>01/14/2020 17:54:44</t>
  </si>
  <si>
    <t>01/14/2020 17:55:47</t>
  </si>
  <si>
    <t>01/14/2020 17:56:44</t>
  </si>
  <si>
    <t>01/14/2020 17:54:56</t>
  </si>
  <si>
    <t>01/14/2020 17:54:00</t>
  </si>
  <si>
    <t>01/14/2020 17:58:38</t>
  </si>
  <si>
    <t>01/14/2020 17:57:09</t>
  </si>
  <si>
    <t>f6c60ce0-f234-45ea-941f-fac44756a3d3.tmp</t>
  </si>
  <si>
    <t>\\acsfs\profiles$\layonmof\Downloads\f6c60ce0-f234-45ea-941f-fac44756a3d3.tmp</t>
  </si>
  <si>
    <t>54611a05-d82c-469a-b841-25636882c717.tmp</t>
  </si>
  <si>
    <t>\\acsfs\profiles$\gabrielsma\Downloads\54611a05-d82c-469a-b841-25636882c717.tmp</t>
  </si>
  <si>
    <t>Não confirmado 255700.crdownload</t>
  </si>
  <si>
    <t>\\acsfs\ACS\Gabriel da Silva\Contemporânea\Gen\Não confirmado 255700.crdownload</t>
  </si>
  <si>
    <t>01/14/2020 17:58:03</t>
  </si>
  <si>
    <t>01/14/2020 17:59:38</t>
  </si>
  <si>
    <t>01/14/2020 17:57:48</t>
  </si>
  <si>
    <t>01/14/2020 18:00:38</t>
  </si>
  <si>
    <t>c9f3761d-1d79-4049-9587-e3d35fb74d94.tmp</t>
  </si>
  <si>
    <t>\\acsfs\profiles$\paulohaf\Downloads\c9f3761d-1d79-4049-9587-e3d35fb74d94.tmp</t>
  </si>
  <si>
    <t>01/14/2020 18:02:38</t>
  </si>
  <si>
    <t>01/14/2020 17:57:44</t>
  </si>
  <si>
    <t>01/14/2020 17:58:44</t>
  </si>
  <si>
    <t>01/14/2020 17:59:44</t>
  </si>
  <si>
    <t>01/14/2020 18:00:44</t>
  </si>
  <si>
    <t>01/14/2020 18:01:45</t>
  </si>
  <si>
    <t>01/14/2020 18:01:34</t>
  </si>
  <si>
    <t>01/14/2020 18:00:31</t>
  </si>
  <si>
    <t>01/14/2020 18:03:38</t>
  </si>
  <si>
    <t>01/14/2020 18:01:03</t>
  </si>
  <si>
    <t>01/14/2020 18:01:49</t>
  </si>
  <si>
    <t>01/14/2020 18:03:36</t>
  </si>
  <si>
    <t>01/14/2020 18:04:38</t>
  </si>
  <si>
    <t>01/14/2020 18:04:10</t>
  </si>
  <si>
    <t>01/14/2020 18:04:46</t>
  </si>
  <si>
    <t>01/14/2020 18:05:38</t>
  </si>
  <si>
    <t>01/14/2020 18:05:21</t>
  </si>
  <si>
    <t>01/14/2020 18:06:38</t>
  </si>
  <si>
    <t>fabriciadc@algartech.com</t>
  </si>
  <si>
    <t>01/14/2020 18:05:33</t>
  </si>
  <si>
    <t>01/14/2020 18:04:24</t>
  </si>
  <si>
    <t>01/14/2020 18:07:38</t>
  </si>
  <si>
    <t>01/14/2020 18:02:44</t>
  </si>
  <si>
    <t>01/14/2020 18:03:44</t>
  </si>
  <si>
    <t>01/14/2020 18:04:44</t>
  </si>
  <si>
    <t>01/14/2020 18:05:44</t>
  </si>
  <si>
    <t>01/14/2020 18:06:44</t>
  </si>
  <si>
    <t>01/14/2020 18:07:29</t>
  </si>
  <si>
    <t>01/14/2020 18:08:38</t>
  </si>
  <si>
    <t>01/14/2020 18:06:43</t>
  </si>
  <si>
    <t>01/14/2020 18:09:38</t>
  </si>
  <si>
    <t>01/14/2020 18:08:37</t>
  </si>
  <si>
    <t>4381348d-aee7-409e-908b-8a7a29668479.tmp</t>
  </si>
  <si>
    <t>\\acsfs\profiles$\myllenardl\Downloads\4381348d-aee7-409e-908b-8a7a29668479.tmp</t>
  </si>
  <si>
    <t>01/14/2020 18:09:12</t>
  </si>
  <si>
    <t>f4ddf8ae-0bf5-44f0-88ee-35c934487c34.tmp</t>
  </si>
  <si>
    <t>\\acsfs\profiles$\anafaes\Downloads\f4ddf8ae-0bf5-44f0-88ee-35c934487c34.tmp</t>
  </si>
  <si>
    <t>01/14/2020 18:06:25</t>
  </si>
  <si>
    <t>01/14/2020 18:10:38</t>
  </si>
  <si>
    <t>01/14/2020 18:12:38</t>
  </si>
  <si>
    <t>01/14/2020 18:07:44</t>
  </si>
  <si>
    <t>01/14/2020 18:08:44</t>
  </si>
  <si>
    <t>01/14/2020 18:09:47</t>
  </si>
  <si>
    <t>01/14/2020 18:10:44</t>
  </si>
  <si>
    <t>01/14/2020 18:11:44</t>
  </si>
  <si>
    <t>01/14/2020 18:07:53</t>
  </si>
  <si>
    <t>01/14/2020 18:09:10</t>
  </si>
  <si>
    <t>2cc186fb-4245-44d7-a40c-b0fe4e600df2.tmp</t>
  </si>
  <si>
    <t>\\acsfs\profiles$\joycemmdl\Downloads\2cc186fb-4245-44d7-a40c-b0fe4e600df2.tmp</t>
  </si>
  <si>
    <t>fc69c378-51d5-49d4-b475-e88998dc50fc.tmp</t>
  </si>
  <si>
    <t>\\acsfs\profiles$\joycemmdl\Downloads\fc69c378-51d5-49d4-b475-e88998dc50fc.tmp</t>
  </si>
  <si>
    <t>01/14/2020 18:09:40</t>
  </si>
  <si>
    <t>01/14/2020 18:13:38</t>
  </si>
  <si>
    <t>8de0ac6d-f115-47ef-bae0-7d4c29e6dee3.tmp</t>
  </si>
  <si>
    <t>\\acsfs\profiles$\fabianobmf\Downloads\8de0ac6d-f115-47ef-bae0-7d4c29e6dee3.tmp</t>
  </si>
  <si>
    <t>01/14/2020 18:13:44</t>
  </si>
  <si>
    <t>01/14/2020 18:14:38</t>
  </si>
  <si>
    <t>XLOG_anakcs_14012020_103048.log</t>
  </si>
  <si>
    <t>\\acsfs\profiles$\anakcs\My Documents\xworkcenter\logs\XLOG_anakcs_14012020_103048.log</t>
  </si>
  <si>
    <t>01/14/2020 18:14:16</t>
  </si>
  <si>
    <t>01/14/2020 18:15:38</t>
  </si>
  <si>
    <t>464cd18d-cf4e-46a2-a475-898364a70abf.tmp</t>
  </si>
  <si>
    <t>\\acsfs\profiles$\gabrielamdp\Downloads\464cd18d-cf4e-46a2-a475-898364a70abf.tmp</t>
  </si>
  <si>
    <t>01/14/2020 18:14:58</t>
  </si>
  <si>
    <t>01/14/2020 18:13:34</t>
  </si>
  <si>
    <t>428b301c-06c5-4438-8dc3-3768ecc37330.tmp</t>
  </si>
  <si>
    <t>\\acsfs\profiles$\Adrieledgc\Downloads\428b301c-06c5-4438-8dc3-3768ecc37330.tmp</t>
  </si>
  <si>
    <t>01/14/2020 18:11:22</t>
  </si>
  <si>
    <t>01/14/2020 18:16:38</t>
  </si>
  <si>
    <t>$IKA6X7X.txt</t>
  </si>
  <si>
    <t>\\acsfs\profiles$\julianeas\My Documents\$RECYCLE.BIN\$IKA6X7X.txt</t>
  </si>
  <si>
    <t>01/14/2020 18:13:18</t>
  </si>
  <si>
    <t>01/14/2020 18:16:28</t>
  </si>
  <si>
    <t>01/14/2020 18:17:39</t>
  </si>
  <si>
    <t>01/14/2020 18:12:44</t>
  </si>
  <si>
    <t>01/14/2020 18:14:44</t>
  </si>
  <si>
    <t>01/14/2020 18:15:44</t>
  </si>
  <si>
    <t>01/14/2020 18:16:44</t>
  </si>
  <si>
    <t>01/14/2020 18:15:59</t>
  </si>
  <si>
    <t>01/14/2020 18:16:34</t>
  </si>
  <si>
    <t>01/14/2020 18:18:38</t>
  </si>
  <si>
    <t>4c464296-5048-48b0-9a5e-1c0f2f6e3883.tmp</t>
  </si>
  <si>
    <t>\\acsfs\profiles$\gabrielsma\Downloads\4c464296-5048-48b0-9a5e-1c0f2f6e3883.tmp</t>
  </si>
  <si>
    <t>01/14/2020 18:16:48</t>
  </si>
  <si>
    <t>Não confirmado 802782.crdownload</t>
  </si>
  <si>
    <t>\\acsfs\ACS\Gabriel da Silva\Contemporânea\Gen\Não confirmado 802782.crdownload</t>
  </si>
  <si>
    <t>01/14/2020 18:14:04</t>
  </si>
  <si>
    <t>01/14/2020 18:19:38</t>
  </si>
  <si>
    <t>\\acsfs\profiles$\stefaniasdf\My Documents\</t>
  </si>
  <si>
    <t>\\acsfs\profiles$\stefaniasdf\My Documents\Duvidas e sugerstão.txt</t>
  </si>
  <si>
    <t>01/14/2020 18:18:04</t>
  </si>
  <si>
    <t>aa28ac00-31e2-4933-87c3-f54ab54516c4.tmp</t>
  </si>
  <si>
    <t>\\acsfs\profiles$\victorgl\Downloads\aa28ac00-31e2-4933-87c3-f54ab54516c4.tmp</t>
  </si>
  <si>
    <t>01/14/2020 18:17:52</t>
  </si>
  <si>
    <t>5e0da564-dc9f-44ca-872e-ca01719f8585.tmp</t>
  </si>
  <si>
    <t>\\acsfs\profiles$\anafaes\Downloads\5e0da564-dc9f-44ca-872e-ca01719f8585.tmp</t>
  </si>
  <si>
    <t>01/14/2020 18:18:56</t>
  </si>
  <si>
    <t>01/14/2020 18:20:38</t>
  </si>
  <si>
    <t>6bd0775a-4404-460a-9986-30e79d7731b3.tmp</t>
  </si>
  <si>
    <t>\\acsfs\profiles$\gabrielamdp\Downloads\6bd0775a-4404-460a-9986-30e79d7731b3.tmp</t>
  </si>
  <si>
    <t>01/14/2020 18:17:31</t>
  </si>
  <si>
    <t>01/14/2020 18:21:38</t>
  </si>
  <si>
    <t>01/14/2020 18:22:38</t>
  </si>
  <si>
    <t>01/14/2020 18:17:44</t>
  </si>
  <si>
    <t>01/14/2020 18:18:44</t>
  </si>
  <si>
    <t>01/14/2020 18:19:44</t>
  </si>
  <si>
    <t>01/14/2020 18:20:44</t>
  </si>
  <si>
    <t>01/14/2020 18:21:44</t>
  </si>
  <si>
    <t>01/14/2020 18:20:25</t>
  </si>
  <si>
    <t>01/14/2020 18:22:03</t>
  </si>
  <si>
    <t>01/14/2020 18:21:56</t>
  </si>
  <si>
    <t>01/14/2020 18:23:38</t>
  </si>
  <si>
    <t>01/14/2020 18:22:12</t>
  </si>
  <si>
    <t>Pasta6.xlsx</t>
  </si>
  <si>
    <t>\\acsfs\ACS\Gabriel da Silva\Contemporânea\Acessos\Pasta6.xlsx</t>
  </si>
  <si>
    <t>01/14/2020 18:22:15</t>
  </si>
  <si>
    <t>01/14/2020 18:18:53</t>
  </si>
  <si>
    <t>01/14/2020 18:24:39</t>
  </si>
  <si>
    <t>01/14/2020 18:24:07</t>
  </si>
  <si>
    <t>01/14/2020 18:26:38</t>
  </si>
  <si>
    <t>01/14/2020 18:23:41</t>
  </si>
  <si>
    <t>folga priscila 2.docx</t>
  </si>
  <si>
    <t>01/14/2020 18:23:50</t>
  </si>
  <si>
    <t>01/14/2020 18:27:38</t>
  </si>
  <si>
    <t>01/14/2020 18:22:44</t>
  </si>
  <si>
    <t>01/14/2020 18:23:44</t>
  </si>
  <si>
    <t>01/14/2020 18:24:44</t>
  </si>
  <si>
    <t>01/14/2020 18:25:47</t>
  </si>
  <si>
    <t>01/14/2020 18:26:44</t>
  </si>
  <si>
    <t>01/14/2020 18:24:36</t>
  </si>
  <si>
    <t>01/14/2020 18:28:38</t>
  </si>
  <si>
    <t>01/14/2020 18:28:00</t>
  </si>
  <si>
    <t>01/14/2020 18:25:11</t>
  </si>
  <si>
    <t>01/14/2020 18:29:38</t>
  </si>
  <si>
    <t>01/14/2020 18:27:18</t>
  </si>
  <si>
    <t>01/14/2020 18:30:39</t>
  </si>
  <si>
    <t>c5d73e21-2c62-4f9a-b135-e371818c8a50.tmp</t>
  </si>
  <si>
    <t>\\acsfs\profiles$\andreapdsg\Downloads\c5d73e21-2c62-4f9a-b135-e371818c8a50.tmp</t>
  </si>
  <si>
    <t>01/14/2020 18:27:47</t>
  </si>
  <si>
    <t>01/14/2020 18:32:38</t>
  </si>
  <si>
    <t>01/14/2020 18:27:44</t>
  </si>
  <si>
    <t>01/14/2020 18:28:44</t>
  </si>
  <si>
    <t>01/14/2020 18:29:30</t>
  </si>
  <si>
    <t>01/14/2020 18:29:44</t>
  </si>
  <si>
    <t>01/14/2020 18:30:44</t>
  </si>
  <si>
    <t>01/14/2020 18:31:44</t>
  </si>
  <si>
    <t>01/14/2020 18:29:00</t>
  </si>
  <si>
    <t>01/14/2020 18:33:38</t>
  </si>
  <si>
    <t>01/14/2020 18:30:21</t>
  </si>
  <si>
    <t>01/14/2020 18:33:33</t>
  </si>
  <si>
    <t>01/14/2020 18:34:38</t>
  </si>
  <si>
    <t>01/14/2020 18:31:02</t>
  </si>
  <si>
    <t>01/14/2020 18:32:28</t>
  </si>
  <si>
    <t>01/14/2020 18:35:38</t>
  </si>
  <si>
    <t>01/14/2020 18:30:20</t>
  </si>
  <si>
    <t>0ba33c26-1ed0-49c1-81da-695da467a19b.tmp</t>
  </si>
  <si>
    <t>\\acsfs\profiles$\andreapdsg\Downloads\0ba33c26-1ed0-49c1-81da-695da467a19b.tmp</t>
  </si>
  <si>
    <t>01/14/2020 18:31:58</t>
  </si>
  <si>
    <t>1f476d2d-c074-4ffb-9d68-4142fa72a163.tmp</t>
  </si>
  <si>
    <t>\\acsfs\profiles$\taylaedoa\Downloads\1f476d2d-c074-4ffb-9d68-4142fa72a163.tmp</t>
  </si>
  <si>
    <t>01/14/2020 18:32:39</t>
  </si>
  <si>
    <t>01/14/2020 18:36:38</t>
  </si>
  <si>
    <t>01/14/2020 18:34:41</t>
  </si>
  <si>
    <t>01/14/2020 18:37:39</t>
  </si>
  <si>
    <t>9a9d003e-7daf-4d3f-ba2d-5134e11176f6.tmp</t>
  </si>
  <si>
    <t>\\acsfs\profiles$\nycolleemdj\Downloads\9a9d003e-7daf-4d3f-ba2d-5134e11176f6.tmp</t>
  </si>
  <si>
    <t>01/14/2020 18:35:33</t>
  </si>
  <si>
    <t>eedc02b6-0176-4338-a80e-f3a7e4e6562e.tmp</t>
  </si>
  <si>
    <t>\\acsfs\profiles$\nycolleemdj\Downloads\eedc02b6-0176-4338-a80e-f3a7e4e6562e.tmp</t>
  </si>
  <si>
    <t>01/14/2020 18:32:44</t>
  </si>
  <si>
    <t>01/14/2020 18:33:44</t>
  </si>
  <si>
    <t>01/14/2020 18:34:44</t>
  </si>
  <si>
    <t>01/14/2020 18:35:44</t>
  </si>
  <si>
    <t>01/14/2020 18:36:44</t>
  </si>
  <si>
    <t>01/14/2020 18:35:34</t>
  </si>
  <si>
    <t>01/14/2020 18:38:39</t>
  </si>
  <si>
    <t>cd97b2a1-eff0-403b-b494-04abbd9eede6.tmp</t>
  </si>
  <si>
    <t>\\acsfs\profiles$\rosileiam\Downloads\cd97b2a1-eff0-403b-b494-04abbd9eede6.tmp</t>
  </si>
  <si>
    <t>01/14/2020 18:38:45</t>
  </si>
  <si>
    <t>01/14/2020 18:39:40</t>
  </si>
  <si>
    <t>266d49c3-dda9-4c17-9ab7-9e19a3026a88.tmp</t>
  </si>
  <si>
    <t>\\acsfs\profiles$\rafaelacdoc\Downloads\266d49c3-dda9-4c17-9ab7-9e19a3026a88.tmp</t>
  </si>
  <si>
    <t>01/14/2020 18:35:11</t>
  </si>
  <si>
    <t>01/14/2020 18:37:08</t>
  </si>
  <si>
    <t>01/14/2020 18:40:39</t>
  </si>
  <si>
    <t>01/14/2020 18:37:45</t>
  </si>
  <si>
    <t>01/14/2020 18:41:40</t>
  </si>
  <si>
    <t>3c25aaec-d1bb-43a0-8f1f-3589992ea8fc.tmp</t>
  </si>
  <si>
    <t>\\acsfs\profiles$\erichds\Downloads\3c25aaec-d1bb-43a0-8f1f-3589992ea8fc.tmp</t>
  </si>
  <si>
    <t>01/14/2020 18:42:39</t>
  </si>
  <si>
    <t>01/14/2020 18:37:44</t>
  </si>
  <si>
    <t>01/14/2020 18:38:44</t>
  </si>
  <si>
    <t>01/14/2020 18:39:46</t>
  </si>
  <si>
    <t>01/14/2020 18:40:44</t>
  </si>
  <si>
    <t>01/14/2020 18:41:44</t>
  </si>
  <si>
    <t>01/14/2020 18:39:13</t>
  </si>
  <si>
    <t>01/14/2020 18:39:31</t>
  </si>
  <si>
    <t>01/14/2020 18:44:39</t>
  </si>
  <si>
    <t>a79d5dc0-1851-4298-89b0-d402753edca1.tmp</t>
  </si>
  <si>
    <t>\\acsfs\profiles$\rafaelacdoc\Downloads\a79d5dc0-1851-4298-89b0-d402753edca1.tmp</t>
  </si>
  <si>
    <t>01/14/2020 18:43:35</t>
  </si>
  <si>
    <t>01/14/2020 18:47:39</t>
  </si>
  <si>
    <t>1b7df786-b7a4-4ab2-9e49-caf5930c2212.tmp</t>
  </si>
  <si>
    <t>\\acsfs\profiles$\gabrielamdp\Downloads\1b7df786-b7a4-4ab2-9e49-caf5930c2212.tmp</t>
  </si>
  <si>
    <t>01/14/2020 18:43:36</t>
  </si>
  <si>
    <t>4c470bbb-fd6a-4dbf-bea1-9a3fa434461e.tmp</t>
  </si>
  <si>
    <t>\\acsfs\profiles$\gabrielamdp\Downloads\4c470bbb-fd6a-4dbf-bea1-9a3fa434461e.tmp</t>
  </si>
  <si>
    <t>31641a38-5253-4a5e-94e5-6a2225841ce9.tmp</t>
  </si>
  <si>
    <t>\\acsfs\profiles$\gabrielamdp\Downloads\31641a38-5253-4a5e-94e5-6a2225841ce9.tmp</t>
  </si>
  <si>
    <t>01/14/2020 18:42:44</t>
  </si>
  <si>
    <t>01/14/2020 18:43:44</t>
  </si>
  <si>
    <t>01/14/2020 18:44:44</t>
  </si>
  <si>
    <t>01/14/2020 18:45:44</t>
  </si>
  <si>
    <t>01/14/2020 18:46:44</t>
  </si>
  <si>
    <t>01/14/2020 18:44:28</t>
  </si>
  <si>
    <t>01/14/2020 18:44:29</t>
  </si>
  <si>
    <t>01/14/2020 18:44:30</t>
  </si>
  <si>
    <t>01/14/2020 18:46:57</t>
  </si>
  <si>
    <t>01/14/2020 18:49:39</t>
  </si>
  <si>
    <t>01/14/2020 18:47:14</t>
  </si>
  <si>
    <t>01/14/2020 18:47:18</t>
  </si>
  <si>
    <t>01/14/2020 18:47:26</t>
  </si>
  <si>
    <t>01/14/2020 18:47:30</t>
  </si>
  <si>
    <t>01/14/2020 18:47:38</t>
  </si>
  <si>
    <t>01/14/2020 18:45:03</t>
  </si>
  <si>
    <t>277b8115-acce-49df-aeec-ffe03d2e1572.tmp</t>
  </si>
  <si>
    <t>\\acsfs\profiles$\anafaes\Downloads\277b8115-acce-49df-aeec-ffe03d2e1572.tmp</t>
  </si>
  <si>
    <t>01/14/2020 18:49:28</t>
  </si>
  <si>
    <t>01/14/2020 18:50:39</t>
  </si>
  <si>
    <t>01/14/2020 18:52:39</t>
  </si>
  <si>
    <t>01/14/2020 18:47:44</t>
  </si>
  <si>
    <t>01/14/2020 18:48:44</t>
  </si>
  <si>
    <t>01/14/2020 18:49:44</t>
  </si>
  <si>
    <t>01/14/2020 18:50:44</t>
  </si>
  <si>
    <t>01/14/2020 18:51:44</t>
  </si>
  <si>
    <t>01/14/2020 18:51:09</t>
  </si>
  <si>
    <t>01/14/2020 18:53:39</t>
  </si>
  <si>
    <t>01/14/2020 18:48:17</t>
  </si>
  <si>
    <t>01/14/2020 18:49:38</t>
  </si>
  <si>
    <t>a9f0b0e8-4a70-460b-be55-6270ee0b1189.tmp</t>
  </si>
  <si>
    <t>\\acsfs\profiles$\jalilebds\Downloads\a9f0b0e8-4a70-460b-be55-6270ee0b1189.tmp</t>
  </si>
  <si>
    <t>01/14/2020 18:49:51</t>
  </si>
  <si>
    <t>.~lock.fila 1725 inclusao dependente metlife (1).xlsx#</t>
  </si>
  <si>
    <t>\\acsfs\profiles$\jalilebds\Downloads\.~lock.fila 1725 inclusao dependente metlife (1).xlsx#</t>
  </si>
  <si>
    <t>01/14/2020 18:49:08</t>
  </si>
  <si>
    <t>01/14/2020 18:54:39</t>
  </si>
  <si>
    <t>01/14/2020 18:52:10</t>
  </si>
  <si>
    <t>01/14/2020 18:56:38</t>
  </si>
  <si>
    <t>01/14/2020 18:57:39</t>
  </si>
  <si>
    <t>01/14/2020 18:52:44</t>
  </si>
  <si>
    <t>01/14/2020 18:53:44</t>
  </si>
  <si>
    <t>01/14/2020 18:54:47</t>
  </si>
  <si>
    <t>01/14/2020 18:55:44</t>
  </si>
  <si>
    <t>01/14/2020 18:56:44</t>
  </si>
  <si>
    <t>01/14/2020 18:55:25</t>
  </si>
  <si>
    <t>01/14/2020 18:56:29</t>
  </si>
  <si>
    <t>01/14/2020 18:59:39</t>
  </si>
  <si>
    <t>01/14/2020 18:54:36</t>
  </si>
  <si>
    <t>01/14/2020 18:54:23</t>
  </si>
  <si>
    <t>8e72ea45-8778-44a0-8960-255c3ef3aae4.tmp</t>
  </si>
  <si>
    <t>\\acsfs\profiles$\brendadsl\Downloads\8e72ea45-8778-44a0-8960-255c3ef3aae4.tmp</t>
  </si>
  <si>
    <t>01/14/2020 18:55:02</t>
  </si>
  <si>
    <t>de576fef-b776-49fe-8a05-f5a10afb8871.tmp</t>
  </si>
  <si>
    <t>\\acsfs\profiles$\brendadsl\Downloads\de576fef-b776-49fe-8a05-f5a10afb8871.tmp</t>
  </si>
  <si>
    <t>01/14/2020 18:55:14</t>
  </si>
  <si>
    <t>f9a15ec9-a3a9-48fd-8b83-52b1fc96f8e4.tmp</t>
  </si>
  <si>
    <t>\\acsfs\profiles$\brendadsl\Downloads\f9a15ec9-a3a9-48fd-8b83-52b1fc96f8e4.tmp</t>
  </si>
  <si>
    <t>01/14/2020 18:58:17</t>
  </si>
  <si>
    <t>01/14/2020 19:00:38</t>
  </si>
  <si>
    <t>01/14/2020 19:02:39</t>
  </si>
  <si>
    <t>01/14/2020 18:57:44</t>
  </si>
  <si>
    <t>01/14/2020 18:58:44</t>
  </si>
  <si>
    <t>01/14/2020 18:59:44</t>
  </si>
  <si>
    <t>01/14/2020 19:00:44</t>
  </si>
  <si>
    <t>01/14/2020 19:01:44</t>
  </si>
  <si>
    <t>01/14/2020 18:59:48</t>
  </si>
  <si>
    <t>01/14/2020 19:03:39</t>
  </si>
  <si>
    <t>7de223ad-052d-45a5-82f8-f362b6d6a1d2.tmp</t>
  </si>
  <si>
    <t>\\acsfs\profiles$\laurandos\Downloads\7de223ad-052d-45a5-82f8-f362b6d6a1d2.tmp</t>
  </si>
  <si>
    <t>01/14/2020 18:58:15</t>
  </si>
  <si>
    <t>01/14/2020 19:03:22</t>
  </si>
  <si>
    <t>01/14/2020 19:04:39</t>
  </si>
  <si>
    <t>01/14/2020 19:03:44</t>
  </si>
  <si>
    <t>01/14/2020 19:06:39</t>
  </si>
  <si>
    <t>01/14/2020 19:07:39</t>
  </si>
  <si>
    <t>01/14/2020 19:02:44</t>
  </si>
  <si>
    <t>01/14/2020 19:04:44</t>
  </si>
  <si>
    <t>01/14/2020 19:05:44</t>
  </si>
  <si>
    <t>01/14/2020 19:06:44</t>
  </si>
  <si>
    <t>01/14/2020 19:05:32</t>
  </si>
  <si>
    <t>01/14/2020 19:08:39</t>
  </si>
  <si>
    <t>01/14/2020 19:05:24</t>
  </si>
  <si>
    <t>01/14/2020 19:10:39</t>
  </si>
  <si>
    <t>01/14/2020 19:06:03</t>
  </si>
  <si>
    <t>01/14/2020 19:06:02</t>
  </si>
  <si>
    <t>976a2d45-ac03-48bc-a431-ceffc8eb6d62.tmp</t>
  </si>
  <si>
    <t>\\acsfs\profiles$\Adrieledgc\Downloads\976a2d45-ac03-48bc-a431-ceffc8eb6d62.tmp</t>
  </si>
  <si>
    <t>01/14/2020 19:09:43</t>
  </si>
  <si>
    <t>01/14/2020 19:12:39</t>
  </si>
  <si>
    <t>06e58ffb-0c8f-46e5-aba5-e3dc395ea11f.tmp</t>
  </si>
  <si>
    <t>\\acsfs\profiles$\nycolleemdj\Downloads\06e58ffb-0c8f-46e5-aba5-e3dc395ea11f.tmp</t>
  </si>
  <si>
    <t>01/14/2020 19:07:44</t>
  </si>
  <si>
    <t>01/14/2020 19:08:44</t>
  </si>
  <si>
    <t>01/14/2020 19:09:47</t>
  </si>
  <si>
    <t>01/14/2020 19:10:44</t>
  </si>
  <si>
    <t>01/14/2020 19:11:44</t>
  </si>
  <si>
    <t>01/14/2020 19:12:32</t>
  </si>
  <si>
    <t>01/14/2020 19:13:39</t>
  </si>
  <si>
    <t>01/14/2020 19:11:35</t>
  </si>
  <si>
    <t>01/14/2020 19:14:39</t>
  </si>
  <si>
    <t>bcc44373-db92-4d0a-a3c3-10316d944490.tmp</t>
  </si>
  <si>
    <t>\\acsfs\profiles$\matheusmax\Downloads\bcc44373-db92-4d0a-a3c3-10316d944490.tmp</t>
  </si>
  <si>
    <t>01/14/2020 19:11:03</t>
  </si>
  <si>
    <t>2879eede-dd36-4ee0-992a-0b6ab76fa755.tmp</t>
  </si>
  <si>
    <t>\\acsfs\profiles$\gabrieleods\Downloads\2879eede-dd36-4ee0-992a-0b6ab76fa755.tmp</t>
  </si>
  <si>
    <t>01/14/2020 19:11:15</t>
  </si>
  <si>
    <t>be7c53ce-13ca-45cd-b8d5-d7041943344b.tmp</t>
  </si>
  <si>
    <t>\\acsfs\profiles$\gabrieleods\Downloads\be7c53ce-13ca-45cd-b8d5-d7041943344b.tmp</t>
  </si>
  <si>
    <t>01/14/2020 19:13:38</t>
  </si>
  <si>
    <t>0020c17b-3e5b-4730-8884-e730a6b2adfa.tmp</t>
  </si>
  <si>
    <t>\\acsfs\profiles$\gabrieleods\Downloads\0020c17b-3e5b-4730-8884-e730a6b2adfa.tmp</t>
  </si>
  <si>
    <t>01/14/2020 19:12:05</t>
  </si>
  <si>
    <t>01/14/2020 19:16:39</t>
  </si>
  <si>
    <t>01/14/2020 19:17:40</t>
  </si>
  <si>
    <t>01/14/2020 19:12:44</t>
  </si>
  <si>
    <t>01/14/2020 19:13:44</t>
  </si>
  <si>
    <t>01/14/2020 19:14:44</t>
  </si>
  <si>
    <t>01/14/2020 19:15:44</t>
  </si>
  <si>
    <t>01/14/2020 19:16:44</t>
  </si>
  <si>
    <t>01/14/2020 19:13:16</t>
  </si>
  <si>
    <t>01/14/2020 19:18:39</t>
  </si>
  <si>
    <t>01/14/2020 19:13:53</t>
  </si>
  <si>
    <t>01/14/2020 19:17:04</t>
  </si>
  <si>
    <t>01/14/2020 19:16:52</t>
  </si>
  <si>
    <t>01/14/2020 19:19:39</t>
  </si>
  <si>
    <t>01/14/2020 19:14:31</t>
  </si>
  <si>
    <t>df5022d3-b21a-4061-a68e-3e7980ce8259.tmp</t>
  </si>
  <si>
    <t>\\acsfs\profiles$\rafaelacdoc\Downloads\df5022d3-b21a-4061-a68e-3e7980ce8259.tmp</t>
  </si>
  <si>
    <t>01/14/2020 19:14:48</t>
  </si>
  <si>
    <t>c99eee8b-6e07-4a68-88b4-305960a036a3.tmp</t>
  </si>
  <si>
    <t>\\acsfs\profiles$\rafaelacdoc\Downloads\c99eee8b-6e07-4a68-88b4-305960a036a3.tmp</t>
  </si>
  <si>
    <t>01/14/2020 19:16:33</t>
  </si>
  <si>
    <t>01/14/2020 19:21:39</t>
  </si>
  <si>
    <t>01/14/2020 19:21:13</t>
  </si>
  <si>
    <t>01/14/2020 19:22:40</t>
  </si>
  <si>
    <t>01/14/2020 19:20:29</t>
  </si>
  <si>
    <t>01/14/2020 19:21:27</t>
  </si>
  <si>
    <t>01/14/2020 19:17:45</t>
  </si>
  <si>
    <t>01/14/2020 19:18:44</t>
  </si>
  <si>
    <t>01/14/2020 19:19:44</t>
  </si>
  <si>
    <t>01/14/2020 19:20:44</t>
  </si>
  <si>
    <t>01/14/2020 19:21:44</t>
  </si>
  <si>
    <t>01/14/2020 19:18:40</t>
  </si>
  <si>
    <t>01/14/2020 19:23:39</t>
  </si>
  <si>
    <t>01/14/2020 19:19:46</t>
  </si>
  <si>
    <t>01/14/2020 19:20:47</t>
  </si>
  <si>
    <t>01/14/2020 19:22:01</t>
  </si>
  <si>
    <t>01/14/2020 19:23:52</t>
  </si>
  <si>
    <t>01/14/2020 19:24:39</t>
  </si>
  <si>
    <t>01/14/2020 19:23:04</t>
  </si>
  <si>
    <t>01/14/2020 19:26:11</t>
  </si>
  <si>
    <t>01/14/2020 19:27:39</t>
  </si>
  <si>
    <t>01/14/2020 19:22:44</t>
  </si>
  <si>
    <t>01/14/2020 19:23:44</t>
  </si>
  <si>
    <t>01/14/2020 19:24:47</t>
  </si>
  <si>
    <t>01/14/2020 19:25:44</t>
  </si>
  <si>
    <t>01/14/2020 19:26:44</t>
  </si>
  <si>
    <t>01/14/2020 19:22:31</t>
  </si>
  <si>
    <t>871abb8a-0c1a-4d34-9e6d-a3f918917b70.tmp</t>
  </si>
  <si>
    <t>\\acsfs\profiles$\joycemmdl\Downloads\871abb8a-0c1a-4d34-9e6d-a3f918917b70.tmp</t>
  </si>
  <si>
    <t>01/14/2020 19:23:22</t>
  </si>
  <si>
    <t>01/14/2020 19:28:39</t>
  </si>
  <si>
    <t>01/14/2020 19:24:58</t>
  </si>
  <si>
    <t>01/14/2020 19:24:00</t>
  </si>
  <si>
    <t>01/14/2020 19:29:39</t>
  </si>
  <si>
    <t>01/14/2020 19:24:03</t>
  </si>
  <si>
    <t>01/14/2020 19:24:11</t>
  </si>
  <si>
    <t>01/14/2020 19:24:37</t>
  </si>
  <si>
    <t>01/14/2020 19:24:51</t>
  </si>
  <si>
    <t>01/14/2020 19:25:09</t>
  </si>
  <si>
    <t>01/14/2020 19:25:16</t>
  </si>
  <si>
    <t>01/14/2020 19:25:07</t>
  </si>
  <si>
    <t>01/14/2020 19:30:40</t>
  </si>
  <si>
    <t>01/14/2020 19:30:17</t>
  </si>
  <si>
    <t>01/14/2020 19:31:39</t>
  </si>
  <si>
    <t>01/14/2020 19:30:12</t>
  </si>
  <si>
    <t>01/14/2020 19:29:31</t>
  </si>
  <si>
    <t>01/14/2020 19:32:39</t>
  </si>
  <si>
    <t>01/14/2020 19:27:44</t>
  </si>
  <si>
    <t>01/14/2020 19:28:44</t>
  </si>
  <si>
    <t>01/14/2020 19:29:33</t>
  </si>
  <si>
    <t>01/14/2020 19:29:44</t>
  </si>
  <si>
    <t>01/14/2020 19:30:44</t>
  </si>
  <si>
    <t>01/14/2020 19:31:44</t>
  </si>
  <si>
    <t>01/14/2020 19:28:46</t>
  </si>
  <si>
    <t>f113ef51-2ce9-4876-a3ed-b4b928ab1588.tmp</t>
  </si>
  <si>
    <t>\\acsfs\profiles$\ingridsm\Downloads\f113ef51-2ce9-4876-a3ed-b4b928ab1588.tmp</t>
  </si>
  <si>
    <t>01/14/2020 19:30:20</t>
  </si>
  <si>
    <t>01/14/2020 19:33:16</t>
  </si>
  <si>
    <t>01/14/2020 19:34:39</t>
  </si>
  <si>
    <t>01/14/2020 19:31:05</t>
  </si>
  <si>
    <t>c84fe350-e988-44dd-befc-51bc4be0939a.tmp</t>
  </si>
  <si>
    <t>\\acsfs\profiles$\gabrieleods\Downloads\c84fe350-e988-44dd-befc-51bc4be0939a.tmp</t>
  </si>
  <si>
    <t>01/14/2020 19:30:58</t>
  </si>
  <si>
    <t>4b697797-489b-4c91-a842-a6f52f34fc54.tmp</t>
  </si>
  <si>
    <t>\\acsfs\profiles$\henriqueco\Downloads\4b697797-489b-4c91-a842-a6f52f34fc54.tmp</t>
  </si>
  <si>
    <t>01/14/2020 19:37:39</t>
  </si>
  <si>
    <t>01/14/2020 19:32:44</t>
  </si>
  <si>
    <t>01/14/2020 19:33:44</t>
  </si>
  <si>
    <t>01/14/2020 19:34:44</t>
  </si>
  <si>
    <t>01/14/2020 19:35:44</t>
  </si>
  <si>
    <t>01/14/2020 19:36:44</t>
  </si>
  <si>
    <t>01/14/2020 19:34:27</t>
  </si>
  <si>
    <t>01/14/2020 19:39:38</t>
  </si>
  <si>
    <t>01/14/2020 19:36:48</t>
  </si>
  <si>
    <t>01/14/2020 19:41:38</t>
  </si>
  <si>
    <t>01/14/2020 19:39:23</t>
  </si>
  <si>
    <t>01/14/2020 19:42:39</t>
  </si>
  <si>
    <t>01/14/2020 19:37:44</t>
  </si>
  <si>
    <t>01/14/2020 19:38:44</t>
  </si>
  <si>
    <t>01/14/2020 19:39:47</t>
  </si>
  <si>
    <t>01/14/2020 19:40:44</t>
  </si>
  <si>
    <t>01/14/2020 19:41:44</t>
  </si>
  <si>
    <t>01/14/2020 19:39:28</t>
  </si>
  <si>
    <t>01/14/2020 19:43:38</t>
  </si>
  <si>
    <t>01/14/2020 19:42:27</t>
  </si>
  <si>
    <t>1bfacd9a-654c-4cd7-a8e7-127b21e38b76.tmp</t>
  </si>
  <si>
    <t>\\acsfs\profiles$\leonardocb\Downloads\1bfacd9a-654c-4cd7-a8e7-127b21e38b76.tmp</t>
  </si>
  <si>
    <t>01/14/2020 19:47:38</t>
  </si>
  <si>
    <t>01/14/2020 19:42:44</t>
  </si>
  <si>
    <t>01/14/2020 19:43:44</t>
  </si>
  <si>
    <t>01/14/2020 19:44:44</t>
  </si>
  <si>
    <t>01/14/2020 19:45:44</t>
  </si>
  <si>
    <t>01/14/2020 19:46:45</t>
  </si>
  <si>
    <t>01/14/2020 19:47:12</t>
  </si>
  <si>
    <t>01/14/2020 19:48:39</t>
  </si>
  <si>
    <t>01/14/2020 19:47:39</t>
  </si>
  <si>
    <t>01/14/2020 19:47:27</t>
  </si>
  <si>
    <t>01/14/2020 19:49:38</t>
  </si>
  <si>
    <t>e1f669fa-fb8f-499c-a228-9bd3672e3b2f.tmp</t>
  </si>
  <si>
    <t>\\acsfs\profiles$\regisedsj\Downloads\e1f669fa-fb8f-499c-a228-9bd3672e3b2f.tmp</t>
  </si>
  <si>
    <t>01/14/2020 19:45:52</t>
  </si>
  <si>
    <t>https://fresnel.vimeocdn.com/add/player-stats?beacon=1&amp;session-id=986f22a89bac9977cd8ccad0f8ab15b2e7d90d431579040579</t>
  </si>
  <si>
    <t>01/14/2020 19:45:54</t>
  </si>
  <si>
    <t>01/14/2020 19:47:40</t>
  </si>
  <si>
    <t>01/14/2020 19:49:11</t>
  </si>
  <si>
    <t>01/14/2020 19:52:38</t>
  </si>
  <si>
    <t>c6f2618d-d3ae-40e7-b50d-4231555544c8.tmp</t>
  </si>
  <si>
    <t>\\acsfs\profiles$\gabrielamdp\Downloads\c6f2618d-d3ae-40e7-b50d-4231555544c8.tmp</t>
  </si>
  <si>
    <t>01/14/2020 19:49:14</t>
  </si>
  <si>
    <t>47daf123-e2ba-4b4e-a2ed-6967c62f3119.tmp</t>
  </si>
  <si>
    <t>\\acsfs\profiles$\gabrielamdp\Downloads\47daf123-e2ba-4b4e-a2ed-6967c62f3119.tmp</t>
  </si>
  <si>
    <t>01/14/2020 19:47:44</t>
  </si>
  <si>
    <t>01/14/2020 19:48:44</t>
  </si>
  <si>
    <t>01/14/2020 19:49:45</t>
  </si>
  <si>
    <t>01/14/2020 19:50:45</t>
  </si>
  <si>
    <t>01/14/2020 19:51:45</t>
  </si>
  <si>
    <t>01/14/2020 19:48:00</t>
  </si>
  <si>
    <t>01/14/2020 19:53:39</t>
  </si>
  <si>
    <t>01/14/2020 19:49:13</t>
  </si>
  <si>
    <t>01/14/2020 19:53:47</t>
  </si>
  <si>
    <t>01/14/2020 19:54:38</t>
  </si>
  <si>
    <t>01/14/2020 19:55:39</t>
  </si>
  <si>
    <t>01/14/2020 19:50:58</t>
  </si>
  <si>
    <t>46ecddd9-a2cf-4867-ae13-94f009069ee1.tmp</t>
  </si>
  <si>
    <t>\\acsfs\profiles$\Adrieledgc\Downloads\46ecddd9-a2cf-4867-ae13-94f009069ee1.tmp</t>
  </si>
  <si>
    <t>01/14/2020 19:57:39</t>
  </si>
  <si>
    <t>01/14/2020 19:52:45</t>
  </si>
  <si>
    <t>01/14/2020 19:53:45</t>
  </si>
  <si>
    <t>01/14/2020 19:54:45</t>
  </si>
  <si>
    <t>01/14/2020 19:55:47</t>
  </si>
  <si>
    <t>01/14/2020 19:56:45</t>
  </si>
  <si>
    <t>01/14/2020 19:56:25</t>
  </si>
  <si>
    <t>01/14/2020 19:58:39</t>
  </si>
  <si>
    <t>01/14/2020 19:58:28</t>
  </si>
  <si>
    <t>01/14/2020 19:59:38</t>
  </si>
  <si>
    <t>01/14/2020 19:56:03</t>
  </si>
  <si>
    <t>01/14/2020 19:56:18</t>
  </si>
  <si>
    <t>01/14/2020 20:01:40</t>
  </si>
  <si>
    <t>01/14/2020 19:59:51</t>
  </si>
  <si>
    <t>01/14/2020 20:02:40</t>
  </si>
  <si>
    <t>661bcda5-a774-4037-9428-d902d752ad36.tmp</t>
  </si>
  <si>
    <t>\\acsfs\profiles$\nycolleemdj\Downloads\661bcda5-a774-4037-9428-d902d752ad36.tmp</t>
  </si>
  <si>
    <t>01/14/2020 19:59:07</t>
  </si>
  <si>
    <t>f69f149d-3bea-43ab-8739-9909efb3b5b7.tmp</t>
  </si>
  <si>
    <t>\\acsfs\profiles$\cintiadjl\Downloads\f69f149d-3bea-43ab-8739-9909efb3b5b7.tmp</t>
  </si>
  <si>
    <t>01/14/2020 19:57:45</t>
  </si>
  <si>
    <t>01/14/2020 19:58:45</t>
  </si>
  <si>
    <t>01/14/2020 19:59:45</t>
  </si>
  <si>
    <t>01/14/2020 20:00:45</t>
  </si>
  <si>
    <t>01/14/2020 20:01:45</t>
  </si>
  <si>
    <t>01/14/2020 19:58:26</t>
  </si>
  <si>
    <t>01/14/2020 20:03:41</t>
  </si>
  <si>
    <t>90a72b63-871e-46f5-827e-dabf1c1a111f.tmp</t>
  </si>
  <si>
    <t>\\acsfs\profiles$\laurandos\Downloads\90a72b63-871e-46f5-827e-dabf1c1a111f.tmp</t>
  </si>
  <si>
    <t>01/14/2020 20:00:34</t>
  </si>
  <si>
    <t>01/14/2020 19:58:22</t>
  </si>
  <si>
    <t>01/14/2020 19:59:44</t>
  </si>
  <si>
    <t>9b2d02cb-03cb-4c71-b3ba-561d5343f01c.tmp</t>
  </si>
  <si>
    <t>\\acsfs\profiles$\fabianobmf\Downloads\9b2d02cb-03cb-4c71-b3ba-561d5343f01c.tmp</t>
  </si>
  <si>
    <t>01/14/2020 20:01:35</t>
  </si>
  <si>
    <t>f14346a8-056e-4c7d-9451-20767d5ffa54.tmp</t>
  </si>
  <si>
    <t>\\acsfs\profiles$\fabianobmf\Downloads\f14346a8-056e-4c7d-9451-20767d5ffa54.tmp</t>
  </si>
  <si>
    <t>01/14/2020 20:02:38</t>
  </si>
  <si>
    <t>01/14/2020 20:04:40</t>
  </si>
  <si>
    <t>01/14/2020 20:03:17</t>
  </si>
  <si>
    <t>01/14/2020 20:03:48</t>
  </si>
  <si>
    <t>01/14/2020 20:06:39</t>
  </si>
  <si>
    <t>https://joaogvc@algartech.com,leonardoao@algartech.com,marianacds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4/2020 20:02:31</t>
  </si>
  <si>
    <t>8fbe5717-c34d-41a2-9889-9692cd01dd8c.tmp</t>
  </si>
  <si>
    <t>\\acsfs\profiles$\regisadsa\Downloads\8fbe5717-c34d-41a2-9889-9692cd01dd8c.tmp</t>
  </si>
  <si>
    <t>01/14/2020 20:03:42</t>
  </si>
  <si>
    <t>01/14/2020 20:07:40</t>
  </si>
  <si>
    <t>2ff81bdb-d359-431c-b965-2ca0605c3213.tmp</t>
  </si>
  <si>
    <t>\\acsfs\profiles$\gabrielamdp\Downloads\2ff81bdb-d359-431c-b965-2ca0605c3213.tmp</t>
  </si>
  <si>
    <t>01/14/2020 20:02:45</t>
  </si>
  <si>
    <t>01/14/2020 20:03:45</t>
  </si>
  <si>
    <t>01/14/2020 20:04:45</t>
  </si>
  <si>
    <t>01/14/2020 20:05:45</t>
  </si>
  <si>
    <t>01/14/2020 20:06:45</t>
  </si>
  <si>
    <t>01/14/2020 20:07:30</t>
  </si>
  <si>
    <t>01/14/2020 20:08:40</t>
  </si>
  <si>
    <t>01/14/2020 20:03:12</t>
  </si>
  <si>
    <t>01/14/2020 20:06:14</t>
  </si>
  <si>
    <t>01/14/2020 20:05:44</t>
  </si>
  <si>
    <t>01/14/2020 20:09:40</t>
  </si>
  <si>
    <t>01/14/2020 20:06:41</t>
  </si>
  <si>
    <t>01/14/2020 20:09:10</t>
  </si>
  <si>
    <t>ea226cf7-0e7d-4251-8df6-3d57c1d00ef9.tmp</t>
  </si>
  <si>
    <t>\\acsfs\profiles$\anafaes\Downloads\ea226cf7-0e7d-4251-8df6-3d57c1d00ef9.tmp</t>
  </si>
  <si>
    <t>01/14/2020 20:06:37</t>
  </si>
  <si>
    <t>0b3b8b05-c07c-4e45-9d54-a496393aa9d3.tmp</t>
  </si>
  <si>
    <t>\\acsfs\profiles$\gabrieleods\Downloads\0b3b8b05-c07c-4e45-9d54-a496393aa9d3.tmp</t>
  </si>
  <si>
    <t>01/14/2020 20:07:51</t>
  </si>
  <si>
    <t>d95af227-e21b-4b77-bd0a-f4dfb2fa3ff6.tmp</t>
  </si>
  <si>
    <t>\\acsfs\profiles$\gabrieleods\Downloads\d95af227-e21b-4b77-bd0a-f4dfb2fa3ff6.tmp</t>
  </si>
  <si>
    <t>01/14/2020 20:08:29</t>
  </si>
  <si>
    <t>01/14/2020 20:12:40</t>
  </si>
  <si>
    <t>2eaede5d-209a-4f36-a809-c99eb9255d0c.tmp</t>
  </si>
  <si>
    <t>\\acsfs\profiles$\nycolleemdj\Downloads\2eaede5d-209a-4f36-a809-c99eb9255d0c.tmp</t>
  </si>
  <si>
    <t>01/14/2020 20:11:21</t>
  </si>
  <si>
    <t>01/14/2020 20:10:49</t>
  </si>
  <si>
    <t>01/14/2020 20:07:45</t>
  </si>
  <si>
    <t>01/14/2020 20:08:45</t>
  </si>
  <si>
    <t>01/14/2020 20:09:47</t>
  </si>
  <si>
    <t>01/14/2020 20:10:45</t>
  </si>
  <si>
    <t>01/14/2020 20:11:45</t>
  </si>
  <si>
    <t>01/14/2020 20:08:25</t>
  </si>
  <si>
    <t>01/14/2020 20:13:40</t>
  </si>
  <si>
    <t>01/14/2020 20:10:16</t>
  </si>
  <si>
    <t>01/14/2020 20:14:40</t>
  </si>
  <si>
    <t>01/14/2020 20:13:39</t>
  </si>
  <si>
    <t>01/14/2020 20:13:13</t>
  </si>
  <si>
    <t>01/14/2020 20:13:15</t>
  </si>
  <si>
    <t>01/14/2020 20:13:16</t>
  </si>
  <si>
    <t>01/14/2020 20:13:23</t>
  </si>
  <si>
    <t>01/14/2020 20:13:25</t>
  </si>
  <si>
    <t>01/14/2020 20:13:42</t>
  </si>
  <si>
    <t>01/14/2020 20:13:44</t>
  </si>
  <si>
    <t>01/14/2020 20:13:45</t>
  </si>
  <si>
    <t>01/14/2020 20:13:49</t>
  </si>
  <si>
    <t>01/14/2020 20:13:51</t>
  </si>
  <si>
    <t>01/14/2020 20:10:00</t>
  </si>
  <si>
    <t>3a0a3905-330d-4de3-a974-eac39e1e9e35.tmp</t>
  </si>
  <si>
    <t>\\acsfs\profiles$\anafaes\Downloads\3a0a3905-330d-4de3-a974-eac39e1e9e35.tmp</t>
  </si>
  <si>
    <t>01/14/2020 20:12:18</t>
  </si>
  <si>
    <t>01/14/2020 20:15:40</t>
  </si>
  <si>
    <t>01/14/2020 20:12:02</t>
  </si>
  <si>
    <t>01/14/2020 20:16:40</t>
  </si>
  <si>
    <t>01/14/2020 20:16:21</t>
  </si>
  <si>
    <t>01/14/2020 20:15:41</t>
  </si>
  <si>
    <t>01/14/2020 20:17:40</t>
  </si>
  <si>
    <t>01/14/2020 20:12:45</t>
  </si>
  <si>
    <t>01/14/2020 20:14:45</t>
  </si>
  <si>
    <t>01/14/2020 20:15:45</t>
  </si>
  <si>
    <t>01/14/2020 20:16:45</t>
  </si>
  <si>
    <t>01/14/2020 20:13:27</t>
  </si>
  <si>
    <t>01/14/2020 20:18:40</t>
  </si>
  <si>
    <t>01/14/2020 20:15:16</t>
  </si>
  <si>
    <t>01/14/2020 20:17:06</t>
  </si>
  <si>
    <t>01/14/2020 20:19:40</t>
  </si>
  <si>
    <t>01/14/2020 20:16:28</t>
  </si>
  <si>
    <t>01/14/2020 20:17:14</t>
  </si>
  <si>
    <t>01/14/2020 20:17:32</t>
  </si>
  <si>
    <t>01/14/2020 20:17:58</t>
  </si>
  <si>
    <t>01/14/2020 20:17:59</t>
  </si>
  <si>
    <t>01/14/2020 20:18:02</t>
  </si>
  <si>
    <t>01/14/2020 20:18:03</t>
  </si>
  <si>
    <t>01/14/2020 20:18:05</t>
  </si>
  <si>
    <t>01/14/2020 20:18:07</t>
  </si>
  <si>
    <t>01/14/2020 20:18:08</t>
  </si>
  <si>
    <t>01/14/2020 20:18:27</t>
  </si>
  <si>
    <t>01/14/2020 20:18:38</t>
  </si>
  <si>
    <t>01/14/2020 20:14:37</t>
  </si>
  <si>
    <t>01/14/2020 20:15:04</t>
  </si>
  <si>
    <t>0ec1d875-3e53-483b-9172-3fc5f0ddd412.tmp</t>
  </si>
  <si>
    <t>\\acsfs\profiles$\henriqueco\Downloads\0ec1d875-3e53-483b-9172-3fc5f0ddd412.tmp</t>
  </si>
  <si>
    <t>01/14/2020 20:17:43</t>
  </si>
  <si>
    <t>01/14/2020 20:20:41</t>
  </si>
  <si>
    <t>01/14/2020 20:19:23</t>
  </si>
  <si>
    <t>01/14/2020 20:20:11</t>
  </si>
  <si>
    <t>01/14/2020 20:22:40</t>
  </si>
  <si>
    <t>01/14/2020 20:21:07</t>
  </si>
  <si>
    <t>01/14/2020 20:17:45</t>
  </si>
  <si>
    <t>01/14/2020 20:18:45</t>
  </si>
  <si>
    <t>01/14/2020 20:19:45</t>
  </si>
  <si>
    <t>01/14/2020 20:20:45</t>
  </si>
  <si>
    <t>01/14/2020 20:21:45</t>
  </si>
  <si>
    <t>01/14/2020 20:19:46</t>
  </si>
  <si>
    <t>01/14/2020 20:24:40</t>
  </si>
  <si>
    <t>01/14/2020 20:20:30</t>
  </si>
  <si>
    <t>01/14/2020 20:20:17</t>
  </si>
  <si>
    <t>01/14/2020 20:20:20</t>
  </si>
  <si>
    <t>01/14/2020 20:20:21</t>
  </si>
  <si>
    <t>01/14/2020 20:20:22</t>
  </si>
  <si>
    <t>01/14/2020 20:20:24</t>
  </si>
  <si>
    <t>01/14/2020 20:20:25</t>
  </si>
  <si>
    <t>01/14/2020 20:20:27</t>
  </si>
  <si>
    <t>01/14/2020 20:20:54</t>
  </si>
  <si>
    <t>01/14/2020 20:20:55</t>
  </si>
  <si>
    <t>01/14/2020 20:20:57</t>
  </si>
  <si>
    <t>01/14/2020 20:20:58</t>
  </si>
  <si>
    <t>01/14/2020 20:20:59</t>
  </si>
  <si>
    <t>01/14/2020 20:21:03</t>
  </si>
  <si>
    <t>01/14/2020 20:21:04</t>
  </si>
  <si>
    <t>01/14/2020 20:21:05</t>
  </si>
  <si>
    <t>01/14/2020 20:21:06</t>
  </si>
  <si>
    <t>01/14/2020 20:21:09</t>
  </si>
  <si>
    <t>01/14/2020 20:21:10</t>
  </si>
  <si>
    <t>01/14/2020 20:21:13</t>
  </si>
  <si>
    <t>01/14/2020 20:21:15</t>
  </si>
  <si>
    <t>01/14/2020 20:21:21</t>
  </si>
  <si>
    <t>01/14/2020 20:21:22</t>
  </si>
  <si>
    <t>01/14/2020 20:21:25</t>
  </si>
  <si>
    <t>01/14/2020 20:21:30</t>
  </si>
  <si>
    <t>01/14/2020 20:21:31</t>
  </si>
  <si>
    <t>01/14/2020 20:21:32</t>
  </si>
  <si>
    <t>01/14/2020 20:21:35</t>
  </si>
  <si>
    <t>01/14/2020 20:21:36</t>
  </si>
  <si>
    <t>01/14/2020 20:21:37</t>
  </si>
  <si>
    <t>01/14/2020 20:22:44</t>
  </si>
  <si>
    <t>01/14/2020 20:22:47</t>
  </si>
  <si>
    <t>01/14/2020 20:22:48</t>
  </si>
  <si>
    <t>01/14/2020 20:22:49</t>
  </si>
  <si>
    <t>01/14/2020 20:22:54</t>
  </si>
  <si>
    <t>01/14/2020 20:22:55</t>
  </si>
  <si>
    <t>01/14/2020 20:22:56</t>
  </si>
  <si>
    <t>01/14/2020 20:22:58</t>
  </si>
  <si>
    <t>01/14/2020 20:22:59</t>
  </si>
  <si>
    <t>01/14/2020 20:23:00</t>
  </si>
  <si>
    <t>01/14/2020 20:23:03</t>
  </si>
  <si>
    <t>01/14/2020 20:23:04</t>
  </si>
  <si>
    <t>01/14/2020 20:23:05</t>
  </si>
  <si>
    <t>01/14/2020 20:23:09</t>
  </si>
  <si>
    <t>01/14/2020 20:19:41</t>
  </si>
  <si>
    <t>b3ce3335-3f97-4b70-88e2-b8fdda88bbf5.tmp</t>
  </si>
  <si>
    <t>\\acsfs\profiles$\gabrieleods\Downloads\b3ce3335-3f97-4b70-88e2-b8fdda88bbf5.tmp</t>
  </si>
  <si>
    <t>01/14/2020 20:25:40</t>
  </si>
  <si>
    <t>01/14/2020 20:24:49</t>
  </si>
  <si>
    <t>01/14/2020 20:26:40</t>
  </si>
  <si>
    <t>01/14/2020 20:27:40</t>
  </si>
  <si>
    <t>01/14/2020 20:22:45</t>
  </si>
  <si>
    <t>01/14/2020 20:23:45</t>
  </si>
  <si>
    <t>01/14/2020 20:24:47</t>
  </si>
  <si>
    <t>01/14/2020 20:25:45</t>
  </si>
  <si>
    <t>01/14/2020 20:26:45</t>
  </si>
  <si>
    <t>01/14/2020 20:22:51</t>
  </si>
  <si>
    <t>01/14/2020 20:24:15</t>
  </si>
  <si>
    <t>01/14/2020 20:29:40</t>
  </si>
  <si>
    <t>01/14/2020 20:25:58</t>
  </si>
  <si>
    <t>e63232e6-9be5-4f71-8552-8e536c4c9f21.tmp</t>
  </si>
  <si>
    <t>\\acsfs\profiles$\brendadsl\Downloads\e63232e6-9be5-4f71-8552-8e536c4c9f21.tmp</t>
  </si>
  <si>
    <t>01/14/2020 20:26:12</t>
  </si>
  <si>
    <t>01/14/2020 20:26:14</t>
  </si>
  <si>
    <t>01/14/2020 20:26:15</t>
  </si>
  <si>
    <t>01/14/2020 20:26:16</t>
  </si>
  <si>
    <t>01/14/2020 20:26:17</t>
  </si>
  <si>
    <t>01/14/2020 20:26:18</t>
  </si>
  <si>
    <t>01/14/2020 20:26:19</t>
  </si>
  <si>
    <t>01/14/2020 20:26:25</t>
  </si>
  <si>
    <t>01/14/2020 20:26:35</t>
  </si>
  <si>
    <t>01/14/2020 20:26:36</t>
  </si>
  <si>
    <t>01/14/2020 20:26:38</t>
  </si>
  <si>
    <t>01/14/2020 20:26:41</t>
  </si>
  <si>
    <t>01/14/2020 20:26:42</t>
  </si>
  <si>
    <t>01/14/2020 20:26:43</t>
  </si>
  <si>
    <t>01/14/2020 20:26:44</t>
  </si>
  <si>
    <t>01/14/2020 20:26:46</t>
  </si>
  <si>
    <t>01/14/2020 20:26:48</t>
  </si>
  <si>
    <t>01/14/2020 20:26:51</t>
  </si>
  <si>
    <t>01/14/2020 20:26:53</t>
  </si>
  <si>
    <t>01/14/2020 20:26:57</t>
  </si>
  <si>
    <t>01/14/2020 20:27:21</t>
  </si>
  <si>
    <t>01/14/2020 20:27:22</t>
  </si>
  <si>
    <t>01/14/2020 20:27:23</t>
  </si>
  <si>
    <t>01/14/2020 20:27:29</t>
  </si>
  <si>
    <t>01/14/2020 20:27:31</t>
  </si>
  <si>
    <t>01/14/2020 20:27:39</t>
  </si>
  <si>
    <t>01/14/2020 20:27:41</t>
  </si>
  <si>
    <t>01/14/2020 20:27:43</t>
  </si>
  <si>
    <t>01/14/2020 20:27:45</t>
  </si>
  <si>
    <t>01/14/2020 20:27:46</t>
  </si>
  <si>
    <t>01/14/2020 20:27:48</t>
  </si>
  <si>
    <t>01/14/2020 20:27:50</t>
  </si>
  <si>
    <t>01/14/2020 20:27:51</t>
  </si>
  <si>
    <t>01/14/2020 20:30:55</t>
  </si>
  <si>
    <t>01/14/2020 20:32:39</t>
  </si>
  <si>
    <t>01/14/2020 20:28:45</t>
  </si>
  <si>
    <t>01/14/2020 20:29:36</t>
  </si>
  <si>
    <t>01/14/2020 20:29:45</t>
  </si>
  <si>
    <t>01/14/2020 20:30:45</t>
  </si>
  <si>
    <t>01/14/2020 20:31:45</t>
  </si>
  <si>
    <t>01/14/2020 20:32:18</t>
  </si>
  <si>
    <t>7ad07a8a-01f2-4328-9d33-71eadc1efc84.tmp</t>
  </si>
  <si>
    <t>\\acsfs\profiles$\joycemmdl\Downloads\7ad07a8a-01f2-4328-9d33-71eadc1efc84.tmp</t>
  </si>
  <si>
    <t>01/14/2020 20:29:07</t>
  </si>
  <si>
    <t>01/14/2020 20:33:40</t>
  </si>
  <si>
    <t>01/14/2020 20:29:19</t>
  </si>
  <si>
    <t>01/14/2020 20:33:41</t>
  </si>
  <si>
    <t>01/14/2020 20:34:40</t>
  </si>
  <si>
    <t>01/14/2020 20:33:51</t>
  </si>
  <si>
    <t>01/14/2020 20:34:05</t>
  </si>
  <si>
    <t>01/14/2020 20:35:39</t>
  </si>
  <si>
    <t>01/14/2020 20:37:39</t>
  </si>
  <si>
    <t>01/14/2020 20:32:45</t>
  </si>
  <si>
    <t>01/14/2020 20:33:45</t>
  </si>
  <si>
    <t>01/14/2020 20:34:45</t>
  </si>
  <si>
    <t>01/14/2020 20:35:45</t>
  </si>
  <si>
    <t>01/14/2020 20:36:45</t>
  </si>
  <si>
    <t>01/14/2020 20:34:44</t>
  </si>
  <si>
    <t>01/14/2020 20:38:40</t>
  </si>
  <si>
    <t>01/14/2020 20:38:16</t>
  </si>
  <si>
    <t>01/14/2020 20:39:39</t>
  </si>
  <si>
    <t>7ffd1f68-f5be-48ab-81dd-495b8b42e49c.tmp</t>
  </si>
  <si>
    <t>\\acsfs\profiles$\regisedsj\Downloads\7ffd1f68-f5be-48ab-81dd-495b8b42e49c.tmp</t>
  </si>
  <si>
    <t>01/14/2020 20:38:37</t>
  </si>
  <si>
    <t>01/14/2020 20:37:15</t>
  </si>
  <si>
    <t>01/14/2020 20:40:40</t>
  </si>
  <si>
    <t>01/14/2020 20:38:51</t>
  </si>
  <si>
    <t>01/14/2020 20:42:40</t>
  </si>
  <si>
    <t>6e23f359-d55f-4b24-9998-6362868ff7f6.tmp</t>
  </si>
  <si>
    <t>\\acsfs\profiles$\nycolleemdj\Downloads\6e23f359-d55f-4b24-9998-6362868ff7f6.tmp</t>
  </si>
  <si>
    <t>01/14/2020 20:39:57</t>
  </si>
  <si>
    <t>27bd5a47-3de3-4117-ae2e-93a46f993e37.tmp</t>
  </si>
  <si>
    <t>\\acsfs\profiles$\nycolleemdj\Downloads\27bd5a47-3de3-4117-ae2e-93a46f993e37.tmp</t>
  </si>
  <si>
    <t>01/14/2020 20:37:45</t>
  </si>
  <si>
    <t>01/14/2020 20:38:45</t>
  </si>
  <si>
    <t>01/14/2020 20:39:45</t>
  </si>
  <si>
    <t>01/14/2020 20:40:45</t>
  </si>
  <si>
    <t>01/14/2020 20:41:45</t>
  </si>
  <si>
    <t>01/14/2020 20:40:31</t>
  </si>
  <si>
    <t>01/14/2020 20:43:40</t>
  </si>
  <si>
    <t>01/14/2020 20:39:36</t>
  </si>
  <si>
    <t>01/14/2020 20:40:09</t>
  </si>
  <si>
    <t>01/14/2020 20:44:40</t>
  </si>
  <si>
    <t>01/14/2020 20:44:47</t>
  </si>
  <si>
    <t>01/14/2020 20:47:41</t>
  </si>
  <si>
    <t>01/14/2020 20:42:45</t>
  </si>
  <si>
    <t>01/14/2020 20:43:45</t>
  </si>
  <si>
    <t>01/14/2020 20:44:45</t>
  </si>
  <si>
    <t>01/14/2020 20:45:45</t>
  </si>
  <si>
    <t>01/14/2020 20:46:45</t>
  </si>
  <si>
    <t>01/14/2020 20:45:52</t>
  </si>
  <si>
    <t>01/14/2020 20:51:41</t>
  </si>
  <si>
    <t>01/14/2020 20:47:45</t>
  </si>
  <si>
    <t>01/14/2020 20:52:41</t>
  </si>
  <si>
    <t>01/14/2020 20:48:45</t>
  </si>
  <si>
    <t>01/14/2020 20:49:45</t>
  </si>
  <si>
    <t>01/14/2020 20:50:45</t>
  </si>
  <si>
    <t>01/14/2020 20:51:45</t>
  </si>
  <si>
    <t>01/14/2020 20:52:06</t>
  </si>
  <si>
    <t>01/14/2020 20:54:41</t>
  </si>
  <si>
    <t>01/14/2020 20:51:05</t>
  </si>
  <si>
    <t>01/14/2020 20:55:14</t>
  </si>
  <si>
    <t>01/14/2020 20:56:40</t>
  </si>
  <si>
    <t>01/14/2020 20:52:45</t>
  </si>
  <si>
    <t>01/14/2020 20:57:41</t>
  </si>
  <si>
    <t>01/14/2020 20:53:45</t>
  </si>
  <si>
    <t>01/14/2020 20:54:45</t>
  </si>
  <si>
    <t>01/14/2020 20:55:48</t>
  </si>
  <si>
    <t>01/14/2020 20:56:45</t>
  </si>
  <si>
    <t>01/14/2020 20:55:13</t>
  </si>
  <si>
    <t>30756d4d-0d99-4a7a-9fe0-c690be5bd990.tmp</t>
  </si>
  <si>
    <t>\\acsfs\profiles$\joycemmdl\Downloads\30756d4d-0d99-4a7a-9fe0-c690be5bd990.tmp</t>
  </si>
  <si>
    <t>01/14/2020 20:54:15</t>
  </si>
  <si>
    <t>01/14/2020 20:59:41</t>
  </si>
  <si>
    <t>38bb424b-9c87-4d0f-bf40-a81d0702aac0.tmp</t>
  </si>
  <si>
    <t>\\acsfs\profiles$\rafaelacdoc\Downloads\38bb424b-9c87-4d0f-bf40-a81d0702aac0.tmp</t>
  </si>
  <si>
    <t>01/14/2020 20:55:15</t>
  </si>
  <si>
    <t>Ingrid Freitas.jpg</t>
  </si>
  <si>
    <t>01/14/2020 20:55:20</t>
  </si>
  <si>
    <t>01/14/2020 20:55:21</t>
  </si>
  <si>
    <t>https://algar.folhasinergyrh.com.br/afastamento/upload?id=0&amp;idsolicitacao=21102</t>
  </si>
  <si>
    <t>01/14/2020 20:57:45</t>
  </si>
  <si>
    <t>01/14/2020 21:02:41</t>
  </si>
  <si>
    <t>01/14/2020 20:58:45</t>
  </si>
  <si>
    <t>01/14/2020 20:59:45</t>
  </si>
  <si>
    <t>01/14/2020 21:00:45</t>
  </si>
  <si>
    <t>01/14/2020 21:01:45</t>
  </si>
  <si>
    <t>01/14/2020 21:02:57</t>
  </si>
  <si>
    <t>01/14/2020 21:04:41</t>
  </si>
  <si>
    <t>Ingrid Freitas 2.jpg</t>
  </si>
  <si>
    <t>01/14/2020 21:03:02</t>
  </si>
  <si>
    <t>01/14/2020 21:02:08</t>
  </si>
  <si>
    <t>01/14/2020 21:06:41</t>
  </si>
  <si>
    <t>01/14/2020 21:02:54</t>
  </si>
  <si>
    <t>01/14/2020 21:07:40</t>
  </si>
  <si>
    <t>01/14/2020 21:03:00</t>
  </si>
  <si>
    <t>01/14/2020 21:06:21</t>
  </si>
  <si>
    <t>01/14/2020 21:02:45</t>
  </si>
  <si>
    <t>01/14/2020 21:03:45</t>
  </si>
  <si>
    <t>01/14/2020 21:04:45</t>
  </si>
  <si>
    <t>01/14/2020 21:05:45</t>
  </si>
  <si>
    <t>01/14/2020 21:06:45</t>
  </si>
  <si>
    <t>01/14/2020 21:06:35</t>
  </si>
  <si>
    <t>01/14/2020 21:08:41</t>
  </si>
  <si>
    <t>01/14/2020 21:06:04</t>
  </si>
  <si>
    <t>01/14/2020 21:09:41</t>
  </si>
  <si>
    <t>XLOG_marcosvnds_14012020_134649.log</t>
  </si>
  <si>
    <t>\\acsfs\profiles$\marcosvnds\My Documents\xworkcenter\logs\XLOG_marcosvnds_14012020_134649.log</t>
  </si>
  <si>
    <t>XLOG_marcosvnds_14012020_134320.log</t>
  </si>
  <si>
    <t>\\acsfs\profiles$\marcosvnds\My Documents\xworkcenter\logs\XLOG_marcosvnds_14012020_134320.log</t>
  </si>
  <si>
    <t>01/14/2020 21:06:05</t>
  </si>
  <si>
    <t>\\acsfs\profiles$\marcosvnds\My Documents\xworkcenter\logs\wrapper.log</t>
  </si>
  <si>
    <t>01/14/2020 21:12:40</t>
  </si>
  <si>
    <t>aca47d58-2bb1-463f-a7fa-03af193e3211.tmp</t>
  </si>
  <si>
    <t>\\acsfs\profiles$\gabrielamdp\Downloads\aca47d58-2bb1-463f-a7fa-03af193e3211.tmp</t>
  </si>
  <si>
    <t>01/14/2020 21:07:45</t>
  </si>
  <si>
    <t>01/14/2020 21:08:45</t>
  </si>
  <si>
    <t>01/14/2020 21:09:46</t>
  </si>
  <si>
    <t>01/14/2020 21:10:45</t>
  </si>
  <si>
    <t>01/14/2020 21:11:45</t>
  </si>
  <si>
    <t>01/14/2020 21:11:39</t>
  </si>
  <si>
    <t>01/14/2020 21:14:41</t>
  </si>
  <si>
    <t>01/14/2020 21:11:20</t>
  </si>
  <si>
    <t>01/14/2020 21:15:41</t>
  </si>
  <si>
    <t>01/14/2020 21:12:25</t>
  </si>
  <si>
    <t>01/14/2020 21:16:41</t>
  </si>
  <si>
    <t>b86fd39d-5375-4cae-b079-a3ca122cc280.tmp</t>
  </si>
  <si>
    <t>\\acsfs\profiles$\regisadsa\Downloads\b86fd39d-5375-4cae-b079-a3ca122cc280.tmp</t>
  </si>
  <si>
    <t>01/14/2020 21:12:45</t>
  </si>
  <si>
    <t>01/14/2020 21:17:41</t>
  </si>
  <si>
    <t>01/14/2020 21:13:45</t>
  </si>
  <si>
    <t>01/14/2020 21:14:45</t>
  </si>
  <si>
    <t>01/14/2020 21:15:45</t>
  </si>
  <si>
    <t>01/14/2020 21:16:45</t>
  </si>
  <si>
    <t>01/14/2020 21:15:06</t>
  </si>
  <si>
    <t>01/14/2020 21:18:41</t>
  </si>
  <si>
    <t>01/14/2020 21:15:42</t>
  </si>
  <si>
    <t>01/14/2020 21:19:41</t>
  </si>
  <si>
    <t>01/14/2020 21:16:00</t>
  </si>
  <si>
    <t>c9e11f8e-955e-4724-9575-188763eea92e.tmp</t>
  </si>
  <si>
    <t>\\acsfs\profiles$\brendadsl\Downloads\c9e11f8e-955e-4724-9575-188763eea92e.tmp</t>
  </si>
  <si>
    <t>01/14/2020 21:16:18</t>
  </si>
  <si>
    <t>01/14/2020 21:17:45</t>
  </si>
  <si>
    <t>01/14/2020 21:22:41</t>
  </si>
  <si>
    <t>01/14/2020 21:18:45</t>
  </si>
  <si>
    <t>01/14/2020 21:19:45</t>
  </si>
  <si>
    <t>01/14/2020 21:20:45</t>
  </si>
  <si>
    <t>01/14/2020 21:21:45</t>
  </si>
  <si>
    <t>01/14/2020 21:22:51</t>
  </si>
  <si>
    <t>01/14/2020 21:24:41</t>
  </si>
  <si>
    <t>01/14/2020 21:23:10</t>
  </si>
  <si>
    <t>01/14/2020 21:21:28</t>
  </si>
  <si>
    <t>01/14/2020 21:26:41</t>
  </si>
  <si>
    <t>01/14/2020 21:26:54</t>
  </si>
  <si>
    <t>01/14/2020 21:27:41</t>
  </si>
  <si>
    <t>01/14/2020 21:22:45</t>
  </si>
  <si>
    <t>01/14/2020 21:23:45</t>
  </si>
  <si>
    <t>01/14/2020 21:24:47</t>
  </si>
  <si>
    <t>01/14/2020 21:25:45</t>
  </si>
  <si>
    <t>01/14/2020 21:26:45</t>
  </si>
  <si>
    <t>01/14/2020 21:23:01</t>
  </si>
  <si>
    <t>01/14/2020 21:26:31</t>
  </si>
  <si>
    <t>01/14/2020 21:30:41</t>
  </si>
  <si>
    <t>903865bb-5e88-493d-8f9d-1a52eb180449.tmp</t>
  </si>
  <si>
    <t>\\acsfs\profiles$\Adrieledgc\Downloads\903865bb-5e88-493d-8f9d-1a52eb180449.tmp</t>
  </si>
  <si>
    <t>01/14/2020 21:27:45</t>
  </si>
  <si>
    <t>01/14/2020 21:32:41</t>
  </si>
  <si>
    <t>01/14/2020 21:28:45</t>
  </si>
  <si>
    <t>01/14/2020 21:29:38</t>
  </si>
  <si>
    <t>01/14/2020 21:29:45</t>
  </si>
  <si>
    <t>01/14/2020 21:30:45</t>
  </si>
  <si>
    <t>01/14/2020 21:31:45</t>
  </si>
  <si>
    <t>01/14/2020 21:33:13</t>
  </si>
  <si>
    <t>01/14/2020 21:36:40</t>
  </si>
  <si>
    <t>01/14/2020 21:32:45</t>
  </si>
  <si>
    <t>01/14/2020 21:37:41</t>
  </si>
  <si>
    <t>01/14/2020 21:33:45</t>
  </si>
  <si>
    <t>01/14/2020 21:34:45</t>
  </si>
  <si>
    <t>01/14/2020 21:35:45</t>
  </si>
  <si>
    <t>01/14/2020 21:36:45</t>
  </si>
  <si>
    <t>01/14/2020 21:37:26</t>
  </si>
  <si>
    <t>b948d6a5-61bd-4e4b-b5a7-33676e2898b3.tmp</t>
  </si>
  <si>
    <t>\\acsfs\profiles$\ROBERTM\Downloads\b948d6a5-61bd-4e4b-b5a7-33676e2898b3.tmp</t>
  </si>
  <si>
    <t>01/14/2020 21:35:06</t>
  </si>
  <si>
    <t>01/14/2020 21:38:41</t>
  </si>
  <si>
    <t>c8886798-4ff6-4115-8215-c4d1825a74b7.tmp</t>
  </si>
  <si>
    <t>\\acsfs\profiles$\leonardocb\Downloads\c8886798-4ff6-4115-8215-c4d1825a74b7.tmp</t>
  </si>
  <si>
    <t>01/14/2020 21:36:25</t>
  </si>
  <si>
    <t>01/14/2020 21:39:40</t>
  </si>
  <si>
    <t>01/14/2020 21:37:45</t>
  </si>
  <si>
    <t>01/14/2020 21:42:41</t>
  </si>
  <si>
    <t>01/14/2020 21:38:45</t>
  </si>
  <si>
    <t>01/14/2020 21:39:47</t>
  </si>
  <si>
    <t>01/14/2020 21:40:45</t>
  </si>
  <si>
    <t>01/14/2020 21:41:45</t>
  </si>
  <si>
    <t>01/14/2020 21:38:16</t>
  </si>
  <si>
    <t>fedb41a7-ba4e-4f88-a22c-338f5212b3f0.tmp</t>
  </si>
  <si>
    <t>\\acsfs\profiles$\ROBERTM\Downloads\fedb41a7-ba4e-4f88-a22c-338f5212b3f0.tmp</t>
  </si>
  <si>
    <t>01/14/2020 21:38:35</t>
  </si>
  <si>
    <t>f92a15ee-782a-49b7-9305-d85f7d13f061.tmp</t>
  </si>
  <si>
    <t>\\acsfs\profiles$\ROBERTM\Downloads\f92a15ee-782a-49b7-9305-d85f7d13f061.tmp</t>
  </si>
  <si>
    <t>01/14/2020 21:41:31</t>
  </si>
  <si>
    <t>01/14/2020 21:43:40</t>
  </si>
  <si>
    <t>a3d48245-6dfa-4bdd-939e-aaceb78f4ecc.tmp</t>
  </si>
  <si>
    <t>\\acsfs\profiles$\fabianafv\Downloads\a3d48245-6dfa-4bdd-939e-aaceb78f4ecc.tmp</t>
  </si>
  <si>
    <t>01/14/2020 21:42:20</t>
  </si>
  <si>
    <t>01/14/2020 21:46:40</t>
  </si>
  <si>
    <t>01/14/2020 21:42:45</t>
  </si>
  <si>
    <t>01/14/2020 21:47:41</t>
  </si>
  <si>
    <t>01/14/2020 21:43:45</t>
  </si>
  <si>
    <t>01/14/2020 21:44:45</t>
  </si>
  <si>
    <t>01/14/2020 21:45:45</t>
  </si>
  <si>
    <t>01/14/2020 21:46:45</t>
  </si>
  <si>
    <t>01/14/2020 21:48:40</t>
  </si>
  <si>
    <t>01/14/2020 21:44:52</t>
  </si>
  <si>
    <t>81e2d098-fc42-4f35-8d9f-5e13e607f36f.tmp</t>
  </si>
  <si>
    <t>\\acsfs\profiles$\fabianafv\Downloads\81e2d098-fc42-4f35-8d9f-5e13e607f36f.tmp</t>
  </si>
  <si>
    <t>01/14/2020 21:47:45</t>
  </si>
  <si>
    <t>01/14/2020 21:52:41</t>
  </si>
  <si>
    <t>01/14/2020 21:48:45</t>
  </si>
  <si>
    <t>01/14/2020 21:49:45</t>
  </si>
  <si>
    <t>01/14/2020 21:50:45</t>
  </si>
  <si>
    <t>01/14/2020 21:51:45</t>
  </si>
  <si>
    <t>01/14/2020 21:48:58</t>
  </si>
  <si>
    <t>01/14/2020 21:53:40</t>
  </si>
  <si>
    <t>01/14/2020 21:54:31</t>
  </si>
  <si>
    <t>01/14/2020 21:56:41</t>
  </si>
  <si>
    <t>01/14/2020 21:53:25</t>
  </si>
  <si>
    <t>01/14/2020 21:54:50</t>
  </si>
  <si>
    <t>01/14/2020 21:57:41</t>
  </si>
  <si>
    <t>db440324-c7fb-4144-9c4b-16add616527f.tmp</t>
  </si>
  <si>
    <t>\\acsfs\profiles$\rogeriofd\Downloads\db440324-c7fb-4144-9c4b-16add616527f.tmp</t>
  </si>
  <si>
    <t>01/14/2020 21:52:45</t>
  </si>
  <si>
    <t>01/14/2020 21:53:45</t>
  </si>
  <si>
    <t>01/14/2020 21:54:45</t>
  </si>
  <si>
    <t>01/14/2020 21:55:48</t>
  </si>
  <si>
    <t>01/14/2020 21:56:45</t>
  </si>
  <si>
    <t>01/14/2020 21:54:35</t>
  </si>
  <si>
    <t>01/14/2020 21:58:26</t>
  </si>
  <si>
    <t>01/14/2020 22:01:41</t>
  </si>
  <si>
    <t>01/14/2020 22:00:18</t>
  </si>
  <si>
    <t>XLOG_andrezacapf_14012020_135219.log</t>
  </si>
  <si>
    <t>\\acsfs\profiles$\andrezacapf\My Documents\xworkcenter\logs\XLOG_andrezacapf_14012020_135219.log</t>
  </si>
  <si>
    <t>01/14/2020 21:58:30</t>
  </si>
  <si>
    <t>01/14/2020 22:02:41</t>
  </si>
  <si>
    <t>b5d0a76b-73df-40a5-9c95-5c71d38dcd78.tmp</t>
  </si>
  <si>
    <t>\\acsfs\profiles$\rogeriofd\Downloads\b5d0a76b-73df-40a5-9c95-5c71d38dcd78.tmp</t>
  </si>
  <si>
    <t>01/14/2020 21:57:45</t>
  </si>
  <si>
    <t>01/14/2020 21:58:45</t>
  </si>
  <si>
    <t>01/14/2020 21:59:45</t>
  </si>
  <si>
    <t>01/14/2020 22:00:45</t>
  </si>
  <si>
    <t>01/14/2020 22:01:45</t>
  </si>
  <si>
    <t>01/14/2020 22:00:06</t>
  </si>
  <si>
    <t>916368c8-cb4c-4823-8e6c-47caa9aac6d5.tmp</t>
  </si>
  <si>
    <t>\\acsfs\profiles$\joycemmdl\Downloads\916368c8-cb4c-4823-8e6c-47caa9aac6d5.tmp</t>
  </si>
  <si>
    <t>01/14/2020 22:01:43</t>
  </si>
  <si>
    <t>01/14/2020 22:04:42</t>
  </si>
  <si>
    <t>01/14/2020 22:02:45</t>
  </si>
  <si>
    <t>01/14/2020 22:07:41</t>
  </si>
  <si>
    <t>01/14/2020 22:03:45</t>
  </si>
  <si>
    <t>01/14/2020 22:04:45</t>
  </si>
  <si>
    <t>01/14/2020 22:05:45</t>
  </si>
  <si>
    <t>01/14/2020 22:06:45</t>
  </si>
  <si>
    <t>01/14/2020 22:05:51</t>
  </si>
  <si>
    <t>01/14/2020 22:07:43</t>
  </si>
  <si>
    <t>01/14/2020 22:09:41</t>
  </si>
  <si>
    <t>01/14/2020 22:10:48</t>
  </si>
  <si>
    <t>01/14/2020 22:12:42</t>
  </si>
  <si>
    <t>01/14/2020 22:07:45</t>
  </si>
  <si>
    <t>01/14/2020 22:08:45</t>
  </si>
  <si>
    <t>01/14/2020 22:09:45</t>
  </si>
  <si>
    <t>01/14/2020 22:10:45</t>
  </si>
  <si>
    <t>01/14/2020 22:11:45</t>
  </si>
  <si>
    <t>01/14/2020 22:12:45</t>
  </si>
  <si>
    <t>01/14/2020 22:17:42</t>
  </si>
  <si>
    <t>01/14/2020 22:13:45</t>
  </si>
  <si>
    <t>01/14/2020 22:14:45</t>
  </si>
  <si>
    <t>01/14/2020 22:15:45</t>
  </si>
  <si>
    <t>01/14/2020 22:16:45</t>
  </si>
  <si>
    <t>01/14/2020 22:19:18</t>
  </si>
  <si>
    <t>01/14/2020 22:21:41</t>
  </si>
  <si>
    <t>01/14/2020 22:17:45</t>
  </si>
  <si>
    <t>01/14/2020 22:22:41</t>
  </si>
  <si>
    <t>01/14/2020 22:18:45</t>
  </si>
  <si>
    <t>01/14/2020 22:19:45</t>
  </si>
  <si>
    <t>01/14/2020 22:20:45</t>
  </si>
  <si>
    <t>01/14/2020 22:21:45</t>
  </si>
  <si>
    <t>01/14/2020 22:21:22</t>
  </si>
  <si>
    <t>01/14/2020 22:23:42</t>
  </si>
  <si>
    <t>01/14/2020 22:21:23</t>
  </si>
  <si>
    <t>lu314203qhuxv.tmp</t>
  </si>
  <si>
    <t>\\acsfs\profiles$\jalilebds\Downloads\lu314203qhuxv.tmp</t>
  </si>
  <si>
    <t>01/14/2020 22:22:15</t>
  </si>
  <si>
    <t>$IE63EBS.xlsx</t>
  </si>
  <si>
    <t>\\acsfs\profiles$\jalilebds\Downloads\$RECYCLE.BIN\$IE63EBS.xlsx</t>
  </si>
  <si>
    <t>01/14/2020 22:22:16</t>
  </si>
  <si>
    <t>$I7E5YDY.xlsx</t>
  </si>
  <si>
    <t>\\acsfs\profiles$\jalilebds\Downloads\$RECYCLE.BIN\$I7E5YDY.xlsx</t>
  </si>
  <si>
    <t>$IR6JL2K.xlsx</t>
  </si>
  <si>
    <t>\\acsfs\profiles$\jalilebds\Downloads\$RECYCLE.BIN\$IR6JL2K.xlsx</t>
  </si>
  <si>
    <t>$ISX98NM.xlsx</t>
  </si>
  <si>
    <t>\\acsfs\profiles$\jalilebds\Downloads\$RECYCLE.BIN\$ISX98NM.xlsx</t>
  </si>
  <si>
    <t>01/14/2020 22:22:17</t>
  </si>
  <si>
    <t>$I5B146S.xlsx</t>
  </si>
  <si>
    <t>\\acsfs\profiles$\jalilebds\Downloads\$RECYCLE.BIN\$I5B146S.xlsx</t>
  </si>
  <si>
    <t>$IAH58M8.xlsx</t>
  </si>
  <si>
    <t>\\acsfs\profiles$\jalilebds\Downloads\$RECYCLE.BIN\$IAH58M8.xlsx</t>
  </si>
  <si>
    <t>$I48LCJN.xlsx</t>
  </si>
  <si>
    <t>\\acsfs\profiles$\jalilebds\Downloads\$RECYCLE.BIN\$I48LCJN.xlsx</t>
  </si>
  <si>
    <t>01/14/2020 22:22:04</t>
  </si>
  <si>
    <t>01/14/2020 22:25:42</t>
  </si>
  <si>
    <t>01/14/2020 22:22:26</t>
  </si>
  <si>
    <t>01/14/2020 22:24:29</t>
  </si>
  <si>
    <t>bba82db4-4553-4d2d-90c7-76bcb2fd2989.tmp</t>
  </si>
  <si>
    <t>\\acsfs\profiles$\Adrieledgc\Downloads\bba82db4-4553-4d2d-90c7-76bcb2fd2989.tmp</t>
  </si>
  <si>
    <t>01/14/2020 22:22:45</t>
  </si>
  <si>
    <t>01/14/2020 22:27:42</t>
  </si>
  <si>
    <t>01/14/2020 22:23:45</t>
  </si>
  <si>
    <t>01/14/2020 22:24:45</t>
  </si>
  <si>
    <t>01/14/2020 22:25:45</t>
  </si>
  <si>
    <t>01/14/2020 22:26:45</t>
  </si>
  <si>
    <t>01/14/2020 22:28:43</t>
  </si>
  <si>
    <t>7eb2c815-aff1-4d25-a248-53803d410c62.tmp</t>
  </si>
  <si>
    <t>\\acsfs\profiles$\jalilebds\Downloads\7eb2c815-aff1-4d25-a248-53803d410c62.tmp</t>
  </si>
  <si>
    <t>01/14/2020 22:27:45</t>
  </si>
  <si>
    <t>01/14/2020 22:32:42</t>
  </si>
  <si>
    <t>01/14/2020 22:28:45</t>
  </si>
  <si>
    <t>01/14/2020 22:29:41</t>
  </si>
  <si>
    <t>01/14/2020 22:29:45</t>
  </si>
  <si>
    <t>01/14/2020 22:30:45</t>
  </si>
  <si>
    <t>01/14/2020 22:31:45</t>
  </si>
  <si>
    <t>01/14/2020 22:27:41</t>
  </si>
  <si>
    <t>01/14/2020 22:30:02</t>
  </si>
  <si>
    <t>01/14/2020 22:33:43</t>
  </si>
  <si>
    <t>01/14/2020 22:32:45</t>
  </si>
  <si>
    <t>01/14/2020 22:37:43</t>
  </si>
  <si>
    <t>01/14/2020 22:33:46</t>
  </si>
  <si>
    <t>01/14/2020 22:34:45</t>
  </si>
  <si>
    <t>01/14/2020 22:35:45</t>
  </si>
  <si>
    <t>01/14/2020 22:36:45</t>
  </si>
  <si>
    <t>01/14/2020 22:37:10</t>
  </si>
  <si>
    <t>01/14/2020 22:39:43</t>
  </si>
  <si>
    <t>01/14/2020 22:37:45</t>
  </si>
  <si>
    <t>01/14/2020 22:42:43</t>
  </si>
  <si>
    <t>01/14/2020 22:38:45</t>
  </si>
  <si>
    <t>01/14/2020 22:39:48</t>
  </si>
  <si>
    <t>01/14/2020 22:40:45</t>
  </si>
  <si>
    <t>01/14/2020 22:41:45</t>
  </si>
  <si>
    <t>01/14/2020 22:41:58</t>
  </si>
  <si>
    <t>01/14/2020 22:43:43</t>
  </si>
  <si>
    <t>01/14/2020 22:41:59</t>
  </si>
  <si>
    <t>lu3970849j0k0.tmp</t>
  </si>
  <si>
    <t>\\acsfs\profiles$\jalilebds\Downloads\lu3970849j0k0.tmp</t>
  </si>
  <si>
    <t>01/14/2020 22:40:50</t>
  </si>
  <si>
    <t>01/14/2020 22:45:43</t>
  </si>
  <si>
    <t>01/14/2020 22:42:45</t>
  </si>
  <si>
    <t>01/14/2020 22:47:43</t>
  </si>
  <si>
    <t>01/14/2020 22:43:45</t>
  </si>
  <si>
    <t>01/14/2020 22:44:45</t>
  </si>
  <si>
    <t>01/14/2020 22:45:45</t>
  </si>
  <si>
    <t>01/14/2020 22:46:45</t>
  </si>
  <si>
    <t>01/14/2020 22:47:26</t>
  </si>
  <si>
    <t>01/14/2020 22:48:43</t>
  </si>
  <si>
    <t>02fddc3a-25c0-40b6-8cd0-020227f22f09.tmp</t>
  </si>
  <si>
    <t>\\acsfs\profiles$\leonardocb\Downloads\02fddc3a-25c0-40b6-8cd0-020227f22f09.tmp</t>
  </si>
  <si>
    <t>01/14/2020 22:47:45</t>
  </si>
  <si>
    <t>01/14/2020 22:52:43</t>
  </si>
  <si>
    <t>01/14/2020 22:48:45</t>
  </si>
  <si>
    <t>01/14/2020 22:49:45</t>
  </si>
  <si>
    <t>01/14/2020 22:50:45</t>
  </si>
  <si>
    <t>01/14/2020 22:51:45</t>
  </si>
  <si>
    <t>01/14/2020 22:52:22</t>
  </si>
  <si>
    <t>01/14/2020 22:53:43</t>
  </si>
  <si>
    <t>01/14/2020 22:52:27</t>
  </si>
  <si>
    <t>lu3970849j0k8.tmp</t>
  </si>
  <si>
    <t>\\acsfs\profiles$\jalilebds\Downloads\lu3970849j0k8.tmp</t>
  </si>
  <si>
    <t>01/14/2020 22:51:43</t>
  </si>
  <si>
    <t>01/14/2020 22:53:34</t>
  </si>
  <si>
    <t>01/14/2020 22:57:43</t>
  </si>
  <si>
    <t>01/14/2020 22:52:45</t>
  </si>
  <si>
    <t>01/14/2020 22:53:45</t>
  </si>
  <si>
    <t>01/14/2020 22:54:45</t>
  </si>
  <si>
    <t>01/14/2020 22:55:45</t>
  </si>
  <si>
    <t>01/14/2020 22:56:45</t>
  </si>
  <si>
    <t>01/14/2020 22:56:12</t>
  </si>
  <si>
    <t>01/14/2020 22:59:17</t>
  </si>
  <si>
    <t>01/14/2020 23:01:42</t>
  </si>
  <si>
    <t>01/14/2020 22:57:58</t>
  </si>
  <si>
    <t>01/14/2020 23:02:43</t>
  </si>
  <si>
    <t>01/14/2020 22:57:45</t>
  </si>
  <si>
    <t>01/14/2020 22:58:45</t>
  </si>
  <si>
    <t>01/14/2020 22:59:45</t>
  </si>
  <si>
    <t>01/14/2020 23:00:45</t>
  </si>
  <si>
    <t>01/14/2020 23:01:45</t>
  </si>
  <si>
    <t>01/14/2020 23:03:32</t>
  </si>
  <si>
    <t>01/14/2020 23:05:42</t>
  </si>
  <si>
    <t>01/14/2020 23:02:05</t>
  </si>
  <si>
    <t>01/14/2020 23:06:43</t>
  </si>
  <si>
    <t>407e3fe5-390a-4fa7-96ec-c393f4a85354.tmp</t>
  </si>
  <si>
    <t>\\acsfs\profiles$\marlyannegdls\Downloads\407e3fe5-390a-4fa7-96ec-c393f4a85354.tmp</t>
  </si>
  <si>
    <t>01/14/2020 23:03:19</t>
  </si>
  <si>
    <t>6dad4add-dfd6-49f0-9569-a8a54b944b04.tmp</t>
  </si>
  <si>
    <t>\\acsfs\profiles$\marlyannegdls\Downloads\6dad4add-dfd6-49f0-9569-a8a54b944b04.tmp</t>
  </si>
  <si>
    <t>01/14/2020 23:04:02</t>
  </si>
  <si>
    <t>01/14/2020 23:02:45</t>
  </si>
  <si>
    <t>01/14/2020 23:07:43</t>
  </si>
  <si>
    <t>01/14/2020 23:03:45</t>
  </si>
  <si>
    <t>01/14/2020 23:04:45</t>
  </si>
  <si>
    <t>01/14/2020 23:05:45</t>
  </si>
  <si>
    <t>01/14/2020 23:06:45</t>
  </si>
  <si>
    <t>01/14/2020 23:04:34</t>
  </si>
  <si>
    <t>01/14/2020 23:08:43</t>
  </si>
  <si>
    <t>01/14/2020 23:04:55</t>
  </si>
  <si>
    <t>lu3970849j0kg.tmp</t>
  </si>
  <si>
    <t>\\acsfs\profiles$\jalilebds\Downloads\lu3970849j0kg.tmp</t>
  </si>
  <si>
    <t>01/14/2020 23:07:45</t>
  </si>
  <si>
    <t>01/14/2020 23:12:43</t>
  </si>
  <si>
    <t>01/14/2020 23:08:45</t>
  </si>
  <si>
    <t>01/14/2020 23:09:48</t>
  </si>
  <si>
    <t>01/14/2020 23:10:45</t>
  </si>
  <si>
    <t>01/14/2020 23:11:45</t>
  </si>
  <si>
    <t>01/14/2020 23:12:42</t>
  </si>
  <si>
    <t>01/14/2020 23:13:43</t>
  </si>
  <si>
    <t>lu3970849j0kj.tmp</t>
  </si>
  <si>
    <t>\\acsfs\profiles$\jalilebds\Downloads\lu3970849j0kj.tmp</t>
  </si>
  <si>
    <t>01/14/2020 23:09:40</t>
  </si>
  <si>
    <t>01/14/2020 23:14:43</t>
  </si>
  <si>
    <t>01/14/2020 23:13:31</t>
  </si>
  <si>
    <t>01/14/2020 23:15:43</t>
  </si>
  <si>
    <t>01/14/2020 23:12:45</t>
  </si>
  <si>
    <t>01/14/2020 23:17:43</t>
  </si>
  <si>
    <t>01/14/2020 23:13:45</t>
  </si>
  <si>
    <t>01/14/2020 23:14:45</t>
  </si>
  <si>
    <t>01/14/2020 23:15:45</t>
  </si>
  <si>
    <t>01/14/2020 23:16:45</t>
  </si>
  <si>
    <t>01/14/2020 23:16:09</t>
  </si>
  <si>
    <t>01/14/2020 23:18:43</t>
  </si>
  <si>
    <t>01/14/2020 23:16:10</t>
  </si>
  <si>
    <t>lu3970849j0km.tmp</t>
  </si>
  <si>
    <t>\\acsfs\profiles$\jalilebds\Downloads\lu3970849j0km.tmp</t>
  </si>
  <si>
    <t>01/14/2020 23:15:24</t>
  </si>
  <si>
    <t>01/14/2020 23:19:42</t>
  </si>
  <si>
    <t>01/14/2020 23:18:33</t>
  </si>
  <si>
    <t>01/14/2020 23:21:43</t>
  </si>
  <si>
    <t>01/14/2020 23:17:45</t>
  </si>
  <si>
    <t>01/14/2020 23:22:43</t>
  </si>
  <si>
    <t>01/14/2020 23:18:45</t>
  </si>
  <si>
    <t>01/14/2020 23:19:45</t>
  </si>
  <si>
    <t>01/14/2020 23:20:45</t>
  </si>
  <si>
    <t>01/14/2020 23:21:45</t>
  </si>
  <si>
    <t>01/14/2020 23:19:11</t>
  </si>
  <si>
    <t>01/14/2020 23:23:43</t>
  </si>
  <si>
    <t>01/14/2020 23:19:30</t>
  </si>
  <si>
    <t>01/14/2020 23:24:43</t>
  </si>
  <si>
    <t>01/14/2020 23:19:56</t>
  </si>
  <si>
    <t>01/14/2020 23:25:21</t>
  </si>
  <si>
    <t>01/14/2020 23:25:44</t>
  </si>
  <si>
    <t>01/14/2020 23:22:36</t>
  </si>
  <si>
    <t>01/14/2020 23:26:43</t>
  </si>
  <si>
    <t>01/14/2020 23:22:45</t>
  </si>
  <si>
    <t>01/14/2020 23:27:43</t>
  </si>
  <si>
    <t>01/14/2020 23:23:45</t>
  </si>
  <si>
    <t>01/14/2020 23:24:45</t>
  </si>
  <si>
    <t>01/14/2020 23:25:45</t>
  </si>
  <si>
    <t>01/14/2020 23:26:45</t>
  </si>
  <si>
    <t>01/14/2020 23:27:45</t>
  </si>
  <si>
    <t>01/14/2020 23:32:43</t>
  </si>
  <si>
    <t>01/14/2020 23:28:45</t>
  </si>
  <si>
    <t>01/14/2020 23:29:44</t>
  </si>
  <si>
    <t>01/14/2020 23:29:45</t>
  </si>
  <si>
    <t>01/14/2020 23:30:45</t>
  </si>
  <si>
    <t>01/14/2020 23:31:45</t>
  </si>
  <si>
    <t>01/14/2020 23:32:10</t>
  </si>
  <si>
    <t>01/14/2020 23:33:43</t>
  </si>
  <si>
    <t>lu3970849j0ku.tmp</t>
  </si>
  <si>
    <t>\\acsfs\profiles$\jalilebds\Downloads\lu3970849j0ku.tmp</t>
  </si>
  <si>
    <t>01/14/2020 23:29:38</t>
  </si>
  <si>
    <t>01/14/2020 23:34:43</t>
  </si>
  <si>
    <t>01/14/2020 23:31:01</t>
  </si>
  <si>
    <t>01/14/2020 23:34:09</t>
  </si>
  <si>
    <t>01/14/2020 23:35:44</t>
  </si>
  <si>
    <t>d4ce788e-012f-4726-b7aa-96f05f56eab1.tmp</t>
  </si>
  <si>
    <t>\\acsfs\profiles$\Adrieledgc\Downloads\d4ce788e-012f-4726-b7aa-96f05f56eab1.tmp</t>
  </si>
  <si>
    <t>01/14/2020 23:34:40</t>
  </si>
  <si>
    <t>01/14/2020 23:37:43</t>
  </si>
  <si>
    <t>01/14/2020 23:32:45</t>
  </si>
  <si>
    <t>01/14/2020 23:33:45</t>
  </si>
  <si>
    <t>01/14/2020 23:34:45</t>
  </si>
  <si>
    <t>01/14/2020 23:35:45</t>
  </si>
  <si>
    <t>01/14/2020 23:36:45</t>
  </si>
  <si>
    <t>01/14/2020 23:34:32</t>
  </si>
  <si>
    <t>48139988-6d2c-4e87-9679-c7f57dfd8025.tmp</t>
  </si>
  <si>
    <t>\\acsfs\profiles$\ROBERTM\Downloads\48139988-6d2c-4e87-9679-c7f57dfd8025.tmp</t>
  </si>
  <si>
    <t>01/14/2020 23:37:45</t>
  </si>
  <si>
    <t>01/14/2020 23:42:44</t>
  </si>
  <si>
    <t>01/14/2020 23:38:45</t>
  </si>
  <si>
    <t>01/14/2020 23:39:45</t>
  </si>
  <si>
    <t>01/14/2020 23:40:48</t>
  </si>
  <si>
    <t>01/14/2020 23:41:45</t>
  </si>
  <si>
    <t>01/14/2020 23:42:45</t>
  </si>
  <si>
    <t>01/14/2020 23:47:43</t>
  </si>
  <si>
    <t>01/14/2020 23:43:45</t>
  </si>
  <si>
    <t>01/14/2020 23:44:45</t>
  </si>
  <si>
    <t>01/14/2020 23:45:45</t>
  </si>
  <si>
    <t>01/14/2020 23:46:45</t>
  </si>
  <si>
    <t>01/14/2020 23:46:13</t>
  </si>
  <si>
    <t>01/14/2020 23:48:43</t>
  </si>
  <si>
    <t>lu3970849j0l2.tmp</t>
  </si>
  <si>
    <t>\\acsfs\profiles$\jalilebds\Downloads\lu3970849j0l2.tmp</t>
  </si>
  <si>
    <t>01/14/2020 23:47:02</t>
  </si>
  <si>
    <t>01/14/2020 23:49:42</t>
  </si>
  <si>
    <t>01/14/2020 23:47:45</t>
  </si>
  <si>
    <t>01/14/2020 23:52:43</t>
  </si>
  <si>
    <t>01/14/2020 23:48:45</t>
  </si>
  <si>
    <t>01/14/2020 23:49:45</t>
  </si>
  <si>
    <t>01/14/2020 23:50:45</t>
  </si>
  <si>
    <t>01/14/2020 23:51:45</t>
  </si>
  <si>
    <t>01/14/2020 23:53:36</t>
  </si>
  <si>
    <t>01/14/2020 23:53:43</t>
  </si>
  <si>
    <t>01/14/2020 23:53:37</t>
  </si>
  <si>
    <t>lu3970849j0l5.tmp</t>
  </si>
  <si>
    <t>\\acsfs\profiles$\jalilebds\Downloads\lu3970849j0l5.tmp</t>
  </si>
  <si>
    <t>01/14/2020 23:53:10</t>
  </si>
  <si>
    <t>01/14/2020 23:55:43</t>
  </si>
  <si>
    <t>01/14/2020 23:52:45</t>
  </si>
  <si>
    <t>01/14/2020 23:57:43</t>
  </si>
  <si>
    <t>01/14/2020 23:53:45</t>
  </si>
  <si>
    <t>01/14/2020 23:54:48</t>
  </si>
  <si>
    <t>01/14/2020 23:55:45</t>
  </si>
  <si>
    <t>01/14/2020 23:56:45</t>
  </si>
  <si>
    <t>01/14/2020 23:52:49</t>
  </si>
  <si>
    <t>01/14/2020 23:59:06</t>
  </si>
  <si>
    <t>01/15/2020 00:06:43</t>
  </si>
  <si>
    <t>01/14/2020 23:57:27</t>
  </si>
  <si>
    <t>01/15/2020 00:01:53</t>
  </si>
  <si>
    <t>01/14/2020 23:59:09</t>
  </si>
  <si>
    <t>01/14/2020 23:57:45</t>
  </si>
  <si>
    <t>01/15/2020 00:02:31</t>
  </si>
  <si>
    <t>01/14/2020 23:58:45</t>
  </si>
  <si>
    <t>01/15/2020 00:03:17</t>
  </si>
  <si>
    <t>01/15/2020 00:02:39</t>
  </si>
  <si>
    <t>01/14/2020 23:59:45</t>
  </si>
  <si>
    <t>01/15/2020 00:03:10</t>
  </si>
  <si>
    <t>01/15/2020 00:00:52</t>
  </si>
  <si>
    <t>01/15/2020 00:02:27</t>
  </si>
  <si>
    <t>01/15/2020 00:00:45</t>
  </si>
  <si>
    <t>01/15/2020 00:01:44</t>
  </si>
  <si>
    <t>01/15/2020 00:03:41</t>
  </si>
  <si>
    <t>01/15/2020 00:01:45</t>
  </si>
  <si>
    <t>01/15/2020 00:07:43</t>
  </si>
  <si>
    <t>01/15/2020 00:03:35</t>
  </si>
  <si>
    <t>01/15/2020 00:06:32</t>
  </si>
  <si>
    <t>01/15/2020 00:07:23</t>
  </si>
  <si>
    <t>01/15/2020 00:04:49</t>
  </si>
  <si>
    <t>01/15/2020 00:07:00</t>
  </si>
  <si>
    <t>01/15/2020 00:08:43</t>
  </si>
  <si>
    <t>01/15/2020 00:05:52</t>
  </si>
  <si>
    <t>01/15/2020 00:09:43</t>
  </si>
  <si>
    <t>01/15/2020 00:10:43</t>
  </si>
  <si>
    <t>01/15/2020 00:05:38</t>
  </si>
  <si>
    <t>01/15/2020 00:09:06</t>
  </si>
  <si>
    <t>01/15/2020 00:11:43</t>
  </si>
  <si>
    <t>01/15/2020 00:02:45</t>
  </si>
  <si>
    <t>01/15/2020 00:03:45</t>
  </si>
  <si>
    <t>01/15/2020 00:04:45</t>
  </si>
  <si>
    <t>01/15/2020 00:05:45</t>
  </si>
  <si>
    <t>01/15/2020 00:06:45</t>
  </si>
  <si>
    <t>01/15/2020 00:07:45</t>
  </si>
  <si>
    <t>01/15/2020 00:08:45</t>
  </si>
  <si>
    <t>01/15/2020 00:09:45</t>
  </si>
  <si>
    <t>01/15/2020 00:10:45</t>
  </si>
  <si>
    <t>01/15/2020 00:10:53</t>
  </si>
  <si>
    <t>01/15/2020 00:12:43</t>
  </si>
  <si>
    <t>01/15/2020 00:11:28</t>
  </si>
  <si>
    <t>01/15/2020 00:08:27</t>
  </si>
  <si>
    <t>01/15/2020 00:13:43</t>
  </si>
  <si>
    <t>01/15/2020 00:13:25</t>
  </si>
  <si>
    <t>01/15/2020 00:14:43</t>
  </si>
  <si>
    <t>01/15/2020 00:14:00</t>
  </si>
  <si>
    <t>01/15/2020 00:15:43</t>
  </si>
  <si>
    <t>01/15/2020 00:14:59</t>
  </si>
  <si>
    <t>01/15/2020 00:12:10</t>
  </si>
  <si>
    <t>01/15/2020 00:16:43</t>
  </si>
  <si>
    <t>01/15/2020 00:15:34</t>
  </si>
  <si>
    <t>01/15/2020 00:13:50</t>
  </si>
  <si>
    <t>01/15/2020 00:14:38</t>
  </si>
  <si>
    <t>01/15/2020 00:11:45</t>
  </si>
  <si>
    <t>01/15/2020 00:12:46</t>
  </si>
  <si>
    <t>01/15/2020 00:13:45</t>
  </si>
  <si>
    <t>01/15/2020 00:14:45</t>
  </si>
  <si>
    <t>01/15/2020 00:15:45</t>
  </si>
  <si>
    <t>01/15/2020 00:14:56</t>
  </si>
  <si>
    <t>01/15/2020 00:18:43</t>
  </si>
  <si>
    <t>01/15/2020 00:16:03</t>
  </si>
  <si>
    <t>01/15/2020 00:16:06</t>
  </si>
  <si>
    <t>01/15/2020 00:19:43</t>
  </si>
  <si>
    <t>01/15/2020 00:16:45</t>
  </si>
  <si>
    <t>01/15/2020 00:21:43</t>
  </si>
  <si>
    <t>01/15/2020 00:17:45</t>
  </si>
  <si>
    <t>01/15/2020 00:18:45</t>
  </si>
  <si>
    <t>01/15/2020 00:19:45</t>
  </si>
  <si>
    <t>01/15/2020 00:20:45</t>
  </si>
  <si>
    <t>01/15/2020 00:18:08</t>
  </si>
  <si>
    <t>01/15/2020 00:22:43</t>
  </si>
  <si>
    <t>01/15/2020 00:20:29</t>
  </si>
  <si>
    <t>01/15/2020 00:22:13</t>
  </si>
  <si>
    <t>01/15/2020 00:25:43</t>
  </si>
  <si>
    <t>01/15/2020 00:23:23</t>
  </si>
  <si>
    <t>01/15/2020 00:21:45</t>
  </si>
  <si>
    <t>01/15/2020 00:26:43</t>
  </si>
  <si>
    <t>01/15/2020 00:22:45</t>
  </si>
  <si>
    <t>01/15/2020 00:23:45</t>
  </si>
  <si>
    <t>01/15/2020 00:24:48</t>
  </si>
  <si>
    <t>01/15/2020 00:25:45</t>
  </si>
  <si>
    <t>01/15/2020 00:28:25</t>
  </si>
  <si>
    <t>01/15/2020 00:30:43</t>
  </si>
  <si>
    <t>01/15/2020 00:26:45</t>
  </si>
  <si>
    <t>01/15/2020 00:31:42</t>
  </si>
  <si>
    <t>01/15/2020 00:27:45</t>
  </si>
  <si>
    <t>01/15/2020 00:28:45</t>
  </si>
  <si>
    <t>01/15/2020 00:29:45</t>
  </si>
  <si>
    <t>01/15/2020 00:29:50</t>
  </si>
  <si>
    <t>01/15/2020 00:30:45</t>
  </si>
  <si>
    <t>01/15/2020 00:31:45</t>
  </si>
  <si>
    <t>01/15/2020 00:36:43</t>
  </si>
  <si>
    <t>01/15/2020 00:32:45</t>
  </si>
  <si>
    <t>01/15/2020 00:33:45</t>
  </si>
  <si>
    <t>01/15/2020 00:34:45</t>
  </si>
  <si>
    <t>01/15/2020 00:35:45</t>
  </si>
  <si>
    <t>01/15/2020 00:35:51</t>
  </si>
  <si>
    <t>01/15/2020 00:37:43</t>
  </si>
  <si>
    <t>01/15/2020 00:39:12</t>
  </si>
  <si>
    <t>01/15/2020 00:40:42</t>
  </si>
  <si>
    <t>01/15/2020 00:36:45</t>
  </si>
  <si>
    <t>01/15/2020 00:41:43</t>
  </si>
  <si>
    <t>01/15/2020 00:37:45</t>
  </si>
  <si>
    <t>01/15/2020 00:38:45</t>
  </si>
  <si>
    <t>01/15/2020 00:39:45</t>
  </si>
  <si>
    <t>01/15/2020 00:40:45</t>
  </si>
  <si>
    <t>01/15/2020 00:41:45</t>
  </si>
  <si>
    <t>01/15/2020 00:46:44</t>
  </si>
  <si>
    <t>01/15/2020 00:42:45</t>
  </si>
  <si>
    <t>01/15/2020 00:43:45</t>
  </si>
  <si>
    <t>01/15/2020 00:44:45</t>
  </si>
  <si>
    <t>01/15/2020 00:45:45</t>
  </si>
  <si>
    <t>01/15/2020 00:43:35</t>
  </si>
  <si>
    <t>01/15/2020 00:48:44</t>
  </si>
  <si>
    <t>01/15/2020 00:45:53</t>
  </si>
  <si>
    <t>01/15/2020 00:49:45</t>
  </si>
  <si>
    <t>01/15/2020 00:49:26</t>
  </si>
  <si>
    <t>01/15/2020 00:50:44</t>
  </si>
  <si>
    <t>01/15/2020 00:46:45</t>
  </si>
  <si>
    <t>01/15/2020 00:51:44</t>
  </si>
  <si>
    <t>01/15/2020 00:47:45</t>
  </si>
  <si>
    <t>01/15/2020 00:48:45</t>
  </si>
  <si>
    <t>01/15/2020 00:50:45</t>
  </si>
  <si>
    <t>01/15/2020 00:47:56</t>
  </si>
  <si>
    <t>01/15/2020 00:52:44</t>
  </si>
  <si>
    <t>def375dc-dca4-4e39-8f33-bd40b2413076.tmp</t>
  </si>
  <si>
    <t>\\acsfs\profiles$\ROBERTM\Downloads\def375dc-dca4-4e39-8f33-bd40b2413076.tmp</t>
  </si>
  <si>
    <t>01/15/2020 00:51:45</t>
  </si>
  <si>
    <t>01/15/2020 00:56:45</t>
  </si>
  <si>
    <t>01/15/2020 00:52:45</t>
  </si>
  <si>
    <t>01/15/2020 00:53:45</t>
  </si>
  <si>
    <t>01/15/2020 00:54:45</t>
  </si>
  <si>
    <t>01/15/2020 00:55:45</t>
  </si>
  <si>
    <t>01/15/2020 01:01:45</t>
  </si>
  <si>
    <t>01/15/2020 00:57:48</t>
  </si>
  <si>
    <t>01/15/2020 00:58:45</t>
  </si>
  <si>
    <t>01/15/2020 00:59:45</t>
  </si>
  <si>
    <t>01/15/2020 01:00:45</t>
  </si>
  <si>
    <t>01/15/2020 01:01:24</t>
  </si>
  <si>
    <t>01/15/2020 01:04:44</t>
  </si>
  <si>
    <t>01/15/2020 01:02:26</t>
  </si>
  <si>
    <t>01/15/2020 01:05:44</t>
  </si>
  <si>
    <t>01/15/2020 01:06:44</t>
  </si>
  <si>
    <t>01/15/2020 01:02:45</t>
  </si>
  <si>
    <t>01/15/2020 01:03:45</t>
  </si>
  <si>
    <t>01/15/2020 01:04:45</t>
  </si>
  <si>
    <t>01/15/2020 01:05:45</t>
  </si>
  <si>
    <t>01/15/2020 01:06:01</t>
  </si>
  <si>
    <t>01/15/2020 01:09:44</t>
  </si>
  <si>
    <t>01/15/2020 01:06:45</t>
  </si>
  <si>
    <t>01/15/2020 01:11:44</t>
  </si>
  <si>
    <t>01/15/2020 01:07:45</t>
  </si>
  <si>
    <t>01/15/2020 01:08:45</t>
  </si>
  <si>
    <t>01/15/2020 01:09:48</t>
  </si>
  <si>
    <t>01/15/2020 01:10:45</t>
  </si>
  <si>
    <t>01/15/2020 01:11:45</t>
  </si>
  <si>
    <t>01/15/2020 01:16:44</t>
  </si>
  <si>
    <t>01/15/2020 01:12:45</t>
  </si>
  <si>
    <t>01/15/2020 01:13:45</t>
  </si>
  <si>
    <t>01/15/2020 01:14:45</t>
  </si>
  <si>
    <t>01/15/2020 01:15:45</t>
  </si>
  <si>
    <t>01/15/2020 01:14:21</t>
  </si>
  <si>
    <t>01/15/2020 01:17:44</t>
  </si>
  <si>
    <t>01/15/2020 01:14:20</t>
  </si>
  <si>
    <t>01/15/2020 01:18:44</t>
  </si>
  <si>
    <t>01/15/2020 01:17:17</t>
  </si>
  <si>
    <t>01/15/2020 01:14:50</t>
  </si>
  <si>
    <t>01/15/2020 01:20:44</t>
  </si>
  <si>
    <t>01/15/2020 01:18:01</t>
  </si>
  <si>
    <t>01/15/2020 01:21:45</t>
  </si>
  <si>
    <t>01/15/2020 01:16:35</t>
  </si>
  <si>
    <t>01/15/2020 01:16:45</t>
  </si>
  <si>
    <t>01/15/2020 01:17:45</t>
  </si>
  <si>
    <t>01/15/2020 01:18:45</t>
  </si>
  <si>
    <t>01/15/2020 01:19:43</t>
  </si>
  <si>
    <t>https://excel.officeapps.live.com/x/_vti_bin/ewainternalwebservice.json/closeworkbook?waccluster=br2</t>
  </si>
  <si>
    <t>01/15/2020 01:19:46</t>
  </si>
  <si>
    <t>01/15/2020 01:19:52</t>
  </si>
  <si>
    <t>01/15/2020 01:20:46</t>
  </si>
  <si>
    <t>01/15/2020 01:19:39</t>
  </si>
  <si>
    <t>01/15/2020 01:22:44</t>
  </si>
  <si>
    <t>01/15/2020 01:21:40</t>
  </si>
  <si>
    <t>01/15/2020 01:23:44</t>
  </si>
  <si>
    <t>01/15/2020 01:19:50</t>
  </si>
  <si>
    <t>01/15/2020 01:26:44</t>
  </si>
  <si>
    <t>01/15/2020 01:22:45</t>
  </si>
  <si>
    <t>01/15/2020 01:23:45</t>
  </si>
  <si>
    <t>01/15/2020 01:24:48</t>
  </si>
  <si>
    <t>01/15/2020 01:25:45</t>
  </si>
  <si>
    <t>01/15/2020 01:27:15</t>
  </si>
  <si>
    <t>01/15/2020 01:31:44</t>
  </si>
  <si>
    <t>01/15/2020 01:26:45</t>
  </si>
  <si>
    <t>01/15/2020 01:27:45</t>
  </si>
  <si>
    <t>01/15/2020 01:28:45</t>
  </si>
  <si>
    <t>01/15/2020 01:29:46</t>
  </si>
  <si>
    <t>01/15/2020 01:29:52</t>
  </si>
  <si>
    <t>01/15/2020 01:30:46</t>
  </si>
  <si>
    <t>01/15/2020 01:31:46</t>
  </si>
  <si>
    <t>01/15/2020 01:36:45</t>
  </si>
  <si>
    <t>01/15/2020 01:32:46</t>
  </si>
  <si>
    <t>01/15/2020 01:33:46</t>
  </si>
  <si>
    <t>01/15/2020 01:34:46</t>
  </si>
  <si>
    <t>01/15/2020 01:35:46</t>
  </si>
  <si>
    <t>01/15/2020 01:37:04</t>
  </si>
  <si>
    <t>01/15/2020 01:38:44</t>
  </si>
  <si>
    <t>01/15/2020 01:34:40</t>
  </si>
  <si>
    <t>01/15/2020 01:39:44</t>
  </si>
  <si>
    <t>01/15/2020 01:36:46</t>
  </si>
  <si>
    <t>01/15/2020 01:41:44</t>
  </si>
  <si>
    <t>01/15/2020 01:37:46</t>
  </si>
  <si>
    <t>01/15/2020 01:38:46</t>
  </si>
  <si>
    <t>01/15/2020 01:39:48</t>
  </si>
  <si>
    <t>01/15/2020 01:40:46</t>
  </si>
  <si>
    <t>01/15/2020 01:44:23</t>
  </si>
  <si>
    <t>01/15/2020 01:45:44</t>
  </si>
  <si>
    <t>01/15/2020 01:45:46</t>
  </si>
  <si>
    <t>01/15/2020 01:46:44</t>
  </si>
  <si>
    <t>01/15/2020 01:41:46</t>
  </si>
  <si>
    <t>01/15/2020 01:42:46</t>
  </si>
  <si>
    <t>01/15/2020 01:43:46</t>
  </si>
  <si>
    <t>01/15/2020 01:44:46</t>
  </si>
  <si>
    <t>01/15/2020 01:49:44</t>
  </si>
  <si>
    <t>01/15/2020 01:46:19</t>
  </si>
  <si>
    <t>01/15/2020 01:50:44</t>
  </si>
  <si>
    <t>01/15/2020 01:46:46</t>
  </si>
  <si>
    <t>01/15/2020 01:51:44</t>
  </si>
  <si>
    <t>01/15/2020 01:47:46</t>
  </si>
  <si>
    <t>01/15/2020 01:48:46</t>
  </si>
  <si>
    <t>01/15/2020 01:49:46</t>
  </si>
  <si>
    <t>01/15/2020 01:50:46</t>
  </si>
  <si>
    <t>01/15/2020 01:47:45</t>
  </si>
  <si>
    <t>01/15/2020 01:52:44</t>
  </si>
  <si>
    <t>01/15/2020 01:51:46</t>
  </si>
  <si>
    <t>01/15/2020 01:56:44</t>
  </si>
  <si>
    <t>01/15/2020 01:52:46</t>
  </si>
  <si>
    <t>01/15/2020 01:53:46</t>
  </si>
  <si>
    <t>01/15/2020 01:54:46</t>
  </si>
  <si>
    <t>01/15/2020 01:55:46</t>
  </si>
  <si>
    <t>01/15/2020 01:53:14</t>
  </si>
  <si>
    <t>01/15/2020 01:57:44</t>
  </si>
  <si>
    <t>01/15/2020 01:53:48</t>
  </si>
  <si>
    <t>01/15/2020 01:56:46</t>
  </si>
  <si>
    <t>01/15/2020 02:01:44</t>
  </si>
  <si>
    <t>01/15/2020 01:57:46</t>
  </si>
  <si>
    <t>01/15/2020 01:58:46</t>
  </si>
  <si>
    <t>01/15/2020 01:59:46</t>
  </si>
  <si>
    <t>01/15/2020 02:00:46</t>
  </si>
  <si>
    <t>01/15/2020 01:59:07</t>
  </si>
  <si>
    <t>01/15/2020 02:02:45</t>
  </si>
  <si>
    <t>01/15/2020 02:01:46</t>
  </si>
  <si>
    <t>01/15/2020 02:06:45</t>
  </si>
  <si>
    <t>01/15/2020 02:02:46</t>
  </si>
  <si>
    <t>01/15/2020 02:03:45</t>
  </si>
  <si>
    <t>01/15/2020 02:04:45</t>
  </si>
  <si>
    <t>01/15/2020 02:05:45</t>
  </si>
  <si>
    <t>01/15/2020 02:03:40</t>
  </si>
  <si>
    <t>01/15/2020 02:08:45</t>
  </si>
  <si>
    <t>01/15/2020 02:11:44</t>
  </si>
  <si>
    <t>01/15/2020 02:07:45</t>
  </si>
  <si>
    <t>01/15/2020 02:09:45</t>
  </si>
  <si>
    <t>01/15/2020 02:10:45</t>
  </si>
  <si>
    <t>01/15/2020 02:13:50</t>
  </si>
  <si>
    <t>01/15/2020 02:14:44</t>
  </si>
  <si>
    <t>01/15/2020 02:15:40</t>
  </si>
  <si>
    <t>01/15/2020 02:15:44</t>
  </si>
  <si>
    <t>01/15/2020 02:16:44</t>
  </si>
  <si>
    <t>01/15/2020 02:12:44</t>
  </si>
  <si>
    <t>01/15/2020 02:13:44</t>
  </si>
  <si>
    <t>01/15/2020 02:17:44</t>
  </si>
  <si>
    <t>01/15/2020 02:15:20</t>
  </si>
  <si>
    <t>01/15/2020 02:19:44</t>
  </si>
  <si>
    <t>01/15/2020 02:17:17</t>
  </si>
  <si>
    <t>01/15/2020 02:21:44</t>
  </si>
  <si>
    <t>01/15/2020 02:18:44</t>
  </si>
  <si>
    <t>01/15/2020 02:20:44</t>
  </si>
  <si>
    <t>01/15/2020 02:20:12</t>
  </si>
  <si>
    <t>01/15/2020 02:24:44</t>
  </si>
  <si>
    <t>01/15/2020 02:23:11</t>
  </si>
  <si>
    <t>01/15/2020 02:25:44</t>
  </si>
  <si>
    <t>01/15/2020 02:24:36</t>
  </si>
  <si>
    <t>01/15/2020 02:26:45</t>
  </si>
  <si>
    <t>01/15/2020 02:22:44</t>
  </si>
  <si>
    <t>01/15/2020 02:23:44</t>
  </si>
  <si>
    <t>01/15/2020 02:24:47</t>
  </si>
  <si>
    <t>01/15/2020 02:27:44</t>
  </si>
  <si>
    <t>01/15/2020 02:24:22</t>
  </si>
  <si>
    <t>01/15/2020 02:29:43</t>
  </si>
  <si>
    <t>01/15/2020 02:28:55</t>
  </si>
  <si>
    <t>01/15/2020 02:31:45</t>
  </si>
  <si>
    <t>01/15/2020 02:26:44</t>
  </si>
  <si>
    <t>01/15/2020 02:28:44</t>
  </si>
  <si>
    <t>01/15/2020 02:29:44</t>
  </si>
  <si>
    <t>01/15/2020 02:29:54</t>
  </si>
  <si>
    <t>01/15/2020 02:30:44</t>
  </si>
  <si>
    <t>01/15/2020 02:27:28</t>
  </si>
  <si>
    <t>01/15/2020 02:32:44</t>
  </si>
  <si>
    <t>01/15/2020 02:32:02</t>
  </si>
  <si>
    <t>01/15/2020 02:36:45</t>
  </si>
  <si>
    <t>01/15/2020 02:31:44</t>
  </si>
  <si>
    <t>01/15/2020 02:33:44</t>
  </si>
  <si>
    <t>01/15/2020 02:34:44</t>
  </si>
  <si>
    <t>01/15/2020 02:35:44</t>
  </si>
  <si>
    <t>01/15/2020 02:37:32</t>
  </si>
  <si>
    <t>01/15/2020 02:37:44</t>
  </si>
  <si>
    <t>01/15/2020 02:36:44</t>
  </si>
  <si>
    <t>01/15/2020 02:41:44</t>
  </si>
  <si>
    <t>01/15/2020 02:38:44</t>
  </si>
  <si>
    <t>01/15/2020 02:39:44</t>
  </si>
  <si>
    <t>01/15/2020 02:40:44</t>
  </si>
  <si>
    <t>01/15/2020 02:43:41</t>
  </si>
  <si>
    <t>01/15/2020 02:45:44</t>
  </si>
  <si>
    <t>01/15/2020 02:42:43</t>
  </si>
  <si>
    <t>01/15/2020 02:46:44</t>
  </si>
  <si>
    <t>01/15/2020 02:42:44</t>
  </si>
  <si>
    <t>01/15/2020 02:43:44</t>
  </si>
  <si>
    <t>01/15/2020 02:44:44</t>
  </si>
  <si>
    <t>01/15/2020 02:47:44</t>
  </si>
  <si>
    <t>01/15/2020 02:44:32</t>
  </si>
  <si>
    <t>01/15/2020 02:51:44</t>
  </si>
  <si>
    <t>01/15/2020 02:48:44</t>
  </si>
  <si>
    <t>01/15/2020 02:49:44</t>
  </si>
  <si>
    <t>01/15/2020 02:50:44</t>
  </si>
  <si>
    <t>01/15/2020 02:52:44</t>
  </si>
  <si>
    <t>01/15/2020 02:51:06</t>
  </si>
  <si>
    <t>01/15/2020 02:53:00</t>
  </si>
  <si>
    <t>01/15/2020 02:53:44</t>
  </si>
  <si>
    <t>01/15/2020 02:52:38</t>
  </si>
  <si>
    <t>01/15/2020 02:56:43</t>
  </si>
  <si>
    <t>01/15/2020 02:51:49</t>
  </si>
  <si>
    <t>01/15/2020 02:54:47</t>
  </si>
  <si>
    <t>01/15/2020 02:55:44</t>
  </si>
  <si>
    <t>01/15/2020 02:57:44</t>
  </si>
  <si>
    <t>01/15/2020 02:56:44</t>
  </si>
  <si>
    <t>01/15/2020 03:01:44</t>
  </si>
  <si>
    <t>01/15/2020 02:58:44</t>
  </si>
  <si>
    <t>01/15/2020 02:59:44</t>
  </si>
  <si>
    <t>01/15/2020 03:00:44</t>
  </si>
  <si>
    <t>01/15/2020 03:02:44</t>
  </si>
  <si>
    <t>01/15/2020 03:04:57</t>
  </si>
  <si>
    <t>01/15/2020 03:05:45</t>
  </si>
  <si>
    <t>01/15/2020 03:06:44</t>
  </si>
  <si>
    <t>01/15/2020 03:03:44</t>
  </si>
  <si>
    <t>01/15/2020 03:04:44</t>
  </si>
  <si>
    <t>01/15/2020 03:05:44</t>
  </si>
  <si>
    <t>01/15/2020 03:07:45</t>
  </si>
  <si>
    <t>01/15/2020 03:06:36</t>
  </si>
  <si>
    <t>01/15/2020 03:11:45</t>
  </si>
  <si>
    <t>01/15/2020 03:07:44</t>
  </si>
  <si>
    <t>01/15/2020 03:08:44</t>
  </si>
  <si>
    <t>01/15/2020 03:09:47</t>
  </si>
  <si>
    <t>01/15/2020 03:10:44</t>
  </si>
  <si>
    <t>01/15/2020 03:12:44</t>
  </si>
  <si>
    <t>01/15/2020 03:11:25</t>
  </si>
  <si>
    <t>01/15/2020 03:14:44</t>
  </si>
  <si>
    <t>01/15/2020 03:13:35</t>
  </si>
  <si>
    <t>01/15/2020 03:13:12</t>
  </si>
  <si>
    <t>01/15/2020 03:16:44</t>
  </si>
  <si>
    <t>01/15/2020 03:15:53</t>
  </si>
  <si>
    <t>01/15/2020 03:11:44</t>
  </si>
  <si>
    <t>01/15/2020 03:13:44</t>
  </si>
  <si>
    <t>01/15/2020 03:15:44</t>
  </si>
  <si>
    <t>01/15/2020 03:17:44</t>
  </si>
  <si>
    <t>01/15/2020 03:14:37</t>
  </si>
  <si>
    <t>01/15/2020 03:16:34</t>
  </si>
  <si>
    <t>01/15/2020 03:19:44</t>
  </si>
  <si>
    <t>01/15/2020 03:18:54</t>
  </si>
  <si>
    <t>01/15/2020 03:20:44</t>
  </si>
  <si>
    <t>01/15/2020 03:18:58</t>
  </si>
  <si>
    <t>01/15/2020 03:21:44</t>
  </si>
  <si>
    <t>01/15/2020 03:18:44</t>
  </si>
  <si>
    <t>01/15/2020 03:22:44</t>
  </si>
  <si>
    <t>01/15/2020 03:25:19</t>
  </si>
  <si>
    <t>01/15/2020 03:26:44</t>
  </si>
  <si>
    <t>01/15/2020 03:23:44</t>
  </si>
  <si>
    <t>01/15/2020 03:24:44</t>
  </si>
  <si>
    <t>01/15/2020 03:25:44</t>
  </si>
  <si>
    <t>01/15/2020 03:27:44</t>
  </si>
  <si>
    <t>01/15/2020 03:26:27</t>
  </si>
  <si>
    <t>01/15/2020 03:30:43</t>
  </si>
  <si>
    <t>01/15/2020 03:26:47</t>
  </si>
  <si>
    <t>01/15/2020 03:31:44</t>
  </si>
  <si>
    <t>01/15/2020 03:27:45</t>
  </si>
  <si>
    <t>01/15/2020 03:28:44</t>
  </si>
  <si>
    <t>01/15/2020 03:29:26</t>
  </si>
  <si>
    <t>01/15/2020 03:29:44</t>
  </si>
  <si>
    <t>01/15/2020 03:30:44</t>
  </si>
  <si>
    <t>01/15/2020 03:32:45</t>
  </si>
  <si>
    <t>01/15/2020 03:28:34</t>
  </si>
  <si>
    <t>01/15/2020 03:33:10</t>
  </si>
  <si>
    <t>01/15/2020 03:35:43</t>
  </si>
  <si>
    <t>01/15/2020 03:36:44</t>
  </si>
  <si>
    <t>01/15/2020 03:32:44</t>
  </si>
  <si>
    <t>01/15/2020 03:33:44</t>
  </si>
  <si>
    <t>01/15/2020 03:34:44</t>
  </si>
  <si>
    <t>01/15/2020 03:35:44</t>
  </si>
  <si>
    <t>01/15/2020 03:37:44</t>
  </si>
  <si>
    <t>01/15/2020 03:35:45</t>
  </si>
  <si>
    <t>01/15/2020 03:37:35</t>
  </si>
  <si>
    <t>01/15/2020 03:38:43</t>
  </si>
  <si>
    <t>01/15/2020 03:36:42</t>
  </si>
  <si>
    <t>01/15/2020 03:39:44</t>
  </si>
  <si>
    <t>01/15/2020 03:36:58</t>
  </si>
  <si>
    <t>01/15/2020 03:40:44</t>
  </si>
  <si>
    <t>01/15/2020 03:38:45</t>
  </si>
  <si>
    <t>01/15/2020 03:41:44</t>
  </si>
  <si>
    <t>01/15/2020 03:39:47</t>
  </si>
  <si>
    <t>01/15/2020 03:42:43</t>
  </si>
  <si>
    <t>01/15/2020 03:38:27</t>
  </si>
  <si>
    <t>01/15/2020 03:43:44</t>
  </si>
  <si>
    <t>01/15/2020 03:41:51</t>
  </si>
  <si>
    <t>01/15/2020 03:45:44</t>
  </si>
  <si>
    <t>01/15/2020 03:41:56</t>
  </si>
  <si>
    <t>01/15/2020 03:43:41</t>
  </si>
  <si>
    <t>01/15/2020 03:46:44</t>
  </si>
  <si>
    <t>01/15/2020 03:42:44</t>
  </si>
  <si>
    <t>01/15/2020 03:44:44</t>
  </si>
  <si>
    <t>01/15/2020 03:47:45</t>
  </si>
  <si>
    <t>01/15/2020 03:46:29</t>
  </si>
  <si>
    <t>01/15/2020 03:44:47</t>
  </si>
  <si>
    <t>01/15/2020 03:45:56</t>
  </si>
  <si>
    <t>01/15/2020 03:48:44</t>
  </si>
  <si>
    <t>01/15/2020 03:48:05</t>
  </si>
  <si>
    <t>01/15/2020 03:48:16</t>
  </si>
  <si>
    <t>01/15/2020 03:51:45</t>
  </si>
  <si>
    <t>01/15/2020 03:50:15</t>
  </si>
  <si>
    <t>01/15/2020 03:47:44</t>
  </si>
  <si>
    <t>01/15/2020 03:49:44</t>
  </si>
  <si>
    <t>01/15/2020 03:50:44</t>
  </si>
  <si>
    <t>01/15/2020 03:52:44</t>
  </si>
  <si>
    <t>01/15/2020 03:51:27</t>
  </si>
  <si>
    <t>01/15/2020 03:53:44</t>
  </si>
  <si>
    <t>01/15/2020 03:51:44</t>
  </si>
  <si>
    <t>01/15/2020 03:56:44</t>
  </si>
  <si>
    <t>01/15/2020 03:54:44</t>
  </si>
  <si>
    <t>01/15/2020 03:55:44</t>
  </si>
  <si>
    <t>01/15/2020 03:57:44</t>
  </si>
  <si>
    <t>01/15/2020 03:57:02</t>
  </si>
  <si>
    <t>01/15/2020 03:59:45</t>
  </si>
  <si>
    <t>01/15/2020 03:58:48</t>
  </si>
  <si>
    <t>01/15/2020 03:56:02</t>
  </si>
  <si>
    <t>01/15/2020 03:59:17</t>
  </si>
  <si>
    <t>01/15/2020 04:04:44</t>
  </si>
  <si>
    <t>01/15/2020 03:59:05</t>
  </si>
  <si>
    <t>01/15/2020 04:00:49</t>
  </si>
  <si>
    <t>01/15/2020 03:58:44</t>
  </si>
  <si>
    <t>01/15/2020 03:59:44</t>
  </si>
  <si>
    <t>01/15/2020 04:00:44</t>
  </si>
  <si>
    <t>01/15/2020 04:01:41</t>
  </si>
  <si>
    <t>01/15/2020 04:05:44</t>
  </si>
  <si>
    <t>01/15/2020 03:59:55</t>
  </si>
  <si>
    <t>01/15/2020 04:06:44</t>
  </si>
  <si>
    <t>01/15/2020 04:07:44</t>
  </si>
  <si>
    <t>01/15/2020 04:05:52</t>
  </si>
  <si>
    <t>01/15/2020 04:04:13</t>
  </si>
  <si>
    <t>01/15/2020 04:06:15</t>
  </si>
  <si>
    <t>01/15/2020 04:08:44</t>
  </si>
  <si>
    <t>01/15/2020 04:09:44</t>
  </si>
  <si>
    <t>01/15/2020 04:01:44</t>
  </si>
  <si>
    <t>01/15/2020 04:02:44</t>
  </si>
  <si>
    <t>01/15/2020 04:03:44</t>
  </si>
  <si>
    <t>01/15/2020 04:06:04</t>
  </si>
  <si>
    <t>01/15/2020 04:10:44</t>
  </si>
  <si>
    <t>01/15/2020 04:04:51</t>
  </si>
  <si>
    <t>01/15/2020 04:14:44</t>
  </si>
  <si>
    <t>01/15/2020 04:11:44</t>
  </si>
  <si>
    <t>01/15/2020 04:12:44</t>
  </si>
  <si>
    <t>01/15/2020 04:13:44</t>
  </si>
  <si>
    <t>01/15/2020 04:13:35</t>
  </si>
  <si>
    <t>01/15/2020 04:15:44</t>
  </si>
  <si>
    <t>01/15/2020 04:14:55</t>
  </si>
  <si>
    <t>01/15/2020 04:16:45</t>
  </si>
  <si>
    <t>01/15/2020 04:15:09</t>
  </si>
  <si>
    <t>01/15/2020 04:17:44</t>
  </si>
  <si>
    <t>01/15/2020 04:19:44</t>
  </si>
  <si>
    <t>01/15/2020 04:16:44</t>
  </si>
  <si>
    <t>01/15/2020 04:18:44</t>
  </si>
  <si>
    <t>01/15/2020 04:16:41</t>
  </si>
  <si>
    <t>01/15/2020 04:20:44</t>
  </si>
  <si>
    <t>01/15/2020 04:17:14</t>
  </si>
  <si>
    <t>01/15/2020 04:21:44</t>
  </si>
  <si>
    <t>01/15/2020 04:21:47</t>
  </si>
  <si>
    <t>01/15/2020 04:24:44</t>
  </si>
  <si>
    <t>01/15/2020 04:22:44</t>
  </si>
  <si>
    <t>01/15/2020 04:23:44</t>
  </si>
  <si>
    <t>01/15/2020 04:22:04</t>
  </si>
  <si>
    <t>01/15/2020 04:25:45</t>
  </si>
  <si>
    <t>01/15/2020 04:24:34</t>
  </si>
  <si>
    <t>01/15/2020 04:24:28</t>
  </si>
  <si>
    <t>01/15/2020 04:26:44</t>
  </si>
  <si>
    <t>01/15/2020 04:29:44</t>
  </si>
  <si>
    <t>01/15/2020 04:24:46</t>
  </si>
  <si>
    <t>01/15/2020 04:25:44</t>
  </si>
  <si>
    <t>01/15/2020 04:27:44</t>
  </si>
  <si>
    <t>01/15/2020 04:28:44</t>
  </si>
  <si>
    <t>01/15/2020 04:29:29</t>
  </si>
  <si>
    <t>01/15/2020 04:30:04</t>
  </si>
  <si>
    <t>01/15/2020 04:30:44</t>
  </si>
  <si>
    <t>01/15/2020 04:27:20</t>
  </si>
  <si>
    <t>01/15/2020 04:31:44</t>
  </si>
  <si>
    <t>01/15/2020 04:29:33</t>
  </si>
  <si>
    <t>01/15/2020 04:34:44</t>
  </si>
  <si>
    <t>01/15/2020 04:32:44</t>
  </si>
  <si>
    <t>01/15/2020 04:33:44</t>
  </si>
  <si>
    <t>01/15/2020 04:39:43</t>
  </si>
  <si>
    <t>01/15/2020 04:35:44</t>
  </si>
  <si>
    <t>01/15/2020 04:36:44</t>
  </si>
  <si>
    <t>01/15/2020 04:37:44</t>
  </si>
  <si>
    <t>01/15/2020 04:38:44</t>
  </si>
  <si>
    <t>01/15/2020 04:37:51</t>
  </si>
  <si>
    <t>01/15/2020 04:42:44</t>
  </si>
  <si>
    <t>01/15/2020 04:44:44</t>
  </si>
  <si>
    <t>01/15/2020 04:39:46</t>
  </si>
  <si>
    <t>01/15/2020 04:40:44</t>
  </si>
  <si>
    <t>01/15/2020 04:41:44</t>
  </si>
  <si>
    <t>01/15/2020 04:43:44</t>
  </si>
  <si>
    <t>01/15/2020 04:49:44</t>
  </si>
  <si>
    <t>01/15/2020 04:45:44</t>
  </si>
  <si>
    <t>01/15/2020 04:46:44</t>
  </si>
  <si>
    <t>01/15/2020 04:47:44</t>
  </si>
  <si>
    <t>01/15/2020 04:48:44</t>
  </si>
  <si>
    <t>01/15/2020 04:47:30</t>
  </si>
  <si>
    <t>01/15/2020 04:50:45</t>
  </si>
  <si>
    <t>01/15/2020 04:50:50</t>
  </si>
  <si>
    <t>01/15/2020 04:51:45</t>
  </si>
  <si>
    <t>01/15/2020 04:49:59</t>
  </si>
  <si>
    <t>01/15/2020 04:54:45</t>
  </si>
  <si>
    <t>01/15/2020 04:50:44</t>
  </si>
  <si>
    <t>01/15/2020 04:51:44</t>
  </si>
  <si>
    <t>01/15/2020 04:52:44</t>
  </si>
  <si>
    <t>01/15/2020 04:53:44</t>
  </si>
  <si>
    <t>01/15/2020 04:51:26</t>
  </si>
  <si>
    <t>01/15/2020 04:55:45</t>
  </si>
  <si>
    <t>01/15/2020 04:52:43</t>
  </si>
  <si>
    <t>01/15/2020 04:57:46</t>
  </si>
  <si>
    <t>01/15/2020 04:59:45</t>
  </si>
  <si>
    <t>01/15/2020 04:54:44</t>
  </si>
  <si>
    <t>01/15/2020 04:55:44</t>
  </si>
  <si>
    <t>01/15/2020 04:56:44</t>
  </si>
  <si>
    <t>01/15/2020 04:57:44</t>
  </si>
  <si>
    <t>01/15/2020 04:58:44</t>
  </si>
  <si>
    <t>01/15/2020 04:57:03</t>
  </si>
  <si>
    <t>01/15/2020 05:01:45</t>
  </si>
  <si>
    <t>01/15/2020 04:59:15</t>
  </si>
  <si>
    <t>01/15/2020 05:02:45</t>
  </si>
  <si>
    <t>01/15/2020 05:01:44</t>
  </si>
  <si>
    <t>01/15/2020 05:03:45</t>
  </si>
  <si>
    <t>01/15/2020 05:00:28</t>
  </si>
  <si>
    <t>01/15/2020 05:04:45</t>
  </si>
  <si>
    <t>01/15/2020 04:59:44</t>
  </si>
  <si>
    <t>01/15/2020 05:00:44</t>
  </si>
  <si>
    <t>01/15/2020 05:02:44</t>
  </si>
  <si>
    <t>01/15/2020 05:03:44</t>
  </si>
  <si>
    <t>01/15/2020 05:09:45</t>
  </si>
  <si>
    <t>01/15/2020 05:04:44</t>
  </si>
  <si>
    <t>01/15/2020 05:05:44</t>
  </si>
  <si>
    <t>01/15/2020 05:06:44</t>
  </si>
  <si>
    <t>01/15/2020 05:07:44</t>
  </si>
  <si>
    <t>01/15/2020 05:08:44</t>
  </si>
  <si>
    <t>01/15/2020 05:06:58</t>
  </si>
  <si>
    <t>01/15/2020 05:10:45</t>
  </si>
  <si>
    <t>01/15/2020 05:14:45</t>
  </si>
  <si>
    <t>01/15/2020 05:09:46</t>
  </si>
  <si>
    <t>01/15/2020 05:10:44</t>
  </si>
  <si>
    <t>01/15/2020 05:11:44</t>
  </si>
  <si>
    <t>01/15/2020 05:12:44</t>
  </si>
  <si>
    <t>01/15/2020 05:13:44</t>
  </si>
  <si>
    <t>01/15/2020 05:15:24</t>
  </si>
  <si>
    <t>01/15/2020 05:17:45</t>
  </si>
  <si>
    <t>01/15/2020 05:13:37</t>
  </si>
  <si>
    <t>01/15/2020 05:18:45</t>
  </si>
  <si>
    <t>01/15/2020 05:19:45</t>
  </si>
  <si>
    <t>01/15/2020 05:14:44</t>
  </si>
  <si>
    <t>01/15/2020 05:20:45</t>
  </si>
  <si>
    <t>01/15/2020 05:15:44</t>
  </si>
  <si>
    <t>01/15/2020 05:16:44</t>
  </si>
  <si>
    <t>01/15/2020 05:17:44</t>
  </si>
  <si>
    <t>01/15/2020 05:18:44</t>
  </si>
  <si>
    <t>01/15/2020 05:19:44</t>
  </si>
  <si>
    <t>01/15/2020 05:20:06</t>
  </si>
  <si>
    <t>01/15/2020 05:19:19</t>
  </si>
  <si>
    <t>01/15/2020 05:21:45</t>
  </si>
  <si>
    <t>01/15/2020 05:21:56</t>
  </si>
  <si>
    <t>01/15/2020 05:23:45</t>
  </si>
  <si>
    <t>01/15/2020 05:19:30</t>
  </si>
  <si>
    <t>01/15/2020 05:24:45</t>
  </si>
  <si>
    <t>01/15/2020 05:20:44</t>
  </si>
  <si>
    <t>01/15/2020 05:25:45</t>
  </si>
  <si>
    <t>01/15/2020 05:21:44</t>
  </si>
  <si>
    <t>01/15/2020 05:22:44</t>
  </si>
  <si>
    <t>01/15/2020 05:23:44</t>
  </si>
  <si>
    <t>01/15/2020 05:24:44</t>
  </si>
  <si>
    <t>01/15/2020 05:26:12</t>
  </si>
  <si>
    <t>01/15/2020 05:27:45</t>
  </si>
  <si>
    <t>01/15/2020 05:24:50</t>
  </si>
  <si>
    <t>01/15/2020 05:29:45</t>
  </si>
  <si>
    <t>01/15/2020 05:25:44</t>
  </si>
  <si>
    <t>01/15/2020 05:30:45</t>
  </si>
  <si>
    <t>01/15/2020 05:26:47</t>
  </si>
  <si>
    <t>01/15/2020 05:27:44</t>
  </si>
  <si>
    <t>01/15/2020 05:28:44</t>
  </si>
  <si>
    <t>01/15/2020 05:29:32</t>
  </si>
  <si>
    <t>01/15/2020 05:29:44</t>
  </si>
  <si>
    <t>01/15/2020 05:34:45</t>
  </si>
  <si>
    <t>01/15/2020 05:30:44</t>
  </si>
  <si>
    <t>01/15/2020 05:35:45</t>
  </si>
  <si>
    <t>01/15/2020 05:31:44</t>
  </si>
  <si>
    <t>01/15/2020 05:32:44</t>
  </si>
  <si>
    <t>01/15/2020 05:33:44</t>
  </si>
  <si>
    <t>01/15/2020 05:34:44</t>
  </si>
  <si>
    <t>01/15/2020 05:39:45</t>
  </si>
  <si>
    <t>01/15/2020 05:35:44</t>
  </si>
  <si>
    <t>01/15/2020 05:40:44</t>
  </si>
  <si>
    <t>01/15/2020 05:36:44</t>
  </si>
  <si>
    <t>01/15/2020 05:37:44</t>
  </si>
  <si>
    <t>01/15/2020 05:38:44</t>
  </si>
  <si>
    <t>01/15/2020 05:42:24</t>
  </si>
  <si>
    <t>01/15/2020 05:43:45</t>
  </si>
  <si>
    <t>01/15/2020 05:44:44</t>
  </si>
  <si>
    <t>01/15/2020 05:45:45</t>
  </si>
  <si>
    <t>01/15/2020 05:39:47</t>
  </si>
  <si>
    <t>01/15/2020 05:41:44</t>
  </si>
  <si>
    <t>01/15/2020 05:42:44</t>
  </si>
  <si>
    <t>01/15/2020 05:43:44</t>
  </si>
  <si>
    <t>01/15/2020 05:42:50</t>
  </si>
  <si>
    <t>01/15/2020 05:43:30</t>
  </si>
  <si>
    <t>01/15/2020 05:46:45</t>
  </si>
  <si>
    <t>01/15/2020 05:45:12</t>
  </si>
  <si>
    <t>01/15/2020 05:49:44</t>
  </si>
  <si>
    <t>01/15/2020 05:50:45</t>
  </si>
  <si>
    <t>01/15/2020 05:45:44</t>
  </si>
  <si>
    <t>01/15/2020 05:46:44</t>
  </si>
  <si>
    <t>01/15/2020 05:47:44</t>
  </si>
  <si>
    <t>01/15/2020 05:48:44</t>
  </si>
  <si>
    <t>01/15/2020 05:52:03</t>
  </si>
  <si>
    <t>01/15/2020 05:53:45</t>
  </si>
  <si>
    <t>01/15/2020 05:53:17</t>
  </si>
  <si>
    <t>01/15/2020 05:54:44</t>
  </si>
  <si>
    <t>3304c7a6-225e-4dad-acea-d710f3d708e9.tmp</t>
  </si>
  <si>
    <t>\\acsfs\profiles$\ROZENCAM\Downloads\3304c7a6-225e-4dad-acea-d710f3d708e9.tmp</t>
  </si>
  <si>
    <t>01/15/2020 05:54:12</t>
  </si>
  <si>
    <t>01/15/2020 05:55:45</t>
  </si>
  <si>
    <t>01/15/2020 05:50:44</t>
  </si>
  <si>
    <t>01/15/2020 05:51:44</t>
  </si>
  <si>
    <t>01/15/2020 05:52:44</t>
  </si>
  <si>
    <t>01/15/2020 05:53:44</t>
  </si>
  <si>
    <t>01/15/2020 05:54:47</t>
  </si>
  <si>
    <t>01/15/2020 05:54:34</t>
  </si>
  <si>
    <t>01/15/2020 05:59:44</t>
  </si>
  <si>
    <t>ad22f446-48be-4f94-aaad-4b3446ccf2fd.tmp</t>
  </si>
  <si>
    <t>\\acsfs\profiles$\ROZENCAM\Downloads\ad22f446-48be-4f94-aaad-4b3446ccf2fd.tmp</t>
  </si>
  <si>
    <t>01/15/2020 06:00:44</t>
  </si>
  <si>
    <t>01/15/2020 05:55:44</t>
  </si>
  <si>
    <t>01/15/2020 05:56:44</t>
  </si>
  <si>
    <t>01/15/2020 05:57:44</t>
  </si>
  <si>
    <t>01/15/2020 05:58:44</t>
  </si>
  <si>
    <t>01/15/2020 06:01:11</t>
  </si>
  <si>
    <t>01/15/2020 06:01:44</t>
  </si>
  <si>
    <t>bdc10778-9867-4246-a859-678899c62bda.tmp</t>
  </si>
  <si>
    <t>\\acsfs\profiles$\lucasqdss\Downloads\bdc10778-9867-4246-a859-678899c62bda.tmp</t>
  </si>
  <si>
    <t>01/15/2020 06:04:45</t>
  </si>
  <si>
    <t>01/15/2020 06:05:44</t>
  </si>
  <si>
    <t>01/15/2020 06:02:44</t>
  </si>
  <si>
    <t>01/15/2020 06:03:44</t>
  </si>
  <si>
    <t>01/15/2020 06:04:44</t>
  </si>
  <si>
    <t>01/15/2020 06:02:56</t>
  </si>
  <si>
    <t>01/15/2020 06:06:45</t>
  </si>
  <si>
    <t>c662ecf1-2b79-41df-92c9-7bf52ac3030a.tmp</t>
  </si>
  <si>
    <t>\\acsfs\profiles$\lucasqdss\Downloads\c662ecf1-2b79-41df-92c9-7bf52ac3030a.tmp</t>
  </si>
  <si>
    <t>01/15/2020 06:02:54</t>
  </si>
  <si>
    <t>01/15/2020 06:07:44</t>
  </si>
  <si>
    <t>01/15/2020 06:04:37</t>
  </si>
  <si>
    <t>01/15/2020 06:08:45</t>
  </si>
  <si>
    <t>01/15/2020 06:09:45</t>
  </si>
  <si>
    <t>01/15/2020 06:10:46</t>
  </si>
  <si>
    <t>01/15/2020 06:05:36</t>
  </si>
  <si>
    <t>01/15/2020 06:06:44</t>
  </si>
  <si>
    <t>01/15/2020 06:08:44</t>
  </si>
  <si>
    <t>01/15/2020 06:09:44</t>
  </si>
  <si>
    <t>01/15/2020 06:14:46</t>
  </si>
  <si>
    <t>01/15/2020 06:15:46</t>
  </si>
  <si>
    <t>01/15/2020 06:10:44</t>
  </si>
  <si>
    <t>01/15/2020 06:11:44</t>
  </si>
  <si>
    <t>01/15/2020 06:12:44</t>
  </si>
  <si>
    <t>01/15/2020 06:13:44</t>
  </si>
  <si>
    <t>01/15/2020 06:14:44</t>
  </si>
  <si>
    <t>01/15/2020 06:14:53</t>
  </si>
  <si>
    <t>01/15/2020 06:17:46</t>
  </si>
  <si>
    <t>01/15/2020 06:19:46</t>
  </si>
  <si>
    <t>01/15/2020 06:20:46</t>
  </si>
  <si>
    <t>01/15/2020 06:15:44</t>
  </si>
  <si>
    <t>01/15/2020 06:16:43</t>
  </si>
  <si>
    <t>01/15/2020 06:17:43</t>
  </si>
  <si>
    <t>01/15/2020 06:18:43</t>
  </si>
  <si>
    <t>01/15/2020 06:19:43</t>
  </si>
  <si>
    <t>01/15/2020 06:18:47</t>
  </si>
  <si>
    <t>01/15/2020 06:18:05</t>
  </si>
  <si>
    <t>01/15/2020 06:25:46</t>
  </si>
  <si>
    <t>01/15/2020 06:20:44</t>
  </si>
  <si>
    <t>01/15/2020 06:21:43</t>
  </si>
  <si>
    <t>01/15/2020 06:22:43</t>
  </si>
  <si>
    <t>01/15/2020 06:23:43</t>
  </si>
  <si>
    <t>01/15/2020 06:24:43</t>
  </si>
  <si>
    <t>01/15/2020 06:20:33</t>
  </si>
  <si>
    <t>ce2aa15c-f5fd-4c01-b7e7-4dd88abdc377.tmp</t>
  </si>
  <si>
    <t>\\acsfs\profiles$\danielac\Downloads\ce2aa15c-f5fd-4c01-b7e7-4dd88abdc377.tmp</t>
  </si>
  <si>
    <t>01/15/2020 06:20:58</t>
  </si>
  <si>
    <t>c70c8e6f-eaf7-44fd-8b08-6283ee49267d.tmp</t>
  </si>
  <si>
    <t>\\acsfs\profiles$\danielac\Downloads\c70c8e6f-eaf7-44fd-8b08-6283ee49267d.tmp</t>
  </si>
  <si>
    <t>01/15/2020 06:22:06</t>
  </si>
  <si>
    <t>f7744b7d-be85-4ea1-848a-e5c12976ad50.tmp</t>
  </si>
  <si>
    <t>\\acsfs\profiles$\danielac\Downloads\f7744b7d-be85-4ea1-848a-e5c12976ad50.tmp</t>
  </si>
  <si>
    <t>01/15/2020 06:25:55</t>
  </si>
  <si>
    <t>01/15/2020 06:30:46</t>
  </si>
  <si>
    <t>b7d8b98b-575f-428d-bdc9-df87b5e77b0b.tmp</t>
  </si>
  <si>
    <t>\\acsfs\profiles$\ALYNYA\Downloads\b7d8b98b-575f-428d-bdc9-df87b5e77b0b.tmp</t>
  </si>
  <si>
    <t>01/15/2020 06:27:30</t>
  </si>
  <si>
    <t>6cc778f4-96f4-47b2-8545-59ec2c4b40b3.tmp</t>
  </si>
  <si>
    <t>\\acsfs\profiles$\ALYNYA\Downloads\6cc778f4-96f4-47b2-8545-59ec2c4b40b3.tmp</t>
  </si>
  <si>
    <t>01/15/2020 06:25:43</t>
  </si>
  <si>
    <t>01/15/2020 06:26:43</t>
  </si>
  <si>
    <t>01/15/2020 06:27:43</t>
  </si>
  <si>
    <t>01/15/2020 06:28:43</t>
  </si>
  <si>
    <t>01/15/2020 06:29:34</t>
  </si>
  <si>
    <t>01/15/2020 06:29:43</t>
  </si>
  <si>
    <t>01/15/2020 06:30:01</t>
  </si>
  <si>
    <t>01/15/2020 06:34:46</t>
  </si>
  <si>
    <t>19b0741d-74d1-45f4-b17c-884f1e588564.tmp</t>
  </si>
  <si>
    <t>\\acsfs\profiles$\BRUNAAR\Downloads\19b0741d-74d1-45f4-b17c-884f1e588564.tmp</t>
  </si>
  <si>
    <t>01/15/2020 06:30:49</t>
  </si>
  <si>
    <t>01/15/2020 06:35:46</t>
  </si>
  <si>
    <t>01/15/2020 06:30:43</t>
  </si>
  <si>
    <t>01/15/2020 06:31:43</t>
  </si>
  <si>
    <t>01/15/2020 06:32:43</t>
  </si>
  <si>
    <t>01/15/2020 06:33:43</t>
  </si>
  <si>
    <t>01/15/2020 06:34:43</t>
  </si>
  <si>
    <t>01/15/2020 06:32:18</t>
  </si>
  <si>
    <t>01/15/2020 06:37:00</t>
  </si>
  <si>
    <t>01/15/2020 06:39:46</t>
  </si>
  <si>
    <t>01/15/2020 06:38:23</t>
  </si>
  <si>
    <t>01/15/2020 06:38:24</t>
  </si>
  <si>
    <t>lu103321fz62n.tmp</t>
  </si>
  <si>
    <t>\\acsfs\profiles$\BRUNAAR\Numero\lu103321fz62n.tmp</t>
  </si>
  <si>
    <t>01/15/2020 06:34:59</t>
  </si>
  <si>
    <t>01/15/2020 06:40:46</t>
  </si>
  <si>
    <t>01/15/2020 06:35:42</t>
  </si>
  <si>
    <t>e549ec71-46dd-4d83-af5c-154f2f3ce56e.tmp</t>
  </si>
  <si>
    <t>\\acsfs\profiles$\ALYNYA\Downloads\e549ec71-46dd-4d83-af5c-154f2f3ce56e.tmp</t>
  </si>
  <si>
    <t>01/15/2020 06:40:47</t>
  </si>
  <si>
    <t>01/15/2020 06:35:43</t>
  </si>
  <si>
    <t>01/15/2020 06:36:43</t>
  </si>
  <si>
    <t>01/15/2020 06:37:43</t>
  </si>
  <si>
    <t>01/15/2020 06:38:43</t>
  </si>
  <si>
    <t>01/15/2020 06:39:43</t>
  </si>
  <si>
    <t>01/15/2020 06:40:02</t>
  </si>
  <si>
    <t>01/15/2020 06:42:46</t>
  </si>
  <si>
    <t>01/15/2020 06:43:41</t>
  </si>
  <si>
    <t>01/15/2020 06:44:46</t>
  </si>
  <si>
    <t>01/15/2020 06:44:43</t>
  </si>
  <si>
    <t>01/15/2020 06:45:46</t>
  </si>
  <si>
    <t>01/15/2020 06:40:43</t>
  </si>
  <si>
    <t>01/15/2020 06:41:43</t>
  </si>
  <si>
    <t>01/15/2020 06:42:43</t>
  </si>
  <si>
    <t>01/15/2020 06:43:44</t>
  </si>
  <si>
    <t>01/15/2020 06:45:35</t>
  </si>
  <si>
    <t>01/15/2020 06:47:47</t>
  </si>
  <si>
    <t>7423fb27-e19d-409e-8e9b-84995623759c.tmp</t>
  </si>
  <si>
    <t>\\acsfs\profiles$\monicargds\Downloads\7423fb27-e19d-409e-8e9b-84995623759c.tmp</t>
  </si>
  <si>
    <t>01/15/2020 06:47:02</t>
  </si>
  <si>
    <t>01/15/2020 06:50:46</t>
  </si>
  <si>
    <t>01/15/2020 06:45:43</t>
  </si>
  <si>
    <t>01/15/2020 06:46:43</t>
  </si>
  <si>
    <t>01/15/2020 06:47:43</t>
  </si>
  <si>
    <t>01/15/2020 06:48:43</t>
  </si>
  <si>
    <t>01/15/2020 06:49:43</t>
  </si>
  <si>
    <t>01/15/2020 06:49:44</t>
  </si>
  <si>
    <t>01/15/2020 06:49:55</t>
  </si>
  <si>
    <t>01/15/2020 06:51:46</t>
  </si>
  <si>
    <t>01/15/2020 06:47:06</t>
  </si>
  <si>
    <t>01/15/2020 06:52:46</t>
  </si>
  <si>
    <t>420f6355-609b-4d3d-a267-ebac06bb3f36.tmp</t>
  </si>
  <si>
    <t>\\acsfs\profiles$\monicargds\Downloads\420f6355-609b-4d3d-a267-ebac06bb3f36.tmp</t>
  </si>
  <si>
    <t>01/15/2020 06:47:10</t>
  </si>
  <si>
    <t>3ffd6212-e140-4bdf-9968-cc0ac349c58a.tmp</t>
  </si>
  <si>
    <t>\\acsfs\profiles$\monicargds\Downloads\3ffd6212-e140-4bdf-9968-cc0ac349c58a.tmp</t>
  </si>
  <si>
    <t>01/15/2020 06:47:24</t>
  </si>
  <si>
    <t>01/15/2020 06:47:25</t>
  </si>
  <si>
    <t>01/15/2020 06:50:23</t>
  </si>
  <si>
    <t>01/15/2020 06:55:46</t>
  </si>
  <si>
    <t>01/15/2020 06:50:43</t>
  </si>
  <si>
    <t>01/15/2020 06:51:43</t>
  </si>
  <si>
    <t>01/15/2020 06:52:43</t>
  </si>
  <si>
    <t>01/15/2020 06:53:43</t>
  </si>
  <si>
    <t>01/15/2020 06:54:46</t>
  </si>
  <si>
    <t>01/15/2020 06:53:18</t>
  </si>
  <si>
    <t>01/15/2020 06:53:21</t>
  </si>
  <si>
    <t>01/15/2020 06:56:56</t>
  </si>
  <si>
    <t>01/15/2020 06:58:46</t>
  </si>
  <si>
    <t>01/15/2020 06:57:12</t>
  </si>
  <si>
    <t>e74dba2b-7444-41a3-8442-a500181b98b8.tmp</t>
  </si>
  <si>
    <t>\\acsfs\profiles$\anafsb\Downloads\e74dba2b-7444-41a3-8442-a500181b98b8.tmp</t>
  </si>
  <si>
    <t>01/15/2020 06:57:13</t>
  </si>
  <si>
    <t>313794c3-8771-44a2-b8cb-a845c9ea8e82.tmp</t>
  </si>
  <si>
    <t>\\acsfs\profiles$\anafsb\Downloads\313794c3-8771-44a2-b8cb-a845c9ea8e82.tmp</t>
  </si>
  <si>
    <t>01/15/2020 06:57:15</t>
  </si>
  <si>
    <t>426a6f99-6ec6-4bfc-ae69-e703473e2435.tmp</t>
  </si>
  <si>
    <t>\\acsfs\profiles$\anafsb\Downloads\426a6f99-6ec6-4bfc-ae69-e703473e2435.tmp</t>
  </si>
  <si>
    <t>6b573730-b718-471d-83da-1d4407803742.tmp</t>
  </si>
  <si>
    <t>\\acsfs\profiles$\anafsb\Downloads\6b573730-b718-471d-83da-1d4407803742.tmp</t>
  </si>
  <si>
    <t>01/15/2020 06:57:43</t>
  </si>
  <si>
    <t>21948e7e-e634-4097-bc54-22adf7b83ba8.tmp</t>
  </si>
  <si>
    <t>\\acsfs\profiles$\anafsb\Downloads\21948e7e-e634-4097-bc54-22adf7b83ba8.tmp</t>
  </si>
  <si>
    <t>01/15/2020 06:57:16</t>
  </si>
  <si>
    <t>01/15/2020 06:59:45</t>
  </si>
  <si>
    <t>4665abd9-8a59-44b4-96e7-ebe5dfc6de36.tmp</t>
  </si>
  <si>
    <t>\\acsfs\profiles$\vivianealda\Downloads\4665abd9-8a59-44b4-96e7-ebe5dfc6de36.tmp</t>
  </si>
  <si>
    <t>01/15/2020 06:58:29</t>
  </si>
  <si>
    <t>8ab5a019-b59e-4b47-8032-11b22e899761.tmp</t>
  </si>
  <si>
    <t>\\acsfs\profiles$\vivianealda\Downloads\8ab5a019-b59e-4b47-8032-11b22e899761.tmp</t>
  </si>
  <si>
    <t>01/15/2020 06:58:37</t>
  </si>
  <si>
    <t>60434187-61f9-4e90-9c99-c953dd948281.tmp</t>
  </si>
  <si>
    <t>\\acsfs\profiles$\gustavoab\Downloads\60434187-61f9-4e90-9c99-c953dd948281.tmp</t>
  </si>
  <si>
    <t>01/15/2020 06:54:25</t>
  </si>
  <si>
    <t>01/15/2020 07:00:46</t>
  </si>
  <si>
    <t>01/15/2020 06:55:43</t>
  </si>
  <si>
    <t>01/15/2020 06:56:43</t>
  </si>
  <si>
    <t>01/15/2020 06:58:43</t>
  </si>
  <si>
    <t>01/15/2020 06:59:43</t>
  </si>
  <si>
    <t>01/14/2020 13:32:45</t>
  </si>
  <si>
    <t>01/15/2020 07:01:45</t>
  </si>
  <si>
    <t>01/14/2020 13:32:46</t>
  </si>
  <si>
    <t>lu941615w494.tmp</t>
  </si>
  <si>
    <t>\\acsfs\profiles$\CINTIADCF\lu941615w494.tmp</t>
  </si>
  <si>
    <t>\\acsfs\profiles$\CINTIADCF\lu941615w494.tmp\</t>
  </si>
  <si>
    <t>\\acsfs\profiles$\CINTIADCF\lu941615w494.tmp\META-INF\</t>
  </si>
  <si>
    <t>01/15/2020 07:01:46</t>
  </si>
  <si>
    <t>\\acsfs\profiles$\CINTIADCF\lu941615w494.tmp\Thumbnails\</t>
  </si>
  <si>
    <t>01/15/2020 06:57:59</t>
  </si>
  <si>
    <t>01/15/2020 06:58:00</t>
  </si>
  <si>
    <t>01/15/2020 06:58:01</t>
  </si>
  <si>
    <t>01/15/2020 06:58:02</t>
  </si>
  <si>
    <t>01/15/2020 06:58:03</t>
  </si>
  <si>
    <t>01/15/2020 06:58:04</t>
  </si>
  <si>
    <t>01/15/2020 06:58:05</t>
  </si>
  <si>
    <t>01/15/2020 06:58:06</t>
  </si>
  <si>
    <t>01/15/2020 06:58:07</t>
  </si>
  <si>
    <t>01/15/2020 06:58:08</t>
  </si>
  <si>
    <t>01/15/2020 06:58:09</t>
  </si>
  <si>
    <t>01/15/2020 06:58:10</t>
  </si>
  <si>
    <t>01/15/2020 06:58:11</t>
  </si>
  <si>
    <t>01/15/2020 06:58:12</t>
  </si>
  <si>
    <t>01/15/2020 06:58:13</t>
  </si>
  <si>
    <t>01/15/2020 06:58:14</t>
  </si>
  <si>
    <t>01/15/2020 06:58:15</t>
  </si>
  <si>
    <t>01/15/2020 06:58:16</t>
  </si>
  <si>
    <t>01/15/2020 06:58:17</t>
  </si>
  <si>
    <t>01/15/2020 06:58:19</t>
  </si>
  <si>
    <t>01/15/2020 06:58:20</t>
  </si>
  <si>
    <t>01/15/2020 06:58:21</t>
  </si>
  <si>
    <t>01/15/2020 06:58:22</t>
  </si>
  <si>
    <t>01/15/2020 06:58:23</t>
  </si>
  <si>
    <t>01/15/2020 07:00:24</t>
  </si>
  <si>
    <t>01/15/2020 07:01:37</t>
  </si>
  <si>
    <t>01/15/2020 07:02:46</t>
  </si>
  <si>
    <t>01/15/2020 07:00:09</t>
  </si>
  <si>
    <t>01/15/2020 07:02:33</t>
  </si>
  <si>
    <t>01/15/2020 07:03:46</t>
  </si>
  <si>
    <t>87095944-c566-4804-9080-de186f81f1d9.tmp</t>
  </si>
  <si>
    <t>\\acsfs\profiles$\anafsb\Downloads\87095944-c566-4804-9080-de186f81f1d9.tmp</t>
  </si>
  <si>
    <t>01/15/2020 06:59:00</t>
  </si>
  <si>
    <t>4d90fdaf-b101-445e-87ef-d0fba0813f23.tmp</t>
  </si>
  <si>
    <t>\\acsfs\profiles$\vivianealda\Downloads\4d90fdaf-b101-445e-87ef-d0fba0813f23.tmp</t>
  </si>
  <si>
    <t>01/15/2020 07:02:30</t>
  </si>
  <si>
    <t>aaffac35-c194-4619-a7ef-08ce4f701a82.tmp</t>
  </si>
  <si>
    <t>\\acsfs\profiles$\vivianealda\Downloads\aaffac35-c194-4619-a7ef-08ce4f701a82.tmp</t>
  </si>
  <si>
    <t>01/15/2020 07:02:31</t>
  </si>
  <si>
    <t>4ca2846e-65b6-4f37-8ff9-ae6bd7d8c64d.tmp</t>
  </si>
  <si>
    <t>\\acsfs\profiles$\vivianealda\Downloads\4ca2846e-65b6-4f37-8ff9-ae6bd7d8c64d.tmp</t>
  </si>
  <si>
    <t>01/15/2020 06:59:30</t>
  </si>
  <si>
    <t>01/15/2020 07:04:46</t>
  </si>
  <si>
    <t>c1520ef2-5f85-433c-9b24-ec146b8619ea.tmp</t>
  </si>
  <si>
    <t>\\acsfs\profiles$\gustavoab\Downloads\c1520ef2-5f85-433c-9b24-ec146b8619ea.tmp</t>
  </si>
  <si>
    <t>01/15/2020 07:00:17</t>
  </si>
  <si>
    <t>cdb69627-1cd0-4d13-bac6-61bc69b7f911.tmp</t>
  </si>
  <si>
    <t>\\acsfs\profiles$\gustavoab\Downloads\cdb69627-1cd0-4d13-bac6-61bc69b7f911.tmp</t>
  </si>
  <si>
    <t>01/15/2020 07:04:00</t>
  </si>
  <si>
    <t>01/15/2020 07:05:47</t>
  </si>
  <si>
    <t>01/15/2020 07:00:43</t>
  </si>
  <si>
    <t>01/15/2020 07:01:43</t>
  </si>
  <si>
    <t>01/15/2020 07:02:43</t>
  </si>
  <si>
    <t>01/15/2020 07:03:43</t>
  </si>
  <si>
    <t>01/15/2020 07:04:43</t>
  </si>
  <si>
    <t>01/15/2020 07:04:45</t>
  </si>
  <si>
    <t>01/15/2020 07:04:47</t>
  </si>
  <si>
    <t>01/15/2020 07:04:48</t>
  </si>
  <si>
    <t>01/15/2020 07:04:49</t>
  </si>
  <si>
    <t>01/15/2020 07:04:50</t>
  </si>
  <si>
    <t>01/15/2020 07:04:51</t>
  </si>
  <si>
    <t>01/15/2020 07:04:52</t>
  </si>
  <si>
    <t>01/15/2020 07:04:53</t>
  </si>
  <si>
    <t>01/15/2020 07:04:54</t>
  </si>
  <si>
    <t>01/15/2020 07:04:55</t>
  </si>
  <si>
    <t>01/15/2020 07:04:56</t>
  </si>
  <si>
    <t>01/15/2020 07:04:57</t>
  </si>
  <si>
    <t>01/15/2020 07:04:58</t>
  </si>
  <si>
    <t>01/15/2020 07:04:59</t>
  </si>
  <si>
    <t>01/15/2020 07:05:00</t>
  </si>
  <si>
    <t>01/15/2020 07:05:01</t>
  </si>
  <si>
    <t>01/15/2020 07:05:02</t>
  </si>
  <si>
    <t>01/15/2020 07:02:25</t>
  </si>
  <si>
    <t>01/15/2020 07:05:51</t>
  </si>
  <si>
    <t>01/15/2020 07:06:46</t>
  </si>
  <si>
    <t>https://udpmailboxap01.acs.com.br:8443/h/search?si=1&amp;so=0&amp;sc=73639&amp;st=conversation&amp;action=compose&amp;paction=paneview</t>
  </si>
  <si>
    <t>01/15/2020 07:01:57</t>
  </si>
  <si>
    <t>c5394e73-1e8b-4316-83af-cfa4d383322a.tmp</t>
  </si>
  <si>
    <t>\\acsfs\profiles$\cintiadcf\Downloads\c5394e73-1e8b-4316-83af-cfa4d383322a.tmp</t>
  </si>
  <si>
    <t>01/15/2020 07:02:00</t>
  </si>
  <si>
    <t>4d9fb0dd-8d6c-4b60-8fe7-adbd5deac304.tmp</t>
  </si>
  <si>
    <t>\\acsfs\profiles$\cintiadcf\Downloads\4d9fb0dd-8d6c-4b60-8fe7-adbd5deac304.tmp</t>
  </si>
  <si>
    <t>01/15/2020 07:02:01</t>
  </si>
  <si>
    <t>01/15/2020 07:04:38</t>
  </si>
  <si>
    <t>772a5e71-47fb-4f5c-b72b-c3c918e20ce7.tmp</t>
  </si>
  <si>
    <t>\\acsfs\profiles$\cintiadcf\Downloads\772a5e71-47fb-4f5c-b72b-c3c918e20ce7.tmp</t>
  </si>
  <si>
    <t>01/15/2020 07:05:34</t>
  </si>
  <si>
    <t>01/15/2020 07:07:46</t>
  </si>
  <si>
    <t>01/15/2020 07:04:34</t>
  </si>
  <si>
    <t>01/15/2020 07:09:46</t>
  </si>
  <si>
    <t>f1140d3c-f261-4e43-811b-312081b50d8b.tmp</t>
  </si>
  <si>
    <t>\\acsfs\profiles$\eduardobb\Downloads\f1140d3c-f261-4e43-811b-312081b50d8b.tmp</t>
  </si>
  <si>
    <t>01/15/2020 07:06:29</t>
  </si>
  <si>
    <t>62734b8c-2db1-4f78-8317-e90095dfb0c0.tmp</t>
  </si>
  <si>
    <t>\\acsfs\profiles$\eduardobb\Downloads\62734b8c-2db1-4f78-8317-e90095dfb0c0.tmp</t>
  </si>
  <si>
    <t>01/15/2020 07:07:03</t>
  </si>
  <si>
    <t>1286c5b7-75fc-442f-9f91-7fd104f0b604.tmp</t>
  </si>
  <si>
    <t>\\acsfs\profiles$\eduardobb\Downloads\1286c5b7-75fc-442f-9f91-7fd104f0b604.tmp</t>
  </si>
  <si>
    <t>01/15/2020 07:07:27</t>
  </si>
  <si>
    <t>bb2e89d0-7510-43ee-95ae-e7b07d9aaa48.tmp</t>
  </si>
  <si>
    <t>\\acsfs\profiles$\eduardobb\Downloads\bb2e89d0-7510-43ee-95ae-e7b07d9aaa48.tmp</t>
  </si>
  <si>
    <t>01/15/2020 07:08:28</t>
  </si>
  <si>
    <t>b62a0c29-045f-452a-8076-b4158db8fbd8.tmp</t>
  </si>
  <si>
    <t>\\acsfs\profiles$\eduardobb\Downloads\b62a0c29-045f-452a-8076-b4158db8fbd8.tmp</t>
  </si>
  <si>
    <t>01/15/2020 07:06:19</t>
  </si>
  <si>
    <t>01/15/2020 07:10:47</t>
  </si>
  <si>
    <t>01/15/2020 07:05:43</t>
  </si>
  <si>
    <t>01/15/2020 07:06:43</t>
  </si>
  <si>
    <t>01/15/2020 07:07:43</t>
  </si>
  <si>
    <t>01/15/2020 07:08:43</t>
  </si>
  <si>
    <t>01/15/2020 07:05:03</t>
  </si>
  <si>
    <t>01/15/2020 07:05:04</t>
  </si>
  <si>
    <t>01/15/2020 07:05:05</t>
  </si>
  <si>
    <t>01/15/2020 07:05:06</t>
  </si>
  <si>
    <t>01/15/2020 07:09:02</t>
  </si>
  <si>
    <t>01/15/2020 07:07:21</t>
  </si>
  <si>
    <t>01/15/2020 07:11:46</t>
  </si>
  <si>
    <t>01/15/2020 07:07:51</t>
  </si>
  <si>
    <t>01/15/2020 07:10:18</t>
  </si>
  <si>
    <t>01/15/2020 07:12:47</t>
  </si>
  <si>
    <t>01/15/2020 07:10:19</t>
  </si>
  <si>
    <t>01/15/2020 07:12:24</t>
  </si>
  <si>
    <t>01/15/2020 07:15:46</t>
  </si>
  <si>
    <t>01/15/2020 07:10:43</t>
  </si>
  <si>
    <t>01/15/2020 07:11:45</t>
  </si>
  <si>
    <t>01/15/2020 07:12:43</t>
  </si>
  <si>
    <t>01/15/2020 07:13:43</t>
  </si>
  <si>
    <t>01/15/2020 07:14:43</t>
  </si>
  <si>
    <t>01/15/2020 07:15:12</t>
  </si>
  <si>
    <t>01/15/2020 07:15:15</t>
  </si>
  <si>
    <t>01/15/2020 07:14:52</t>
  </si>
  <si>
    <t>01/15/2020 07:16:46</t>
  </si>
  <si>
    <t>01/15/2020 07:16:14</t>
  </si>
  <si>
    <t>01/15/2020 07:17:46</t>
  </si>
  <si>
    <t>01/15/2020 07:14:21</t>
  </si>
  <si>
    <t>01/15/2020 07:18:45</t>
  </si>
  <si>
    <t>01/15/2020 07:14:37</t>
  </si>
  <si>
    <t>cd0671a3-eee1-4133-a107-471d07f50612.tmp</t>
  </si>
  <si>
    <t>\\acsfs\profiles$\anafsb\Downloads\cd0671a3-eee1-4133-a107-471d07f50612.tmp</t>
  </si>
  <si>
    <t>01/15/2020 07:14:05</t>
  </si>
  <si>
    <t>01/15/2020 07:19:46</t>
  </si>
  <si>
    <t>01/15/2020 07:16:55</t>
  </si>
  <si>
    <t>01/15/2020 07:19:27</t>
  </si>
  <si>
    <t>01/15/2020 07:20:46</t>
  </si>
  <si>
    <t>01/15/2020 07:18:27</t>
  </si>
  <si>
    <t>01/15/2020 07:15:43</t>
  </si>
  <si>
    <t>01/15/2020 07:16:43</t>
  </si>
  <si>
    <t>01/15/2020 07:17:43</t>
  </si>
  <si>
    <t>01/15/2020 07:18:43</t>
  </si>
  <si>
    <t>01/15/2020 07:19:43</t>
  </si>
  <si>
    <t>01/15/2020 07:19:02</t>
  </si>
  <si>
    <t>01/15/2020 07:21:46</t>
  </si>
  <si>
    <t>01/15/2020 07:18:14</t>
  </si>
  <si>
    <t>01/15/2020 07:22:46</t>
  </si>
  <si>
    <t>01/15/2020 07:18:15</t>
  </si>
  <si>
    <t>01/15/2020 07:18:16</t>
  </si>
  <si>
    <t>01/15/2020 07:18:17</t>
  </si>
  <si>
    <t>01/15/2020 07:18:18</t>
  </si>
  <si>
    <t>01/15/2020 07:18:19</t>
  </si>
  <si>
    <t>01/15/2020 07:18:20</t>
  </si>
  <si>
    <t>01/15/2020 07:18:21</t>
  </si>
  <si>
    <t>01/15/2020 07:18:22</t>
  </si>
  <si>
    <t>01/15/2020 07:18:23</t>
  </si>
  <si>
    <t>01/15/2020 07:18:24</t>
  </si>
  <si>
    <t>01/15/2020 07:18:25</t>
  </si>
  <si>
    <t>01/15/2020 07:18:26</t>
  </si>
  <si>
    <t>01/15/2020 07:18:28</t>
  </si>
  <si>
    <t>01/15/2020 07:18:29</t>
  </si>
  <si>
    <t>01/15/2020 07:18:30</t>
  </si>
  <si>
    <t>01/15/2020 07:18:31</t>
  </si>
  <si>
    <t>01/15/2020 07:18:32</t>
  </si>
  <si>
    <t>01/15/2020 07:18:33</t>
  </si>
  <si>
    <t>01/15/2020 07:18:34</t>
  </si>
  <si>
    <t>01/15/2020 07:18:35</t>
  </si>
  <si>
    <t>01/15/2020 07:21:30</t>
  </si>
  <si>
    <t>1905e153-96a3-4b2e-b936-27ddbdf48eb4.tmp</t>
  </si>
  <si>
    <t>\\acsfs\profiles$\inarajst\Downloads\1905e153-96a3-4b2e-b936-27ddbdf48eb4.tmp</t>
  </si>
  <si>
    <t>01/15/2020 07:21:59</t>
  </si>
  <si>
    <t>7aec4f65-2df3-44b7-9511-02d01262ef8f.tmp</t>
  </si>
  <si>
    <t>\\acsfs\profiles$\inarajst\Downloads\7aec4f65-2df3-44b7-9511-02d01262ef8f.tmp</t>
  </si>
  <si>
    <t>01/15/2020 07:22:13</t>
  </si>
  <si>
    <t>a15dbcf5-e6b0-45c0-a308-02e377cbd82c.tmp</t>
  </si>
  <si>
    <t>\\acsfs\profiles$\inarajst\Downloads\a15dbcf5-e6b0-45c0-a308-02e377cbd82c.tmp</t>
  </si>
  <si>
    <t>01/15/2020 07:21:40</t>
  </si>
  <si>
    <t>01/15/2020 07:18:38</t>
  </si>
  <si>
    <t>01/15/2020 07:23:46</t>
  </si>
  <si>
    <t>6dd0a219-e5ad-4fd4-aa82-ea3c3a6de462.tmp</t>
  </si>
  <si>
    <t>\\acsfs\profiles$\claudiajca\Downloads\6dd0a219-e5ad-4fd4-aa82-ea3c3a6de462.tmp</t>
  </si>
  <si>
    <t>01/15/2020 07:19:59</t>
  </si>
  <si>
    <t>5cbc9739-5410-4ead-88c7-cfb3b84fa490.tmp</t>
  </si>
  <si>
    <t>\\acsfs\profiles$\claudiajca\Downloads\5cbc9739-5410-4ead-88c7-cfb3b84fa490.tmp</t>
  </si>
  <si>
    <t>01/15/2020 07:20:05</t>
  </si>
  <si>
    <t>01/15/2020 07:20:59</t>
  </si>
  <si>
    <t>01/15/2020 07:20:32</t>
  </si>
  <si>
    <t>01/15/2020 07:24:46</t>
  </si>
  <si>
    <t>e7fc77c1-be20-4a20-bc72-5247c521b074.tmp</t>
  </si>
  <si>
    <t>\\acsfs\profiles$\BRUNAAR\Downloads\e7fc77c1-be20-4a20-bc72-5247c521b074.tmp</t>
  </si>
  <si>
    <t>01/15/2020 07:25:46</t>
  </si>
  <si>
    <t>01/15/2020 07:20:43</t>
  </si>
  <si>
    <t>01/15/2020 07:21:43</t>
  </si>
  <si>
    <t>01/15/2020 07:22:43</t>
  </si>
  <si>
    <t>01/15/2020 07:23:43</t>
  </si>
  <si>
    <t>01/15/2020 07:25:12</t>
  </si>
  <si>
    <t>57cee928-347f-4a2b-9e63-5b48780b59e6.tmp</t>
  </si>
  <si>
    <t>\\acsfs\profiles$\mariajra\Downloads\57cee928-347f-4a2b-9e63-5b48780b59e6.tmp</t>
  </si>
  <si>
    <t>01/15/2020 07:24:07</t>
  </si>
  <si>
    <t>01/15/2020 07:22:37</t>
  </si>
  <si>
    <t>01/15/2020 07:27:45</t>
  </si>
  <si>
    <t>f20038d3-bf08-4cb9-8e5b-f87df28ff4c9.tmp</t>
  </si>
  <si>
    <t>\\acsfs\profiles$\inarajst\Downloads\f20038d3-bf08-4cb9-8e5b-f87df28ff4c9.tmp</t>
  </si>
  <si>
    <t>01/15/2020 07:22:40</t>
  </si>
  <si>
    <t>823683b5-b87e-4509-8b70-0db211b05528.tmp</t>
  </si>
  <si>
    <t>\\acsfs\profiles$\inarajst\Downloads\823683b5-b87e-4509-8b70-0db211b05528.tmp</t>
  </si>
  <si>
    <t>01/15/2020 07:22:45</t>
  </si>
  <si>
    <t>0733cb4a-f3b8-4d49-bad1-4023a3ef3121.tmp</t>
  </si>
  <si>
    <t>\\acsfs\profiles$\inarajst\Downloads\0733cb4a-f3b8-4d49-bad1-4023a3ef3121.tmp</t>
  </si>
  <si>
    <t>01/15/2020 07:27:12</t>
  </si>
  <si>
    <t>2861796c-1993-4834-9b6a-7a8c2dc9f21a.tmp</t>
  </si>
  <si>
    <t>\\acsfs\profiles$\websondsa\Downloads\2861796c-1993-4834-9b6a-7a8c2dc9f21a.tmp</t>
  </si>
  <si>
    <t>a6e74011-8cd8-4944-9f2c-318f0b022788.tmp</t>
  </si>
  <si>
    <t>\\acsfs\profiles$\websondsa\Downloads\a6e74011-8cd8-4944-9f2c-318f0b022788.tmp</t>
  </si>
  <si>
    <t>01/15/2020 07:28:01</t>
  </si>
  <si>
    <t>01/15/2020 07:28:46</t>
  </si>
  <si>
    <t>01/15/2020 07:25:21</t>
  </si>
  <si>
    <t>01/15/2020 07:30:46</t>
  </si>
  <si>
    <t>01/15/2020 07:25:43</t>
  </si>
  <si>
    <t>01/15/2020 07:26:43</t>
  </si>
  <si>
    <t>01/15/2020 07:27:43</t>
  </si>
  <si>
    <t>01/15/2020 07:28:43</t>
  </si>
  <si>
    <t>01/15/2020 07:29:37</t>
  </si>
  <si>
    <t>01/15/2020 07:29:43</t>
  </si>
  <si>
    <t>01/15/2020 07:29:49</t>
  </si>
  <si>
    <t>01/15/2020 07:29:53</t>
  </si>
  <si>
    <t>01/15/2020 07:30:01</t>
  </si>
  <si>
    <t>01/15/2020 07:30:12</t>
  </si>
  <si>
    <t>01/15/2020 07:28:49</t>
  </si>
  <si>
    <t>01/15/2020 07:28:59</t>
  </si>
  <si>
    <t>08781048-c745-4dd9-8ee0-7df032d5da76.tmp</t>
  </si>
  <si>
    <t>\\acsfs\profiles$\ERICALSR\Downloads\08781048-c745-4dd9-8ee0-7df032d5da76.tmp</t>
  </si>
  <si>
    <t>01/15/2020 07:30:21</t>
  </si>
  <si>
    <t>71881b5b-7383-4cea-a727-c0f4e45d4b2a.tmp</t>
  </si>
  <si>
    <t>\\acsfs\profiles$\ERICALSR\Downloads\71881b5b-7383-4cea-a727-c0f4e45d4b2a.tmp</t>
  </si>
  <si>
    <t>01/15/2020 07:25:39</t>
  </si>
  <si>
    <t>0559dd8c-3167-493a-a3e4-38bb07fc14d5.tmp</t>
  </si>
  <si>
    <t>\\acsfs\profiles$\mariajra\Downloads\0559dd8c-3167-493a-a3e4-38bb07fc14d5.tmp</t>
  </si>
  <si>
    <t>01/15/2020 07:26:47</t>
  </si>
  <si>
    <t>337ce938-ac62-473b-a8af-3f7590b67dc9.tmp</t>
  </si>
  <si>
    <t>\\acsfs\profiles$\mariajra\Downloads\337ce938-ac62-473b-a8af-3f7590b67dc9.tmp</t>
  </si>
  <si>
    <t>01/15/2020 07:30:22</t>
  </si>
  <si>
    <t>01/15/2020 07:31:45</t>
  </si>
  <si>
    <t>6eae570c-01b0-46c5-bbb4-ce534cbb1119.tmp</t>
  </si>
  <si>
    <t>\\acsfs\profiles$\sarahbal\Downloads\6eae570c-01b0-46c5-bbb4-ce534cbb1119.tmp</t>
  </si>
  <si>
    <t>01/15/2020 07:30:44</t>
  </si>
  <si>
    <t>fcdd55ef-e875-409f-854f-a59113d2aa97.tmp</t>
  </si>
  <si>
    <t>\\acsfs\profiles$\sarahbal\Downloads\fcdd55ef-e875-409f-854f-a59113d2aa97.tmp</t>
  </si>
  <si>
    <t>01/15/2020 07:26:37</t>
  </si>
  <si>
    <t>01/15/2020 07:28:12</t>
  </si>
  <si>
    <t>lu1559610ndwb.tmp</t>
  </si>
  <si>
    <t>\\acsfs\profiles$\jonathanwap\lu1559610ndwb.tmp</t>
  </si>
  <si>
    <t>\\acsfs\profiles$\jonathanwap\lu1559610ndwb.tmp\</t>
  </si>
  <si>
    <t>\\acsfs\profiles$\jonathanwap\lu1559610ndwb.tmp\META-INF\</t>
  </si>
  <si>
    <t>\\acsfs\profiles$\jonathanwap\lu1559610ndwb.tmp\Thumbnails\</t>
  </si>
  <si>
    <t>01/15/2020 07:28:25</t>
  </si>
  <si>
    <t>01/15/2020 07:27:29</t>
  </si>
  <si>
    <t>01/15/2020 07:32:46</t>
  </si>
  <si>
    <t>ed1b301a-1da8-4aa3-a6c8-25f8c9dfbc39.tmp</t>
  </si>
  <si>
    <t>\\acsfs\profiles$\inarajst\Downloads\ed1b301a-1da8-4aa3-a6c8-25f8c9dfbc39.tmp</t>
  </si>
  <si>
    <t>01/15/2020 07:27:53</t>
  </si>
  <si>
    <t>41ad9cfa-41b7-4c2a-ae04-3a636df9fcf5.tmp</t>
  </si>
  <si>
    <t>\\acsfs\profiles$\websondsa\Downloads\41ad9cfa-41b7-4c2a-ae04-3a636df9fcf5.tmp</t>
  </si>
  <si>
    <t>01/15/2020 07:32:13</t>
  </si>
  <si>
    <t>ec3dd4ad-83ae-4eda-bc3a-af822aba54c9.tmp</t>
  </si>
  <si>
    <t>\\acsfs\profiles$\websondsa\Downloads\ec3dd4ad-83ae-4eda-bc3a-af822aba54c9.tmp</t>
  </si>
  <si>
    <t>48fb21bf-1d66-4482-b12e-32729b01ff2c.tmp</t>
  </si>
  <si>
    <t>\\acsfs\profiles$\websondsa\Downloads\48fb21bf-1d66-4482-b12e-32729b01ff2c.tmp</t>
  </si>
  <si>
    <t>01/15/2020 07:32:18</t>
  </si>
  <si>
    <t>4e988071-434d-4c8e-b8f1-a956244cb16a.tmp</t>
  </si>
  <si>
    <t>\\acsfs\profiles$\websondsa\Downloads\4e988071-434d-4c8e-b8f1-a956244cb16a.tmp</t>
  </si>
  <si>
    <t>01/15/2020 07:32:05</t>
  </si>
  <si>
    <t>01/15/2020 07:33:46</t>
  </si>
  <si>
    <t>01/15/2020 07:31:08</t>
  </si>
  <si>
    <t>01/15/2020 07:34:46</t>
  </si>
  <si>
    <t>a361b297-ff09-4700-a9f2-084f7927208f.tmp</t>
  </si>
  <si>
    <t>\\acsfs\profiles$\dhiulliananads\Downloads\a361b297-ff09-4700-a9f2-084f7927208f.tmp</t>
  </si>
  <si>
    <t>01/15/2020 07:35:46</t>
  </si>
  <si>
    <t>01/15/2020 07:30:43</t>
  </si>
  <si>
    <t>01/15/2020 07:31:46</t>
  </si>
  <si>
    <t>01/15/2020 07:32:43</t>
  </si>
  <si>
    <t>01/15/2020 07:33:43</t>
  </si>
  <si>
    <t>01/15/2020 07:34:43</t>
  </si>
  <si>
    <t>01/15/2020 07:30:19</t>
  </si>
  <si>
    <t>01/15/2020 07:30:23</t>
  </si>
  <si>
    <t>01/15/2020 07:31:15</t>
  </si>
  <si>
    <t>01/15/2020 07:31:18</t>
  </si>
  <si>
    <t>01/15/2020 07:31:22</t>
  </si>
  <si>
    <t>01/15/2020 07:32:24</t>
  </si>
  <si>
    <t>0c60b805-3801-456e-9892-80716327e488.tmp</t>
  </si>
  <si>
    <t>\\acsfs\profiles$\mariajra\Downloads\0c60b805-3801-456e-9892-80716327e488.tmp</t>
  </si>
  <si>
    <t>01/15/2020 07:33:16</t>
  </si>
  <si>
    <t>343c5d0e-7d29-4c7b-82aa-6161d4dda9a4.tmp</t>
  </si>
  <si>
    <t>\\acsfs\profiles$\mariajra\Downloads\343c5d0e-7d29-4c7b-82aa-6161d4dda9a4.tmp</t>
  </si>
  <si>
    <t>01/15/2020 07:33:22</t>
  </si>
  <si>
    <t>9b6e5dac-f959-4a81-a7e9-c0d9bf6bc76b.tmp</t>
  </si>
  <si>
    <t>\\acsfs\profiles$\mariajra\Downloads\9b6e5dac-f959-4a81-a7e9-c0d9bf6bc76b.tmp</t>
  </si>
  <si>
    <t>01/15/2020 07:33:42</t>
  </si>
  <si>
    <t>0087d121-b765-4cbd-8876-f0548e741b8b.tmp</t>
  </si>
  <si>
    <t>\\acsfs\profiles$\mariajra\Downloads\0087d121-b765-4cbd-8876-f0548e741b8b.tmp</t>
  </si>
  <si>
    <t>01/15/2020 07:31:47</t>
  </si>
  <si>
    <t>01/15/2020 07:36:46</t>
  </si>
  <si>
    <t>fb00852d-3032-48b5-85a7-a6a429e6ebc8.tmp</t>
  </si>
  <si>
    <t>\\acsfs\profiles$\sarahbal\Downloads\fb00852d-3032-48b5-85a7-a6a429e6ebc8.tmp</t>
  </si>
  <si>
    <t>07ffacc5-dee3-4eea-94a0-b1a35acb3a97.tmp</t>
  </si>
  <si>
    <t>\\acsfs\profiles$\sarahbal\Downloads\07ffacc5-dee3-4eea-94a0-b1a35acb3a97.tmp</t>
  </si>
  <si>
    <t>01/15/2020 07:33:54</t>
  </si>
  <si>
    <t>e7c635e4-1d22-4a69-bc98-e3221880c7f6.tmp</t>
  </si>
  <si>
    <t>\\acsfs\profiles$\sarahbal\Downloads\e7c635e4-1d22-4a69-bc98-e3221880c7f6.tmp</t>
  </si>
  <si>
    <t>01/15/2020 07:35:28</t>
  </si>
  <si>
    <t>01/15/2020 07:35:32</t>
  </si>
  <si>
    <t>01/15/2020 07:35:38</t>
  </si>
  <si>
    <t>01/15/2020 07:35:45</t>
  </si>
  <si>
    <t>01/15/2020 07:37:38</t>
  </si>
  <si>
    <t>01/15/2020 07:39:46</t>
  </si>
  <si>
    <t>899672cc-7eeb-4df5-a1fb-0f74c1cbe7fc.tmp</t>
  </si>
  <si>
    <t>\\acsfs\profiles$\gustavoab\Downloads\899672cc-7eeb-4df5-a1fb-0f74c1cbe7fc.tmp</t>
  </si>
  <si>
    <t>01/15/2020 07:38:03</t>
  </si>
  <si>
    <t>77857b0c-e3cb-4389-b088-0d4d5b6522d8.tmp</t>
  </si>
  <si>
    <t>\\acsfs\profiles$\gustavoab\Downloads\77857b0c-e3cb-4389-b088-0d4d5b6522d8.tmp</t>
  </si>
  <si>
    <t>01/15/2020 07:40:46</t>
  </si>
  <si>
    <t>01/15/2020 07:35:43</t>
  </si>
  <si>
    <t>01/15/2020 07:36:43</t>
  </si>
  <si>
    <t>01/15/2020 07:37:01</t>
  </si>
  <si>
    <t>bloco 2° ciclo.txt</t>
  </si>
  <si>
    <t>\\acsfs\ACS\001 - Qualidade Lilian\PAULO\Pasta Tainara\bloco 2° ciclo.txt</t>
  </si>
  <si>
    <t>01/15/2020 07:37:43</t>
  </si>
  <si>
    <t>01/15/2020 07:38:43</t>
  </si>
  <si>
    <t>01/15/2020 07:38:05</t>
  </si>
  <si>
    <t>01/15/2020 07:41:46</t>
  </si>
  <si>
    <t>01/15/2020 07:38:54</t>
  </si>
  <si>
    <t>01/15/2020 07:38:55</t>
  </si>
  <si>
    <t>lu1559610ndwk.tmp</t>
  </si>
  <si>
    <t>\\acsfs\profiles$\jonathanwap\lu1559610ndwk.tmp</t>
  </si>
  <si>
    <t>\\acsfs\profiles$\jonathanwap\lu1559610ndwk.tmp\</t>
  </si>
  <si>
    <t>\\acsfs\profiles$\jonathanwap\lu1559610ndwk.tmp\META-INF\</t>
  </si>
  <si>
    <t>\\acsfs\profiles$\jonathanwap\lu1559610ndwk.tmp\Thumbnails\</t>
  </si>
  <si>
    <t>01/15/2020 07:39:01</t>
  </si>
  <si>
    <t>01/15/2020 07:43:46</t>
  </si>
  <si>
    <t>01/15/2020 07:43:12</t>
  </si>
  <si>
    <t>01/15/2020 07:44:45</t>
  </si>
  <si>
    <t>01/15/2020 07:39:30</t>
  </si>
  <si>
    <t>2f2fb935-0d3a-4add-adf7-b0eeeb12f7cc.tmp</t>
  </si>
  <si>
    <t>\\acsfs\profiles$\gustavoab\Downloads\2f2fb935-0d3a-4add-adf7-b0eeeb12f7cc.tmp</t>
  </si>
  <si>
    <t>01/15/2020 07:40:15</t>
  </si>
  <si>
    <t>1a7fa92e-b0df-442d-b458-c1e6f5a54905.tmp</t>
  </si>
  <si>
    <t>\\acsfs\profiles$\gustavoab\Downloads\1a7fa92e-b0df-442d-b458-c1e6f5a54905.tmp</t>
  </si>
  <si>
    <t>01/15/2020 07:41:16</t>
  </si>
  <si>
    <t>dd90813e-1072-4324-8e8b-77922e98a110.tmp</t>
  </si>
  <si>
    <t>\\acsfs\profiles$\dhiulliananads\Downloads\dd90813e-1072-4324-8e8b-77922e98a110.tmp</t>
  </si>
  <si>
    <t>01/15/2020 07:40:27</t>
  </si>
  <si>
    <t>01/15/2020 07:41:40</t>
  </si>
  <si>
    <t>01/15/2020 07:45:46</t>
  </si>
  <si>
    <t>01/15/2020 07:40:43</t>
  </si>
  <si>
    <t>01/15/2020 07:41:43</t>
  </si>
  <si>
    <t>01/15/2020 07:42:43</t>
  </si>
  <si>
    <t>01/15/2020 07:43:43</t>
  </si>
  <si>
    <t>01/15/2020 07:44:43</t>
  </si>
  <si>
    <t>01/15/2020 07:40:24</t>
  </si>
  <si>
    <t>01/15/2020 07:46:07</t>
  </si>
  <si>
    <t>01/15/2020 07:48:46</t>
  </si>
  <si>
    <t>01/15/2020 07:45:17</t>
  </si>
  <si>
    <t>01/15/2020 07:49:46</t>
  </si>
  <si>
    <t>01/15/2020 07:45:02</t>
  </si>
  <si>
    <t>01/15/2020 07:45:41</t>
  </si>
  <si>
    <t>22d4dd05-ec5a-4201-a6b5-a3888759f406.tmp</t>
  </si>
  <si>
    <t>\\acsfs\profiles$\felipetds\Downloads\22d4dd05-ec5a-4201-a6b5-a3888759f406.tmp</t>
  </si>
  <si>
    <t>01/15/2020 07:46:14</t>
  </si>
  <si>
    <t>01/15/2020 07:47:03</t>
  </si>
  <si>
    <t>83cfee5c-489e-41ac-b808-5e4200010e55.tmp</t>
  </si>
  <si>
    <t>\\acsfs\profiles$\felipetds\Downloads\83cfee5c-489e-41ac-b808-5e4200010e55.tmp</t>
  </si>
  <si>
    <t>01/15/2020 07:50:46</t>
  </si>
  <si>
    <t>01/15/2020 07:45:43</t>
  </si>
  <si>
    <t>01/15/2020 07:46:23</t>
  </si>
  <si>
    <t>01/15/2020 07:46:33</t>
  </si>
  <si>
    <t>01/15/2020 07:46:43</t>
  </si>
  <si>
    <t>01/15/2020 07:47:43</t>
  </si>
  <si>
    <t>01/15/2020 07:48:43</t>
  </si>
  <si>
    <t>01/15/2020 07:49:43</t>
  </si>
  <si>
    <t>01/15/2020 07:46:21</t>
  </si>
  <si>
    <t>01/15/2020 07:51:46</t>
  </si>
  <si>
    <t>01/15/2020 07:46:51</t>
  </si>
  <si>
    <t>01/15/2020 07:48:21</t>
  </si>
  <si>
    <t>01/15/2020 07:48:51</t>
  </si>
  <si>
    <t>01/15/2020 07:49:21</t>
  </si>
  <si>
    <t>01/15/2020 07:50:01</t>
  </si>
  <si>
    <t>01/15/2020 07:49:53</t>
  </si>
  <si>
    <t>01/15/2020 07:50:10</t>
  </si>
  <si>
    <t>01/15/2020 07:48:35</t>
  </si>
  <si>
    <t>01/15/2020 07:52:46</t>
  </si>
  <si>
    <t>59ebd18a-4a5c-42b0-8908-89c126ae28e8.tmp</t>
  </si>
  <si>
    <t>\\acsfs\profiles$\geovannasm\Downloads\59ebd18a-4a5c-42b0-8908-89c126ae28e8.tmp</t>
  </si>
  <si>
    <t>296468a3-9bc2-41d4-bd55-15e4c05a94c0.tmp</t>
  </si>
  <si>
    <t>\\acsfs\profiles$\geovannasm\Downloads\296468a3-9bc2-41d4-bd55-15e4c05a94c0.tmp</t>
  </si>
  <si>
    <t>01/15/2020 07:49:49</t>
  </si>
  <si>
    <t>c0a02ec2-567c-4653-b69a-7ac213578b41.tmp</t>
  </si>
  <si>
    <t>\\acsfs\profiles$\geovannasm\Downloads\c0a02ec2-567c-4653-b69a-7ac213578b41.tmp</t>
  </si>
  <si>
    <t>01/15/2020 07:52:11</t>
  </si>
  <si>
    <t>3e6bcdfa-212b-48bb-85aa-82306f2e9e65.tmp</t>
  </si>
  <si>
    <t>\\acsfs\profiles$\geovannasm\Downloads\3e6bcdfa-212b-48bb-85aa-82306f2e9e65.tmp</t>
  </si>
  <si>
    <t>01/15/2020 07:50:00</t>
  </si>
  <si>
    <t>01/15/2020 07:54:46</t>
  </si>
  <si>
    <t>https://excel.officeapps.live.com/x/_layouts/xlviewerinternal.aspx?unified=1&amp;ui=pt-br&amp;rs=pt-br&amp;wopisrc=https://algarnet-my.sharepoint.com/personal/josiascdsj_algartech_com/_vti_bin/wopi.ashx/files/69aca668fc0a42819068a83011a1d846&amp;wdenableroaming=1&amp;mscc=1&amp;wdodb=1&amp;hid=fdaf2b9f-60b0-0000-4915-b9df7aebc41e&amp;wdorigin=other&amp;jsapi=1&amp;newsession=1&amp;corrid=b905870c-6910-4278-a049-c45bb23f32e3&amp;usid=b905870c-6910-4278-a049-c45bb23f32e3&amp;wdredirectionreason=force_singlestepboot</t>
  </si>
  <si>
    <t>01/15/2020 07:50:06</t>
  </si>
  <si>
    <t>01/15/2020 07:50:07</t>
  </si>
  <si>
    <t>https://excel.officeapps.live.com/x/_layouts/mruservicehandler.ashx?action=updatemruentry&amp;app=1&amp;lc=pt-br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zkywyyyjlmlt</t>
  </si>
  <si>
    <t>01/15/2020 07:50:08</t>
  </si>
  <si>
    <t>01/15/2020 07:50:11</t>
  </si>
  <si>
    <t>01/15/2020 07:50:13</t>
  </si>
  <si>
    <t>01/15/2020 07:50:14</t>
  </si>
  <si>
    <t>01/15/2020 07:50:15</t>
  </si>
  <si>
    <t>https://excel.officeapps.live.com/afhs/cloudpolicysettings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zkywyyyjlmltywyjatmdawmc00ote1lwi5zgy3ywviyzqxzsj9.xl</t>
  </si>
  <si>
    <t>https://excel.officeapps.live.com/afhs/applicationfeaturehelperhandler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zkywyyyjlmltywyjatmdawmc00ote1lwi5zgy3ywv</t>
  </si>
  <si>
    <t>01/15/2020 07:50:18</t>
  </si>
  <si>
    <t>01/15/2020 07:50:21</t>
  </si>
  <si>
    <t>01/15/2020 07:50:22</t>
  </si>
  <si>
    <t>01/15/2020 07:50:23</t>
  </si>
  <si>
    <t>01/15/2020 07:50:25</t>
  </si>
  <si>
    <t>https://excel.officeapps.live.com/x/_layouts/addinservicehandler.ashx?action=getaddins&amp;app=excel&amp;catalog=privatecatalog&amp;clientcode=wac_excel&amp;clientversion=16.0.0.0&amp;corr=aec63d8a-f616-ae8f-48bb-294e0978bfdd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1mzk4iiwizxhwijoimtu3oteymtm5oc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</t>
  </si>
  <si>
    <t>01/15/2020 07:50:28</t>
  </si>
  <si>
    <t>01/15/2020 07:50:37</t>
  </si>
  <si>
    <t>https://excel.officeapps.live.com/x/_layouts/roamingappshandler.ashx?wdenableroaming=1</t>
  </si>
  <si>
    <t>https://excel.officeapps.live.com/x/_layouts/xlfilehandler.aspx?wacusertype=wopi&amp;usid=b905870c-6910-4278-a049-c45bb23f32e3&amp;noauth=1&amp;waccluster=br2</t>
  </si>
  <si>
    <t>01/15/2020 07:50:38</t>
  </si>
  <si>
    <t>01/15/2020 07:50:43</t>
  </si>
  <si>
    <t>01/15/2020 07:50:55</t>
  </si>
  <si>
    <t>01/15/2020 07:51:08</t>
  </si>
  <si>
    <t>01/15/2020 07:51:55</t>
  </si>
  <si>
    <t>01/15/2020 07:52:55</t>
  </si>
  <si>
    <t>01/15/2020 07:53:13</t>
  </si>
  <si>
    <t>01/15/2020 07:53:19</t>
  </si>
  <si>
    <t>01/15/2020 07:50:02</t>
  </si>
  <si>
    <t>a70b11e2-fe18-4cc0-9ec2-0e522297fa07.tmp</t>
  </si>
  <si>
    <t>\\acsfs\profiles$\BRUNAAR\Downloads\a70b11e2-fe18-4cc0-9ec2-0e522297fa07.tmp</t>
  </si>
  <si>
    <t>01/15/2020 07:53:22</t>
  </si>
  <si>
    <t>84196f9e-5b1e-438f-9b48-64930b3a60bf.tmp</t>
  </si>
  <si>
    <t>\\acsfs\profiles$\luanarda\Downloads\84196f9e-5b1e-438f-9b48-64930b3a60bf.tmp</t>
  </si>
  <si>
    <t>01/15/2020 07:55:46</t>
  </si>
  <si>
    <t>01/15/2020 07:51:43</t>
  </si>
  <si>
    <t>01/15/2020 07:52:43</t>
  </si>
  <si>
    <t>01/15/2020 07:53:43</t>
  </si>
  <si>
    <t>01/15/2020 07:54:29</t>
  </si>
  <si>
    <t>7442c086-037b-44e0-ae50-4701bcc28278.tmp</t>
  </si>
  <si>
    <t>\\acsfs\profiles$\ERICALSR\Downloads\7442c086-037b-44e0-ae50-4701bcc28278.tmp</t>
  </si>
  <si>
    <t>01/15/2020 07:52:21</t>
  </si>
  <si>
    <t>01/15/2020 07:56:46</t>
  </si>
  <si>
    <t>01/15/2020 07:53:51</t>
  </si>
  <si>
    <t>01/15/2020 07:55:21</t>
  </si>
  <si>
    <t>01/15/2020 07:56:05</t>
  </si>
  <si>
    <t>01/15/2020 07:52:30</t>
  </si>
  <si>
    <t>01/15/2020 07:52:41</t>
  </si>
  <si>
    <t>01/15/2020 07:52:57</t>
  </si>
  <si>
    <t>01/15/2020 07:53:06</t>
  </si>
  <si>
    <t>01/15/2020 07:53:16</t>
  </si>
  <si>
    <t>01/15/2020 07:53:24</t>
  </si>
  <si>
    <t>01/15/2020 07:53:38</t>
  </si>
  <si>
    <t>01/15/2020 07:53:58</t>
  </si>
  <si>
    <t>01/15/2020 07:54:05</t>
  </si>
  <si>
    <t>01/15/2020 07:54:16</t>
  </si>
  <si>
    <t>01/15/2020 07:54:32</t>
  </si>
  <si>
    <t>01/15/2020 07:54:37</t>
  </si>
  <si>
    <t>01/15/2020 07:54:44</t>
  </si>
  <si>
    <t>01/15/2020 07:55:22</t>
  </si>
  <si>
    <t>01/15/2020 07:56:23</t>
  </si>
  <si>
    <t>01/15/2020 07:56:31</t>
  </si>
  <si>
    <t>01/15/2020 07:53:45</t>
  </si>
  <si>
    <t>01/15/2020 07:57:46</t>
  </si>
  <si>
    <t>418550c0-87e4-4047-84d6-89ddd18c38ac.tmp</t>
  </si>
  <si>
    <t>\\acsfs\profiles$\geovannasm\Downloads\418550c0-87e4-4047-84d6-89ddd18c38ac.tmp</t>
  </si>
  <si>
    <t>01/15/2020 07:55:31</t>
  </si>
  <si>
    <t>d85448c6-b56a-4cc2-a174-7be3592de8a2.tmp</t>
  </si>
  <si>
    <t>\\acsfs\profiles$\geovannasm\Downloads\d85448c6-b56a-4cc2-a174-7be3592de8a2.tmp</t>
  </si>
  <si>
    <t>01/15/2020 07:53:55</t>
  </si>
  <si>
    <t>01/15/2020 07:59:46</t>
  </si>
  <si>
    <t>01/15/2020 07:54:55</t>
  </si>
  <si>
    <t>01/15/2020 07:55:05</t>
  </si>
  <si>
    <t>01/15/2020 07:55:55</t>
  </si>
  <si>
    <t>01/15/2020 07:56:55</t>
  </si>
  <si>
    <t>01/15/2020 07:57:55</t>
  </si>
  <si>
    <t>01/15/2020 07:58:07</t>
  </si>
  <si>
    <t>01/15/2020 07:57:24</t>
  </si>
  <si>
    <t>a2fd3f45-69d3-49a5-bf94-e60dc3fe3143.tmp</t>
  </si>
  <si>
    <t>\\acsfs\profiles$\nayarasds\Downloads\a2fd3f45-69d3-49a5-bf94-e60dc3fe3143.tmp</t>
  </si>
  <si>
    <t>01/15/2020 07:57:57</t>
  </si>
  <si>
    <t>52a4d862-b133-4010-8106-1efae10e8546.tmp</t>
  </si>
  <si>
    <t>\\acsfs\profiles$\nayarasds\Downloads\52a4d862-b133-4010-8106-1efae10e8546.tmp</t>
  </si>
  <si>
    <t>01/15/2020 07:56:25</t>
  </si>
  <si>
    <t>01/15/2020 07:56:36</t>
  </si>
  <si>
    <t>01/15/2020 07:56:43</t>
  </si>
  <si>
    <t>01/15/2020 07:56:52</t>
  </si>
  <si>
    <t>01/15/2020 07:56:57</t>
  </si>
  <si>
    <t>01/15/2020 07:56:21</t>
  </si>
  <si>
    <t>8ad92cc8-a8d8-4007-b1ac-40d042c65812.tmp</t>
  </si>
  <si>
    <t>\\acsfs\profiles$\luanarda\Downloads\8ad92cc8-a8d8-4007-b1ac-40d042c65812.tmp</t>
  </si>
  <si>
    <t>01/15/2020 07:59:03</t>
  </si>
  <si>
    <t>01/15/2020 07:55:09</t>
  </si>
  <si>
    <t>01/15/2020 08:00:46</t>
  </si>
  <si>
    <t>01/15/2020 07:55:43</t>
  </si>
  <si>
    <t>01/15/2020 07:57:43</t>
  </si>
  <si>
    <t>01/15/2020 07:58:43</t>
  </si>
  <si>
    <t>01/15/2020 07:59:43</t>
  </si>
  <si>
    <t>01/15/2020 07:58:18</t>
  </si>
  <si>
    <t>01/15/2020 07:58:19</t>
  </si>
  <si>
    <t>01/15/2020 07:58:24</t>
  </si>
  <si>
    <t>01/15/2020 07:58:35</t>
  </si>
  <si>
    <t>01/15/2020 07:58:36</t>
  </si>
  <si>
    <t>01/15/2020 07:58:54</t>
  </si>
  <si>
    <t>01/15/2020 07:59:10</t>
  </si>
  <si>
    <t>01/15/2020 07:59:25</t>
  </si>
  <si>
    <t>01/15/2020 08:00:14</t>
  </si>
  <si>
    <t>01/15/2020 07:58:14</t>
  </si>
  <si>
    <t>19ced520-f283-4255-914a-45e97a79e9a5.tmp</t>
  </si>
  <si>
    <t>\\acsfs\profiles$\ERICALSR\Downloads\19ced520-f283-4255-914a-45e97a79e9a5.tmp</t>
  </si>
  <si>
    <t>01/15/2020 07:56:35</t>
  </si>
  <si>
    <t>01/15/2020 08:01:46</t>
  </si>
  <si>
    <t>01/15/2020 07:56:42</t>
  </si>
  <si>
    <t>01/15/2020 07:57:36</t>
  </si>
  <si>
    <t>01/15/2020 07:57:37</t>
  </si>
  <si>
    <t>01/15/2020 07:57:51</t>
  </si>
  <si>
    <t>01/15/2020 07:58:28</t>
  </si>
  <si>
    <t>01/15/2020 07:58:42</t>
  </si>
  <si>
    <t>01/15/2020 08:01:18</t>
  </si>
  <si>
    <t>01/15/2020 07:58:52</t>
  </si>
  <si>
    <t>01/15/2020 08:02:46</t>
  </si>
  <si>
    <t>37674141-1f41-4930-b5ed-d8c4d62b7d5f.tmp</t>
  </si>
  <si>
    <t>\\acsfs\profiles$\RAFAELRF\Downloads\37674141-1f41-4930-b5ed-d8c4d62b7d5f.tmp</t>
  </si>
  <si>
    <t>01/15/2020 07:59:26</t>
  </si>
  <si>
    <t>e96a4e9b-7491-4ea1-907b-104a07d68568.tmp</t>
  </si>
  <si>
    <t>\\acsfs\profiles$\RAFAELRF\Downloads\e96a4e9b-7491-4ea1-907b-104a07d68568.tmp</t>
  </si>
  <si>
    <t>01/15/2020 07:58:23</t>
  </si>
  <si>
    <t>01/15/2020 07:57:50</t>
  </si>
  <si>
    <t>01/15/2020 07:58:55</t>
  </si>
  <si>
    <t>01/15/2020 08:04:45</t>
  </si>
  <si>
    <t>01/15/2020 07:59:55</t>
  </si>
  <si>
    <t>01/15/2020 08:00:05</t>
  </si>
  <si>
    <t>01/15/2020 08:00:55</t>
  </si>
  <si>
    <t>01/15/2020 08:01:55</t>
  </si>
  <si>
    <t>01/15/2020 08:02:55</t>
  </si>
  <si>
    <t>01/15/2020 08:02:57</t>
  </si>
  <si>
    <t>https://excel.officeapps.live.com/x/_layouts/xlviewerinternal.aspx?unified=1&amp;ui=pt-br&amp;rs=pt-br&amp;wopisrc=https://algarnet-my.sharepoint.com/personal/josiascdsj_algartech_com/_vti_bin/wopi.ashx/files/69aca668fc0a42819068a83011a1d846&amp;wdenableroaming=1&amp;mscc=1&amp;wdodb=1&amp;hid=bbb02b9f-002f-0000-559b-d1fa8cb0889a&amp;wdorigin=other&amp;jsapi=1&amp;newsession=1&amp;corrid=8420bfbe-a3e4-4067-ba11-7b17d5a2ed23&amp;usid=8420bfbe-a3e4-4067-ba11-7b17d5a2ed23&amp;wdredirectionreason=force_singlestepboot&amp;preseededsessionkey=67545055-54cf-ebd7-8c51-6420de04b183&amp;preseededwacsessionid=02815542-3c18-5af8-b3ee-29d6d8404b51</t>
  </si>
  <si>
    <t>01/15/2020 08:03:00</t>
  </si>
  <si>
    <t>01/15/2020 08:03:02</t>
  </si>
  <si>
    <t>https://excel.officeapps.live.com/x/_layouts/mruservicehandler.ashx?action=updatemruentry&amp;app=1&amp;lc=pt-br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jiyjayyjlmlt</t>
  </si>
  <si>
    <t>01/15/2020 08:03:04</t>
  </si>
  <si>
    <t>01/15/2020 08:03:05</t>
  </si>
  <si>
    <t>01/15/2020 08:03:08</t>
  </si>
  <si>
    <t>01/15/2020 08:03:09</t>
  </si>
  <si>
    <t>01/15/2020 08:03:10</t>
  </si>
  <si>
    <t>https://excel.officeapps.live.com/afhs/cloudpolicysettings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jiyjayyjlmltawmmytmdawmc01ntlilwqxzme4y2iwodg5ysj9.gx</t>
  </si>
  <si>
    <t>https://excel.officeapps.live.com/afhs/applicationfeaturehelperhandler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2jiyjayyjlmltawmmytmdawmc01ntlilwqxzme4y2i</t>
  </si>
  <si>
    <t>01/15/2020 08:03:11</t>
  </si>
  <si>
    <t>01/15/2020 08:03:20</t>
  </si>
  <si>
    <t>01/15/2020 08:03:21</t>
  </si>
  <si>
    <t>01/15/2020 08:03:24</t>
  </si>
  <si>
    <t>https://excel.officeapps.live.com/x/_layouts/addinservicehandler.ashx?action=getaddins&amp;app=excel&amp;catalog=privatecatalog&amp;clientcode=wac_excel&amp;clientversion=16.0.0.0&amp;corr=e6f4fd8a-f616-5e4b-38aa-0dbc79d44ae8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g2mtc1iiwizxhwijoimtu3oteymje3ns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</t>
  </si>
  <si>
    <t>01/15/2020 08:03:28</t>
  </si>
  <si>
    <t>01/15/2020 08:03:32</t>
  </si>
  <si>
    <t>01/15/2020 08:03:35</t>
  </si>
  <si>
    <t>01/15/2020 08:03:38</t>
  </si>
  <si>
    <t>01/15/2020 08:03:43</t>
  </si>
  <si>
    <t>https://excel.officeapps.live.com/x/_layouts/wsaupload.ashx</t>
  </si>
  <si>
    <t>https://excel.officeapps.live.com/x/_vti_bin/ewainternalwebservice.json/xlendcommand?waccluster=br2</t>
  </si>
  <si>
    <t>01/15/2020 08:05:46</t>
  </si>
  <si>
    <t>01/15/2020 08:00:43</t>
  </si>
  <si>
    <t>01/15/2020 08:01:43</t>
  </si>
  <si>
    <t>01/15/2020 08:02:43</t>
  </si>
  <si>
    <t>01/15/2020 08:04:43</t>
  </si>
  <si>
    <t>01/15/2020 08:00:38</t>
  </si>
  <si>
    <t>01/15/2020 08:00:18</t>
  </si>
  <si>
    <t>01/15/2020 08:00:22</t>
  </si>
  <si>
    <t>01/15/2020 08:00:28</t>
  </si>
  <si>
    <t>01/15/2020 08:00:32</t>
  </si>
  <si>
    <t>01/15/2020 08:00:51</t>
  </si>
  <si>
    <t>01/15/2020 08:00:52</t>
  </si>
  <si>
    <t>01/15/2020 08:03:15</t>
  </si>
  <si>
    <t>01/15/2020 08:03:18</t>
  </si>
  <si>
    <t>01/15/2020 08:03:30</t>
  </si>
  <si>
    <t>01/15/2020 08:03:40</t>
  </si>
  <si>
    <t>01/15/2020 08:03:46</t>
  </si>
  <si>
    <t>01/15/2020 08:03:52</t>
  </si>
  <si>
    <t>01/15/2020 08:04:01</t>
  </si>
  <si>
    <t>01/15/2020 08:01:42</t>
  </si>
  <si>
    <t>d5857630-e3dc-4a1a-a999-9852df79ecb5.tmp</t>
  </si>
  <si>
    <t>\\acsfs\profiles$\vivianalds\Downloads\d5857630-e3dc-4a1a-a999-9852df79ecb5.tmp</t>
  </si>
  <si>
    <t>01/15/2020 08:02:06</t>
  </si>
  <si>
    <t>e615c192-9f4e-417b-b780-64d3e10c32c9.tmp</t>
  </si>
  <si>
    <t>\\acsfs\profiles$\vivianalds\Downloads\e615c192-9f4e-417b-b780-64d3e10c32c9.tmp</t>
  </si>
  <si>
    <t>01/15/2020 08:04:17</t>
  </si>
  <si>
    <t>01/15/2020 08:02:30</t>
  </si>
  <si>
    <t>ec25a678-006f-4a1b-9913-affed9a57a2b.tmp</t>
  </si>
  <si>
    <t>\\acsfs\profiles$\ANAPDSB\Downloads\ec25a678-006f-4a1b-9913-affed9a57a2b.tmp</t>
  </si>
  <si>
    <t>01/15/2020 08:02:50</t>
  </si>
  <si>
    <t>01/15/2020 08:03:54</t>
  </si>
  <si>
    <t>7b80fbbc-3cc9-4768-8cd1-7eaf8496dbae.tmp</t>
  </si>
  <si>
    <t>\\acsfs\profiles$\ANAPDSB\Downloads\7b80fbbc-3cc9-4768-8cd1-7eaf8496dbae.tmp</t>
  </si>
  <si>
    <t>01/15/2020 08:02:58</t>
  </si>
  <si>
    <t>01/15/2020 08:06:46</t>
  </si>
  <si>
    <t>8c58eb35-cc04-4485-a611-a80487f7ac45.tmp</t>
  </si>
  <si>
    <t>\\acsfs\profiles$\milenaas\Downloads\8c58eb35-cc04-4485-a611-a80487f7ac45.tmp</t>
  </si>
  <si>
    <t>01/15/2020 08:04:48</t>
  </si>
  <si>
    <t>dd2a1e41-abd8-4291-a96b-fb2c258b6caf.tmp</t>
  </si>
  <si>
    <t>\\acsfs\profiles$\milenaas\Downloads\dd2a1e41-abd8-4291-a96b-fb2c258b6caf.tmp</t>
  </si>
  <si>
    <t>01/15/2020 08:05:10</t>
  </si>
  <si>
    <t>a5bd2532-b105-49dd-b535-5c1890b31b64.tmp</t>
  </si>
  <si>
    <t>\\acsfs\profiles$\milenaas\Downloads\a5bd2532-b105-49dd-b535-5c1890b31b64.tmp</t>
  </si>
  <si>
    <t>lu1559610ndwp.tmp</t>
  </si>
  <si>
    <t>\\acsfs\profiles$\jonathanwap\lu1559610ndwp.tmp</t>
  </si>
  <si>
    <t>\\acsfs\profiles$\jonathanwap\lu1559610ndwp.tmp\</t>
  </si>
  <si>
    <t>\\acsfs\profiles$\jonathanwap\lu1559610ndwp.tmp\META-INF\</t>
  </si>
  <si>
    <t>\\acsfs\profiles$\jonathanwap\lu1559610ndwp.tmp\Thumbnails\</t>
  </si>
  <si>
    <t>01/15/2020 08:04:35</t>
  </si>
  <si>
    <t>01/15/2020 08:09:46</t>
  </si>
  <si>
    <t>3ec0c05e-3f8c-44a7-a2c5-5cd436660094.tmp</t>
  </si>
  <si>
    <t>\\acsfs\profiles$\nayarasds\Downloads\3ec0c05e-3f8c-44a7-a2c5-5cd436660094.tmp</t>
  </si>
  <si>
    <t>01/15/2020 08:05:24</t>
  </si>
  <si>
    <t>84092fb7-a198-4043-8394-b682ea81c1ce.tmp</t>
  </si>
  <si>
    <t>\\acsfs\profiles$\nayarasds\Downloads\84092fb7-a198-4043-8394-b682ea81c1ce.tmp</t>
  </si>
  <si>
    <t>01/15/2020 08:07:31</t>
  </si>
  <si>
    <t>5ec8456e-fe9d-43e6-92ff-fe9c0cc40bcc.tmp</t>
  </si>
  <si>
    <t>\\acsfs\profiles$\nayarasds\Downloads\5ec8456e-fe9d-43e6-92ff-fe9c0cc40bcc.tmp</t>
  </si>
  <si>
    <t>01/15/2020 08:07:36</t>
  </si>
  <si>
    <t>1db0183e-8e0a-4f9c-a02b-0ce74be15c00.tmp</t>
  </si>
  <si>
    <t>\\acsfs\profiles$\nayarasds\Downloads\1db0183e-8e0a-4f9c-a02b-0ce74be15c00.tmp</t>
  </si>
  <si>
    <t>01/15/2020 08:03:55</t>
  </si>
  <si>
    <t>01/15/2020 08:04:13</t>
  </si>
  <si>
    <t>01/15/2020 08:04:22</t>
  </si>
  <si>
    <t>01/15/2020 08:04:25</t>
  </si>
  <si>
    <t>01/15/2020 08:04:27</t>
  </si>
  <si>
    <t>01/15/2020 08:04:30</t>
  </si>
  <si>
    <t>01/15/2020 08:04:34</t>
  </si>
  <si>
    <t>01/15/2020 08:05:05</t>
  </si>
  <si>
    <t>01/15/2020 08:05:07</t>
  </si>
  <si>
    <t>01/15/2020 08:05:34</t>
  </si>
  <si>
    <t>01/15/2020 08:06:34</t>
  </si>
  <si>
    <t>01/15/2020 08:07:34</t>
  </si>
  <si>
    <t>01/15/2020 08:08:11</t>
  </si>
  <si>
    <t>01/15/2020 08:08:13</t>
  </si>
  <si>
    <t>01/15/2020 08:08:17</t>
  </si>
  <si>
    <t>01/15/2020 08:08:27</t>
  </si>
  <si>
    <t>01/15/2020 08:08:38</t>
  </si>
  <si>
    <t>01/15/2020 08:08:40</t>
  </si>
  <si>
    <t>01/15/2020 08:10:46</t>
  </si>
  <si>
    <t>01/15/2020 08:05:43</t>
  </si>
  <si>
    <t>01/15/2020 08:06:43</t>
  </si>
  <si>
    <t>01/15/2020 08:07:43</t>
  </si>
  <si>
    <t>01/15/2020 08:08:43</t>
  </si>
  <si>
    <t>01/15/2020 08:08:33</t>
  </si>
  <si>
    <t>01/15/2020 08:08:34</t>
  </si>
  <si>
    <t>lu11608y3ziv.tmp</t>
  </si>
  <si>
    <t>\\acsfs\profiles$\VIVIANALDS\My Documents\lu11608y3ziv.tmp</t>
  </si>
  <si>
    <t>\\acsfs\profiles$\VIVIANALDS\My Documents\lu11608y3ziv.tmp\</t>
  </si>
  <si>
    <t>\\acsfs\profiles$\VIVIANALDS\My Documents\lu11608y3ziv.tmp\META-INF\</t>
  </si>
  <si>
    <t>\\acsfs\profiles$\VIVIANALDS\My Documents\lu11608y3ziv.tmp\Thumbnails\</t>
  </si>
  <si>
    <t>01/15/2020 08:08:47</t>
  </si>
  <si>
    <t>lu11608y3ziz.tmp</t>
  </si>
  <si>
    <t>\\acsfs\profiles$\VIVIANALDS\My Documents\lu11608y3ziz.tmp</t>
  </si>
  <si>
    <t>\\acsfs\profiles$\VIVIANALDS\My Documents\lu11608y3ziz.tmp\</t>
  </si>
  <si>
    <t>\\acsfs\profiles$\VIVIANALDS\My Documents\lu11608y3ziz.tmp\META-INF\</t>
  </si>
  <si>
    <t>\\acsfs\profiles$\VIVIANALDS\My Documents\lu11608y3ziz.tmp\Thumbnails\</t>
  </si>
  <si>
    <t>01/15/2020 08:08:51</t>
  </si>
  <si>
    <t>01/15/2020 08:08:52</t>
  </si>
  <si>
    <t>lu11608y3zj3.tmp</t>
  </si>
  <si>
    <t>\\acsfs\profiles$\VIVIANALDS\My Documents\lu11608y3zj3.tmp</t>
  </si>
  <si>
    <t>\\acsfs\profiles$\VIVIANALDS\My Documents\lu11608y3zj3.tmp\</t>
  </si>
  <si>
    <t>\\acsfs\profiles$\VIVIANALDS\My Documents\lu11608y3zj3.tmp\META-INF\</t>
  </si>
  <si>
    <t>\\acsfs\profiles$\VIVIANALDS\My Documents\lu11608y3zj3.tmp\Thumbnails\</t>
  </si>
  <si>
    <t>01/15/2020 08:06:21</t>
  </si>
  <si>
    <t>01/15/2020 08:11:46</t>
  </si>
  <si>
    <t>01/15/2020 08:10:51</t>
  </si>
  <si>
    <t>01/15/2020 08:10:41</t>
  </si>
  <si>
    <t>01/15/2020 08:12:46</t>
  </si>
  <si>
    <t>8a3668db-54ee-4c3d-b3a5-bdc066f656f1.tmp</t>
  </si>
  <si>
    <t>\\acsfs\profiles$\ayalabfi\Downloads\8a3668db-54ee-4c3d-b3a5-bdc066f656f1.tmp</t>
  </si>
  <si>
    <t>01/15/2020 08:10:42</t>
  </si>
  <si>
    <t>89b87a46-9e5f-4a5d-bb72-41b3a5f2af2f.tmp</t>
  </si>
  <si>
    <t>\\acsfs\profiles$\ayalabfi\Downloads\89b87a46-9e5f-4a5d-bb72-41b3a5f2af2f.tmp</t>
  </si>
  <si>
    <t>01/15/2020 08:10:44</t>
  </si>
  <si>
    <t>bb818218-9942-40fc-8660-1f090e1a0d18.tmp</t>
  </si>
  <si>
    <t>\\acsfs\profiles$\ayalabfi\Downloads\bb818218-9942-40fc-8660-1f090e1a0d18.tmp</t>
  </si>
  <si>
    <t>01/15/2020 08:07:40</t>
  </si>
  <si>
    <t>17599292-68e3-4a0f-a669-8a2d817fffec.tmp</t>
  </si>
  <si>
    <t>\\acsfs\profiles$\THYAGOSP\Downloads\17599292-68e3-4a0f-a669-8a2d817fffec.tmp</t>
  </si>
  <si>
    <t>01/15/2020 08:08:37</t>
  </si>
  <si>
    <t>47a0f333-4a1e-490a-a1d5-f4021415aeb3.tmp</t>
  </si>
  <si>
    <t>\\acsfs\profiles$\THYAGOSP\Downloads\47a0f333-4a1e-490a-a1d5-f4021415aeb3.tmp</t>
  </si>
  <si>
    <t>01/15/2020 08:08:46</t>
  </si>
  <si>
    <t>4915e509-fbad-4fdd-ad2b-e09a8c6e5958.tmp</t>
  </si>
  <si>
    <t>\\acsfs\profiles$\THYAGOSP\Downloads\4915e509-fbad-4fdd-ad2b-e09a8c6e5958.tmp</t>
  </si>
  <si>
    <t>01/15/2020 08:09:48</t>
  </si>
  <si>
    <t>dc4d24c5-1adf-4d48-888a-dc3b3a27630f.tmp</t>
  </si>
  <si>
    <t>\\acsfs\profiles$\THYAGOSP\Downloads\dc4d24c5-1adf-4d48-888a-dc3b3a27630f.tmp</t>
  </si>
  <si>
    <t>01/15/2020 08:07:47</t>
  </si>
  <si>
    <t>01/15/2020 08:09:24</t>
  </si>
  <si>
    <t>01/15/2020 08:08:57</t>
  </si>
  <si>
    <t>01/15/2020 08:13:46</t>
  </si>
  <si>
    <t>6bb06a26-6af9-4a70-aa42-2a1d0c29d50e.tmp</t>
  </si>
  <si>
    <t>\\acsfs\profiles$\rafaelahpn\Downloads\6bb06a26-6af9-4a70-aa42-2a1d0c29d50e.tmp</t>
  </si>
  <si>
    <t>01/15/2020 08:09:03</t>
  </si>
  <si>
    <t>e28cc9aa-edda-4e28-a266-cb2a6f024694.tmp</t>
  </si>
  <si>
    <t>\\acsfs\profiles$\rafaelahpn\Downloads\e28cc9aa-edda-4e28-a266-cb2a6f024694.tmp</t>
  </si>
  <si>
    <t>01/15/2020 08:12:30</t>
  </si>
  <si>
    <t>642d32e3-1b15-4cde-b12d-ee98027201a2.tmp</t>
  </si>
  <si>
    <t>\\acsfs\profiles$\rafaelahpn\Downloads\642d32e3-1b15-4cde-b12d-ee98027201a2.tmp</t>
  </si>
  <si>
    <t>01/15/2020 08:12:35</t>
  </si>
  <si>
    <t>01/15/2020 08:09:50</t>
  </si>
  <si>
    <t>01/15/2020 08:14:46</t>
  </si>
  <si>
    <t>c06cd1b7-31ff-4d37-a00d-835b2dd24c05.tmp</t>
  </si>
  <si>
    <t>\\acsfs\profiles$\gabrielaff\Downloads\c06cd1b7-31ff-4d37-a00d-835b2dd24c05.tmp</t>
  </si>
  <si>
    <t>01/15/2020 08:10:53</t>
  </si>
  <si>
    <t>aab96370-eea8-4a40-940b-1dbb75a92b1f.tmp</t>
  </si>
  <si>
    <t>\\acsfs\profiles$\gabrielaff\Downloads\aab96370-eea8-4a40-940b-1dbb75a92b1f.tmp</t>
  </si>
  <si>
    <t>01/15/2020 08:13:34</t>
  </si>
  <si>
    <t>7f2db561-436d-4df6-a07b-280657b0d646.tmp</t>
  </si>
  <si>
    <t>\\acsfs\profiles$\gabrielaff\Downloads\7f2db561-436d-4df6-a07b-280657b0d646.tmp</t>
  </si>
  <si>
    <t>01/15/2020 08:09:38</t>
  </si>
  <si>
    <t>01/15/2020 08:10:05</t>
  </si>
  <si>
    <t>01/15/2020 08:10:38</t>
  </si>
  <si>
    <t>01/15/2020 08:11:38</t>
  </si>
  <si>
    <t>01/15/2020 08:12:38</t>
  </si>
  <si>
    <t>01/15/2020 08:13:38</t>
  </si>
  <si>
    <t>01/15/2020 08:10:43</t>
  </si>
  <si>
    <t>01/15/2020 08:11:43</t>
  </si>
  <si>
    <t>01/15/2020 08:12:43</t>
  </si>
  <si>
    <t>01/15/2020 08:11:33</t>
  </si>
  <si>
    <t>01/15/2020 08:15:46</t>
  </si>
  <si>
    <t>01/15/2020 08:13:15</t>
  </si>
  <si>
    <t>01/15/2020 08:12:03</t>
  </si>
  <si>
    <t>01/15/2020 08:12:41</t>
  </si>
  <si>
    <t>01/15/2020 08:14:33</t>
  </si>
  <si>
    <t>01/15/2020 08:10:55</t>
  </si>
  <si>
    <t>01/15/2020 08:13:00</t>
  </si>
  <si>
    <t>01/15/2020 08:13:23</t>
  </si>
  <si>
    <t>01/15/2020 08:14:02</t>
  </si>
  <si>
    <t>01/15/2020 08:14:05</t>
  </si>
  <si>
    <t>01/15/2020 08:15:14</t>
  </si>
  <si>
    <t>01/15/2020 08:11:21</t>
  </si>
  <si>
    <t>01/15/2020 08:16:46</t>
  </si>
  <si>
    <t>01/15/2020 08:11:51</t>
  </si>
  <si>
    <t>01/15/2020 08:12:21</t>
  </si>
  <si>
    <t>01/15/2020 08:12:51</t>
  </si>
  <si>
    <t>01/15/2020 08:13:51</t>
  </si>
  <si>
    <t>01/15/2020 08:14:21</t>
  </si>
  <si>
    <t>01/15/2020 08:14:51</t>
  </si>
  <si>
    <t>01/15/2020 08:15:21</t>
  </si>
  <si>
    <t>01/15/2020 08:15:51</t>
  </si>
  <si>
    <t>01/15/2020 08:15:43</t>
  </si>
  <si>
    <t>01/15/2020 08:15:13</t>
  </si>
  <si>
    <t>edea4745-b26a-4079-b799-e1a39f1fe15a.tmp</t>
  </si>
  <si>
    <t>\\acsfs\profiles$\LUCASNS\Downloads\edea4745-b26a-4079-b799-e1a39f1fe15a.tmp</t>
  </si>
  <si>
    <t>01/15/2020 08:15:41</t>
  </si>
  <si>
    <t>19422e5a-1ae5-4c40-8a09-cabb3e7c39b7.tmp</t>
  </si>
  <si>
    <t>\\acsfs\profiles$\LUCASNS\Downloads\19422e5a-1ae5-4c40-8a09-cabb3e7c39b7.tmp</t>
  </si>
  <si>
    <t>01/15/2020 08:13:20</t>
  </si>
  <si>
    <t>01/15/2020 08:16:00</t>
  </si>
  <si>
    <t>01/15/2020 08:17:46</t>
  </si>
  <si>
    <t>20e3fe12-4b8a-4ab9-ae18-71123caef85b.tmp</t>
  </si>
  <si>
    <t>\\acsfs\profiles$\antoniosva\Downloads\20e3fe12-4b8a-4ab9-ae18-71123caef85b.tmp</t>
  </si>
  <si>
    <t>01/15/2020 08:16:38</t>
  </si>
  <si>
    <t>fb167b9e-55a0-475d-b07e-bbaeed730a58.tmp</t>
  </si>
  <si>
    <t>\\acsfs\profiles$\antoniosva\Downloads\fb167b9e-55a0-475d-b07e-bbaeed730a58.tmp</t>
  </si>
  <si>
    <t>01/15/2020 08:12:11</t>
  </si>
  <si>
    <t>5ad57eca-5eee-4d89-8430-0c8b89b66b25.tmp</t>
  </si>
  <si>
    <t>\\acsfs\profiles$\ayalabfi\Downloads\5ad57eca-5eee-4d89-8430-0c8b89b66b25.tmp</t>
  </si>
  <si>
    <t>396aa499-cde0-4fe6-bbf7-6703dc830625.tmp</t>
  </si>
  <si>
    <t>\\acsfs\profiles$\ayalabfi\Downloads\396aa499-cde0-4fe6-bbf7-6703dc830625.tmp</t>
  </si>
  <si>
    <t>01/15/2020 08:12:47</t>
  </si>
  <si>
    <t>01/15/2020 08:18:46</t>
  </si>
  <si>
    <t>40d47b3b-766d-4b4e-b270-44f8a6735631.tmp</t>
  </si>
  <si>
    <t>\\acsfs\profiles$\wenderbnm\Downloads\40d47b3b-766d-4b4e-b270-44f8a6735631.tmp</t>
  </si>
  <si>
    <t>01/15/2020 08:15:02</t>
  </si>
  <si>
    <t>b6b4368a-5ff2-4132-86c3-7bca48950682.tmp</t>
  </si>
  <si>
    <t>\\acsfs\profiles$\wenderbnm\Downloads\b6b4368a-5ff2-4132-86c3-7bca48950682.tmp</t>
  </si>
  <si>
    <t>01/15/2020 08:14:38</t>
  </si>
  <si>
    <t>01/15/2020 08:19:46</t>
  </si>
  <si>
    <t>01/15/2020 08:15:05</t>
  </si>
  <si>
    <t>01/15/2020 08:15:38</t>
  </si>
  <si>
    <t>01/15/2020 08:17:07</t>
  </si>
  <si>
    <t>01/15/2020 08:17:08</t>
  </si>
  <si>
    <t>01/15/2020 08:17:38</t>
  </si>
  <si>
    <t>01/15/2020 08:18:38</t>
  </si>
  <si>
    <t>01/15/2020 08:15:39</t>
  </si>
  <si>
    <t>01/15/2020 08:16:33</t>
  </si>
  <si>
    <t>01/15/2020 08:20:46</t>
  </si>
  <si>
    <t>01/15/2020 08:18:20</t>
  </si>
  <si>
    <t>01/15/2020 08:16:42</t>
  </si>
  <si>
    <t>01/15/2020 08:21:46</t>
  </si>
  <si>
    <t>145ae221-0d0e-439c-ac12-e42832b17645.tmp</t>
  </si>
  <si>
    <t>\\acsfs\profiles$\PEDROHAB\Downloads\145ae221-0d0e-439c-ac12-e42832b17645.tmp</t>
  </si>
  <si>
    <t>01/15/2020 08:17:19</t>
  </si>
  <si>
    <t>f0f2d159-0aac-47a1-b41a-e2393a50487c.tmp</t>
  </si>
  <si>
    <t>\\acsfs\profiles$\PEDROHAB\Downloads\f0f2d159-0aac-47a1-b41a-e2393a50487c.tmp</t>
  </si>
  <si>
    <t>01/15/2020 08:17:03</t>
  </si>
  <si>
    <t>e0795c2f-8df2-4980-b113-b3b6594732c5.tmp</t>
  </si>
  <si>
    <t>\\acsfs\profiles$\quindaizaagds\Downloads\e0795c2f-8df2-4980-b113-b3b6594732c5.tmp</t>
  </si>
  <si>
    <t>lu1559610ndwu.tmp</t>
  </si>
  <si>
    <t>\\acsfs\profiles$\jonathanwap\lu1559610ndwu.tmp</t>
  </si>
  <si>
    <t>\\acsfs\profiles$\jonathanwap\lu1559610ndwu.tmp\</t>
  </si>
  <si>
    <t>\\acsfs\profiles$\jonathanwap\lu1559610ndwu.tmp\META-INF\</t>
  </si>
  <si>
    <t>\\acsfs\profiles$\jonathanwap\lu1559610ndwu.tmp\Thumbnails\</t>
  </si>
  <si>
    <t>01/15/2020 08:16:59</t>
  </si>
  <si>
    <t>01/15/2020 08:22:46</t>
  </si>
  <si>
    <t>035e3955-de3e-438c-863f-0941bc166fb5.tmp</t>
  </si>
  <si>
    <t>\\acsfs\profiles$\antoniosva\Downloads\035e3955-de3e-438c-863f-0941bc166fb5.tmp</t>
  </si>
  <si>
    <t>01/15/2020 08:17:49</t>
  </si>
  <si>
    <t>57d38a00-70fa-47f0-972a-0bc6c13c242f.tmp</t>
  </si>
  <si>
    <t>\\acsfs\profiles$\antoniosva\Downloads\57d38a00-70fa-47f0-972a-0bc6c13c242f.tmp</t>
  </si>
  <si>
    <t>01/15/2020 08:17:54</t>
  </si>
  <si>
    <t>3efc5c9f-2ea6-4bf5-ac04-adaf9a988451.tmp</t>
  </si>
  <si>
    <t>\\acsfs\profiles$\antoniosva\Downloads\3efc5c9f-2ea6-4bf5-ac04-adaf9a988451.tmp</t>
  </si>
  <si>
    <t>01/15/2020 08:19:18</t>
  </si>
  <si>
    <t>af2202f1-93d4-4a1c-88cf-6f93d5e9ab46.tmp</t>
  </si>
  <si>
    <t>\\acsfs\profiles$\antoniosva\Downloads\af2202f1-93d4-4a1c-88cf-6f93d5e9ab46.tmp</t>
  </si>
  <si>
    <t>01/15/2020 08:17:45</t>
  </si>
  <si>
    <t>01/15/2020 08:18:15</t>
  </si>
  <si>
    <t>01/15/2020 08:18:39</t>
  </si>
  <si>
    <t>01/15/2020 08:19:16</t>
  </si>
  <si>
    <t>01/15/2020 08:19:43</t>
  </si>
  <si>
    <t>01/15/2020 08:18:24</t>
  </si>
  <si>
    <t>01/15/2020 08:21:02</t>
  </si>
  <si>
    <t>01/15/2020 08:23:47</t>
  </si>
  <si>
    <t>b6fbfe2e-8962-46de-974e-6511e8080248.tmp</t>
  </si>
  <si>
    <t>\\acsfs\profiles$\rafaelahpn\Downloads\b6fbfe2e-8962-46de-974e-6511e8080248.tmp</t>
  </si>
  <si>
    <t>01/15/2020 08:22:44</t>
  </si>
  <si>
    <t>5606f604-b411-46fc-9741-89fd88e7b344.tmp</t>
  </si>
  <si>
    <t>\\acsfs\profiles$\rafaelahpn\Downloads\5606f604-b411-46fc-9741-89fd88e7b344.tmp</t>
  </si>
  <si>
    <t>01/15/2020 08:20:37</t>
  </si>
  <si>
    <t>01/15/2020 08:23:01</t>
  </si>
  <si>
    <t>mail.google.com/sync/u/0/i/s?hl=pt-BR&amp;c=2192</t>
  </si>
  <si>
    <t>_x0003_���_x001C_x�*x_x0006_��e`y_x000E_;"[[];"mozilla/5.0 (windows nt 6.1) applewebkit/537.36 (khtml;0;0];0]";0]22] �_x0003_�_x0006_(�?_x0007_�=�_x0006_9995;0]];0]l;0]ll;0]ribedchildren;0]}ls;1;1253;13;13700014;13700109;13700109�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539161\;1578915882896000;1578915886959000;1578923371630\;1578930052848000;1578930058554000;1578930666787;1578940598260;1579002887516;1579004392649;1579014326512;1579030649468;1579037922075\;1579037922677\;1579037932305;17;1]]";1ya5yrwelrso-yxib3ctz0mdjsqkh2uffmn2kfrmynlkfp2vhk5vxrjlyzc1nx1i8</t>
  </si>
  <si>
    <t>_x0003_���_x001C_x�*x_x0006_��e`y_x000E_,"[[],"mozilla/5.0 (windows nt 6.1) applewebkit/537.36 (khtml,0,0],0]",0]22] �_x0003_�_x0006_(�?_x0007_�=�_x0006_9995,0]],0]l,0]ll,0]ribedchildren,0]}ls,1,1253,13,13700014,13700109,13700109�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539161\,1578915882896000,1578915886959000,1578923371630\,1578930052848000,1578930058554000,1578930666787,1578940598260,1579002887516,1579004392649,1579014326512,1579030649468,1579037922075\,1579037922677\,1579037932305,17,1]]",1ya5yrwelrso-yxib3ctz0mdjsqkh2uffmn2kfrmynlkfp2vhk5vxrjlyzc1nx1i8</t>
  </si>
  <si>
    <t>01/15/2020 08:19:02</t>
  </si>
  <si>
    <t>836f7697-9fc4-4b76-bda4-c551875613b9.tmp</t>
  </si>
  <si>
    <t>\\acsfs\profiles$\vivianealda\Downloads\836f7697-9fc4-4b76-bda4-c551875613b9.tmp</t>
  </si>
  <si>
    <t>01/15/2020 08:23:45</t>
  </si>
  <si>
    <t>01/15/2020 08:24:46</t>
  </si>
  <si>
    <t>20e6966e-f6f9-4b36-b956-d5ce8e48270f.tmp</t>
  </si>
  <si>
    <t>\\acsfs\profiles$\larissaad\Downloads\20e6966e-f6f9-4b36-b956-d5ce8e48270f.tmp</t>
  </si>
  <si>
    <t>01/15/2020 08:19:38</t>
  </si>
  <si>
    <t>01/15/2020 08:20:05</t>
  </si>
  <si>
    <t>01/15/2020 08:20:38</t>
  </si>
  <si>
    <t>01/15/2020 08:21:38</t>
  </si>
  <si>
    <t>01/15/2020 08:22:38</t>
  </si>
  <si>
    <t>01/15/2020 08:23:38</t>
  </si>
  <si>
    <t>01/15/2020 08:22:51</t>
  </si>
  <si>
    <t>01/15/2020 08:21:42</t>
  </si>
  <si>
    <t>bvs-centralcartoes@bv.com.br;cintia.souza-domingues@dxc.com;eduardo.santana@bv.com.br;fernandorsju@algartech.com;kesiadof@algartech.com;marianeps@algartech.com;talmaiardo@algartech.com;thiagordu@algartech.com;</t>
  </si>
  <si>
    <t>bvs-centralcartoes@bv.com.br,cintia.souza-domingues@dxc.com,eduardo.santana@bv.com.br,fernandorsju@algartech.com,kesiadof@algartech.com,marianeps@algartech.com,talmaiardo@algartech.com,thiagordu@algartech.com</t>
  </si>
  <si>
    <t>01/15/2020 08:21:52</t>
  </si>
  <si>
    <t>01/15/2020 08:21:59</t>
  </si>
  <si>
    <t>01/15/2020 08:22:03</t>
  </si>
  <si>
    <t>01/15/2020 08:22:07</t>
  </si>
  <si>
    <t>01/15/2020 08:22:08</t>
  </si>
  <si>
    <t>01/15/2020 08:23:03</t>
  </si>
  <si>
    <t>ae54af4e-95fd-4830-a805-c7b6dfe14873.tmp</t>
  </si>
  <si>
    <t>\\acsfs\profiles$\felipetds\Downloads\ae54af4e-95fd-4830-a805-c7b6dfe14873.tmp</t>
  </si>
  <si>
    <t>01/15/2020 08:25:47</t>
  </si>
  <si>
    <t>01/15/2020 08:22:36</t>
  </si>
  <si>
    <t>100014123564284;katia.cardoso@bv.com.br;</t>
  </si>
  <si>
    <t>https://100014123564284,katia.cardoso@bv.com.br</t>
  </si>
  <si>
    <t>01/15/2020 08:24:03</t>
  </si>
  <si>
    <t>01/15/2020 08:23:46</t>
  </si>
  <si>
    <t>01/15/2020 08:26:46</t>
  </si>
  <si>
    <t>67a380f0-bccb-4f45-b452-0545afa8eb8a.tmp</t>
  </si>
  <si>
    <t>\\acsfs\profiles$\quindaizaagds\Downloads\67a380f0-bccb-4f45-b452-0545afa8eb8a.tmp</t>
  </si>
  <si>
    <t>01/15/2020 08:24:23</t>
  </si>
  <si>
    <t>01/15/2020 08:23:08</t>
  </si>
  <si>
    <t>01/15/2020 08:27:47</t>
  </si>
  <si>
    <t>\\acsfs\Deptos\EDUCACAO EMPRESARIAL\KÉSIA\LAUDO.docx\</t>
  </si>
  <si>
    <t>01/15/2020 08:24:00</t>
  </si>
  <si>
    <t>01/15/2020 08:27:00</t>
  </si>
  <si>
    <t>d511645c-f6fe-4b6d-bea4-ac4b701c63bc.tmp</t>
  </si>
  <si>
    <t>\\acsfs\profiles$\lucasgpe\Downloads\d511645c-f6fe-4b6d-bea4-ac4b701c63bc.tmp</t>
  </si>
  <si>
    <t>01/15/2020 08:27:02</t>
  </si>
  <si>
    <t>01/15/2020 08:25:26</t>
  </si>
  <si>
    <t>6bd4ba48-629a-44b3-af2a-ee1eacc75a8c.tmp</t>
  </si>
  <si>
    <t>\\acsfs\profiles$\geovannasm\Downloads\6bd4ba48-629a-44b3-af2a-ee1eacc75a8c.tmp</t>
  </si>
  <si>
    <t>01/15/2020 08:22:34</t>
  </si>
  <si>
    <t>2f197a35-c9bd-429c-9d3c-98081f765c04.tmp</t>
  </si>
  <si>
    <t>\\acsfs\profiles$\victoriaksr\Downloads\2f197a35-c9bd-429c-9d3c-98081f765c04.tmp</t>
  </si>
  <si>
    <t>01/15/2020 08:22:43</t>
  </si>
  <si>
    <t>2c4f534a-cfc0-4769-846a-c8e48e3d00b1.tmp</t>
  </si>
  <si>
    <t>\\acsfs\profiles$\victoriaksr\Downloads\2c4f534a-cfc0-4769-846a-c8e48e3d00b1.tmp</t>
  </si>
  <si>
    <t>01/15/2020 08:24:21</t>
  </si>
  <si>
    <t>617604a5-6a7d-480d-9d38-fda6444860a1.tmp</t>
  </si>
  <si>
    <t>\\acsfs\profiles$\victoriaksr\Downloads\617604a5-6a7d-480d-9d38-fda6444860a1.tmp</t>
  </si>
  <si>
    <t>01/15/2020 08:24:48</t>
  </si>
  <si>
    <t>d6f1fed5-9b30-44ba-9f83-e25e289e713c.tmp</t>
  </si>
  <si>
    <t>\\acsfs\profiles$\victoriaksr\Downloads\d6f1fed5-9b30-44ba-9f83-e25e289e713c.tmp</t>
  </si>
  <si>
    <t>01/15/2020 08:26:34</t>
  </si>
  <si>
    <t>01/15/2020 08:28:46</t>
  </si>
  <si>
    <t>1f875fd5-589d-4c6b-8bb7-1268c73334f0.tmp</t>
  </si>
  <si>
    <t>\\acsfs\profiles$\rafaelahpn\Downloads\1f875fd5-589d-4c6b-8bb7-1268c73334f0.tmp</t>
  </si>
  <si>
    <t>01/15/2020 08:28:15</t>
  </si>
  <si>
    <t>01/15/2020 08:29:46</t>
  </si>
  <si>
    <t>c9ab0420-e3ac-434e-9f58-93a57c528db6.tmp</t>
  </si>
  <si>
    <t>\\acsfs\profiles$\larissaad\Downloads\c9ab0420-e3ac-434e-9f58-93a57c528db6.tmp</t>
  </si>
  <si>
    <t>01/15/2020 08:25:56</t>
  </si>
  <si>
    <t>7cc18d32-310e-47b7-b046-9d84a2e94f81.tmp</t>
  </si>
  <si>
    <t>\\acsfs\profiles$\KARENDSR\Downloads\7cc18d32-310e-47b7-b046-9d84a2e94f81.tmp</t>
  </si>
  <si>
    <t>01/15/2020 08:26:22</t>
  </si>
  <si>
    <t>6ee89adc-2b08-43eb-98a6-8e6e4dda3712.tmp</t>
  </si>
  <si>
    <t>\\acsfs\profiles$\KARENDSR\Downloads\6ee89adc-2b08-43eb-98a6-8e6e4dda3712.tmp</t>
  </si>
  <si>
    <t>01/15/2020 08:26:44</t>
  </si>
  <si>
    <t>782ea154-1683-4c0b-9bea-f12fed5ec85a.tmp</t>
  </si>
  <si>
    <t>\\acsfs\profiles$\KARENDSR\Downloads\782ea154-1683-4c0b-9bea-f12fed5ec85a.tmp</t>
  </si>
  <si>
    <t>01/15/2020 08:26:47</t>
  </si>
  <si>
    <t>06103da3-242a-490e-9e6d-8bb29bdb85e2.tmp</t>
  </si>
  <si>
    <t>\\acsfs\profiles$\KARENDSR\Downloads\06103da3-242a-490e-9e6d-8bb29bdb85e2.tmp</t>
  </si>
  <si>
    <t>01/15/2020 08:28:17</t>
  </si>
  <si>
    <t>672ecb88-46f6-4952-864a-c2c0cfec8d13.tmp</t>
  </si>
  <si>
    <t>\\acsfs\profiles$\KARENDSR\Downloads\672ecb88-46f6-4952-864a-c2c0cfec8d13.tmp</t>
  </si>
  <si>
    <t>01/15/2020 08:24:38</t>
  </si>
  <si>
    <t>01/15/2020 08:25:05</t>
  </si>
  <si>
    <t>01/15/2020 08:25:38</t>
  </si>
  <si>
    <t>01/15/2020 08:26:38</t>
  </si>
  <si>
    <t>01/15/2020 08:27:38</t>
  </si>
  <si>
    <t>01/15/2020 08:28:39</t>
  </si>
  <si>
    <t>BACEN_RECLAMAÇÕES - FERNANDA 15-01.xlsx</t>
  </si>
  <si>
    <t>\\acsfs\Deptos\EDUCACAO EMPRESARIAL\FERNANDA MONIT\Fernanda\RECLAMAÇÃO E OUVIDORIA\BACEN_RECLAMAÇÕES - FERNANDA 15-01.xlsx</t>
  </si>
  <si>
    <t>01/15/2020 08:26:53</t>
  </si>
  <si>
    <t>01/15/2020 08:27:10</t>
  </si>
  <si>
    <t>01/15/2020 08:30:45</t>
  </si>
  <si>
    <t>01/15/2020 08:30:19</t>
  </si>
  <si>
    <t>4727f365-3705-4715-9dcf-eece16399b86.tmp</t>
  </si>
  <si>
    <t>\\acsfs\profiles$\ERICALSR\Downloads\4727f365-3705-4715-9dcf-eece16399b86.tmp</t>
  </si>
  <si>
    <t>01/15/2020 08:29:53</t>
  </si>
  <si>
    <t>2d1263ab-0cdf-4780-9454-c8a46dcae0fc.tmp</t>
  </si>
  <si>
    <t>\\acsfs\profiles$\mariajra\Downloads\2d1263ab-0cdf-4780-9454-c8a46dcae0fc.tmp</t>
  </si>
  <si>
    <t>01/15/2020 08:26:51</t>
  </si>
  <si>
    <t>01/15/2020 08:31:46</t>
  </si>
  <si>
    <t>01/15/2020 08:27:21</t>
  </si>
  <si>
    <t>01/15/2020 08:27:51</t>
  </si>
  <si>
    <t>01/15/2020 08:29:21</t>
  </si>
  <si>
    <t>01/15/2020 08:27:29</t>
  </si>
  <si>
    <t>429b457f-b22e-4fec-9433-dafc3a3d5323.tmp</t>
  </si>
  <si>
    <t>\\acsfs\profiles$\milenaas\Downloads\429b457f-b22e-4fec-9433-dafc3a3d5323.tmp</t>
  </si>
  <si>
    <t>01/15/2020 08:28:32</t>
  </si>
  <si>
    <t>cccb9ca0-dc0b-4071-9791-6cf0504f87b2.tmp</t>
  </si>
  <si>
    <t>\\acsfs\profiles$\PEDROHAB\Downloads\cccb9ca0-dc0b-4071-9791-6cf0504f87b2.tmp</t>
  </si>
  <si>
    <t>01/15/2020 08:30:39</t>
  </si>
  <si>
    <t>01/15/2020 08:29:13</t>
  </si>
  <si>
    <t>01/15/2020 08:32:47</t>
  </si>
  <si>
    <t>dc00caa5-ba61-4d28-bb65-3c2f5d934d55.tmp</t>
  </si>
  <si>
    <t>\\acsfs\profiles$\lucasgpe\Downloads\dc00caa5-ba61-4d28-bb65-3c2f5d934d55.tmp</t>
  </si>
  <si>
    <t>01/15/2020 08:30:57</t>
  </si>
  <si>
    <t>01/15/2020 08:28:28</t>
  </si>
  <si>
    <t>01/15/2020 08:33:46</t>
  </si>
  <si>
    <t>64dbe3b5-07c4-4f36-b0ee-3e1ec616bd4c.tmp</t>
  </si>
  <si>
    <t>\\acsfs\profiles$\claudiajca\Downloads\64dbe3b5-07c4-4f36-b0ee-3e1ec616bd4c.tmp</t>
  </si>
  <si>
    <t>01/15/2020 08:29:20</t>
  </si>
  <si>
    <t>01/15/2020 08:34:47</t>
  </si>
  <si>
    <t>6c858f12-e941-4150-8e26-8f1e9334457c.tmp</t>
  </si>
  <si>
    <t>\\acsfs\profiles$\larissaad\Downloads\6c858f12-e941-4150-8e26-8f1e9334457c.tmp</t>
  </si>
  <si>
    <t>01/15/2020 08:29:38</t>
  </si>
  <si>
    <t>01/15/2020 08:30:05</t>
  </si>
  <si>
    <t>01/15/2020 08:30:38</t>
  </si>
  <si>
    <t>01/15/2020 08:31:40</t>
  </si>
  <si>
    <t>01/15/2020 08:32:40</t>
  </si>
  <si>
    <t>01/15/2020 08:33:39</t>
  </si>
  <si>
    <t>01/15/2020 08:32:22</t>
  </si>
  <si>
    <t>e53b42d8-d216-4b17-93c6-2c91f7b818f0.tmp</t>
  </si>
  <si>
    <t>\\acsfs\profiles$\nataliacsl\Downloads\e53b42d8-d216-4b17-93c6-2c91f7b818f0.tmp</t>
  </si>
  <si>
    <t>01/15/2020 08:32:39</t>
  </si>
  <si>
    <t>01/15/2020 08:33:40</t>
  </si>
  <si>
    <t>11d04ba8-9384-4758-a85b-387aaaa61cad.tmp</t>
  </si>
  <si>
    <t>\\acsfs\profiles$\nataliacsl\Downloads\11d04ba8-9384-4758-a85b-387aaaa61cad.tmp</t>
  </si>
  <si>
    <t>01/15/2020 08:30:35</t>
  </si>
  <si>
    <t>2947274d-0593-4b2c-b183-b29760b1cfd3.tmp</t>
  </si>
  <si>
    <t>\\acsfs\profiles$\lorraynevam\Downloads\2947274d-0593-4b2c-b183-b29760b1cfd3.tmp</t>
  </si>
  <si>
    <t>01/15/2020 08:35:46</t>
  </si>
  <si>
    <t>01/15/2020 08:31:28</t>
  </si>
  <si>
    <t>01/15/2020 08:31:31</t>
  </si>
  <si>
    <t>01/15/2020 08:31:35</t>
  </si>
  <si>
    <t>01/15/2020 08:31:42</t>
  </si>
  <si>
    <t>01/15/2020 08:31:57</t>
  </si>
  <si>
    <t>01/15/2020 08:31:58</t>
  </si>
  <si>
    <t>01/15/2020 08:34:14</t>
  </si>
  <si>
    <t>bvcartes-supervisores@algarnet.onmicrosoft.com;joaogvc@algartech.com;leonardoao@algartech.com;marianadjc@algartech.com;paulacn@algartech.com;rafaelggs@algartech.com;ricardodfm@algartech.com.br;taysdss@algartech.com;viniciussg@algartech.com;</t>
  </si>
  <si>
    <t>bvcartes-supervisores@algarnet.onmicrosoft.com,joaogvc@algartech.com,leonardoao@algartech.com,marianadjc@algartech.com,paulacn@algartech.com,rafaelggs@algartech.com,ricardodfm@algartech.com.br,taysdss@algartech.com,viniciussg@algartech.com</t>
  </si>
  <si>
    <t>01/15/2020 08:35:06</t>
  </si>
  <si>
    <t>01/15/2020 08:35:12</t>
  </si>
  <si>
    <t>01/15/2020 08:34:23</t>
  </si>
  <si>
    <t>01/15/2020 08:36:46</t>
  </si>
  <si>
    <t>14-01 RELATORIO DE LOGIN AVON.xlsm</t>
  </si>
  <si>
    <t>\\acsfs\deptos\Operacao\PCP\5 - Comum\CONTROL DESK\2 - DAC2\Control Desk AVON\Relatorios\Status de login\2020\14-01 RELATORIO DE LOGIN AVON.xlsm</t>
  </si>
  <si>
    <t>01/15/2020 08:31:25</t>
  </si>
  <si>
    <t>01/15/2020 08:35:41</t>
  </si>
  <si>
    <t>lu1559610ndwz.tmp</t>
  </si>
  <si>
    <t>\\acsfs\profiles$\jonathanwap\lu1559610ndwz.tmp</t>
  </si>
  <si>
    <t>\\acsfs\profiles$\jonathanwap\lu1559610ndwz.tmp\</t>
  </si>
  <si>
    <t>\\acsfs\profiles$\jonathanwap\lu1559610ndwz.tmp\META-INF\</t>
  </si>
  <si>
    <t>\\acsfs\profiles$\jonathanwap\lu1559610ndwz.tmp\Thumbnails\</t>
  </si>
  <si>
    <t>01/15/2020 08:34:51</t>
  </si>
  <si>
    <t>01/15/2020 08:34:52</t>
  </si>
  <si>
    <t>01/15/2020 08:37:12</t>
  </si>
  <si>
    <t>01/15/2020 08:37:46</t>
  </si>
  <si>
    <t>01/15/2020 08:37:13</t>
  </si>
  <si>
    <t>01/15/2020 08:32:53</t>
  </si>
  <si>
    <t>01/15/2020 08:36:06</t>
  </si>
  <si>
    <t>01/15/2020 08:36:07</t>
  </si>
  <si>
    <t>01/15/2020 08:36:08</t>
  </si>
  <si>
    <t>01/15/2020 08:36:09</t>
  </si>
  <si>
    <t>01/15/2020 08:36:10</t>
  </si>
  <si>
    <t>01/15/2020 08:36:11</t>
  </si>
  <si>
    <t>01/15/2020 08:36:12</t>
  </si>
  <si>
    <t>01/15/2020 08:36:13</t>
  </si>
  <si>
    <t>01/15/2020 08:36:14</t>
  </si>
  <si>
    <t>01/15/2020 08:36:15</t>
  </si>
  <si>
    <t>01/15/2020 08:36:16</t>
  </si>
  <si>
    <t>01/15/2020 08:38:46</t>
  </si>
  <si>
    <t>01/15/2020 08:36:17</t>
  </si>
  <si>
    <t>01/15/2020 08:36:18</t>
  </si>
  <si>
    <t>01/15/2020 08:36:19</t>
  </si>
  <si>
    <t>01/15/2020 08:36:45</t>
  </si>
  <si>
    <t>01/15/2020 08:39:47</t>
  </si>
  <si>
    <t>811aa1b9-fea2-4f07-a0d3-21fcac8cdfa5.tmp</t>
  </si>
  <si>
    <t>\\acsfs\profiles$\larissaad\Downloads\811aa1b9-fea2-4f07-a0d3-21fcac8cdfa5.tmp</t>
  </si>
  <si>
    <t>01/15/2020 08:35:51</t>
  </si>
  <si>
    <t>01/15/2020 08:34:38</t>
  </si>
  <si>
    <t>01/15/2020 08:35:05</t>
  </si>
  <si>
    <t>01/15/2020 08:35:17</t>
  </si>
  <si>
    <t>01/15/2020 08:35:38</t>
  </si>
  <si>
    <t>01/15/2020 08:36:38</t>
  </si>
  <si>
    <t>01/15/2020 08:37:38</t>
  </si>
  <si>
    <t>01/15/2020 08:38:09</t>
  </si>
  <si>
    <t>01/15/2020 08:38:38</t>
  </si>
  <si>
    <t>01/15/2020 08:38:57</t>
  </si>
  <si>
    <t>01/15/2020 08:34:24</t>
  </si>
  <si>
    <t>4ff5a3a3-5104-4b71-9c47-efd67774447b.tmp</t>
  </si>
  <si>
    <t>\\acsfs\profiles$\lorraynevam\Downloads\4ff5a3a3-5104-4b71-9c47-efd67774447b.tmp</t>
  </si>
  <si>
    <t>01/15/2020 08:37:06</t>
  </si>
  <si>
    <t>01/15/2020 08:38:17</t>
  </si>
  <si>
    <t>01/15/2020 08:40:46</t>
  </si>
  <si>
    <t>01/15/2020 08:37:05</t>
  </si>
  <si>
    <t>01/15/2020 08:37:49</t>
  </si>
  <si>
    <t>100014123564284;joaogvc@algartech.com;katia.cardoso@bv.com.br;leonardoao@algartech.com;marianadjc@algartech.com;paulacn@algartech.com;rafaelggs@algartech.com;ricardodfm@algartech.com.br;taysdss@algartech.com;thiagordu@algartech.com;viniciussg@algartech.com;</t>
  </si>
  <si>
    <t>100014123564284,joaogvc@algartech.com,katia.cardoso@bv.com.br,leonardoao@algartech.com,marianadjc@algartech.com,paulacn@algartech.com,rafaelggs@algartech.com,ricardodfm@algartech.com.br,taysdss@algartech.com,thiagordu@algartech.com,viniciussg@algartech.com</t>
  </si>
  <si>
    <t>01/15/2020 08:38:25</t>
  </si>
  <si>
    <t>100014123564284;joaogvc@algartech.com;leonardoao@algartech.com;marianadjc@algartech.com;paulacn@algartech.com;rafaelggs@algartech.com;ricardodfm@algartech.com.br;taysdss@algartech.com;thiagordu@algartech.com;viniciussg@algartech.com;</t>
  </si>
  <si>
    <t>100014123564284,joaogvc@algartech.com,leonardoao@algartech.com,marianadjc@algartech.com,paulacn@algartech.com,rafaelggs@algartech.com,ricardodfm@algartech.com.br,taysdss@algartech.com,thiagordu@algartech.com,viniciussg@algartech.com</t>
  </si>
  <si>
    <t>01/15/2020 08:38:32</t>
  </si>
  <si>
    <t>01/15/2020 08:38:49</t>
  </si>
  <si>
    <t>01/15/2020 08:38:53</t>
  </si>
  <si>
    <t>01/15/2020 08:38:56</t>
  </si>
  <si>
    <t>01/15/2020 08:39:18</t>
  </si>
  <si>
    <t>01/15/2020 08:39:28</t>
  </si>
  <si>
    <t>01/15/2020 08:39:30</t>
  </si>
  <si>
    <t>01/15/2020 08:39:55</t>
  </si>
  <si>
    <t>01/15/2020 08:40:02</t>
  </si>
  <si>
    <t>01/15/2020 08:40:08</t>
  </si>
  <si>
    <t>01/15/2020 08:40:16</t>
  </si>
  <si>
    <t>01/15/2020 08:36:55</t>
  </si>
  <si>
    <t>01/15/2020 08:36:56</t>
  </si>
  <si>
    <t>01/15/2020 08:42:46</t>
  </si>
  <si>
    <t>01/15/2020 08:40:53</t>
  </si>
  <si>
    <t>01/15/2020 08:43:46</t>
  </si>
  <si>
    <t>01/15/2020 08:39:10</t>
  </si>
  <si>
    <t>01/15/2020 08:44:46</t>
  </si>
  <si>
    <t>01/15/2020 08:39:11</t>
  </si>
  <si>
    <t>01/15/2020 08:39:52</t>
  </si>
  <si>
    <t>01/15/2020 08:40:05</t>
  </si>
  <si>
    <t>01/15/2020 08:40:52</t>
  </si>
  <si>
    <t>01/15/2020 08:41:17</t>
  </si>
  <si>
    <t>01/15/2020 08:41:37</t>
  </si>
  <si>
    <t>01/15/2020 08:41:58</t>
  </si>
  <si>
    <t>01/15/2020 08:42:17</t>
  </si>
  <si>
    <t>01/15/2020 08:42:23</t>
  </si>
  <si>
    <t>01/15/2020 08:42:25</t>
  </si>
  <si>
    <t>01/15/2020 08:42:28</t>
  </si>
  <si>
    <t>01/15/2020 08:42:31</t>
  </si>
  <si>
    <t>01/15/2020 08:42:33</t>
  </si>
  <si>
    <t>01/15/2020 08:42:36</t>
  </si>
  <si>
    <t>01/15/2020 08:43:36</t>
  </si>
  <si>
    <t>01/15/2020 08:43:08</t>
  </si>
  <si>
    <t>01/15/2020 08:45:46</t>
  </si>
  <si>
    <t>01/15/2020 08:40:33</t>
  </si>
  <si>
    <t>01/15/2020 08:42:30</t>
  </si>
  <si>
    <t>01/15/2020 08:40:58</t>
  </si>
  <si>
    <t>01/15/2020 08:46:47</t>
  </si>
  <si>
    <t>01/15/2020 08:41:25</t>
  </si>
  <si>
    <t>01/15/2020 08:41:45</t>
  </si>
  <si>
    <t>01/15/2020 08:41:50</t>
  </si>
  <si>
    <t>01/15/2020 08:42:05</t>
  </si>
  <si>
    <t>01/15/2020 08:42:11</t>
  </si>
  <si>
    <t>01/15/2020 08:42:29</t>
  </si>
  <si>
    <t>01/15/2020 08:44:39</t>
  </si>
  <si>
    <t>01/15/2020 08:44:49</t>
  </si>
  <si>
    <t>01/15/2020 08:45:00</t>
  </si>
  <si>
    <t>01/15/2020 08:45:04</t>
  </si>
  <si>
    <t>01/15/2020 08:45:08</t>
  </si>
  <si>
    <t>01/15/2020 08:45:26</t>
  </si>
  <si>
    <t>01/15/2020 08:45:34</t>
  </si>
  <si>
    <t>01/15/2020 08:45:19</t>
  </si>
  <si>
    <t>01/15/2020 08:49:46</t>
  </si>
  <si>
    <t>01/15/2020 08:44:24</t>
  </si>
  <si>
    <t>01/15/2020 08:44:26</t>
  </si>
  <si>
    <t>01/15/2020 08:44:37</t>
  </si>
  <si>
    <t>01/15/2020 08:44:43</t>
  </si>
  <si>
    <t>01/15/2020 08:44:44</t>
  </si>
  <si>
    <t>01/15/2020 08:45:05</t>
  </si>
  <si>
    <t>01/15/2020 08:45:20</t>
  </si>
  <si>
    <t>01/15/2020 08:45:23</t>
  </si>
  <si>
    <t>01/15/2020 08:46:23</t>
  </si>
  <si>
    <t>01/15/2020 08:47:23</t>
  </si>
  <si>
    <t>01/15/2020 08:48:23</t>
  </si>
  <si>
    <t>01/15/2020 08:48:38</t>
  </si>
  <si>
    <t>01/15/2020 08:48:41</t>
  </si>
  <si>
    <t>01/15/2020 08:48:58</t>
  </si>
  <si>
    <t>01/15/2020 08:45:33</t>
  </si>
  <si>
    <t>10.200.66.46</t>
  </si>
  <si>
    <t>34-E6-D7-FC-BF-5E</t>
  </si>
  <si>
    <t>VOTORANT-MB015</t>
  </si>
  <si>
    <t>88d23dc9-8566-43df-b2c5-80d6a8c207da.tmp</t>
  </si>
  <si>
    <t>\\acsfs\profiles$\esterasg\Downloads\88d23dc9-8566-43df-b2c5-80d6a8c207da.tmp</t>
  </si>
  <si>
    <t>01/15/2020 08:46:26</t>
  </si>
  <si>
    <t>e3e2721a-5bb0-426b-aa2e-bf37fe6c7774.tmp</t>
  </si>
  <si>
    <t>\\acsfs\profiles$\esterasg\Downloads\e3e2721a-5bb0-426b-aa2e-bf37fe6c7774.tmp</t>
  </si>
  <si>
    <t>01/15/2020 08:47:27</t>
  </si>
  <si>
    <t>74b0844a-61a7-45cb-a177-4f37eb5fe982.tmp</t>
  </si>
  <si>
    <t>\\acsfs\profiles$\esterasg\Downloads\74b0844a-61a7-45cb-a177-4f37eb5fe982.tmp</t>
  </si>
  <si>
    <t>01/15/2020 08:47:39</t>
  </si>
  <si>
    <t>01/15/2020 08:50:47</t>
  </si>
  <si>
    <t>01/15/2020 08:47:18</t>
  </si>
  <si>
    <t>01/15/2020 08:49:14</t>
  </si>
  <si>
    <t>01/15/2020 08:49:20</t>
  </si>
  <si>
    <t>mail.google.com/_/upload?authuser=0&amp;dcp=asu-n&amp;upload_id=AEnB2Up9_xAmd0-osr8yIOSm8FhLiFI1lv07cgC-MUUdEG2UkufQ2nSx6wBXdBhbA-9HpD-SrTERQ3Sf57mOtNqyD63O0JesvSCbVtL1kERkpqyPNQRaZLQ&amp;upload_protocol=resumable</t>
  </si>
  <si>
    <t>a6c4d63b-8376-42ca-bc4b-b51238397e1d.tmp</t>
  </si>
  <si>
    <t>\\acsfs\profiles$\lorrainerdl\Downloads\a6c4d63b-8376-42ca-bc4b-b51238397e1d.tmp</t>
  </si>
  <si>
    <t>d71c5295-d841-4d55-a1a9-b99225b38431.tmp</t>
  </si>
  <si>
    <t>\\acsfs\profiles$\lorrainerdl\Downloads\d71c5295-d841-4d55-a1a9-b99225b38431.tmp</t>
  </si>
  <si>
    <t>01/15/2020 08:49:35</t>
  </si>
  <si>
    <t>e0274d5a-03f2-4e99-a9b9-cbdc0c587838.tmp</t>
  </si>
  <si>
    <t>\\acsfs\profiles$\lorrainerdl\Downloads\e0274d5a-03f2-4e99-a9b9-cbdc0c587838.tmp</t>
  </si>
  <si>
    <t>1f69772c-f5de-44ee-b2f5-c89f8569a6f0.tmp</t>
  </si>
  <si>
    <t>\\acsfs\profiles$\lorrainerdl\Downloads\1f69772c-f5de-44ee-b2f5-c89f8569a6f0.tmp</t>
  </si>
  <si>
    <t>01/15/2020 08:47:06</t>
  </si>
  <si>
    <t>c05dee43-5203-45bc-ab94-5d54ef602fb5.tmp</t>
  </si>
  <si>
    <t>\\acsfs\profiles$\mariajra\Downloads\c05dee43-5203-45bc-ab94-5d54ef602fb5.tmp</t>
  </si>
  <si>
    <t>01/15/2020 08:50:09</t>
  </si>
  <si>
    <t>01/15/2020 08:51:47</t>
  </si>
  <si>
    <t>01/15/2020 08:50:18</t>
  </si>
  <si>
    <t>01/15/2020 08:50:30</t>
  </si>
  <si>
    <t>01/15/2020 08:50:36</t>
  </si>
  <si>
    <t>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</t>
  </si>
  <si>
    <t>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5/2020 08:47:45</t>
  </si>
  <si>
    <t>01/15/2020 08:48:17</t>
  </si>
  <si>
    <t>01/15/2020 08:47:34</t>
  </si>
  <si>
    <t>01/15/2020 08:52:10</t>
  </si>
  <si>
    <t>01/15/2020 08:52:46</t>
  </si>
  <si>
    <t>776c3748-49ad-41ba-92d0-dd9f4d2b4628.tmp</t>
  </si>
  <si>
    <t>\\acsfs\profiles$\ayalabfi\Downloads\776c3748-49ad-41ba-92d0-dd9f4d2b4628.tmp</t>
  </si>
  <si>
    <t>01/15/2020 08:53:47</t>
  </si>
  <si>
    <t>01/15/2020 08:50:58</t>
  </si>
  <si>
    <t>7dd69540-e20f-4043-a5be-7f4e41202dcf.tmp</t>
  </si>
  <si>
    <t>\\acsfs\profiles$\anafsb\Downloads\7dd69540-e20f-4043-a5be-7f4e41202dcf.tmp</t>
  </si>
  <si>
    <t>01/15/2020 08:51:00</t>
  </si>
  <si>
    <t>74a4b987-4567-4213-97fa-22f6d27f6aaf.tmp</t>
  </si>
  <si>
    <t>\\acsfs\profiles$\paulovadc\Downloads\74a4b987-4567-4213-97fa-22f6d27f6aaf.tmp</t>
  </si>
  <si>
    <t>01/15/2020 08:51:03</t>
  </si>
  <si>
    <t>01/15/2020 08:52:28</t>
  </si>
  <si>
    <t>23150bb5-e235-4c0c-b43e-88765582d423.tmp</t>
  </si>
  <si>
    <t>\\acsfs\profiles$\paulovadc\Downloads\23150bb5-e235-4c0c-b43e-88765582d423.tmp</t>
  </si>
  <si>
    <t>01/15/2020 08:52:40</t>
  </si>
  <si>
    <t>01/15/2020 08:54:46</t>
  </si>
  <si>
    <t>b7d9e274-326d-48e9-930a-60447785f6ea.tmp</t>
  </si>
  <si>
    <t>\\acsfs\profiles$\larissaad\Downloads\b7d9e274-326d-48e9-930a-60447785f6ea.tmp</t>
  </si>
  <si>
    <t>01/15/2020 08:49:58</t>
  </si>
  <si>
    <t>01/15/2020 08:50:05</t>
  </si>
  <si>
    <t>01/15/2020 08:50:45</t>
  </si>
  <si>
    <t>01/15/2020 08:51:29</t>
  </si>
  <si>
    <t>01/15/2020 08:52:29</t>
  </si>
  <si>
    <t>01/15/2020 08:53:09</t>
  </si>
  <si>
    <t>01/15/2020 08:53:29</t>
  </si>
  <si>
    <t>01/15/2020 08:53:18</t>
  </si>
  <si>
    <t>ff43fbed-12a6-4446-901b-465e3807303b.tmp</t>
  </si>
  <si>
    <t>\\acsfs\profiles$\esterasg\Downloads\ff43fbed-12a6-4446-901b-465e3807303b.tmp</t>
  </si>
  <si>
    <t>01/15/2020 08:52:38</t>
  </si>
  <si>
    <t>lu10756ou0y4.tmp</t>
  </si>
  <si>
    <t>\\acsfs\profiles$\dhiulliananads\My Documents\lu10756ou0y4.tmp</t>
  </si>
  <si>
    <t>\\acsfs\profiles$\dhiulliananads\My Documents\lu10756ou0y4.tmp\</t>
  </si>
  <si>
    <t>\\acsfs\profiles$\dhiulliananads\My Documents\lu10756ou0y4.tmp\META-INF\</t>
  </si>
  <si>
    <t>\\acsfs\profiles$\dhiulliananads\My Documents\lu10756ou0y4.tmp\Thumbnails\</t>
  </si>
  <si>
    <t>01/15/2020 08:53:06</t>
  </si>
  <si>
    <t>01/15/2020 08:55:46</t>
  </si>
  <si>
    <t>01/15/2020 08:52:35</t>
  </si>
  <si>
    <t>01/15/2020 08:52:36</t>
  </si>
  <si>
    <t>01/15/2020 08:51:36</t>
  </si>
  <si>
    <t>01/15/2020 08:56:47</t>
  </si>
  <si>
    <t>01/15/2020 08:52:08</t>
  </si>
  <si>
    <t>01/15/2020 08:53:21</t>
  </si>
  <si>
    <t>b7734b21-ca4e-4f91-a33c-49bb39307fd3.tmp</t>
  </si>
  <si>
    <t>\\acsfs\profiles$\PEDROHAB\Downloads\b7734b21-ca4e-4f91-a33c-49bb39307fd3.tmp</t>
  </si>
  <si>
    <t>01/15/2020 08:53:19</t>
  </si>
  <si>
    <t>01/15/2020 08:55:11</t>
  </si>
  <si>
    <t>01/15/2020 08:57:46</t>
  </si>
  <si>
    <t>0ba34757-7695-4cff-bc76-4f94a240e76e.tmp</t>
  </si>
  <si>
    <t>\\acsfs\profiles$\Angelicacldr\Downloads\0ba34757-7695-4cff-bc76-4f94a240e76e.tmp</t>
  </si>
  <si>
    <t>01/15/2020 08:56:30</t>
  </si>
  <si>
    <t>9fd08467-ad95-4735-b426-8ff84d4a43ff.tmp</t>
  </si>
  <si>
    <t>\\acsfs\profiles$\danielmlds\Downloads\9fd08467-ad95-4735-b426-8ff84d4a43ff.tmp</t>
  </si>
  <si>
    <t>01/15/2020 08:56:56</t>
  </si>
  <si>
    <t>01/15/2020 08:56:51</t>
  </si>
  <si>
    <t>01/15/2020 08:59:46</t>
  </si>
  <si>
    <t>01/15/2020 08:54:21</t>
  </si>
  <si>
    <t>01/15/2020 08:54:23</t>
  </si>
  <si>
    <t>01/15/2020 08:54:24</t>
  </si>
  <si>
    <t>01/15/2020 08:54:41</t>
  </si>
  <si>
    <t>01/15/2020 08:54:49</t>
  </si>
  <si>
    <t>01/15/2020 08:54:52</t>
  </si>
  <si>
    <t>01/15/2020 08:54:55</t>
  </si>
  <si>
    <t>01/15/2020 08:55:05</t>
  </si>
  <si>
    <t>01/15/2020 08:55:31</t>
  </si>
  <si>
    <t>01/15/2020 08:55:35</t>
  </si>
  <si>
    <t>01/15/2020 08:56:09</t>
  </si>
  <si>
    <t>01/15/2020 08:56:35</t>
  </si>
  <si>
    <t>01/15/2020 08:57:35</t>
  </si>
  <si>
    <t>01/15/2020 08:58:07</t>
  </si>
  <si>
    <t>01/15/2020 08:58:14</t>
  </si>
  <si>
    <t>01/15/2020 08:58:16</t>
  </si>
  <si>
    <t>01/15/2020 08:58:45</t>
  </si>
  <si>
    <t>01/15/2020 08:56:07</t>
  </si>
  <si>
    <t>01/15/2020 08:59:19</t>
  </si>
  <si>
    <t>01/15/2020 08:58:23</t>
  </si>
  <si>
    <t>0552a9e8-e97d-4822-8af9-b945ccd0a433.tmp</t>
  </si>
  <si>
    <t>\\acsfs\profiles$\felipetds\Downloads\0552a9e8-e97d-4822-8af9-b945ccd0a433.tmp</t>
  </si>
  <si>
    <t>01/15/2020 09:00:46</t>
  </si>
  <si>
    <t>01/15/2020 08:57:07</t>
  </si>
  <si>
    <t>01/15/2020 08:56:05</t>
  </si>
  <si>
    <t>f9b473e4-c539-4cde-b6c7-813c06ad93c8.tmp</t>
  </si>
  <si>
    <t>\\acsfs\profiles$\talitafdc\Downloads\f9b473e4-c539-4cde-b6c7-813c06ad93c8.tmp</t>
  </si>
  <si>
    <t>01/15/2020 08:57:05</t>
  </si>
  <si>
    <t>Não confirmado 679654.crdownload</t>
  </si>
  <si>
    <t>\\acsfs\profiles$\talitafdc\Downloads\Não confirmado 679654.crdownload</t>
  </si>
  <si>
    <t>01/15/2020 08:57:36</t>
  </si>
  <si>
    <t>6c79dbf2-ce59-4b75-a426-b15790806dd2.tmp</t>
  </si>
  <si>
    <t>\\acsfs\profiles$\talitafdc\Downloads\6c79dbf2-ce59-4b75-a426-b15790806dd2.tmp</t>
  </si>
  <si>
    <t>01/15/2020 08:57:43</t>
  </si>
  <si>
    <t>de4c9389-2dbc-4eb6-b057-53235f10aff8.tmp</t>
  </si>
  <si>
    <t>\\acsfs\profiles$\talitafdc\Downloads\de4c9389-2dbc-4eb6-b057-53235f10aff8.tmp</t>
  </si>
  <si>
    <t>01/15/2020 08:58:40</t>
  </si>
  <si>
    <t>4121fe99-fe27-42a4-9d54-8f4fda4308d4.tmp</t>
  </si>
  <si>
    <t>\\acsfs\profiles$\talitafdc\Downloads\4121fe99-fe27-42a4-9d54-8f4fda4308d4.tmp</t>
  </si>
  <si>
    <t>01/15/2020 08:59:07</t>
  </si>
  <si>
    <t>c655956b-0651-4ca2-9212-c91ed318b1f5.tmp</t>
  </si>
  <si>
    <t>\\acsfs\profiles$\talitafdc\Downloads\c655956b-0651-4ca2-9212-c91ed318b1f5.tmp</t>
  </si>
  <si>
    <t>01/15/2020 08:57:52</t>
  </si>
  <si>
    <t>01/15/2020 09:01:46</t>
  </si>
  <si>
    <t>01/15/2020 08:58:22</t>
  </si>
  <si>
    <t>01/15/2020 08:58:52</t>
  </si>
  <si>
    <t>01/15/2020 09:00:52</t>
  </si>
  <si>
    <t>01/15/2020 08:56:55</t>
  </si>
  <si>
    <t>c312740c-89ef-44bf-80ab-080c3488d476.tmp</t>
  </si>
  <si>
    <t>\\acsfs\profiles$\quindaizaagds\Downloads\c312740c-89ef-44bf-80ab-080c3488d476.tmp</t>
  </si>
  <si>
    <t>01/15/2020 08:59:03</t>
  </si>
  <si>
    <t>01/15/2020 08:57:20</t>
  </si>
  <si>
    <t>01/15/2020 08:57:26</t>
  </si>
  <si>
    <t>01/15/2020 08:57:32</t>
  </si>
  <si>
    <t>01/15/2020 08:57:51</t>
  </si>
  <si>
    <t>01/15/2020 08:58:02</t>
  </si>
  <si>
    <t>01/15/2020 08:58:12</t>
  </si>
  <si>
    <t>01/15/2020 09:00:29</t>
  </si>
  <si>
    <t>01/15/2020 09:00:53</t>
  </si>
  <si>
    <t>01/15/2020 09:00:56</t>
  </si>
  <si>
    <t>01/15/2020 09:01:28</t>
  </si>
  <si>
    <t>01/15/2020 08:59:26</t>
  </si>
  <si>
    <t>01/15/2020 09:02:46</t>
  </si>
  <si>
    <t>01/15/2020 08:56:59</t>
  </si>
  <si>
    <t>bf7d700e-083d-4fc2-8fe7-c043a29cd040.tmp</t>
  </si>
  <si>
    <t>\\acsfs\profiles$\Angelicacldr\Downloads\bf7d700e-083d-4fc2-8fe7-c043a29cd040.tmp</t>
  </si>
  <si>
    <t>01/15/2020 09:00:49</t>
  </si>
  <si>
    <t>7875f096-731f-4324-9a1e-691c83aea4af.tmp</t>
  </si>
  <si>
    <t>\\acsfs\profiles$\Angelicacldr\Downloads\7875f096-731f-4324-9a1e-691c83aea4af.tmp</t>
  </si>
  <si>
    <t>01/15/2020 09:01:12</t>
  </si>
  <si>
    <t>88173338-dea8-43f7-ab9b-119c030f6cec.tmp</t>
  </si>
  <si>
    <t>\\acsfs\profiles$\Angelicacldr\Downloads\88173338-dea8-43f7-ab9b-119c030f6cec.tmp</t>
  </si>
  <si>
    <t>f5736354-5624-450a-a63c-99b51282bd35.tmp</t>
  </si>
  <si>
    <t>\\acsfs\profiles$\danielmlds\Downloads\f5736354-5624-450a-a63c-99b51282bd35.tmp</t>
  </si>
  <si>
    <t>93d9f3c2-cc73-4f8a-b5e3-c27c3aa15932.tmp</t>
  </si>
  <si>
    <t>\\acsfs\profiles$\lucasgpe\Downloads\93d9f3c2-cc73-4f8a-b5e3-c27c3aa15932.tmp</t>
  </si>
  <si>
    <t>01/15/2020 00:01:55</t>
  </si>
  <si>
    <t>01/15/2020 08:59:45</t>
  </si>
  <si>
    <t>01/15/2020 09:01:23</t>
  </si>
  <si>
    <t>176f61b1-31ef-4632-a192-f7ca189cada2.tmp</t>
  </si>
  <si>
    <t>\\acsfs\profiles$\isabellegtds\Downloads\176f61b1-31ef-4632-a192-f7ca189cada2.tmp</t>
  </si>
  <si>
    <t>01/15/2020 09:04:46</t>
  </si>
  <si>
    <t>01/15/2020 09:00:05</t>
  </si>
  <si>
    <t>01/15/2020 09:00:45</t>
  </si>
  <si>
    <t>01/15/2020 09:01:01</t>
  </si>
  <si>
    <t>01/15/2020 09:01:30</t>
  </si>
  <si>
    <t>01/15/2020 09:01:31</t>
  </si>
  <si>
    <t>01/15/2020 09:01:34</t>
  </si>
  <si>
    <t>01/15/2020 09:01:42</t>
  </si>
  <si>
    <t>01/15/2020 09:02:42</t>
  </si>
  <si>
    <t>01/15/2020 09:03:42</t>
  </si>
  <si>
    <t>01/15/2020 09:03:53</t>
  </si>
  <si>
    <t>d9695f83-e6ff-4cc9-a06e-968047f8b514.tmp</t>
  </si>
  <si>
    <t>\\acsfs\profiles$\lorraynevam\Downloads\d9695f83-e6ff-4cc9-a06e-968047f8b514.tmp</t>
  </si>
  <si>
    <t>01/15/2020 09:04:00</t>
  </si>
  <si>
    <t>97791720-a66c-4c51-a3dc-d384c5204a7b.tmp</t>
  </si>
  <si>
    <t>\\acsfs\profiles$\lorraynevam\Downloads\97791720-a66c-4c51-a3dc-d384c5204a7b.tmp</t>
  </si>
  <si>
    <t>01/15/2020 09:03:58</t>
  </si>
  <si>
    <t>0f5b1e17-45ce-4d19-b8fa-042b348311ba.tmp</t>
  </si>
  <si>
    <t>\\acsfs\profiles$\rafaelamsv\Downloads\0f5b1e17-45ce-4d19-b8fa-042b348311ba.tmp</t>
  </si>
  <si>
    <t>01/15/2020 09:03:59</t>
  </si>
  <si>
    <t>759cb1c8-bf63-4bb2-85cd-d3c1f416396c.tmp</t>
  </si>
  <si>
    <t>\\acsfs\profiles$\rafaelamsv\Downloads\759cb1c8-bf63-4bb2-85cd-d3c1f416396c.tmp</t>
  </si>
  <si>
    <t>01/15/2020 09:04:03</t>
  </si>
  <si>
    <t>01/15/2020 09:05:46</t>
  </si>
  <si>
    <t>01/15/2020 09:02:58</t>
  </si>
  <si>
    <t>01/15/2020 09:06:46</t>
  </si>
  <si>
    <t>01/15/2020 09:03:05</t>
  </si>
  <si>
    <t>d4c87f4c-2099-429a-ab5d-e79f9eb56246.tmp</t>
  </si>
  <si>
    <t>\\acsfs\profiles$\gabriellalpr\Downloads\d4c87f4c-2099-429a-ab5d-e79f9eb56246.tmp</t>
  </si>
  <si>
    <t>01/15/2020 09:03:44</t>
  </si>
  <si>
    <t>9bbe49d4-d176-478e-a6c0-55977f10e7b4.tmp</t>
  </si>
  <si>
    <t>\\acsfs\profiles$\gabriellalpr\Downloads\9bbe49d4-d176-478e-a6c0-55977f10e7b4.tmp</t>
  </si>
  <si>
    <t>01/15/2020 09:04:49</t>
  </si>
  <si>
    <t>4e3aa481-adaf-42fa-9012-ec9a73608fc4.tmp</t>
  </si>
  <si>
    <t>\\acsfs\profiles$\gabriellalpr\Downloads\4e3aa481-adaf-42fa-9012-ec9a73608fc4.tmp</t>
  </si>
  <si>
    <t>01/15/2020 09:01:22</t>
  </si>
  <si>
    <t>01/15/2020 09:01:52</t>
  </si>
  <si>
    <t>01/15/2020 09:02:22</t>
  </si>
  <si>
    <t>01/15/2020 09:05:22</t>
  </si>
  <si>
    <t>01/15/2020 09:06:13</t>
  </si>
  <si>
    <t>lu1559610ndx4.tmp</t>
  </si>
  <si>
    <t>\\acsfs\profiles$\jonathanwap\lu1559610ndx4.tmp</t>
  </si>
  <si>
    <t>\\acsfs\profiles$\jonathanwap\lu1559610ndx4.tmp\</t>
  </si>
  <si>
    <t>\\acsfs\profiles$\jonathanwap\lu1559610ndx4.tmp\META-INF\</t>
  </si>
  <si>
    <t>\\acsfs\profiles$\jonathanwap\lu1559610ndx4.tmp\Thumbnails\</t>
  </si>
  <si>
    <t>01/15/2020 09:05:23</t>
  </si>
  <si>
    <t>01/15/2020 09:02:40</t>
  </si>
  <si>
    <t>01/15/2020 09:01:41</t>
  </si>
  <si>
    <t>01/15/2020 09:01:54</t>
  </si>
  <si>
    <t>01/15/2020 09:02:12</t>
  </si>
  <si>
    <t>01/15/2020 09:02:14</t>
  </si>
  <si>
    <t>01/15/2020 09:02:25</t>
  </si>
  <si>
    <t>01/15/2020 09:03:14</t>
  </si>
  <si>
    <t>01/15/2020 09:03:26</t>
  </si>
  <si>
    <t>01/15/2020 09:03:30</t>
  </si>
  <si>
    <t>01/15/2020 09:03:37</t>
  </si>
  <si>
    <t>01/15/2020 09:02:50</t>
  </si>
  <si>
    <t>01/15/2020 09:07:46</t>
  </si>
  <si>
    <t>b28009bc-1864-4b11-b455-208ddaad710d.tmp</t>
  </si>
  <si>
    <t>\\acsfs\profiles$\Angelicacldr\Downloads\b28009bc-1864-4b11-b455-208ddaad710d.tmp</t>
  </si>
  <si>
    <t>01/15/2020 09:03:12</t>
  </si>
  <si>
    <t>8a399763-2fd7-4977-94d7-bc8e674c00f0.tmp</t>
  </si>
  <si>
    <t>\\acsfs\profiles$\Angelicacldr\Downloads\8a399763-2fd7-4977-94d7-bc8e674c00f0.tmp</t>
  </si>
  <si>
    <t>01/15/2020 09:03:46</t>
  </si>
  <si>
    <t>0d9004e3-0794-4160-9deb-d2d5a52b6dea.tmp</t>
  </si>
  <si>
    <t>\\acsfs\profiles$\Angelicacldr\Downloads\0d9004e3-0794-4160-9deb-d2d5a52b6dea.tmp</t>
  </si>
  <si>
    <t>01/15/2020 09:04:13</t>
  </si>
  <si>
    <t>CASO 00818913 - OPERADOR WENDER BRUNO NUNES MENESES_1_6769244805088225847_1_32.wav</t>
  </si>
  <si>
    <t>\\acsfs\Deptos\EDUCACAO EMPRESARIAL\KÉSIA\OUVIDORIA, PROCON, BACEN E RECLAME AQUI\CASO 00818913 - OPERADOR WENDER BRUNO NUNES MENESES_1_6769244805088225847_1_32.wav</t>
  </si>
  <si>
    <t>01/15/2020 09:06:37</t>
  </si>
  <si>
    <t>CASO 00818913 - PROCON CIP.pdf</t>
  </si>
  <si>
    <t>\\acsfs\Deptos\EDUCACAO EMPRESARIAL\KÉSIA\OUVIDORIA, PROCON, BACEN E RECLAME AQUI\CASO 00818913 - PROCON CIP.pdf</t>
  </si>
  <si>
    <t>01/15/2020 09:03:52</t>
  </si>
  <si>
    <t>027ef44c-884e-43d9-b3b2-9478da608bdd.tmp</t>
  </si>
  <si>
    <t>\\acsfs\profiles$\kellzylenneasr\Downloads\027ef44c-884e-43d9-b3b2-9478da608bdd.tmp</t>
  </si>
  <si>
    <t>01/15/2020 09:05:31</t>
  </si>
  <si>
    <t>73b814c4-2e8f-4f22-9992-e74214dc976e.tmp</t>
  </si>
  <si>
    <t>\\acsfs\profiles$\kellzylenneasr\Downloads\73b814c4-2e8f-4f22-9992-e74214dc976e.tmp</t>
  </si>
  <si>
    <t>01/15/2020 09:07:00</t>
  </si>
  <si>
    <t>3f53d92d-ecb1-4b10-9ab5-794fffe61a95.tmp</t>
  </si>
  <si>
    <t>\\acsfs\profiles$\isabellegtds\Downloads\3f53d92d-ecb1-4b10-9ab5-794fffe61a95.tmp</t>
  </si>
  <si>
    <t>01/15/2020 09:03:54</t>
  </si>
  <si>
    <t>01/15/2020 09:09:45</t>
  </si>
  <si>
    <t>01/15/2020 09:04:42</t>
  </si>
  <si>
    <t>01/15/2020 09:05:05</t>
  </si>
  <si>
    <t>01/15/2020 09:05:42</t>
  </si>
  <si>
    <t>01/15/2020 09:06:42</t>
  </si>
  <si>
    <t>01/15/2020 09:07:36</t>
  </si>
  <si>
    <t>01/15/2020 09:07:37</t>
  </si>
  <si>
    <t>01/15/2020 09:07:38</t>
  </si>
  <si>
    <t>01/15/2020 09:08:38</t>
  </si>
  <si>
    <t>01/15/2020 09:05:06</t>
  </si>
  <si>
    <t>01/15/2020 09:04:36</t>
  </si>
  <si>
    <t>6911f718-ffe4-46e1-895d-02318de28c5d.tmp</t>
  </si>
  <si>
    <t>\\acsfs\profiles$\ROZENCAM\Downloads\6911f718-ffe4-46e1-895d-02318de28c5d.tmp</t>
  </si>
  <si>
    <t>01/15/2020 09:05:36</t>
  </si>
  <si>
    <t>867146fa-5be9-453e-be2e-f5fc6cc08760.tmp</t>
  </si>
  <si>
    <t>\\acsfs\profiles$\rafaelamsv\Downloads\867146fa-5be9-453e-be2e-f5fc6cc08760.tmp</t>
  </si>
  <si>
    <t>01/15/2020 09:07:56</t>
  </si>
  <si>
    <t>01/15/2020 09:10:46</t>
  </si>
  <si>
    <t>01/15/2020 09:06:07</t>
  </si>
  <si>
    <t>10.200.66.31</t>
  </si>
  <si>
    <t>74-86-7A-FB-17-F6</t>
  </si>
  <si>
    <t>VOTORANT-ZB005</t>
  </si>
  <si>
    <t>izaiasabdc</t>
  </si>
  <si>
    <t>01/15/2020 09:06:43</t>
  </si>
  <si>
    <t>01/15/2020 09:11:45</t>
  </si>
  <si>
    <t>2e731cba-ed21-4eb0-8e95-13c9644b9211.tmp</t>
  </si>
  <si>
    <t>\\acsfs\profiles$\gabriellalpr\Downloads\2e731cba-ed21-4eb0-8e95-13c9644b9211.tmp</t>
  </si>
  <si>
    <t>01/15/2020 09:07:52</t>
  </si>
  <si>
    <t>01/15/2020 09:08:22</t>
  </si>
  <si>
    <t>01/15/2020 09:08:52</t>
  </si>
  <si>
    <t>01/15/2020 09:09:22</t>
  </si>
  <si>
    <t>01/15/2020 09:09:52</t>
  </si>
  <si>
    <t>01/15/2020 09:10:22</t>
  </si>
  <si>
    <t>01/15/2020 09:10:52</t>
  </si>
  <si>
    <t>01/15/2020 09:10:03</t>
  </si>
  <si>
    <t>01/15/2020 09:12:47</t>
  </si>
  <si>
    <t>bvs-centralcartoes@bv.com.br;cintia.souza-domingues@dxc.com;eduardo.santana@bv.com.br;fernandorsju@algartech.com;maria.silva3@dxc.com;marianeps@algartech.com;talmaiardo@algartech.com;thiagordu@algartech.com;</t>
  </si>
  <si>
    <t>bvs-centralcartoes@bv.com.br,cintia.souza-domingues@dxc.com,eduardo.santana@bv.com.br,fernandorsju@algartech.com,maria.silva3@dxc.com,marianeps@algartech.com,talmaiardo@algartech.com,thiagordu@algartech.com</t>
  </si>
  <si>
    <t>01/15/2020 09:10:04</t>
  </si>
  <si>
    <t>01/15/2020 09:07:32</t>
  </si>
  <si>
    <t>01/15/2020 09:09:53</t>
  </si>
  <si>
    <t>213f6838-92f0-4fb2-9b2e-19f3e5bcd6fc.tmp</t>
  </si>
  <si>
    <t>\\acsfs\profiles$\isabellegtds\Downloads\213f6838-92f0-4fb2-9b2e-19f3e5bcd6fc.tmp</t>
  </si>
  <si>
    <t>01/15/2020 09:10:35</t>
  </si>
  <si>
    <t>19d52687-6c1f-4b6e-b874-e01e7ffc9578.tmp</t>
  </si>
  <si>
    <t>\\acsfs\profiles$\maxmillianosv\Downloads\19d52687-6c1f-4b6e-b874-e01e7ffc9578.tmp</t>
  </si>
  <si>
    <t>01/15/2020 09:12:21</t>
  </si>
  <si>
    <t>a9df0990-dba6-4554-9d86-c0025a349fc8.tmp</t>
  </si>
  <si>
    <t>\\acsfs\profiles$\maxmillianosv\Downloads\a9df0990-dba6-4554-9d86-c0025a349fc8.tmp</t>
  </si>
  <si>
    <t>01/15/2020 09:12:26</t>
  </si>
  <si>
    <t>b4dba429-62ff-4003-8e10-49084f86331f.tmp</t>
  </si>
  <si>
    <t>\\acsfs\profiles$\maxmillianosv\Downloads\b4dba429-62ff-4003-8e10-49084f86331f.tmp</t>
  </si>
  <si>
    <t>01/15/2020 09:12:30</t>
  </si>
  <si>
    <t>3c1bce32-f21c-407d-9c43-fc128e2321f1.tmp</t>
  </si>
  <si>
    <t>\\acsfs\profiles$\maxmillianosv\Downloads\3c1bce32-f21c-407d-9c43-fc128e2321f1.tmp</t>
  </si>
  <si>
    <t>01/15/2020 09:09:17</t>
  </si>
  <si>
    <t>01/15/2020 09:13:45</t>
  </si>
  <si>
    <t>db7b3bc5-2105-47ca-8655-a3021db0f561.tmp</t>
  </si>
  <si>
    <t>\\acsfs\profiles$\Flaviojmm\Downloads\db7b3bc5-2105-47ca-8655-a3021db0f561.tmp</t>
  </si>
  <si>
    <t>01/15/2020 09:10:00</t>
  </si>
  <si>
    <t>158ba2a3-d882-4e71-9573-c20f4d711adf.tmp</t>
  </si>
  <si>
    <t>\\acsfs\profiles$\Flaviojmm\Downloads\158ba2a3-d882-4e71-9573-c20f4d711adf.tmp</t>
  </si>
  <si>
    <t>01/15/2020 09:14:46</t>
  </si>
  <si>
    <t>01/15/2020 09:09:38</t>
  </si>
  <si>
    <t>01/15/2020 09:09:54</t>
  </si>
  <si>
    <t>01/15/2020 09:09:59</t>
  </si>
  <si>
    <t>01/15/2020 09:10:05</t>
  </si>
  <si>
    <t>01/15/2020 09:10:09</t>
  </si>
  <si>
    <t>01/15/2020 09:10:10</t>
  </si>
  <si>
    <t>01/15/2020 09:10:16</t>
  </si>
  <si>
    <t>01/15/2020 09:11:42</t>
  </si>
  <si>
    <t>01/15/2020 09:12:04</t>
  </si>
  <si>
    <t>01/15/2020 09:12:06</t>
  </si>
  <si>
    <t>01/15/2020 09:12:32</t>
  </si>
  <si>
    <t>01/15/2020 09:12:53</t>
  </si>
  <si>
    <t>01/15/2020 09:12:54</t>
  </si>
  <si>
    <t>01/15/2020 09:13:54</t>
  </si>
  <si>
    <t>01/15/2020 09:13:23</t>
  </si>
  <si>
    <t>38ab04ab-c4d1-43a8-a352-2cc278299b1f.tmp</t>
  </si>
  <si>
    <t>\\acsfs\profiles$\nathaliarmr\Downloads\38ab04ab-c4d1-43a8-a352-2cc278299b1f.tmp</t>
  </si>
  <si>
    <t>01/15/2020 09:13:44</t>
  </si>
  <si>
    <t>lu103321fz62t.tmp</t>
  </si>
  <si>
    <t>\\acsfs\profiles$\BRUNAAR\Numero\lu103321fz62t.tmp</t>
  </si>
  <si>
    <t>01/15/2020 09:12:12</t>
  </si>
  <si>
    <t>34e8f982-fa74-46ec-9dd5-0b31b93d257f.tmp</t>
  </si>
  <si>
    <t>\\acsfs\profiles$\dhiulliananads\Downloads\34e8f982-fa74-46ec-9dd5-0b31b93d257f.tmp</t>
  </si>
  <si>
    <t>01/15/2020 09:15:46</t>
  </si>
  <si>
    <t>01/15/2020 09:12:23</t>
  </si>
  <si>
    <t>575d7fdc-cff2-4ffd-b8aa-501716bd34f3.tmp</t>
  </si>
  <si>
    <t>\\acsfs\profiles$\lucasgpe\Downloads\575d7fdc-cff2-4ffd-b8aa-501716bd34f3.tmp</t>
  </si>
  <si>
    <t>01/15/2020 09:13:05</t>
  </si>
  <si>
    <t>6cad469d-c1c8-4a93-bac0-1306461d9ca6.tmp</t>
  </si>
  <si>
    <t>\\acsfs\profiles$\lucasgpe\Downloads\6cad469d-c1c8-4a93-bac0-1306461d9ca6.tmp</t>
  </si>
  <si>
    <t>01/15/2020 09:13:50</t>
  </si>
  <si>
    <t>lu6500eq0t.tmp</t>
  </si>
  <si>
    <t>\\acsfs\profiles$\lucasgpe\Desktop\lu6500eq0t.tmp</t>
  </si>
  <si>
    <t>\\acsfs\profiles$\lucasgpe\Desktop\lu6500eq0t.tmp\</t>
  </si>
  <si>
    <t>\\acsfs\profiles$\lucasgpe\Desktop\lu6500eq0t.tmp\META-INF\</t>
  </si>
  <si>
    <t>\\acsfs\profiles$\lucasgpe\Desktop\lu6500eq0t.tmp\Thumbnails\</t>
  </si>
  <si>
    <t>01/15/2020 09:11:20</t>
  </si>
  <si>
    <t>25141295-ab33-4ce9-92dd-c86568d95a87.tmp</t>
  </si>
  <si>
    <t>\\acsfs\profiles$\talitafdc\Downloads\25141295-ab33-4ce9-92dd-c86568d95a87.tmp</t>
  </si>
  <si>
    <t>01/15/2020 09:11:43</t>
  </si>
  <si>
    <t>01/15/2020 09:16:46</t>
  </si>
  <si>
    <t>01/15/2020 09:11:22</t>
  </si>
  <si>
    <t>01/15/2020 09:12:22</t>
  </si>
  <si>
    <t>01/15/2020 09:15:22</t>
  </si>
  <si>
    <t>01/15/2020 09:15:52</t>
  </si>
  <si>
    <t>01/15/2020 09:12:46</t>
  </si>
  <si>
    <t>lu1559610ndx9.tmp</t>
  </si>
  <si>
    <t>\\acsfs\profiles$\jonathanwap\lu1559610ndx9.tmp</t>
  </si>
  <si>
    <t>\\acsfs\profiles$\jonathanwap\lu1559610ndx9.tmp\</t>
  </si>
  <si>
    <t>\\acsfs\profiles$\jonathanwap\lu1559610ndx9.tmp\META-INF\</t>
  </si>
  <si>
    <t>\\acsfs\profiles$\jonathanwap\lu1559610ndx9.tmp\Thumbnails\</t>
  </si>
  <si>
    <t>01/15/2020 09:12:07</t>
  </si>
  <si>
    <t>01/15/2020 09:13:02</t>
  </si>
  <si>
    <t>01/15/2020 09:17:46</t>
  </si>
  <si>
    <t>01/15/2020 09:13:00</t>
  </si>
  <si>
    <t>bvs-centralcartoes@bv.com.br;cintia.souza-domingues@dxc.com;eduardo.santana@bv.com.br;fernandorsju@algartech.com;marianeps@algartech.com;talmaiardo@algartech.com;thiagordu@algartech.com;</t>
  </si>
  <si>
    <t>bvs-centralcartoes@bv.com.br,cintia.souza-domingues@dxc.com,eduardo.santana@bv.com.br,fernandorsju@algartech.com,marianeps@algartech.com,talmaiardo@algartech.com,thiagordu@algartech.com</t>
  </si>
  <si>
    <t>01/15/2020 09:13:03</t>
  </si>
  <si>
    <t>01/15/2020 09:15:01</t>
  </si>
  <si>
    <t>CONTROLE DE RECEBIMENTO DE RECLAMAÇÕES.xlsx</t>
  </si>
  <si>
    <t>\\acsfs\Deptos\EDUCACAO EMPRESARIAL\KÉSIA\CONTROLE DE RECEBIMENTO DE RECLAMAÇÕES.xlsx</t>
  </si>
  <si>
    <t>01/15/2020 09:16:24</t>
  </si>
  <si>
    <t>01/15/2020 09:16:25</t>
  </si>
  <si>
    <t>01/15/2020 09:16:36</t>
  </si>
  <si>
    <t>01/15/2020 09:16:37</t>
  </si>
  <si>
    <t>01/15/2020 09:17:15</t>
  </si>
  <si>
    <t>a2dab12a-26e7-4ef2-ad9c-3d2def1ffcda.tmp</t>
  </si>
  <si>
    <t>\\acsfs\profiles$\websondsa\Downloads\a2dab12a-26e7-4ef2-ad9c-3d2def1ffcda.tmp</t>
  </si>
  <si>
    <t>01/15/2020 09:12:51</t>
  </si>
  <si>
    <t>96d3bcb7-afb9-4d2f-a67e-a413520eebb0.tmp</t>
  </si>
  <si>
    <t>\\acsfs\profiles$\maxmillianosv\Downloads\96d3bcb7-afb9-4d2f-a67e-a413520eebb0.tmp</t>
  </si>
  <si>
    <t>c918009d-7f6e-4d7f-9568-5f50ecd41969.tmp</t>
  </si>
  <si>
    <t>\\acsfs\profiles$\maxmillianosv\Downloads\c918009d-7f6e-4d7f-9568-5f50ecd41969.tmp</t>
  </si>
  <si>
    <t>01/15/2020 09:14:54</t>
  </si>
  <si>
    <t>01/15/2020 09:19:45</t>
  </si>
  <si>
    <t>01/15/2020 09:15:05</t>
  </si>
  <si>
    <t>01/15/2020 09:15:54</t>
  </si>
  <si>
    <t>01/15/2020 09:16:54</t>
  </si>
  <si>
    <t>01/15/2020 09:17:54</t>
  </si>
  <si>
    <t>01/15/2020 09:18:32</t>
  </si>
  <si>
    <t>01/15/2020 09:18:35</t>
  </si>
  <si>
    <t>01/15/2020 09:18:37</t>
  </si>
  <si>
    <t>01/15/2020 09:18:39</t>
  </si>
  <si>
    <t>01/15/2020 09:18:44</t>
  </si>
  <si>
    <t>01/15/2020 09:18:47</t>
  </si>
  <si>
    <t>01/15/2020 09:18:50</t>
  </si>
  <si>
    <t>01/15/2020 09:18:53</t>
  </si>
  <si>
    <t>01/15/2020 09:18:55</t>
  </si>
  <si>
    <t>01/15/2020 09:18:57</t>
  </si>
  <si>
    <t>01/15/2020 09:19:00</t>
  </si>
  <si>
    <t>01/15/2020 09:19:02</t>
  </si>
  <si>
    <t>01/15/2020 09:14:49</t>
  </si>
  <si>
    <t>3431677b-a8b6-4477-81c8-d2ce1d150c80.tmp</t>
  </si>
  <si>
    <t>\\acsfs\profiles$\nathaliarmr\Downloads\3431677b-a8b6-4477-81c8-d2ce1d150c80.tmp</t>
  </si>
  <si>
    <t>01/15/2020 09:15:31</t>
  </si>
  <si>
    <t>f9a92b6b-2024-48e2-9cdd-9f97933da8e4.tmp</t>
  </si>
  <si>
    <t>\\acsfs\profiles$\marcosvnds\Downloads\f9a92b6b-2024-48e2-9cdd-9f97933da8e4.tmp</t>
  </si>
  <si>
    <t>01/15/2020 09:16:44</t>
  </si>
  <si>
    <t>f424bd5e-9ba4-4d43-b87b-c8e7cba7935b.tmp</t>
  </si>
  <si>
    <t>\\acsfs\profiles$\marcosvnds\Downloads\f424bd5e-9ba4-4d43-b87b-c8e7cba7935b.tmp</t>
  </si>
  <si>
    <t>01/15/2020 09:17:37</t>
  </si>
  <si>
    <t>f496122e-d902-45f1-95e4-891335bc89cb.tmp</t>
  </si>
  <si>
    <t>\\acsfs\profiles$\marcosvnds\Downloads\f496122e-d902-45f1-95e4-891335bc89cb.tmp</t>
  </si>
  <si>
    <t>01/15/2020 09:17:55</t>
  </si>
  <si>
    <t>a7f24626-8311-4779-b1c9-fb737a17d88d.tmp</t>
  </si>
  <si>
    <t>\\acsfs\profiles$\marcosvnds\Downloads\a7f24626-8311-4779-b1c9-fb737a17d88d.tmp</t>
  </si>
  <si>
    <t>01/15/2020 09:18:08</t>
  </si>
  <si>
    <t>53c0186a-1929-49f1-b0b2-f7f8e3c24e35.tmp</t>
  </si>
  <si>
    <t>\\acsfs\profiles$\marcosvnds\Downloads\53c0186a-1929-49f1-b0b2-f7f8e3c24e35.tmp</t>
  </si>
  <si>
    <t>01/15/2020 09:18:10</t>
  </si>
  <si>
    <t>d4a36bbe-5810-417c-9a8d-9e68052b1f51.tmp</t>
  </si>
  <si>
    <t>\\acsfs\profiles$\marcosvnds\Downloads\d4a36bbe-5810-417c-9a8d-9e68052b1f51.tmp</t>
  </si>
  <si>
    <t>01/15/2020 09:16:48</t>
  </si>
  <si>
    <t>01/15/2020 09:20:46</t>
  </si>
  <si>
    <t>01/15/2020 09:17:03</t>
  </si>
  <si>
    <t>01/15/2020 09:19:05</t>
  </si>
  <si>
    <t>cd0c1f3d-2f0f-49ea-9cd8-40f1727be5a0.tmp</t>
  </si>
  <si>
    <t>\\acsfs\profiles$\lucasgpe\Downloads\cd0c1f3d-2f0f-49ea-9cd8-40f1727be5a0.tmp</t>
  </si>
  <si>
    <t>01/15/2020 09:17:28</t>
  </si>
  <si>
    <t>01/15/2020 09:21:45</t>
  </si>
  <si>
    <t>01/15/2020 09:16:22</t>
  </si>
  <si>
    <t>01/15/2020 09:16:52</t>
  </si>
  <si>
    <t>01/15/2020 09:17:22</t>
  </si>
  <si>
    <t>01/15/2020 09:17:52</t>
  </si>
  <si>
    <t>01/15/2020 09:20:52</t>
  </si>
  <si>
    <t>01/15/2020 09:18:59</t>
  </si>
  <si>
    <t>01/15/2020 09:21:04</t>
  </si>
  <si>
    <t>01/15/2020 09:22:46</t>
  </si>
  <si>
    <t>ALYNY ALVES_1_6778073608581363441_1_32.wav</t>
  </si>
  <si>
    <t>\\acsfs\Deptos\EDUCACAO EMPRESARIAL\KÉSIA\Ligações 2º ciclo - Janeiro 2020\ALYNY ALVES_1_6778073608581363441_1_32.wav</t>
  </si>
  <si>
    <t>01/15/2020 09:19:19</t>
  </si>
  <si>
    <t>01/15/2020 09:23:20</t>
  </si>
  <si>
    <t>01/15/2020 09:24:46</t>
  </si>
  <si>
    <t>abaec22f-4fff-41de-b15e-b14d9d80a0db.tmp</t>
  </si>
  <si>
    <t>\\acsfs\profiles$\gabrielaff\Downloads\abaec22f-4fff-41de-b15e-b14d9d80a0db.tmp</t>
  </si>
  <si>
    <t>01/15/2020 09:19:13</t>
  </si>
  <si>
    <t>01/15/2020 09:20:05</t>
  </si>
  <si>
    <t>01/15/2020 09:20:13</t>
  </si>
  <si>
    <t>01/15/2020 09:20:17</t>
  </si>
  <si>
    <t>01/15/2020 09:20:30</t>
  </si>
  <si>
    <t>01/15/2020 09:20:40</t>
  </si>
  <si>
    <t>01/15/2020 09:20:44</t>
  </si>
  <si>
    <t>01/15/2020 09:21:01</t>
  </si>
  <si>
    <t>01/15/2020 09:21:09</t>
  </si>
  <si>
    <t>01/15/2020 09:21:16</t>
  </si>
  <si>
    <t>01/15/2020 09:21:35</t>
  </si>
  <si>
    <t>01/15/2020 09:22:10</t>
  </si>
  <si>
    <t>01/15/2020 09:22:45</t>
  </si>
  <si>
    <t>01/15/2020 09:23:45</t>
  </si>
  <si>
    <t>01/15/2020 09:23:08</t>
  </si>
  <si>
    <t>378ed2a1-8ef4-451e-885b-1650cb44be76.tmp</t>
  </si>
  <si>
    <t>\\acsfs\profiles$\nathaliarmr\Downloads\378ed2a1-8ef4-451e-885b-1650cb44be76.tmp</t>
  </si>
  <si>
    <t>01/15/2020 09:23:30</t>
  </si>
  <si>
    <t>01/15/2020 09:25:45</t>
  </si>
  <si>
    <t>dalvadfb</t>
  </si>
  <si>
    <t>\\acsfs\profiles$\dalvadfb\My Documents\My Pictures\</t>
  </si>
  <si>
    <t>\\acsfs\profiles$\DALVADFB\My Documents\My Videos\desktop.ini</t>
  </si>
  <si>
    <t>01/15/2020 09:23:32</t>
  </si>
  <si>
    <t>\\acsfs\profiles$\DALVADFB\My Documents\My Videos\</t>
  </si>
  <si>
    <t>01/15/2020 09:23:33</t>
  </si>
  <si>
    <t>01/15/2020 09:23:34</t>
  </si>
  <si>
    <t>01/15/2020 09:23:35</t>
  </si>
  <si>
    <t>\\acsfs\profiles$\dalvadfb\My Documents\My Music\</t>
  </si>
  <si>
    <t>\\acsfs\profiles$\DALVADFB\My Documents\My Pictures\desktop.ini</t>
  </si>
  <si>
    <t>01/15/2020 09:23:37</t>
  </si>
  <si>
    <t>\\acsfs\profiles$\dalvadfb\My Documents\My Videos\</t>
  </si>
  <si>
    <t>01/15/2020 09:23:38</t>
  </si>
  <si>
    <t>01/15/2020 09:23:39</t>
  </si>
  <si>
    <t>01/15/2020 09:23:41</t>
  </si>
  <si>
    <t>01/15/2020 09:23:43</t>
  </si>
  <si>
    <t>\\acsfs\profiles$\DALVADFB\Contacts\</t>
  </si>
  <si>
    <t>\\acsfs\profiles$\DALVADFB\Contacts\desktop.ini</t>
  </si>
  <si>
    <t>01/15/2020 09:23:44</t>
  </si>
  <si>
    <t>01/15/2020 09:23:46</t>
  </si>
  <si>
    <t>01/15/2020 09:23:47</t>
  </si>
  <si>
    <t>01/15/2020 09:23:49</t>
  </si>
  <si>
    <t>01/15/2020 09:23:50</t>
  </si>
  <si>
    <t>01/15/2020 09:23:52</t>
  </si>
  <si>
    <t>\\acsfs\profiles$\dalvadfb\My Documents\</t>
  </si>
  <si>
    <t>\\acsfs\profiles$\DALVADFB\Favorites\desktop.ini</t>
  </si>
  <si>
    <t>01/15/2020 09:23:54</t>
  </si>
  <si>
    <t>01/15/2020 09:23:56</t>
  </si>
  <si>
    <t>01/15/2020 09:23:58</t>
  </si>
  <si>
    <t>01/15/2020 09:24:00</t>
  </si>
  <si>
    <t>01/15/2020 09:24:02</t>
  </si>
  <si>
    <t>01/15/2020 09:24:03</t>
  </si>
  <si>
    <t>01/15/2020 09:24:06</t>
  </si>
  <si>
    <t>\\acsfs\profiles$\DALVADFB\My Documents\My Music\desktop.ini</t>
  </si>
  <si>
    <t>01/15/2020 09:24:08</t>
  </si>
  <si>
    <t>\\acsfs\profiles$\DALVADFB\My Documents\My Music\</t>
  </si>
  <si>
    <t>01/15/2020 09:24:10</t>
  </si>
  <si>
    <t>01/15/2020 09:24:11</t>
  </si>
  <si>
    <t>01/15/2020 09:24:12</t>
  </si>
  <si>
    <t>01/15/2020 09:24:14</t>
  </si>
  <si>
    <t>\\acsfs\profiles$\DALVADFB\Searches\</t>
  </si>
  <si>
    <t>\\acsfs\profiles$\DALVADFB\Searches\desktop.ini</t>
  </si>
  <si>
    <t>01/15/2020 09:24:16</t>
  </si>
  <si>
    <t>01/15/2020 09:24:18</t>
  </si>
  <si>
    <t>01/15/2020 09:24:20</t>
  </si>
  <si>
    <t>01/15/2020 09:24:22</t>
  </si>
  <si>
    <t>01/15/2020 09:24:23</t>
  </si>
  <si>
    <t>\\acsfs\profiles$\dalvadfb\Downloads\</t>
  </si>
  <si>
    <t>\\acsfs\profiles$\DALVADFB\Downloads\desktop.ini</t>
  </si>
  <si>
    <t>01/15/2020 09:24:25</t>
  </si>
  <si>
    <t>\\acsfs\profiles$\DALVADFB\Downloads\</t>
  </si>
  <si>
    <t>01/15/2020 09:24:30</t>
  </si>
  <si>
    <t>\\acsfs\profiles$\dalvadfb\Favorites\</t>
  </si>
  <si>
    <t>\\acsfs\profiles$\DALVADFB\My Documents\desktop.ini</t>
  </si>
  <si>
    <t>\\acsfs\profiles$\DALVADFB\My Documents\</t>
  </si>
  <si>
    <t>01/15/2020 09:24:32</t>
  </si>
  <si>
    <t>01/15/2020 09:24:34</t>
  </si>
  <si>
    <t>01/15/2020 09:24:37</t>
  </si>
  <si>
    <t>01/15/2020 09:24:39</t>
  </si>
  <si>
    <t>01/15/2020 09:24:43</t>
  </si>
  <si>
    <t>\\acsfs\profiles$\DALVADFB\Saved Games\desktop.ini</t>
  </si>
  <si>
    <t>01/15/2020 09:24:45</t>
  </si>
  <si>
    <t>01/15/2020 09:20:31</t>
  </si>
  <si>
    <t>45b23a60-46c9-41d5-86c7-eb42a46b1402.tmp</t>
  </si>
  <si>
    <t>\\acsfs\profiles$\mariajra\Downloads\45b23a60-46c9-41d5-86c7-eb42a46b1402.tmp</t>
  </si>
  <si>
    <t>01/15/2020 09:20:45</t>
  </si>
  <si>
    <t>a101b4da-109f-4e54-9845-70a724c4116d.tmp</t>
  </si>
  <si>
    <t>\\acsfs\profiles$\mariajra\Downloads\a101b4da-109f-4e54-9845-70a724c4116d.tmp</t>
  </si>
  <si>
    <t>01/15/2020 09:23:03</t>
  </si>
  <si>
    <t>01/15/2020 09:25:05</t>
  </si>
  <si>
    <t>e968c3d6-3eca-4964-9895-dee7e17cb5f7.tmp</t>
  </si>
  <si>
    <t>\\acsfs\profiles$\talitafdc\Downloads\e968c3d6-3eca-4964-9895-dee7e17cb5f7.tmp</t>
  </si>
  <si>
    <t>01/15/2020 09:25:13</t>
  </si>
  <si>
    <t>c333ba09-5989-4aaf-b081-1d79cdcc7d96.tmp</t>
  </si>
  <si>
    <t>\\acsfs\profiles$\talitafdc\Downloads\c333ba09-5989-4aaf-b081-1d79cdcc7d96.tmp</t>
  </si>
  <si>
    <t>01/15/2020 09:23:09</t>
  </si>
  <si>
    <t>01/15/2020 09:26:46</t>
  </si>
  <si>
    <t>01/15/2020 09:25:40</t>
  </si>
  <si>
    <t>01/15/2020 09:25:49</t>
  </si>
  <si>
    <t>01/15/2020 09:21:22</t>
  </si>
  <si>
    <t>01/15/2020 09:23:31</t>
  </si>
  <si>
    <t>01/15/2020 09:26:36</t>
  </si>
  <si>
    <t>01/15/2020 09:27:45</t>
  </si>
  <si>
    <t>01/15/2020 09:26:41</t>
  </si>
  <si>
    <t>\\acsfs\Deptos\Operacao\Banco_Votorantim\Supervisao\Maristela\CRBV vendas\Desligamento\Q29udHJvbGxlci5JRS1Qb3J0YWw-.ica.crdownload</t>
  </si>
  <si>
    <t>01/15/2020 09:29:46</t>
  </si>
  <si>
    <t>dcba3c96-51f4-4100-9c5e-24b74c7367fc.tmp</t>
  </si>
  <si>
    <t>\\acsfs\profiles$\paulovadc\Downloads\dcba3c96-51f4-4100-9c5e-24b74c7367fc.tmp</t>
  </si>
  <si>
    <t>01/15/2020 09:24:21</t>
  </si>
  <si>
    <t>01/15/2020 09:24:31</t>
  </si>
  <si>
    <t>01/15/2020 09:24:47</t>
  </si>
  <si>
    <t>01/15/2020 09:25:18</t>
  </si>
  <si>
    <t>01/15/2020 09:25:25</t>
  </si>
  <si>
    <t>01/15/2020 09:25:33</t>
  </si>
  <si>
    <t>01/15/2020 09:25:51</t>
  </si>
  <si>
    <t>01/15/2020 09:26:00</t>
  </si>
  <si>
    <t>01/15/2020 09:26:06</t>
  </si>
  <si>
    <t>01/15/2020 09:26:09</t>
  </si>
  <si>
    <t>01/15/2020 09:26:14</t>
  </si>
  <si>
    <t>01/15/2020 09:26:33</t>
  </si>
  <si>
    <t>01/15/2020 09:27:14</t>
  </si>
  <si>
    <t>01/15/2020 09:27:49</t>
  </si>
  <si>
    <t>01/15/2020 09:27:57</t>
  </si>
  <si>
    <t>01/15/2020 09:28:27</t>
  </si>
  <si>
    <t>01/15/2020 09:26:40</t>
  </si>
  <si>
    <t>lu103321fz62z.tmp</t>
  </si>
  <si>
    <t>\\acsfs\profiles$\BRUNAAR\Numero\lu103321fz62z.tmp</t>
  </si>
  <si>
    <t>01/15/2020 09:25:36</t>
  </si>
  <si>
    <t>01/15/2020 09:30:46</t>
  </si>
  <si>
    <t>01/15/2020 09:27:30</t>
  </si>
  <si>
    <t>e6a2bb6d-d1f7-4d9d-87a2-a5b125cf6d0f.tmp</t>
  </si>
  <si>
    <t>\\acsfs\profiles$\DALVADFB\Downloads\e6a2bb6d-d1f7-4d9d-87a2-a5b125cf6d0f.tmp</t>
  </si>
  <si>
    <t>01/15/2020 09:27:41</t>
  </si>
  <si>
    <t>Unconfirmed 511183.crdownload</t>
  </si>
  <si>
    <t>\\acsfs\profiles$\DALVADFB\Downloads\Unconfirmed 511183.crdownload</t>
  </si>
  <si>
    <t>01/15/2020 09:27:50</t>
  </si>
  <si>
    <t>470099e6-2e73-46c7-9754-ff1315917c72.tmp</t>
  </si>
  <si>
    <t>\\acsfs\profiles$\DALVADFB\Downloads\470099e6-2e73-46c7-9754-ff1315917c72.tmp</t>
  </si>
  <si>
    <t>01/15/2020 09:27:58</t>
  </si>
  <si>
    <t>Unconfirmed 885151.crdownload</t>
  </si>
  <si>
    <t>\\acsfs\profiles$\DALVADFB\Downloads\Unconfirmed 885151.crdownload</t>
  </si>
  <si>
    <t>01/15/2020 09:28:39</t>
  </si>
  <si>
    <t>7ac4ad28-3b1b-4c76-81be-d6ae5590588b.tmp</t>
  </si>
  <si>
    <t>\\acsfs\profiles$\DALVADFB\Downloads\7ac4ad28-3b1b-4c76-81be-d6ae5590588b.tmp</t>
  </si>
  <si>
    <t>01/15/2020 09:28:53</t>
  </si>
  <si>
    <t>Unconfirmed 761687.crdownload</t>
  </si>
  <si>
    <t>\\acsfs\profiles$\DALVADFB\Downloads\Unconfirmed 761687.crdownload</t>
  </si>
  <si>
    <t>01/15/2020 09:29:08</t>
  </si>
  <si>
    <t>90b3e7fc-f084-481d-b35b-1478e843cdc9.tmp</t>
  </si>
  <si>
    <t>\\acsfs\profiles$\DALVADFB\Downloads\90b3e7fc-f084-481d-b35b-1478e843cdc9.tmp</t>
  </si>
  <si>
    <t>01/15/2020 09:29:18</t>
  </si>
  <si>
    <t>46adc89d-c572-4033-a184-368489d28c09.tmp</t>
  </si>
  <si>
    <t>\\acsfs\profiles$\DALVADFB\Downloads\46adc89d-c572-4033-a184-368489d28c09.tmp</t>
  </si>
  <si>
    <t>01/15/2020 09:29:28</t>
  </si>
  <si>
    <t>6478240e-f36a-4a4f-8453-6df38561d279.tmp</t>
  </si>
  <si>
    <t>\\acsfs\profiles$\DALVADFB\Downloads\6478240e-f36a-4a4f-8453-6df38561d279.tmp</t>
  </si>
  <si>
    <t>01/15/2020 09:27:02</t>
  </si>
  <si>
    <t>01/15/2020 09:29:43</t>
  </si>
  <si>
    <t>01/15/2020 09:29:50</t>
  </si>
  <si>
    <t>01/15/2020 09:29:25</t>
  </si>
  <si>
    <t>7a9ab3f6-e037-4c49-a3c4-376c3c635ba5.tmp</t>
  </si>
  <si>
    <t>\\acsfs\profiles$\talitafdc\Downloads\7a9ab3f6-e037-4c49-a3c4-376c3c635ba5.tmp</t>
  </si>
  <si>
    <t>01/15/2020 09:26:13</t>
  </si>
  <si>
    <t>01/15/2020 09:31:46</t>
  </si>
  <si>
    <t>01/15/2020 09:26:20</t>
  </si>
  <si>
    <t>01/15/2020 09:26:34</t>
  </si>
  <si>
    <t>01/15/2020 09:26:48</t>
  </si>
  <si>
    <t>01/15/2020 09:26:51</t>
  </si>
  <si>
    <t>01/15/2020 09:28:00</t>
  </si>
  <si>
    <t>01/15/2020 09:28:49</t>
  </si>
  <si>
    <t>01/15/2020 09:29:20</t>
  </si>
  <si>
    <t>mail.google.com/sync/u/0/i/s?hl=pt-BR&amp;c=919</t>
  </si>
  <si>
    <t>01/15/2020 09:29:32</t>
  </si>
  <si>
    <t>01/15/2020 09:29:35</t>
  </si>
  <si>
    <t>01/15/2020 09:29:53</t>
  </si>
  <si>
    <t>01/15/2020 09:29:58</t>
  </si>
  <si>
    <t>01/15/2020 09:30:20</t>
  </si>
  <si>
    <t>01/15/2020 09:30:25</t>
  </si>
  <si>
    <t>01/15/2020 09:30:30</t>
  </si>
  <si>
    <t>01/15/2020 09:30:40</t>
  </si>
  <si>
    <t>01/15/2020 09:30:45</t>
  </si>
  <si>
    <t>01/15/2020 09:30:49</t>
  </si>
  <si>
    <t>01/15/2020 09:30:53</t>
  </si>
  <si>
    <t>01/15/2020 09:26:22</t>
  </si>
  <si>
    <t>01/15/2020 09:26:52</t>
  </si>
  <si>
    <t>01/15/2020 09:29:39</t>
  </si>
  <si>
    <t>01/15/2020 09:32:46</t>
  </si>
  <si>
    <t>ba4695aa-ab89-4107-a290-cf2c5b46d526.tmp</t>
  </si>
  <si>
    <t>\\acsfs\profiles$\kamilamrc\Downloads\ba4695aa-ab89-4107-a290-cf2c5b46d526.tmp</t>
  </si>
  <si>
    <t>01/15/2020 09:30:51</t>
  </si>
  <si>
    <t>53313b6c-03e3-4622-858c-ce3057a786b3.tmp</t>
  </si>
  <si>
    <t>\\acsfs\profiles$\kamilamrc\Downloads\53313b6c-03e3-4622-858c-ce3057a786b3.tmp</t>
  </si>
  <si>
    <t>01/15/2020 09:31:07</t>
  </si>
  <si>
    <t>6ae4e399-ca3b-4073-81d5-6a9aeb597627.tmp</t>
  </si>
  <si>
    <t>\\acsfs\profiles$\kamilamrc\Downloads\6ae4e399-ca3b-4073-81d5-6a9aeb597627.tmp</t>
  </si>
  <si>
    <t>01/15/2020 09:31:22</t>
  </si>
  <si>
    <t>0ff28193-3c00-4790-8e22-4b79d7ba6b21.tmp</t>
  </si>
  <si>
    <t>\\acsfs\profiles$\kamilamrc\Downloads\0ff28193-3c00-4790-8e22-4b79d7ba6b21.tmp</t>
  </si>
  <si>
    <t>01/15/2020 09:31:26</t>
  </si>
  <si>
    <t>7b56368b-74d0-487d-9796-be888852fb83.tmp</t>
  </si>
  <si>
    <t>\\acsfs\profiles$\kamilamrc\Downloads\7b56368b-74d0-487d-9796-be888852fb83.tmp</t>
  </si>
  <si>
    <t>01/15/2020 09:31:34</t>
  </si>
  <si>
    <t>1880620c-f648-4470-8ea7-d69c27a67a64.tmp</t>
  </si>
  <si>
    <t>\\acsfs\profiles$\kamilamrc\Downloads\1880620c-f648-4470-8ea7-d69c27a67a64.tmp</t>
  </si>
  <si>
    <t>01/15/2020 09:28:44</t>
  </si>
  <si>
    <t>d5b2cd9d-5159-42c7-bf66-616ae600cc3d.tmp</t>
  </si>
  <si>
    <t>\\acsfs\profiles$\jhonatadss\Downloads\d5b2cd9d-5159-42c7-bf66-616ae600cc3d.tmp</t>
  </si>
  <si>
    <t>da0b27da-a6b8-4736-9d2a-ef896600e5c2.tmp</t>
  </si>
  <si>
    <t>\\acsfs\profiles$\jhonatadss\Downloads\da0b27da-a6b8-4736-9d2a-ef896600e5c2.tmp</t>
  </si>
  <si>
    <t>01/15/2020 09:30:56</t>
  </si>
  <si>
    <t>5fb62ffb-5b87-4581-96a2-07b77b45b95a.tmp</t>
  </si>
  <si>
    <t>\\acsfs\profiles$\jhonatadss\Downloads\5fb62ffb-5b87-4581-96a2-07b77b45b95a.tmp</t>
  </si>
  <si>
    <t>01/15/2020 09:31:24</t>
  </si>
  <si>
    <t>f87a5c33-c9c4-4b29-988f-52232dc82f01.tmp</t>
  </si>
  <si>
    <t>\\acsfs\profiles$\jhonatadss\Downloads\f87a5c33-c9c4-4b29-988f-52232dc82f01.tmp</t>
  </si>
  <si>
    <t>01/15/2020 09:30:16</t>
  </si>
  <si>
    <t>01/15/2020 09:33:45</t>
  </si>
  <si>
    <t>a6ab99cc-862f-4fdb-949e-0bd67859a74a.tmp</t>
  </si>
  <si>
    <t>\\acsfs\profiles$\henriquehmdo\Downloads\a6ab99cc-862f-4fdb-949e-0bd67859a74a.tmp</t>
  </si>
  <si>
    <t>01/15/2020 09:30:21</t>
  </si>
  <si>
    <t>01/15/2020 09:31:49</t>
  </si>
  <si>
    <t>8abcf6f6-6eb5-46ec-bdb0-6d6385464b04.tmp</t>
  </si>
  <si>
    <t>\\acsfs\profiles$\henriquehmdo\Downloads\8abcf6f6-6eb5-46ec-bdb0-6d6385464b04.tmp</t>
  </si>
  <si>
    <t>01/15/2020 09:29:26</t>
  </si>
  <si>
    <t>01/15/2020 09:34:46</t>
  </si>
  <si>
    <t>01/15/2020 09:30:05</t>
  </si>
  <si>
    <t>01/15/2020 09:30:26</t>
  </si>
  <si>
    <t>01/15/2020 09:32:15</t>
  </si>
  <si>
    <t>01/15/2020 09:32:32</t>
  </si>
  <si>
    <t>01/15/2020 09:33:33</t>
  </si>
  <si>
    <t>01/15/2020 09:34:03</t>
  </si>
  <si>
    <t>01/15/2020 09:31:00</t>
  </si>
  <si>
    <t>01/15/2020 09:35:45</t>
  </si>
  <si>
    <t>01/15/2020 09:32:16</t>
  </si>
  <si>
    <t>97def02c-9d37-4d4c-8252-6f2412679dd2.tmp</t>
  </si>
  <si>
    <t>\\acsfs\profiles$\DALVADFB\Downloads\97def02c-9d37-4d4c-8252-6f2412679dd2.tmp</t>
  </si>
  <si>
    <t>9cd19da8-f690-4093-92a5-974e467f17e6.tmp</t>
  </si>
  <si>
    <t>\\acsfs\profiles$\lorrainerdl\Downloads\9cd19da8-f690-4093-92a5-974e467f17e6.tmp</t>
  </si>
  <si>
    <t>01/15/2020 09:33:46</t>
  </si>
  <si>
    <t>330680e2-3397-4a2c-82a1-073f11682cf6.tmp</t>
  </si>
  <si>
    <t>\\acsfs\profiles$\lucasgpe\Downloads\330680e2-3397-4a2c-82a1-073f11682cf6.tmp</t>
  </si>
  <si>
    <t>01/15/2020 09:31:17</t>
  </si>
  <si>
    <t>c0fc6a9f-3c7b-4c46-adb3-eafceafbdf70.tmp</t>
  </si>
  <si>
    <t>\\acsfs\profiles$\talitafdc\Downloads\c0fc6a9f-3c7b-4c46-adb3-eafceafbdf70.tmp</t>
  </si>
  <si>
    <t>01/15/2020 09:34:12</t>
  </si>
  <si>
    <t>01/15/2020 09:34:13</t>
  </si>
  <si>
    <t>01/15/2020 09:30:58</t>
  </si>
  <si>
    <t>01/15/2020 09:36:46</t>
  </si>
  <si>
    <t>01/15/2020 09:31:04</t>
  </si>
  <si>
    <t>01/15/2020 09:31:10</t>
  </si>
  <si>
    <t>01/15/2020 09:31:16</t>
  </si>
  <si>
    <t>01/15/2020 09:31:45</t>
  </si>
  <si>
    <t>01/15/2020 09:31:48</t>
  </si>
  <si>
    <t>01/15/2020 09:32:00</t>
  </si>
  <si>
    <t>01/15/2020 09:32:33</t>
  </si>
  <si>
    <t>01/15/2020 09:33:12</t>
  </si>
  <si>
    <t>100014122394468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14122394468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5/2020 09:33:18</t>
  </si>
  <si>
    <t>01/15/2020 09:33:26</t>
  </si>
  <si>
    <t>01/15/2020 09:33:37</t>
  </si>
  <si>
    <t>01/15/2020 09:33:48</t>
  </si>
  <si>
    <t>01/15/2020 09:34:37</t>
  </si>
  <si>
    <t>01/15/2020 09:31:53</t>
  </si>
  <si>
    <t>01/15/2020 09:35:23</t>
  </si>
  <si>
    <t>01/15/2020 09:35:53</t>
  </si>
  <si>
    <t>01/15/2020 09:38:46</t>
  </si>
  <si>
    <t>01/15/2020 09:34:44</t>
  </si>
  <si>
    <t>9532dbdc-e041-4159-a0f1-d6bd2bea24b3.tmp</t>
  </si>
  <si>
    <t>\\acsfs\profiles$\claudiajca\Downloads\9532dbdc-e041-4159-a0f1-d6bd2bea24b3.tmp</t>
  </si>
  <si>
    <t>01/15/2020 09:34:16</t>
  </si>
  <si>
    <t>01/15/2020 09:34:07</t>
  </si>
  <si>
    <t>01/15/2020 09:39:45</t>
  </si>
  <si>
    <t>01/15/2020 09:34:42</t>
  </si>
  <si>
    <t>01/15/2020 09:35:05</t>
  </si>
  <si>
    <t>01/15/2020 09:35:43</t>
  </si>
  <si>
    <t>01/15/2020 09:36:08</t>
  </si>
  <si>
    <t>01/15/2020 09:36:11</t>
  </si>
  <si>
    <t>01/15/2020 09:36:12</t>
  </si>
  <si>
    <t>01/15/2020 09:36:20</t>
  </si>
  <si>
    <t>01/15/2020 09:36:25</t>
  </si>
  <si>
    <t>01/15/2020 09:36:40</t>
  </si>
  <si>
    <t>01/15/2020 09:36:42</t>
  </si>
  <si>
    <t>01/15/2020 09:36:44</t>
  </si>
  <si>
    <t>01/15/2020 09:37:02</t>
  </si>
  <si>
    <t>01/15/2020 09:37:09</t>
  </si>
  <si>
    <t>01/15/2020 09:37:10</t>
  </si>
  <si>
    <t>01/15/2020 09:37:22</t>
  </si>
  <si>
    <t>01/15/2020 09:37:26</t>
  </si>
  <si>
    <t>01/15/2020 09:37:40</t>
  </si>
  <si>
    <t>01/15/2020 09:38:26</t>
  </si>
  <si>
    <t>01/15/2020 09:38:00</t>
  </si>
  <si>
    <t>01/15/2020 09:39:11</t>
  </si>
  <si>
    <t>01/15/2020 09:39:23</t>
  </si>
  <si>
    <t>Caso 00818920 Deise Monteiro da Silva.pdf</t>
  </si>
  <si>
    <t>\\acsfs\Deptos\EDUCACAO EMPRESARIAL\FERNANDA MONIT\Fernanda\RECLAMAÇÃO E OUVIDORIA\Caso 00818920 Deise Monteiro da Silva.pdf</t>
  </si>
  <si>
    <t>01/15/2020 09:38:13</t>
  </si>
  <si>
    <t>01/15/2020 09:40:46</t>
  </si>
  <si>
    <t>01/15/2020 09:37:47</t>
  </si>
  <si>
    <t>01/15/2020 09:38:07</t>
  </si>
  <si>
    <t>01/15/2020 09:39:51</t>
  </si>
  <si>
    <t>01/15/2020 09:35:55</t>
  </si>
  <si>
    <t>7b0ef580-cf83-4d0b-bc1d-a371514c3e77.tmp</t>
  </si>
  <si>
    <t>\\acsfs\profiles$\jessicafc\Downloads\7b0ef580-cf83-4d0b-bc1d-a371514c3e77.tmp</t>
  </si>
  <si>
    <t>01/15/2020 09:36:07</t>
  </si>
  <si>
    <t>debd2363-6d9f-4535-b5f2-556695dcfbd9.tmp</t>
  </si>
  <si>
    <t>\\acsfs\profiles$\jessicafc\Downloads\debd2363-6d9f-4535-b5f2-556695dcfbd9.tmp</t>
  </si>
  <si>
    <t>01/15/2020 09:37:14</t>
  </si>
  <si>
    <t>cb47aeb2-b3db-4a78-8c94-66e75df39f05.tmp</t>
  </si>
  <si>
    <t>\\acsfs\profiles$\jessicafc\Downloads\cb47aeb2-b3db-4a78-8c94-66e75df39f05.tmp</t>
  </si>
  <si>
    <t>01/15/2020 09:39:06</t>
  </si>
  <si>
    <t>01/15/2020 09:41:46</t>
  </si>
  <si>
    <t>a1bae453-5e40-492f-bd53-145e10664fc9.tmp</t>
  </si>
  <si>
    <t>\\acsfs\profiles$\gabrielhca\Downloads\a1bae453-5e40-492f-bd53-145e10664fc9.tmp</t>
  </si>
  <si>
    <t>01/15/2020 09:39:10</t>
  </si>
  <si>
    <t>e1a29bb4-5e14-4c31-b75a-cdc6bb0ca2dc.tmp</t>
  </si>
  <si>
    <t>\\acsfs\profiles$\gabrielhca\Downloads\e1a29bb4-5e14-4c31-b75a-cdc6bb0ca2dc.tmp</t>
  </si>
  <si>
    <t>01/15/2020 09:39:37</t>
  </si>
  <si>
    <t>38a521fe-1c12-4dcb-966f-3ca046addc87.tmp</t>
  </si>
  <si>
    <t>\\acsfs\profiles$\gabrielhca\Downloads\38a521fe-1c12-4dcb-966f-3ca046addc87.tmp</t>
  </si>
  <si>
    <t>01/15/2020 09:36:23</t>
  </si>
  <si>
    <t>01/15/2020 09:36:53</t>
  </si>
  <si>
    <t>01/15/2020 09:37:23</t>
  </si>
  <si>
    <t>01/15/2020 09:40:23</t>
  </si>
  <si>
    <t>01/15/2020 09:40:53</t>
  </si>
  <si>
    <t>01/15/2020 09:37:06</t>
  </si>
  <si>
    <t>mail.google.com/_/upload?authuser=0&amp;dcp=asu-n&amp;upload_id=AEnB2UrtLzdjqpT2Z48XR9P--jauSD10ytEvJkhGpCmyuDmklXMYRKLYsJrTj2V6q42FjPFcw7LUOSWoIDZluYK4oChu8EJDPkuihZYt3Xmovnaek3Gh1CQ&amp;upload_protocol=resumable</t>
  </si>
  <si>
    <t>01/15/2020 09:38:02</t>
  </si>
  <si>
    <t>01/15/2020 09:38:14</t>
  </si>
  <si>
    <t>01/15/2020 09:38:20</t>
  </si>
  <si>
    <t>01/15/2020 09:37:25</t>
  </si>
  <si>
    <t>01/15/2020 09:38:45</t>
  </si>
  <si>
    <t>01/15/2020 09:37:53</t>
  </si>
  <si>
    <t>01/15/2020 09:37:57</t>
  </si>
  <si>
    <t>01/15/2020 09:41:01</t>
  </si>
  <si>
    <t>01/15/2020 09:42:46</t>
  </si>
  <si>
    <t>\\acsfs\Deptos\Operacao\Banco_Votorantim\Supervisao\Maristela\CRBV vendas\Cópia de °ºAcompanhamento de Equipe Maristelaº°.xlsx\</t>
  </si>
  <si>
    <t>\\acsfs\Deptos\Operacao\Banco_Votorantim\Supervisao\Maristela\CRBV vendas\Cópia de °ºAcompanhamento de Equipe Maristelaº°.xlsx</t>
  </si>
  <si>
    <t>01/15/2020 09:43:45</t>
  </si>
  <si>
    <t>01/15/2020 09:41:21</t>
  </si>
  <si>
    <t>3dd9e955-651d-47dd-8277-eec05804e22f.tmp</t>
  </si>
  <si>
    <t>\\acsfs\profiles$\henriquehmdo\Downloads\3dd9e955-651d-47dd-8277-eec05804e22f.tmp</t>
  </si>
  <si>
    <t>01/15/2020 09:41:26</t>
  </si>
  <si>
    <t>01/15/2020 09:42:14</t>
  </si>
  <si>
    <t>01/15/2020 09:44:46</t>
  </si>
  <si>
    <t>6e863160-f011-4770-b0a6-09afd1632308.tmp</t>
  </si>
  <si>
    <t>\\acsfs\profiles$\vivianealda\Downloads\6e863160-f011-4770-b0a6-09afd1632308.tmp</t>
  </si>
  <si>
    <t>01/15/2020 09:41:58</t>
  </si>
  <si>
    <t>01/15/2020 09:42:08</t>
  </si>
  <si>
    <t>b1601c2d-cfc5-4046-823f-3d8797b5170d.tmp</t>
  </si>
  <si>
    <t>\\acsfs\profiles$\LAISLG\Downloads\b1601c2d-cfc5-4046-823f-3d8797b5170d.tmp</t>
  </si>
  <si>
    <t>01/15/2020 09:43:15</t>
  </si>
  <si>
    <t>fc473e3a-fe51-4568-989b-372eeef22c68.tmp</t>
  </si>
  <si>
    <t>\\acsfs\profiles$\LAISLG\Downloads\fc473e3a-fe51-4568-989b-372eeef22c68.tmp</t>
  </si>
  <si>
    <t>01/15/2020 09:39:26</t>
  </si>
  <si>
    <t>01/15/2020 09:40:05</t>
  </si>
  <si>
    <t>01/15/2020 09:40:26</t>
  </si>
  <si>
    <t>01/15/2020 09:41:49</t>
  </si>
  <si>
    <t>01/15/2020 09:41:55</t>
  </si>
  <si>
    <t>01/15/2020 09:42:01</t>
  </si>
  <si>
    <t>01/15/2020 09:42:30</t>
  </si>
  <si>
    <t>01/15/2020 09:43:30</t>
  </si>
  <si>
    <t>01/15/2020 09:44:03</t>
  </si>
  <si>
    <t>01/15/2020 09:41:52</t>
  </si>
  <si>
    <t>01/15/2020 09:42:27</t>
  </si>
  <si>
    <t>01/15/2020 09:42:37</t>
  </si>
  <si>
    <t>mail.google.com/_/upload?authuser=0&amp;dcp=asu-n&amp;upload_id=AEnB2UqK0VCuSm4QgSjW9Q9x-zAhSS1NT2DAh65Y7XyxGNfpTExqnc9Ee9gPPGR7-nT0hQDeH1NKGSBwOiDXtfrqEFNpxZ4xZ_xzizTT1sWkPnUlbbJpoVA&amp;upload_protocol=resumable</t>
  </si>
  <si>
    <t>C:\Users\fernandaab\Desktop\</t>
  </si>
  <si>
    <t>Operadora VICTORIA KAROLLINE SILVA RODRIGUES_1_6754406882786491228_1_32.wav</t>
  </si>
  <si>
    <t>01/15/2020 09:43:01</t>
  </si>
  <si>
    <t>01/15/2020 09:41:42</t>
  </si>
  <si>
    <t>01/15/2020 09:45:45</t>
  </si>
  <si>
    <t>01/15/2020 09:43:39</t>
  </si>
  <si>
    <t>7ead060a-015c-466c-9aa3-f63e82de9d38.tmp</t>
  </si>
  <si>
    <t>\\acsfs\profiles$\jessicafc\Downloads\7ead060a-015c-466c-9aa3-f63e82de9d38.tmp</t>
  </si>
  <si>
    <t>01/15/2020 09:41:03</t>
  </si>
  <si>
    <t>01/15/2020 09:43:08</t>
  </si>
  <si>
    <t>657de3b4-1e93-435e-aba2-a832b14b1a72.tmp</t>
  </si>
  <si>
    <t>\\acsfs\profiles$\talitafdc\Downloads\657de3b4-1e93-435e-aba2-a832b14b1a72.tmp</t>
  </si>
  <si>
    <t>01/15/2020 09:41:16</t>
  </si>
  <si>
    <t>01/15/2020 09:46:46</t>
  </si>
  <si>
    <t>b223af96-c2f6-4634-a7b6-32f2bfa3b1db.tmp</t>
  </si>
  <si>
    <t>\\acsfs\profiles$\gabrielhca\Downloads\b223af96-c2f6-4634-a7b6-32f2bfa3b1db.tmp</t>
  </si>
  <si>
    <t>01/15/2020 09:42:00</t>
  </si>
  <si>
    <t>b10af6a9-133e-4349-82c9-77697c01c573.tmp</t>
  </si>
  <si>
    <t>\\acsfs\profiles$\gabrielhca\Downloads\b10af6a9-133e-4349-82c9-77697c01c573.tmp</t>
  </si>
  <si>
    <t>01/15/2020 09:41:53</t>
  </si>
  <si>
    <t>01/15/2020 09:42:23</t>
  </si>
  <si>
    <t>01/15/2020 09:45:53</t>
  </si>
  <si>
    <t>01/15/2020 09:43:52</t>
  </si>
  <si>
    <t>8d578351-fd0c-4675-8020-51366f8a4ec4.tmp</t>
  </si>
  <si>
    <t>\\acsfs\profiles$\PEDROHAB\Downloads\8d578351-fd0c-4675-8020-51366f8a4ec4.tmp</t>
  </si>
  <si>
    <t>01/15/2020 09:41:35</t>
  </si>
  <si>
    <t>01/15/2020 09:43:00</t>
  </si>
  <si>
    <t>01/15/2020 09:43:09</t>
  </si>
  <si>
    <t>01/15/2020 09:43:13</t>
  </si>
  <si>
    <t>01/15/2020 09:43:26</t>
  </si>
  <si>
    <t>01/15/2020 09:44:37</t>
  </si>
  <si>
    <t>01/15/2020 09:44:39</t>
  </si>
  <si>
    <t>01/15/2020 09:47:45</t>
  </si>
  <si>
    <t>d605aae3-4c48-45de-87fb-2b162c1121de.tmp</t>
  </si>
  <si>
    <t>\\acsfs\profiles$\adelvinsonle\Downloads\d605aae3-4c48-45de-87fb-2b162c1121de.tmp</t>
  </si>
  <si>
    <t>01/15/2020 09:44:40</t>
  </si>
  <si>
    <t>592931b5-177c-4160-8d03-f23ec6ae0dc4.tmp</t>
  </si>
  <si>
    <t>\\acsfs\profiles$\adelvinsonle\Downloads\592931b5-177c-4160-8d03-f23ec6ae0dc4.tmp</t>
  </si>
  <si>
    <t>01/15/2020 09:44:48</t>
  </si>
  <si>
    <t>Q29udHJvbGxlci5DYWxjdWxhZG9yYURlVmVuY2lt (13).ica</t>
  </si>
  <si>
    <t>\\acsfs\profiles$\adelvinsonle\Downloads\Q29udHJvbGxlci5DYWxjdWxhZG9yYURlVmVuY2lt (13).ica</t>
  </si>
  <si>
    <t>01/15/2020 09:46:23</t>
  </si>
  <si>
    <t>e37aea85-5ee6-45a1-859d-fc1d995ede4b.tmp</t>
  </si>
  <si>
    <t>\\acsfs\profiles$\adelvinsonle\Downloads\e37aea85-5ee6-45a1-859d-fc1d995ede4b.tmp</t>
  </si>
  <si>
    <t>01/15/2020 09:45:15</t>
  </si>
  <si>
    <t>01/15/2020 09:45:22</t>
  </si>
  <si>
    <t>79305a8c-08c0-4541-9153-86f9e53df62e.tmp</t>
  </si>
  <si>
    <t>\\acsfs\profiles$\inarajst\Downloads\79305a8c-08c0-4541-9153-86f9e53df62e.tmp</t>
  </si>
  <si>
    <t>01/15/2020 09:45:32</t>
  </si>
  <si>
    <t>bbd9be53-6bfd-4c3e-8ec0-38d0c2d6bfa5.tmp</t>
  </si>
  <si>
    <t>\\acsfs\profiles$\inarajst\Downloads\bbd9be53-6bfd-4c3e-8ec0-38d0c2d6bfa5.tmp</t>
  </si>
  <si>
    <t>01/15/2020 09:48:46</t>
  </si>
  <si>
    <t>be988b52-8074-4aca-acc2-72e963774811.tmp</t>
  </si>
  <si>
    <t>\\acsfs\profiles$\gabrielsma\Downloads\be988b52-8074-4aca-acc2-72e963774811.tmp</t>
  </si>
  <si>
    <t>01/15/2020 09:44:43</t>
  </si>
  <si>
    <t>\\acsfs\ACS\Gabriel da Silva\Contemporânea\Gen\Q29udHJvbGxlci5BQ09NLVNvdUJWXzE-.ica.crdownload</t>
  </si>
  <si>
    <t>01/15/2020 09:46:12</t>
  </si>
  <si>
    <t>4f443bb5-b302-47b6-94a2-1f33e80bace1.tmp</t>
  </si>
  <si>
    <t>\\acsfs\profiles$\gabrielsma\Downloads\4f443bb5-b302-47b6-94a2-1f33e80bace1.tmp</t>
  </si>
  <si>
    <t>01/15/2020 09:46:16</t>
  </si>
  <si>
    <t>01/15/2020 09:49:46</t>
  </si>
  <si>
    <t>01/15/2020 09:46:00</t>
  </si>
  <si>
    <t>75039a38-e73f-432e-8496-6ee3d9e7e1ba.tmp</t>
  </si>
  <si>
    <t>\\acsfs\profiles$\nathaliarmr\Downloads\75039a38-e73f-432e-8496-6ee3d9e7e1ba.tmp</t>
  </si>
  <si>
    <t>01/15/2020 09:46:06</t>
  </si>
  <si>
    <t>c4ce0c47-b356-4143-bc0e-4fa5a922f693.tmp</t>
  </si>
  <si>
    <t>\\acsfs\profiles$\nathaliarmr\Downloads\c4ce0c47-b356-4143-bc0e-4fa5a922f693.tmp</t>
  </si>
  <si>
    <t>01/15/2020 09:44:11</t>
  </si>
  <si>
    <t>01/15/2020 09:44:56</t>
  </si>
  <si>
    <t>01/15/2020 09:45:00</t>
  </si>
  <si>
    <t>01/15/2020 09:45:03</t>
  </si>
  <si>
    <t>https://excel.officeapps.live.com/x/_vti_bin/ewainternalwebservice.json/pastestring?waccluster=br2</t>
  </si>
  <si>
    <t>01/15/2020 09:45:05</t>
  </si>
  <si>
    <t>01/15/2020 09:45:08</t>
  </si>
  <si>
    <t>https://excel.officeapps.live.com/x/_vti_bin/ewainternalwebservice.json/applytoranges?waccluster=br2</t>
  </si>
  <si>
    <t>01/15/2020 09:45:10</t>
  </si>
  <si>
    <t>01/15/2020 09:46:10</t>
  </si>
  <si>
    <t>01/15/2020 09:47:10</t>
  </si>
  <si>
    <t>01/15/2020 09:48:06</t>
  </si>
  <si>
    <t>01/15/2020 09:48:19</t>
  </si>
  <si>
    <t>01/15/2020 09:48:44</t>
  </si>
  <si>
    <t>01/15/2020 09:50:46</t>
  </si>
  <si>
    <t>01/15/2020 09:50:06</t>
  </si>
  <si>
    <t>01/15/2020 09:46:48</t>
  </si>
  <si>
    <t>01/15/2020 09:48:02</t>
  </si>
  <si>
    <t>100014299414656;</t>
  </si>
  <si>
    <t>https://100014299414656</t>
  </si>
  <si>
    <t>01/15/2020 09:48:58</t>
  </si>
  <si>
    <t>01/15/2020 09:46:24</t>
  </si>
  <si>
    <t>01/15/2020 09:51:46</t>
  </si>
  <si>
    <t>01/15/2020 09:47:54</t>
  </si>
  <si>
    <t>01/15/2020 09:49:54</t>
  </si>
  <si>
    <t>01/15/2020 09:50:24</t>
  </si>
  <si>
    <t>01/15/2020 09:47:04</t>
  </si>
  <si>
    <t>01/15/2020 09:50:34</t>
  </si>
  <si>
    <t>Agent State Details 14.01.2020.xlsx</t>
  </si>
  <si>
    <t>\\acsfs\deptos\Operacao\PCP\5 - Comum\PLANEJAMENTO BV\23 - EXTRAÇÕES\Agent State Details\2020\JANEIRO\Agent State Details 14.01.2020.xlsx</t>
  </si>
  <si>
    <t>01/15/2020 09:51:01</t>
  </si>
  <si>
    <t>01/15/2020 09:47:50</t>
  </si>
  <si>
    <t>01/15/2020 09:48:05</t>
  </si>
  <si>
    <t>01/15/2020 09:48:24</t>
  </si>
  <si>
    <t>mail.google.com/sync/u/0/i/s?hl=pt-BR&amp;c=1010</t>
  </si>
  <si>
    <t>01/15/2020 09:49:01</t>
  </si>
  <si>
    <t>01/15/2020 09:49:06</t>
  </si>
  <si>
    <t>01/15/2020 09:49:11</t>
  </si>
  <si>
    <t>mail.google.com/sync/u/0/i/s?hl=pt-BR&amp;c=1021</t>
  </si>
  <si>
    <t>01/15/2020 09:49:19</t>
  </si>
  <si>
    <t>01/15/2020 09:49:36</t>
  </si>
  <si>
    <t>01/15/2020 09:49:39</t>
  </si>
  <si>
    <t>01/15/2020 09:50:23</t>
  </si>
  <si>
    <t>01/15/2020 09:50:55</t>
  </si>
  <si>
    <t>01/15/2020 09:51:15</t>
  </si>
  <si>
    <t>01/15/2020 09:51:18</t>
  </si>
  <si>
    <t>01/15/2020 09:51:34</t>
  </si>
  <si>
    <t>01/15/2020 09:51:57</t>
  </si>
  <si>
    <t>01/15/2020 09:52:46</t>
  </si>
  <si>
    <t>3fc35157-999e-470b-9a2f-b1669bb0eeba.tmp</t>
  </si>
  <si>
    <t>\\acsfs\profiles$\inarajst\Downloads\3fc35157-999e-470b-9a2f-b1669bb0eeba.tmp</t>
  </si>
  <si>
    <t>01/15/2020 09:48:36</t>
  </si>
  <si>
    <t>01/15/2020 09:53:46</t>
  </si>
  <si>
    <t>"mozilla/5.0 (windows nt 6.1) applewebkit/537.36 (khtml;0] _x0018_�2_x0007_c-4e;0]8;0]\\\\\\��0 &lt;l;0]ackages\tornado\platform\interface.py;0]l;0]ll;0]u�{� �_x0007_�� �r;0]�6=�3�);1;104;109;13;13700014;13700109;13700185;13700451;13700951;13701207;13701298;13701422;13701430;13701450;13701506;13701537;13701573;13701577;13701625;13701657;13701693;13701693�;13701749;13701825;13701901;13701905;13701957;13701969;13702068;13702088;142961685;1578915906535000]]]p_x0006_؉p_x0006_;1578930052848000;1578930058554000;1578953241105;1578961066987;1578962571968;1578977768560;1578989207166;1578989508192;1578989809221;1578990110246;1578990411271;1578990712297;159;197;198;199;1ya5yrwelrso-yxib3ctz0mdjsqkh2uffmn2kfrmynlkfp2vhk5vxrjlyzc1nx1i8okgrxz4hh9fxnqqavexbjgszjfxng_3tikapcccza7s5nl0iiv528sipt3_n6smfvjyvnmz5gmbld86jsedcdqpnbowbtwaejdtwlwiwyazylw418myzkyijnlherxkuhkwira9leptzusoa4dcwukgiynsxa13uowore5xxwtlh1efew\";1ya5yrwelrso-yxib3ctz0mdjsqkh2uffmn2kfrmynlkfp2vhk5vxrjlyzc1nx1i8okgrxz4hh9fxnqqavexbjgszjfxng_3tikapcccza7s5nl0iiv528sipt3_n6smfvjyvnmz5gmbld86j</t>
  </si>
  <si>
    <t>"mozilla/5.0 (windows nt 6.1) applewebkit/537.36 (khtml,0] _x0018_�2_x0007_c-4e,0]8,0]\\\\\\��0 &lt;l,0]ackages\tornado\platform\interface.py,0]l,0]ll,0]u�{� �_x0007_�� �r,0]�6=�3�),1,104,109,13,13700014,13700109,13700185,13700451,13700951,13701207,13701298,13701422,13701430,13701450,13701506,13701537,13701573,13701577,13701625,13701657,13701693,13701693�,13701693�,13701749,13701825,13701901,13701905,13701957,13701969,13702068,13702088,142961685,1578915906535000]]]p_x0006_؉p_x0006_,1578930052848000,1578930058554000,1578953241105,1578961066987,1578962571968,1578977768560,1578989207166,1578989508192,1578989809221,1578990110246,1578990411271,1578990712297,159,197,198,199,1ya5yrwelrso-yxib3ctz0mdjsqkh2uffmn2kfrmynlkfp2vhk5vxrjlyzc1nx1i8okgrxz4hh9fxnqqavexbjgszjfxng_3tikapcccza7s5nl0iiv528sipt3_n6smfvjyvnmz5gmbld86jsedcdqpnbowbtwaejdtwlwiwyazylw418myzkyijnlherxkuhkwira9leptzusoa4dcwukgiynsxa13uowore5xxwtlh1efew\",1ya5yrwelrso-yxib3ctz0mdjsqkh2uffmn2kfrmynlkfp2vhk5vxrjlyzc1nx1i8okgrxz4hh9fxnqqavexbjgszjfxng_3tikapcccza7s5nl0iiv528sipt3_n6smfvjyvnm</t>
  </si>
  <si>
    <t>01/15/2020 09:48:37</t>
  </si>
  <si>
    <t>01/15/2020 09:49:52</t>
  </si>
  <si>
    <t>01/15/2020 09:54:46</t>
  </si>
  <si>
    <t>8f2d9d9b-aef6-4730-a256-e3d22ca38d62.tmp</t>
  </si>
  <si>
    <t>\\acsfs\profiles$\vivianealda\Downloads\8f2d9d9b-aef6-4730-a256-e3d22ca38d62.tmp</t>
  </si>
  <si>
    <t>01/15/2020 09:51:32</t>
  </si>
  <si>
    <t>5565f0bc-a925-4180-aa1d-1cb15fcd6884.tmp</t>
  </si>
  <si>
    <t>\\acsfs\profiles$\lorenabmc\Downloads\5565f0bc-a925-4180-aa1d-1cb15fcd6884.tmp</t>
  </si>
  <si>
    <t>01/15/2020 09:51:59</t>
  </si>
  <si>
    <t>913a7ddd-6083-4b68-8347-18ddd6d51bc7.tmp</t>
  </si>
  <si>
    <t>\\acsfs\profiles$\lorenabmc\Downloads\913a7ddd-6083-4b68-8347-18ddd6d51bc7.tmp</t>
  </si>
  <si>
    <t>01/15/2020 09:49:44</t>
  </si>
  <si>
    <t>01/15/2020 09:50:05</t>
  </si>
  <si>
    <t>01/15/2020 09:50:42</t>
  </si>
  <si>
    <t>01/15/2020 09:50:43</t>
  </si>
  <si>
    <t>01/15/2020 09:50:45</t>
  </si>
  <si>
    <t>01/15/2020 09:50:54</t>
  </si>
  <si>
    <t>01/15/2020 09:51:05</t>
  </si>
  <si>
    <t>01/15/2020 09:51:10</t>
  </si>
  <si>
    <t>01/15/2020 09:51:30</t>
  </si>
  <si>
    <t>01/15/2020 09:51:35</t>
  </si>
  <si>
    <t>01/15/2020 09:51:44</t>
  </si>
  <si>
    <t>01/15/2020 09:51:47</t>
  </si>
  <si>
    <t>https://excel.officeapps.live.com/x/_vti_bin/ewainternalwebservice.json/setcell?waccluster=br2</t>
  </si>
  <si>
    <t>01/15/2020 09:52:09</t>
  </si>
  <si>
    <t>01/15/2020 09:52:10</t>
  </si>
  <si>
    <t>01/15/2020 09:52:25</t>
  </si>
  <si>
    <t>01/15/2020 09:52:29</t>
  </si>
  <si>
    <t>01/15/2020 09:52:40</t>
  </si>
  <si>
    <t>01/15/2020 09:52:52</t>
  </si>
  <si>
    <t>01/15/2020 09:52:54</t>
  </si>
  <si>
    <t>01/15/2020 09:52:59</t>
  </si>
  <si>
    <t>01/15/2020 09:53:10</t>
  </si>
  <si>
    <t>01/15/2020 09:53:16</t>
  </si>
  <si>
    <t>01/15/2020 09:53:20</t>
  </si>
  <si>
    <t>01/15/2020 09:53:31</t>
  </si>
  <si>
    <t>01/15/2020 09:53:40</t>
  </si>
  <si>
    <t>01/15/2020 09:53:45</t>
  </si>
  <si>
    <t>01/15/2020 09:53:54</t>
  </si>
  <si>
    <t>01/15/2020 09:54:01</t>
  </si>
  <si>
    <t>01/15/2020 09:54:03</t>
  </si>
  <si>
    <t>01/15/2020 09:55:46</t>
  </si>
  <si>
    <t>01/15/2020 09:54:37</t>
  </si>
  <si>
    <t>d6ff1a56-5a0a-47c6-96de-3a1fdaa6a2c9.tmp</t>
  </si>
  <si>
    <t>\\acsfs\profiles$\lorrainerdl\Downloads\d6ff1a56-5a0a-47c6-96de-3a1fdaa6a2c9.tmp</t>
  </si>
  <si>
    <t>01/15/2020 09:54:31</t>
  </si>
  <si>
    <t>01/15/2020 09:52:31</t>
  </si>
  <si>
    <t>01/15/2020 09:56:46</t>
  </si>
  <si>
    <t>AGENT LOGIN LOGOUT DETAILS REPORT 14.01.2020.xlsx</t>
  </si>
  <si>
    <t>\\acsfs\deptos\Operacao\PCP\5 - Comum\PLANEJAMENTO BV\23 - EXTRAÇÕES\Agente Login Logout details report\2020\JANEIRO\AGENT LOGIN LOGOUT DETAILS REPORT 14.01.2020.xlsx</t>
  </si>
  <si>
    <t>01/15/2020 09:52:11</t>
  </si>
  <si>
    <t>01/15/2020 09:52:24</t>
  </si>
  <si>
    <t>01/15/2020 09:52:34</t>
  </si>
  <si>
    <t>01/15/2020 09:52:37</t>
  </si>
  <si>
    <t>01/15/2020 09:55:43</t>
  </si>
  <si>
    <t>01/15/2020 09:55:59</t>
  </si>
  <si>
    <t>01/15/2020 09:52:43</t>
  </si>
  <si>
    <t>01/15/2020 09:57:46</t>
  </si>
  <si>
    <t>7d5d3184-8275-42f8-871c-493e94131140.tmp</t>
  </si>
  <si>
    <t>\\acsfs\profiles$\matheushds\Downloads\7d5d3184-8275-42f8-871c-493e94131140.tmp</t>
  </si>
  <si>
    <t>4923bdda-1e11-4943-80c7-f0439cca9ee4.tmp</t>
  </si>
  <si>
    <t>\\acsfs\profiles$\matheushds\Downloads\4923bdda-1e11-4943-80c7-f0439cca9ee4.tmp</t>
  </si>
  <si>
    <t>01/15/2020 09:55:45</t>
  </si>
  <si>
    <t>97986be1-c5ad-44d8-80e8-2c3f1578720a.tmp</t>
  </si>
  <si>
    <t>\\acsfs\profiles$\matheushds\Downloads\97986be1-c5ad-44d8-80e8-2c3f1578720a.tmp</t>
  </si>
  <si>
    <t>01/15/2020 09:57:00</t>
  </si>
  <si>
    <t>01/15/2020 09:54:27</t>
  </si>
  <si>
    <t>01/15/2020 09:58:45</t>
  </si>
  <si>
    <t>C:\Users\gabrielsma\documents\</t>
  </si>
  <si>
    <t>Pesquisa_Satisfação_1401.xlsx</t>
  </si>
  <si>
    <t>\\acsfs\ACS\Gabriel da Silva\Contemporânea\NPS\NPS_Voz\Janeiro.20\Pesquisa_Satisfação_1401.xlsx</t>
  </si>
  <si>
    <t>01/15/2020 09:54:54</t>
  </si>
  <si>
    <t>Agent_Utilization_Report.xlsx</t>
  </si>
  <si>
    <t>\\acsfs\ACS\Gabriel da Silva\Contemporânea\Gen\Agent_Utilization_Report.xlsx</t>
  </si>
  <si>
    <t>01/15/2020 09:55:35</t>
  </si>
  <si>
    <t>01/15/2020 09:54:15</t>
  </si>
  <si>
    <t>01/15/2020 09:58:09</t>
  </si>
  <si>
    <t>"[[];"languagecode":"pt-br";"mozilla/5.0 (windows nt 6.1) applewebkit/537.36 (khtml;"requesttype":"background_request";"scenariotype;"timezone":"-03:00";(�d_x0011_n_x001A_si��lp�ߓv���ׁqa�[_x0016_�_x001A_�;)�i~a�_x001A_���qa�u�4-g�?�_x0008_���h֙_x0012_�g�_x0015__x0016__x001A_)_x001F_�d��`_x0007_�a_x0015__x0016__x0012_w[���n�w-_ txg"լn�t�����w��֖�j� jɑ_x0016_*;0;0]:0}:0})�� 66;0]\\\\\\���_x0005_&lt;l;0]als;0]l;0]ribedchildren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9005295726;1579011918297;1579014927782;1579030649468;1579036516260;17;1ya5yrwelrso-yxib3ctz0mdjsqkh2uffmn2kfrmynlkfp2vhk5vxrjlyzc1nx1i8okgr</t>
  </si>
  <si>
    <t>"[[],"languagecode":"pt-br","mozilla/5.0 (windows nt 6.1) applewebkit/537.36 (khtml,"requesttype":"background_request","scenariotype,"timezone":"-03:00",(�d_x0011_n_x001A_si��lp�ߓv���ׁqa�[_x0016_�_x001A_�,)�i~a�_x001A_���qa�u�4-g�?�_x0008_���h֙_x0012_�g�_x0015__x0016__x001A_)_x001F_�d��`_x0007_�a_x0015__x0016__x0012_w[���n�w-_ txg"լn�t�����w��֖�j� jɑ_x0016_*,0,0]:0}:0})�� 66,0]\\\\\\���_x0005_&lt;l,0]als,0]l,0]ribedchildren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9005295726,1579011918297,1579014927782,1579030649468,1579036516260,17,1ya5yrwelrso-yxib3ctz0mdjsqkh2uffmn2kfrmynlkfp2vhk5vxrjlyzc1nx1i8okgr</t>
  </si>
  <si>
    <t>01/15/2020 09:58:26</t>
  </si>
  <si>
    <t>"[[];"mozilla/5.0 (windows nt 6.1) applewebkit/537.36 (khtml;0];0]";0]\\\\\\\_x0012_�� &lt;l;0]];0]als;0]l;0]ribedchildren;0]thon-35.pyc;1;1253;13;132;13700014;13700109;13700167;13700185;13700235;13700451;13700563;13700607;13700951;13701078;13701207;13701235;13701239;13701276;13701298;13701422;13701430;13701450;13701506;13701534;13701537;13701573;13701577;13701589;13701609;13701625;13701657;13701693;13701749;13701825;13701901;13701905;13701909;13701945]];13701953;13701957;13701969;13702068;13702088;142961685;1578915539161\;1578923371630\;1578930052848000;1578930058554000;1578942103390;1578969495288;1578998237090;1579002285462;1579030649468;1579037922075\;1579037922677\;1579037932305;1]]";1ya5yrwelrso-yxib3ctz0mdjsqkh2uffmn2kfrmynlkfp2vhk5vxrjlyzc1nx1i8okgrxz4hh9fxnqqavexbjgszjfxng_3tikapcccza7s5nl0iiv528sipt3_n6smfvjyvnmz5gmbld86jsedcdqpnbowbtwaejdtwlwiwyazylw418myzkyijnlherxkuhkwirbhleptts24k8xflzify52syjklqephmx-z44ghow5p1w\";1ya5yrwelrso-yxib3ctz0mdjsqkh2uffmn2kfrmynlkfp2vhk5vxrjlyzc1nx1i8okgrxz4hh9fxnqqavexbjgszjf</t>
  </si>
  <si>
    <t>"[[],"mozilla/5.0 (windows nt 6.1) applewebkit/537.36 (khtml,0],0]",0]\\\\\\\_x0012_�� &lt;l,0]],0]als,0]l,0]ribedchildren,0]thon-35.pyc,1,1253,13,132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15539161\,1578923371630\,1578930052848000,1578930058554000,1578942103390,1578969495288,1578998237090,1579002285462,1579030649468,1579037922075\,1579037922677\,1579037932305,1]]",1ya5yrwelrso-yxib3ctz0mdjsqkh2uffmn2kfrmynlkfp2vhk5vxrjlyzc1nx1i8okgrxz4hh9fxnqqavexbjgszjfxng_3tikapcccza7s5nl0iiv528sipt3_n6smfvjyvnmz5gmbld86jsedcdqpnbowbtwaejdtwlwiwyazylw418myzkyijnlherxkuhkwirbhleptts24k8xflzify52syjklqephmx-z44ghow5p1w\",1ya5yrwelrso-yxib3ctz0mdjsqkh2uffmn2kfrmynlkfp2vhk5vxrjlyzc1nx1i8okgrxz4hh9fxnqqavexbjgszjf</t>
  </si>
  <si>
    <t>01/15/2020 09:54:58</t>
  </si>
  <si>
    <t>01/15/2020 09:59:46</t>
  </si>
  <si>
    <t>01/15/2020 09:55:57</t>
  </si>
  <si>
    <t>9ad8c907-35fa-4c95-962d-73a828d38629.tmp</t>
  </si>
  <si>
    <t>\\acsfs\profiles$\lorenabmc\Downloads\9ad8c907-35fa-4c95-962d-73a828d38629.tmp</t>
  </si>
  <si>
    <t>01/15/2020 09:58:55</t>
  </si>
  <si>
    <t>756e40c9-9a84-4473-898e-d72ef1df424b.tmp</t>
  </si>
  <si>
    <t>\\acsfs\profiles$\lorenabmc\Downloads\756e40c9-9a84-4473-898e-d72ef1df424b.tmp</t>
  </si>
  <si>
    <t>01/15/2020 09:56:16</t>
  </si>
  <si>
    <t>01/15/2020 09:55:42</t>
  </si>
  <si>
    <t>5ab2475c-1a5e-4d1b-b63e-5926bdc60432.tmp</t>
  </si>
  <si>
    <t>\\acsfs\profiles$\mariagsg\Downloads\5ab2475c-1a5e-4d1b-b63e-5926bdc60432.tmp</t>
  </si>
  <si>
    <t>ba6d7901-2201-4d0a-9f64-934eca17f4ce.tmp</t>
  </si>
  <si>
    <t>\\acsfs\profiles$\mariagsg\Downloads\ba6d7901-2201-4d0a-9f64-934eca17f4ce.tmp</t>
  </si>
  <si>
    <t>01/15/2020 09:55:49</t>
  </si>
  <si>
    <t>Q29udHJvbGxlci5QYXl3YXJlXzEtMg-- (9).ica</t>
  </si>
  <si>
    <t>\\acsfs\profiles$\mariagsg\Downloads\Q29udHJvbGxlci5QYXl3YXJlXzEtMg-- (9).ica</t>
  </si>
  <si>
    <t>01/15/2020 09:56:01</t>
  </si>
  <si>
    <t>01/15/2020 09:56:03</t>
  </si>
  <si>
    <t>\\acsfs\profiles$\mariagsg\Downloads\Q29udHJvbGxlci5DYWxjdWxhZG9yYURlVmVuY2lt (7).ica</t>
  </si>
  <si>
    <t>01/15/2020 09:56:06</t>
  </si>
  <si>
    <t>01/15/2020 09:56:15</t>
  </si>
  <si>
    <t>394bd6b6-2d32-4990-bfcd-ecb46d1e105d.tmp</t>
  </si>
  <si>
    <t>\\acsfs\profiles$\mariagsg\Downloads\394bd6b6-2d32-4990-bfcd-ecb46d1e105d.tmp</t>
  </si>
  <si>
    <t>01/15/2020 09:56:17</t>
  </si>
  <si>
    <t>40298770-bd61-4616-a6dc-07731a94c9e0.tmp</t>
  </si>
  <si>
    <t>\\acsfs\profiles$\mariagsg\Downloads\40298770-bd61-4616-a6dc-07731a94c9e0.tmp</t>
  </si>
  <si>
    <t>01/15/2020 09:56:20</t>
  </si>
  <si>
    <t>Q29udHJvbGxlci5QYXl3YXJlXzEtMg-- (10).ica</t>
  </si>
  <si>
    <t>\\acsfs\profiles$\mariagsg\Downloads\Q29udHJvbGxlci5QYXl3YXJlXzEtMg-- (10).ica</t>
  </si>
  <si>
    <t>01/15/2020 09:56:23</t>
  </si>
  <si>
    <t>\\acsfs\profiles$\mariagsg\Downloads\Q29udHJvbGxlci5DYWxjdWxhZG9yYURlVmVuY2lt (8).ica</t>
  </si>
  <si>
    <t>01/15/2020 09:57:05</t>
  </si>
  <si>
    <t>14a9353f-97a5-494e-9972-8a17da423bb7.tmp</t>
  </si>
  <si>
    <t>\\acsfs\profiles$\mariagsg\Downloads\14a9353f-97a5-494e-9972-8a17da423bb7.tmp</t>
  </si>
  <si>
    <t>01/15/2020 09:54:09</t>
  </si>
  <si>
    <t>01/15/2020 09:54:10</t>
  </si>
  <si>
    <t>01/15/2020 09:54:12</t>
  </si>
  <si>
    <t>01/15/2020 09:54:14</t>
  </si>
  <si>
    <t>01/15/2020 09:54:17</t>
  </si>
  <si>
    <t>01/15/2020 09:54:18</t>
  </si>
  <si>
    <t>01/15/2020 09:54:23</t>
  </si>
  <si>
    <t>01/15/2020 09:54:26</t>
  </si>
  <si>
    <t>01/15/2020 09:54:36</t>
  </si>
  <si>
    <t>01/15/2020 09:54:40</t>
  </si>
  <si>
    <t>01/15/2020 09:54:44</t>
  </si>
  <si>
    <t>01/15/2020 09:54:49</t>
  </si>
  <si>
    <t>01/15/2020 09:54:57</t>
  </si>
  <si>
    <t>01/15/2020 09:55:00</t>
  </si>
  <si>
    <t>01/15/2020 09:55:05</t>
  </si>
  <si>
    <t>01/15/2020 09:55:10</t>
  </si>
  <si>
    <t>01/15/2020 09:55:14</t>
  </si>
  <si>
    <t>01/15/2020 09:55:16</t>
  </si>
  <si>
    <t>01/15/2020 09:55:27</t>
  </si>
  <si>
    <t>01/15/2020 09:55:34</t>
  </si>
  <si>
    <t>01/15/2020 09:55:40</t>
  </si>
  <si>
    <t>01/15/2020 09:55:44</t>
  </si>
  <si>
    <t>01/15/2020 09:55:50</t>
  </si>
  <si>
    <t>01/15/2020 09:56:08</t>
  </si>
  <si>
    <t>01/15/2020 09:56:28</t>
  </si>
  <si>
    <t>01/15/2020 09:56:51</t>
  </si>
  <si>
    <t>01/15/2020 09:56:54</t>
  </si>
  <si>
    <t>01/15/2020 09:56:58</t>
  </si>
  <si>
    <t>01/15/2020 09:57:01</t>
  </si>
  <si>
    <t>01/15/2020 09:57:02</t>
  </si>
  <si>
    <t>01/15/2020 09:57:06</t>
  </si>
  <si>
    <t>01/15/2020 09:57:09</t>
  </si>
  <si>
    <t>01/15/2020 09:55:56</t>
  </si>
  <si>
    <t>34b31ccb-2279-44d9-a60d-a911674ee187.tmp</t>
  </si>
  <si>
    <t>\\acsfs\profiles$\wedersonbadr\My Documents\My Music\34b31ccb-2279-44d9-a60d-a911674ee187.tmp</t>
  </si>
  <si>
    <t>01/15/2020 09:57:10</t>
  </si>
  <si>
    <t>01/15/2020 09:57:13</t>
  </si>
  <si>
    <t>https://excel.officeapps.live.com/x/_vti_bin/ewainternalwebservice.json/fillrange?waccluster=br2</t>
  </si>
  <si>
    <t>01/15/2020 09:57:16</t>
  </si>
  <si>
    <t>01/15/2020 09:57:20</t>
  </si>
  <si>
    <t>01/15/2020 09:57:24</t>
  </si>
  <si>
    <t>01/15/2020 09:57:38</t>
  </si>
  <si>
    <t>01/15/2020 09:57:40</t>
  </si>
  <si>
    <t>01/15/2020 09:57:42</t>
  </si>
  <si>
    <t>01/15/2020 09:57:44</t>
  </si>
  <si>
    <t>01/15/2020 09:57:47</t>
  </si>
  <si>
    <t>01/15/2020 09:57:49</t>
  </si>
  <si>
    <t>01/15/2020 09:57:51</t>
  </si>
  <si>
    <t>01/15/2020 09:57:56</t>
  </si>
  <si>
    <t>01/15/2020 09:57:58</t>
  </si>
  <si>
    <t>01/15/2020 09:58:00</t>
  </si>
  <si>
    <t>01/15/2020 09:58:02</t>
  </si>
  <si>
    <t>01/15/2020 09:58:06</t>
  </si>
  <si>
    <t>01/15/2020 09:58:10</t>
  </si>
  <si>
    <t>01/15/2020 09:58:16</t>
  </si>
  <si>
    <t>01/15/2020 09:58:40</t>
  </si>
  <si>
    <t>01/15/2020 09:58:53</t>
  </si>
  <si>
    <t>01/15/2020 09:58:57</t>
  </si>
  <si>
    <t>01/15/2020 09:59:00</t>
  </si>
  <si>
    <t>01/15/2020 09:59:03</t>
  </si>
  <si>
    <t>01/15/2020 09:57:26</t>
  </si>
  <si>
    <t>01/15/2020 09:59:04</t>
  </si>
  <si>
    <t>01/15/2020 09:59:06</t>
  </si>
  <si>
    <t>01/15/2020 09:59:07</t>
  </si>
  <si>
    <t>lu103321fz633.tmp</t>
  </si>
  <si>
    <t>\\acsfs\profiles$\BRUNAAR\Numero\lu103321fz633.tmp</t>
  </si>
  <si>
    <t>7ca87b46-d5e4-4fbc-ba68-9f68cff736a9.tmp</t>
  </si>
  <si>
    <t>\\acsfs\profiles$\marcosvnds\Downloads\7ca87b46-d5e4-4fbc-ba68-9f68cff736a9.tmp</t>
  </si>
  <si>
    <t>01/15/2020 09:59:25</t>
  </si>
  <si>
    <t>cfac0401-d98c-4a25-b11d-8a65a7f22c39.tmp</t>
  </si>
  <si>
    <t>\\acsfs\profiles$\felipetds\Downloads\cfac0401-d98c-4a25-b11d-8a65a7f22c39.tmp</t>
  </si>
  <si>
    <t>01/15/2020 09:57:57</t>
  </si>
  <si>
    <t>01/15/2020 09:58:07</t>
  </si>
  <si>
    <t>01/15/2020 09:58:14</t>
  </si>
  <si>
    <t>01/15/2020 10:00:46</t>
  </si>
  <si>
    <t>01/15/2020 09:55:58</t>
  </si>
  <si>
    <t>eee68fdc-caf7-43d3-bc77-74b676296962.tmp</t>
  </si>
  <si>
    <t>\\acsfs\profiles$\vivianalds\Downloads\eee68fdc-caf7-43d3-bc77-74b676296962.tmp</t>
  </si>
  <si>
    <t>01/15/2020 09:56:30</t>
  </si>
  <si>
    <t>3ed5b10e-8502-475a-a698-979084a19faf.tmp</t>
  </si>
  <si>
    <t>\\acsfs\profiles$\vivianalds\Downloads\3ed5b10e-8502-475a-a698-979084a19faf.tmp</t>
  </si>
  <si>
    <t>01/15/2020 09:58:13</t>
  </si>
  <si>
    <t>https://udpwfmniceap02/web/guest/home?p_auth=hl5muwog&amp;p_p_id=58&amp;p_p_lifecycle=1&amp;p_p_state=maximized&amp;p_p_mode=view&amp;savelastpath=0&amp;_58_struts_action=/login/forgot_password</t>
  </si>
  <si>
    <t>01/15/2020 09:58:27</t>
  </si>
  <si>
    <t>01/15/2020 09:56:24</t>
  </si>
  <si>
    <t>01/15/2020 10:01:46</t>
  </si>
  <si>
    <t>01/15/2020 09:58:35</t>
  </si>
  <si>
    <t>f12744cd-f654-481c-8548-77e418fd85cc.tmp</t>
  </si>
  <si>
    <t>\\acsfs\profiles$\milenaas\Downloads\f12744cd-f654-481c-8548-77e418fd85cc.tmp</t>
  </si>
  <si>
    <t>01/15/2020 09:58:17</t>
  </si>
  <si>
    <t>mail.google.com/sync/u/0/i/s?hl=pt-BR&amp;c=1170</t>
  </si>
  <si>
    <t>01/15/2020 09:58:22</t>
  </si>
  <si>
    <t>mail.google.com/sync/u/0/i/s?hl=pt-BR&amp;c=1174</t>
  </si>
  <si>
    <t>01/15/2020 09:58:34</t>
  </si>
  <si>
    <t>mail.google.com/sync/u/0/i/s?hl=pt-BR&amp;c=1176</t>
  </si>
  <si>
    <t>01/15/2020 09:58:54</t>
  </si>
  <si>
    <t>01/15/2020 09:59:41</t>
  </si>
  <si>
    <t>01/15/2020 10:00:00</t>
  </si>
  <si>
    <t>01/15/2020 10:00:14</t>
  </si>
  <si>
    <t>01/15/2020 10:00:24</t>
  </si>
  <si>
    <t>01/15/2020 10:00:33</t>
  </si>
  <si>
    <t>mail.google.com/sync/u/0/i/s?hl=pt-BR&amp;c=1210</t>
  </si>
  <si>
    <t>01/15/2020 10:00:55</t>
  </si>
  <si>
    <t>01/15/2020 10:01:01</t>
  </si>
  <si>
    <t>01/15/2020 10:01:09</t>
  </si>
  <si>
    <t>01/15/2020 10:01:24</t>
  </si>
  <si>
    <t>01/15/2020 10:02:46</t>
  </si>
  <si>
    <t>36f0e892-d4ff-4fc5-a3f2-13c09e3d46cf.tmp</t>
  </si>
  <si>
    <t>\\acsfs\profiles$\matheushds\Downloads\36f0e892-d4ff-4fc5-a3f2-13c09e3d46cf.tmp</t>
  </si>
  <si>
    <t>01/15/2020 09:57:08</t>
  </si>
  <si>
    <t>a5810535-02bf-4f55-beb1-5acb771074d4.tmp</t>
  </si>
  <si>
    <t>\\acsfs\profiles$\adelvinsonle\Downloads\a5810535-02bf-4f55-beb1-5acb771074d4.tmp</t>
  </si>
  <si>
    <t>01/15/2020 09:58:44</t>
  </si>
  <si>
    <t>ANDRESSA GOMES RODRIGUES_1_6777718105548335990_1_32.wav</t>
  </si>
  <si>
    <t>\\acsfs\Deptos\EDUCACAO EMPRESARIAL\KÉSIA\Ligações 2º ciclo - Janeiro 2020\ANDRESSA GOMES RODRIGUES_1_6777718105548335990_1_32.wav</t>
  </si>
  <si>
    <t>01/15/2020 09:57:35</t>
  </si>
  <si>
    <t>c04800c9-1847-454c-94bd-073fe0b3acff.tmp</t>
  </si>
  <si>
    <t>\\acsfs\profiles$\gabrielafs\Downloads\c04800c9-1847-454c-94bd-073fe0b3acff.tmp</t>
  </si>
  <si>
    <t>165cd707-9212-4c73-9ea8-35f094eb87b5.tmp</t>
  </si>
  <si>
    <t>\\acsfs\profiles$\gabrielafs\Downloads\165cd707-9212-4c73-9ea8-35f094eb87b5.tmp</t>
  </si>
  <si>
    <t>01/15/2020 09:57:36</t>
  </si>
  <si>
    <t>3938d06e-dbf4-44d5-a99c-faad646a663e.tmp</t>
  </si>
  <si>
    <t>\\acsfs\profiles$\gabrielafs\Downloads\3938d06e-dbf4-44d5-a99c-faad646a663e.tmp</t>
  </si>
  <si>
    <t>01/15/2020 09:57:37</t>
  </si>
  <si>
    <t>2c1d0744-a3d4-4741-855e-e851f5c397ae.tmp</t>
  </si>
  <si>
    <t>\\acsfs\profiles$\gabrielafs\Downloads\2c1d0744-a3d4-4741-855e-e851f5c397ae.tmp</t>
  </si>
  <si>
    <t>9b1afeb5-27c8-4d98-97d6-c8a93204d722.tmp</t>
  </si>
  <si>
    <t>\\acsfs\profiles$\gabrielafs\Downloads\9b1afeb5-27c8-4d98-97d6-c8a93204d722.tmp</t>
  </si>
  <si>
    <t>01/15/2020 10:02:17</t>
  </si>
  <si>
    <t>01/15/2020 10:02:59</t>
  </si>
  <si>
    <t>01/15/2020 10:03:46</t>
  </si>
  <si>
    <t>01/15/2020 10:00:03</t>
  </si>
  <si>
    <t>01/15/2020 10:04:46</t>
  </si>
  <si>
    <t>bbc589d8-bbc3-4dc7-aaff-715f4da95b16.tmp</t>
  </si>
  <si>
    <t>\\acsfs\profiles$\vivianealda\Downloads\bbc589d8-bbc3-4dc7-aaff-715f4da95b16.tmp</t>
  </si>
  <si>
    <t>01/15/2020 10:01:39</t>
  </si>
  <si>
    <t>8e623bf9-3aff-48ba-aa75-ab3588dff307.tmp</t>
  </si>
  <si>
    <t>\\acsfs\profiles$\leticiala\Downloads\8e623bf9-3aff-48ba-aa75-ab3588dff307.tmp</t>
  </si>
  <si>
    <t>01/15/2020 10:02:04</t>
  </si>
  <si>
    <t>01/15/2020 10:01:17</t>
  </si>
  <si>
    <t>01/15/2020 10:01:03</t>
  </si>
  <si>
    <t>"10":{"1":"caeqabgbigvwdc1cuigaoaa";"10":{"1":282;"12":"15789402012017b215e38e3c86680";"13":"pt-br";"14":"br";"14":"pt-br"};"17":{"1":["1578940207211";"2":"-03:00";"2":"1578940213656"};"2":"1578940213664"};"2":{"1":282}};"2":{"1":3;"21":"";"25":{"1":"1578940201201";"26":{"2":[{"1":{"1":"matricula";"27":[{"1":{"1":"13";"3":"gustavo damas silva";"3":{"2":"1578940213673"}};"4":"pr_1_0"}];"4":["equipecrbv1@bv.algartech.com"];"4":{"1":{"1":[{"1":"matrícula"}]}};"5":"msg-a:r-1400789227488206701";"7":"caeqabgbigvwdc1cuigaoaa"};"8":{"2":1};"mozilla/5.0 (windows nt 6.1; win64; x64) applewebkit/537.36 (khtml;0]e^��;0]l;0]ll;1;12;13;13700109;13700167;13700235;13700951;13701078;13701207;13701214;13701235;13701239;13701458;13701486;13701506;13701510;13701534;13701573;13701577;13701613;13701625;13701653;13701693;13701709;13701901;13701949;13701969;15;1578940208163;1578940723092000;1578940727411000;1578946748878;16;2;21;22;22g \n80g \n34_x001C_"5":{"1":"";28;3;30;33g \n61g \n33g \n40g \n40g \n58g \n70g \n75g \n \n \n98805\n \n54\</t>
  </si>
  <si>
    <t>https://"10":{"1":"caeqabgbigvwdc1cuigaoaa","10":{"1":282,"12":"15789402012017b215e38e3c86680","13":"pt-br","14":"br","14":"pt-br"},"17":{"1":["1578940207211","2":"-03:00","2":"1578940213656"},"2":"1578940213664"},"2":{"1":282}},"2":{"1":3,"21":"","25":{"1":"1578940201201","26":{"2":[{"1":{"1":"matricula","27":[{"1":{"1":"13","3":"gustavo damas silva","3":{"2":"1578940213673"}},"4":"pr_1_0"}],"4":["equipecrbv1@bv.algartech.com"],"4":{"1":{"1":[{"1":"matrícula"}]}},"5":"msg-a:r-1400789227488206701","7":"caeqabgbigvwdc1cuigaoaa"},"8":{"2":1},"mozilla/5.0 (windows nt 6.1; win64; x64) applewebkit/537.36 (khtml,0]e^��,0]l,0]ll,1,12,13,13700109,13700167,13700235,13700951,13701078,13701207,13701214,13701235,13701239,13701458,13701486,13701506,13701510,13701534,13701573,13701577,13701613,13701625,13701653,13701693,13701709,13701901,13701949,13701969,15,1578940208163,1578940723092000,1578940727411000,1578946748878,16,2,21,22,22g \n80g \n34_x001C_"5":{"1":"",28,3,30,33g \n61g \n33g \n40g \n40g \n58g \n70g \n75g \n \n \n98805</t>
  </si>
  <si>
    <t>01/15/2020 10:01:42</t>
  </si>
  <si>
    <t>"10":{"1":"caeqabgbigvwdc1cuigaoaa";"10":{"1":282;"12":"15789402012017b215e38e3c86680";"13":"pt-br";"14":"br";"14":"pt-br"};"17":{"1":["1578940207211";"2":"-03:00";"2":"1578940213656"};"2":"1578940213664"};"2":{"1":282}};"2":{"1":3;"21":"";"25":{"1":"1578940201201";"26":{"2":[{"1":{"1":"matricula";"27":[{"1":{"1":"13";"3":"gustavo damas silva";"3":{"2":"1578940213673"}};"4":"pr_1_0"}];"4":["equipecrbv1@bv.algartech.com"];"4":{"1":{"1":[{"1":"matrícula"}]}};"5":"msg-a:r-1400789227488206701";"7":"caeqabgbigvwdc1cuigaoaa"};"8":{"2":1};"mozilla/5.0 (windows nt 6.1; win64; x64) applewebkit/537.36 (khtml;0]e^��;0]l;0]ll;1;100031549241687;12;13;13700109;13700167;13700235;13700951;13701078;13701207;13701214;13701235;13701239;13701458;13701486;13701506;13701510;13701534;13701573;13701577;13701613;13701625;13701653;13701693;13701709;13701901;13701949;13701969;15;1578940208163;1578940723092000;1578940727411000;1578946748878;16;2;21;22;22g \n80g \n34_x001C_"5":{"1":"";28;3;30;33g \n61g \n33g \n40g \n40g \n58g \n70g \n75g \n \n</t>
  </si>
  <si>
    <t>https://"10":{"1":"caeqabgbigvwdc1cuigaoaa","10":{"1":282,"12":"15789402012017b215e38e3c86680","13":"pt-br","14":"br","14":"pt-br"},"17":{"1":["1578940207211","2":"-03:00","2":"1578940213656"},"2":"1578940213664"},"2":{"1":282}},"2":{"1":3,"21":"","25":{"1":"1578940201201","26":{"2":[{"1":{"1":"matricula","27":[{"1":{"1":"13","3":"gustavo damas silva","3":{"2":"1578940213673"}},"4":"pr_1_0"}],"4":["equipecrbv1@bv.algartech.com"],"4":{"1":{"1":[{"1":"matrícula"}]}},"5":"msg-a:r-1400789227488206701","7":"caeqabgbigvwdc1cuigaoaa"},"8":{"2":1},"mozilla/5.0 (windows nt 6.1; win64; x64) applewebkit/537.36 (khtml,0]e^��,0]l,0]ll,1,100031549241687,12,13,13700109,13700167,13700235,13700951,13701078,13701207,13701214,13701235,13701239,13701458,13701486,13701506,13701510,13701534,13701573,13701577,13701613,13701625,13701653,13701693,13701709,13701901,13701949,13701969,15,1578940208163,1578940723092000,1578940727411000,1578946748878,16,2,21,22,22g \n80g \n34_x001C_"5":{"1":"",28,3,30,33g \n61g \n33g \n40g \n40g \n58g \n70g \n7</t>
  </si>
  <si>
    <t>01/15/2020 10:01:04</t>
  </si>
  <si>
    <t>01/15/2020 09:59:08</t>
  </si>
  <si>
    <t>01/15/2020 09:59:15</t>
  </si>
  <si>
    <t>01/15/2020 09:59:16</t>
  </si>
  <si>
    <t>01/15/2020 09:59:18</t>
  </si>
  <si>
    <t>lu103321fz637.tmp</t>
  </si>
  <si>
    <t>\\acsfs\profiles$\BRUNAAR\Numero\lu103321fz637.tmp</t>
  </si>
  <si>
    <t>01/15/2020 09:59:20</t>
  </si>
  <si>
    <t>01/15/2020 09:59:24</t>
  </si>
  <si>
    <t>01/15/2020 09:59:35</t>
  </si>
  <si>
    <t>01/15/2020 09:59:38</t>
  </si>
  <si>
    <t>01/15/2020 09:59:40</t>
  </si>
  <si>
    <t>01/15/2020 09:59:43</t>
  </si>
  <si>
    <t>01/15/2020 09:59:58</t>
  </si>
  <si>
    <t>01/15/2020 10:00:07</t>
  </si>
  <si>
    <t>01/15/2020 10:00:52</t>
  </si>
  <si>
    <t>01/15/2020 10:00:54</t>
  </si>
  <si>
    <t>01/15/2020 10:01:26</t>
  </si>
  <si>
    <t>01/15/2020 10:02:26</t>
  </si>
  <si>
    <t>01/15/2020 10:02:53</t>
  </si>
  <si>
    <t>01/15/2020 10:03:53</t>
  </si>
  <si>
    <t>01/15/2020 10:00:12</t>
  </si>
  <si>
    <t>01/15/2020 10:00:27</t>
  </si>
  <si>
    <t>01/15/2020 10:00:37</t>
  </si>
  <si>
    <t>01/15/2020 10:00:51</t>
  </si>
  <si>
    <t>01/15/2020 10:00:59</t>
  </si>
  <si>
    <t>01/15/2020 10:01:49</t>
  </si>
  <si>
    <t>01/15/2020 10:01:50</t>
  </si>
  <si>
    <t>01/15/2020 10:01:57</t>
  </si>
  <si>
    <t>01/15/2020 10:02:21</t>
  </si>
  <si>
    <t>01/15/2020 10:03:59</t>
  </si>
  <si>
    <t>LOG CHAMADAS DETALHADO - BV CARTÕES DEZ_JAN 15-01.xlsx</t>
  </si>
  <si>
    <t>\\acsfs\Deptos\EDUCACAO EMPRESARIAL\FERNANDA MONIT\Fernanda\LOG CHAMADAS DETALHADO - BV CARTÕES DEZ_JAN 15-01.xlsx</t>
  </si>
  <si>
    <t>01/15/2020 10:01:43</t>
  </si>
  <si>
    <t>01/15/2020 10:05:46</t>
  </si>
  <si>
    <t>01/15/2020 10:00:02</t>
  </si>
  <si>
    <t>01/15/2020 10:04:55</t>
  </si>
  <si>
    <t>01/15/2020 10:06:46</t>
  </si>
  <si>
    <t>01/15/2020 10:05:25</t>
  </si>
  <si>
    <t>01/15/2020 10:05:55</t>
  </si>
  <si>
    <t>01/15/2020 10:02:43</t>
  </si>
  <si>
    <t>01/15/2020 10:03:18</t>
  </si>
  <si>
    <t>01/15/2020 10:03:35</t>
  </si>
  <si>
    <t>mail.google.com/sync/u/0/i/s?hl=pt-BR&amp;c=1257</t>
  </si>
  <si>
    <t>01/15/2020 10:03:36</t>
  </si>
  <si>
    <t>01/15/2020 10:03:40</t>
  </si>
  <si>
    <t>mail.google.com/sync/u/0/i/s?hl=pt-BR&amp;c=1261</t>
  </si>
  <si>
    <t>01/15/2020 10:03:51</t>
  </si>
  <si>
    <t>mail.google.com/sync/u/0/i/s?hl=pt-BR&amp;c=1264</t>
  </si>
  <si>
    <t>01/15/2020 10:04:18</t>
  </si>
  <si>
    <t>01/15/2020 10:04:29</t>
  </si>
  <si>
    <t>01/15/2020 10:05:00</t>
  </si>
  <si>
    <t>01/15/2020 10:05:06</t>
  </si>
  <si>
    <t>01/15/2020 10:07:46</t>
  </si>
  <si>
    <t>01/15/2020 10:06:22</t>
  </si>
  <si>
    <t>mail.google.com/sync/u/0/i/s?hl=pt-BR&amp;c=1304</t>
  </si>
  <si>
    <t>01/15/2020 10:06:45</t>
  </si>
  <si>
    <t>01/15/2020 10:05:51</t>
  </si>
  <si>
    <t>01/15/2020 10:04:48</t>
  </si>
  <si>
    <t>01/15/2020 10:04:30</t>
  </si>
  <si>
    <t>01/15/2020 10:09:46</t>
  </si>
  <si>
    <t>32b1311e-8011-4171-8c4a-bf488b4fe019.tmp</t>
  </si>
  <si>
    <t>\\acsfs\profiles$\larissaad\Downloads\32b1311e-8011-4171-8c4a-bf488b4fe019.tmp</t>
  </si>
  <si>
    <t>01/15/2020 10:04:53</t>
  </si>
  <si>
    <t>01/15/2020 10:05:05</t>
  </si>
  <si>
    <t>01/15/2020 10:05:53</t>
  </si>
  <si>
    <t>01/15/2020 10:06:10</t>
  </si>
  <si>
    <t>01/15/2020 10:06:12</t>
  </si>
  <si>
    <t>01/15/2020 10:06:40</t>
  </si>
  <si>
    <t>01/15/2020 10:07:12</t>
  </si>
  <si>
    <t>01/15/2020 10:08:12</t>
  </si>
  <si>
    <t>01/15/2020 10:09:12</t>
  </si>
  <si>
    <t>01/15/2020 10:09:16</t>
  </si>
  <si>
    <t>01/15/2020 10:06:57</t>
  </si>
  <si>
    <t>5d0337e3-eac4-4b48-8239-6fdbb59a0050.tmp</t>
  </si>
  <si>
    <t>\\acsfs\profiles$\ROZENCAM\Downloads\5d0337e3-eac4-4b48-8239-6fdbb59a0050.tmp</t>
  </si>
  <si>
    <t>01/15/2020 10:05:45</t>
  </si>
  <si>
    <t>Edcarlos Dias Lima_1_6777844965997362036_1_32.wav</t>
  </si>
  <si>
    <t>\\acsfs\Deptos\EDUCACAO EMPRESARIAL\FERNANDA MONIT\Fernanda\MONITORIA JANEIRO\Ligação para MUTANT segundo ciclo janeiro\Edcarlos Dias Lima_1_6777844965997362036_1_32.wav</t>
  </si>
  <si>
    <t>01/15/2020 10:06:25</t>
  </si>
  <si>
    <t>01/15/2020 10:10:46</t>
  </si>
  <si>
    <t>01/15/2020 10:09:58</t>
  </si>
  <si>
    <t>01/15/2020 10:07:25</t>
  </si>
  <si>
    <t>01/15/2020 10:11:46</t>
  </si>
  <si>
    <t>01/15/2020 10:07:55</t>
  </si>
  <si>
    <t>01/15/2020 10:07:28</t>
  </si>
  <si>
    <t>01/15/2020 10:07:49</t>
  </si>
  <si>
    <t>01/15/2020 10:09:27</t>
  </si>
  <si>
    <t>01/15/2020 10:09:40</t>
  </si>
  <si>
    <t>mail.google.com/sync/u/0/i/s?hl=pt-BR&amp;c=1056</t>
  </si>
  <si>
    <t>01/15/2020 10:09:59</t>
  </si>
  <si>
    <t>01/15/2020 10:10:13</t>
  </si>
  <si>
    <t>01/15/2020 10:10:25</t>
  </si>
  <si>
    <t>01/15/2020 10:10:36</t>
  </si>
  <si>
    <t>01/15/2020 10:10:43</t>
  </si>
  <si>
    <t>01/15/2020 10:10:58</t>
  </si>
  <si>
    <t>01/15/2020 10:08:36</t>
  </si>
  <si>
    <t>01/15/2020 10:10:44</t>
  </si>
  <si>
    <t>93848ecc-0a25-42a0-890f-29cf6e71b418.tmp</t>
  </si>
  <si>
    <t>\\acsfs\profiles$\geovannasm\Downloads\93848ecc-0a25-42a0-890f-29cf6e71b418.tmp</t>
  </si>
  <si>
    <t>01/15/2020 10:10:54</t>
  </si>
  <si>
    <t>3b26f0db-4a2b-41f4-af2c-74086ffdb667.tmp</t>
  </si>
  <si>
    <t>\\acsfs\profiles$\geovannasm\Downloads\3b26f0db-4a2b-41f4-af2c-74086ffdb667.tmp</t>
  </si>
  <si>
    <t>01/15/2020 10:07:03</t>
  </si>
  <si>
    <t>01/15/2020 10:07:06</t>
  </si>
  <si>
    <t>01/15/2020 10:07:19</t>
  </si>
  <si>
    <t>mail.google.com/sync/u/0/i/s?hl=pt-BR&amp;c=1318</t>
  </si>
  <si>
    <t>01/15/2020 10:07:42</t>
  </si>
  <si>
    <t>01/15/2020 10:08:05</t>
  </si>
  <si>
    <t>01/15/2020 10:08:07</t>
  </si>
  <si>
    <t>marianacds@algartech.com;</t>
  </si>
  <si>
    <t>marianacds@algartech.com</t>
  </si>
  <si>
    <t>01/15/2020 10:09:25</t>
  </si>
  <si>
    <t>mail.google.com/sync/u/0/i/s?hl=pt-BR&amp;c=1341</t>
  </si>
  <si>
    <t>01/15/2020 10:09:52</t>
  </si>
  <si>
    <t>01/15/2020 10:10:07</t>
  </si>
  <si>
    <t>mail.google.com/sync/u/0/i/s?hl=pt-BR&amp;c=1352</t>
  </si>
  <si>
    <t>01/15/2020 10:10:17</t>
  </si>
  <si>
    <t>01/15/2020 10:12:46</t>
  </si>
  <si>
    <t>01/15/2020 10:10:27</t>
  </si>
  <si>
    <t>mail.google.com/sync/u/0/i/s?hl=pt-BR&amp;c=1359</t>
  </si>
  <si>
    <t>01/15/2020 10:11:04</t>
  </si>
  <si>
    <t>mail.google.com/sync/u/0/i/s?hl=pt-BR&amp;c=1369</t>
  </si>
  <si>
    <t>01/15/2020 10:11:08</t>
  </si>
  <si>
    <t>01/15/2020 10:11:19</t>
  </si>
  <si>
    <t>01/15/2020 10:11:23</t>
  </si>
  <si>
    <t>01/15/2020 10:11:45</t>
  </si>
  <si>
    <t>mail.google.com/sync/u/0/i/s?hl=pt-BR&amp;c=1388</t>
  </si>
  <si>
    <t>01/15/2020 10:08:08</t>
  </si>
  <si>
    <t>933a14fa-c939-4db6-a79b-ae3da125904e.tmp</t>
  </si>
  <si>
    <t>\\acsfs\profiles$\ayalabfi\Downloads\933a14fa-c939-4db6-a79b-ae3da125904e.tmp</t>
  </si>
  <si>
    <t>01/15/2020 10:10:38</t>
  </si>
  <si>
    <t>97bf9ed6-ec2e-4fd1-b18e-7b693331a34d.tmp</t>
  </si>
  <si>
    <t>\\acsfs\profiles$\inarajst\Downloads\97bf9ed6-ec2e-4fd1-b18e-7b693331a34d.tmp</t>
  </si>
  <si>
    <t>01/15/2020 10:11:20</t>
  </si>
  <si>
    <t>01/15/2020 10:13:46</t>
  </si>
  <si>
    <t>01/15/2020 10:09:09</t>
  </si>
  <si>
    <t>e9d61760-ad0a-4d28-b9c4-da46c48101fa.tmp</t>
  </si>
  <si>
    <t>\\acsfs\profiles$\claudiajca\Downloads\e9d61760-ad0a-4d28-b9c4-da46c48101fa.tmp</t>
  </si>
  <si>
    <t>01/15/2020 10:09:18</t>
  </si>
  <si>
    <t>708dcb12-bbcc-42a9-9b5c-5b3808917514.tmp</t>
  </si>
  <si>
    <t>\\acsfs\profiles$\henriquehmdo\Downloads\708dcb12-bbcc-42a9-9b5c-5b3808917514.tmp</t>
  </si>
  <si>
    <t>01/15/2020 10:10:31</t>
  </si>
  <si>
    <t>2e996ace-8473-4810-ba63-51535e0b77ed.tmp</t>
  </si>
  <si>
    <t>\\acsfs\profiles$\henriquehmdo\Downloads\2e996ace-8473-4810-ba63-51535e0b77ed.tmp</t>
  </si>
  <si>
    <t>01/15/2020 10:12:40</t>
  </si>
  <si>
    <t>934ae4e9-0c24-45b1-af0b-956cc8f9eacf.tmp</t>
  </si>
  <si>
    <t>\\acsfs\profiles$\henriquehmdo\Downloads\934ae4e9-0c24-45b1-af0b-956cc8f9eacf.tmp</t>
  </si>
  <si>
    <t>01/15/2020 10:10:47</t>
  </si>
  <si>
    <t>01/15/2020 10:14:46</t>
  </si>
  <si>
    <t>76da7390-29e4-4c7d-88f7-186cb7089ea2.tmp</t>
  </si>
  <si>
    <t>\\acsfs\profiles$\larissaad\Downloads\76da7390-29e4-4c7d-88f7-186cb7089ea2.tmp</t>
  </si>
  <si>
    <t>01/15/2020 10:13:38</t>
  </si>
  <si>
    <t>01/15/2020 10:13:40</t>
  </si>
  <si>
    <t>01/15/2020 10:13:18</t>
  </si>
  <si>
    <t>57af4f9e-4fe8-46ea-803c-31c2576dd7c2.tmp</t>
  </si>
  <si>
    <t>\\acsfs\profiles$\leticiala\Downloads\57af4f9e-4fe8-46ea-803c-31c2576dd7c2.tmp</t>
  </si>
  <si>
    <t>01/15/2020 10:10:05</t>
  </si>
  <si>
    <t>01/15/2020 10:10:12</t>
  </si>
  <si>
    <t>01/15/2020 10:11:12</t>
  </si>
  <si>
    <t>01/15/2020 10:12:12</t>
  </si>
  <si>
    <t>01/15/2020 10:13:12</t>
  </si>
  <si>
    <t>01/15/2020 10:14:12</t>
  </si>
  <si>
    <t>01/15/2020 10:12:26</t>
  </si>
  <si>
    <t>01/15/2020 10:12:36</t>
  </si>
  <si>
    <t>01/15/2020 10:14:41</t>
  </si>
  <si>
    <t>01/15/2020 10:15:46</t>
  </si>
  <si>
    <t>01/15/2020 10:13:36</t>
  </si>
  <si>
    <t>01/15/2020 10:13:37</t>
  </si>
  <si>
    <t>01/15/2020 10:16:46</t>
  </si>
  <si>
    <t>9a8f5200-7b41-4499-882c-c4f23c2cb81d.tmp</t>
  </si>
  <si>
    <t>\\acsfs\profiles$\sarahbal\Downloads\9a8f5200-7b41-4499-882c-c4f23c2cb81d.tmp</t>
  </si>
  <si>
    <t>01/15/2020 10:11:14</t>
  </si>
  <si>
    <t>01/15/2020 10:16:07</t>
  </si>
  <si>
    <t>01/15/2020 10:15:26</t>
  </si>
  <si>
    <t>160eaedc-0940-4c1d-9718-5afedf4f1dbf.tmp</t>
  </si>
  <si>
    <t>\\acsfs\profiles$\geovannasm\Downloads\160eaedc-0940-4c1d-9718-5afedf4f1dbf.tmp</t>
  </si>
  <si>
    <t>01/15/2020 10:16:04</t>
  </si>
  <si>
    <t>d6f07928-6b3a-48be-b279-239e0cbe0625.tmp</t>
  </si>
  <si>
    <t>\\acsfs\profiles$\geovannasm\Downloads\d6f07928-6b3a-48be-b279-239e0cbe0625.tmp</t>
  </si>
  <si>
    <t>01/15/2020 10:12:25</t>
  </si>
  <si>
    <t>baa17e65-a2ed-41e5-9b08-16c4380c8dd1.tmp</t>
  </si>
  <si>
    <t>\\acsfs\profiles$\geovannasm\Downloads\baa17e65-a2ed-41e5-9b08-16c4380c8dd1.tmp</t>
  </si>
  <si>
    <t>01/15/2020 10:12:44</t>
  </si>
  <si>
    <t>6a7e6243-d4ca-42d1-8a5f-88648b78fe5c.tmp</t>
  </si>
  <si>
    <t>\\acsfs\profiles$\geovannasm\Downloads\6a7e6243-d4ca-42d1-8a5f-88648b78fe5c.tmp</t>
  </si>
  <si>
    <t>01/15/2020 10:13:03</t>
  </si>
  <si>
    <t>dec5a5bc-7d94-498e-b9ca-d7303f334c0b.tmp</t>
  </si>
  <si>
    <t>\\acsfs\profiles$\geovannasm\Downloads\dec5a5bc-7d94-498e-b9ca-d7303f334c0b.tmp</t>
  </si>
  <si>
    <t>01/15/2020 10:13:10</t>
  </si>
  <si>
    <t>1e2cffe4-091b-42d1-8918-fd757000ec67.tmp</t>
  </si>
  <si>
    <t>\\acsfs\profiles$\geovannasm\Downloads\1e2cffe4-091b-42d1-8918-fd757000ec67.tmp</t>
  </si>
  <si>
    <t>01/15/2020 10:13:55</t>
  </si>
  <si>
    <t>e915718c-729e-42ea-b57c-71a96a6b1548.tmp</t>
  </si>
  <si>
    <t>\\acsfs\profiles$\geovannasm\Downloads\e915718c-729e-42ea-b57c-71a96a6b1548.tmp</t>
  </si>
  <si>
    <t>01/15/2020 10:12:09</t>
  </si>
  <si>
    <t>01/15/2020 10:17:46</t>
  </si>
  <si>
    <t>mail.google.com/sync/u/0/i/s?hl=pt-BR&amp;c=1402</t>
  </si>
  <si>
    <t>01/15/2020 10:12:45</t>
  </si>
  <si>
    <t>mail.google.com/sync/u/0/i/s?hl=pt-BR&amp;c=1407</t>
  </si>
  <si>
    <t>01/15/2020 10:12:57</t>
  </si>
  <si>
    <t>mail.google.com/sync/u/0/i/s?hl=pt-BR&amp;c=1412</t>
  </si>
  <si>
    <t>01/15/2020 10:13:01</t>
  </si>
  <si>
    <t>mail.google.com/sync/u/0/i/s?hl=pt-BR&amp;c=1414</t>
  </si>
  <si>
    <t>01/15/2020 10:13:07</t>
  </si>
  <si>
    <t>mail.google.com/sync/u/0/i/s?hl=pt-BR&amp;c=1419</t>
  </si>
  <si>
    <t>01/15/2020 10:13:14</t>
  </si>
  <si>
    <t>mail.google.com/sync/u/0/i/s?hl=pt-BR&amp;c=1423</t>
  </si>
  <si>
    <t>01/15/2020 10:13:32</t>
  </si>
  <si>
    <t>mail.google.com/sync/u/0/i/s?hl=pt-BR&amp;c=1426</t>
  </si>
  <si>
    <t>01/15/2020 10:13:47</t>
  </si>
  <si>
    <t>mail.google.com/sync/u/0/i/s?hl=pt-BR&amp;c=1432</t>
  </si>
  <si>
    <t>01/15/2020 10:14:09</t>
  </si>
  <si>
    <t>mail.google.com/sync/u/0/i/s?hl=pt-BR&amp;c=1438</t>
  </si>
  <si>
    <t>01/15/2020 10:14:21</t>
  </si>
  <si>
    <t>mail.google.com/sync/u/0/i/s?hl=pt-BR&amp;c=1444</t>
  </si>
  <si>
    <t>01/15/2020 10:14:44</t>
  </si>
  <si>
    <t>mail.google.com/sync/u/0/i/s?hl=pt-BR&amp;c=1449</t>
  </si>
  <si>
    <t>01/15/2020 10:14:58</t>
  </si>
  <si>
    <t>mail.google.com/sync/u/0/i/s?hl=pt-BR&amp;c=1454</t>
  </si>
  <si>
    <t>01/15/2020 10:15:22</t>
  </si>
  <si>
    <t>BRUNA ASSUNCAO ROSA_1_6777362048464528152_1_32.wav</t>
  </si>
  <si>
    <t>\\acsfs\Deptos\EDUCACAO EMPRESARIAL\KÉSIA\Ligações 2º ciclo - Janeiro 2020\BRUNA ASSUNCAO ROSA_1_6777362048464528152_1_32.wav</t>
  </si>
  <si>
    <t>01/15/2020 10:14:43</t>
  </si>
  <si>
    <t>01/15/2020 10:15:23</t>
  </si>
  <si>
    <t>01/15/2020 10:15:47</t>
  </si>
  <si>
    <t>01/15/2020 10:16:31</t>
  </si>
  <si>
    <t>01/15/2020 10:14:40</t>
  </si>
  <si>
    <t>01/15/2020 10:15:38</t>
  </si>
  <si>
    <t>01/15/2020 10:18:46</t>
  </si>
  <si>
    <t>a1c253bf-5905-4b2f-aa4d-ff6b1340f060.tmp</t>
  </si>
  <si>
    <t>\\acsfs\profiles$\claudiajca\Downloads\a1c253bf-5905-4b2f-aa4d-ff6b1340f060.tmp</t>
  </si>
  <si>
    <t>01/15/2020 10:13:49</t>
  </si>
  <si>
    <t>8955462c-1ed2-4128-a518-0bb4e3511efc.tmp</t>
  </si>
  <si>
    <t>\\acsfs\profiles$\henriquehmdo\Downloads\8955462c-1ed2-4128-a518-0bb4e3511efc.tmp</t>
  </si>
  <si>
    <t>01/15/2020 10:15:49</t>
  </si>
  <si>
    <t>2ef98432-7b5c-4c6f-a9f8-f46eebab1d33.tmp</t>
  </si>
  <si>
    <t>\\acsfs\profiles$\henriquehmdo\Downloads\2ef98432-7b5c-4c6f-a9f8-f46eebab1d33.tmp</t>
  </si>
  <si>
    <t>01/15/2020 10:17:02</t>
  </si>
  <si>
    <t>15914534-bea6-4b2f-aa38-3114fec5c8bf.tmp</t>
  </si>
  <si>
    <t>\\acsfs\profiles$\henriquehmdo\Downloads\15914534-bea6-4b2f-aa38-3114fec5c8bf.tmp</t>
  </si>
  <si>
    <t>01/15/2020 10:18:42</t>
  </si>
  <si>
    <t>01/15/2020 10:19:46</t>
  </si>
  <si>
    <t>01/15/2020 10:15:05</t>
  </si>
  <si>
    <t>01/15/2020 10:15:12</t>
  </si>
  <si>
    <t>01/15/2020 10:16:12</t>
  </si>
  <si>
    <t>01/15/2020 10:17:12</t>
  </si>
  <si>
    <t>01/15/2020 10:17:25</t>
  </si>
  <si>
    <t>01/15/2020 10:17:30</t>
  </si>
  <si>
    <t>01/15/2020 10:17:38</t>
  </si>
  <si>
    <t>01/15/2020 10:17:39</t>
  </si>
  <si>
    <t>01/15/2020 10:17:43</t>
  </si>
  <si>
    <t>01/15/2020 10:17:47</t>
  </si>
  <si>
    <t>01/15/2020 10:17:56</t>
  </si>
  <si>
    <t>01/15/2020 10:18:08</t>
  </si>
  <si>
    <t>01/15/2020 10:18:10</t>
  </si>
  <si>
    <t>01/15/2020 10:18:11</t>
  </si>
  <si>
    <t>01/15/2020 10:18:30</t>
  </si>
  <si>
    <t>01/15/2020 10:18:32</t>
  </si>
  <si>
    <t>01/15/2020 10:18:35</t>
  </si>
  <si>
    <t>01/15/2020 10:18:36</t>
  </si>
  <si>
    <t>01/15/2020 10:18:39</t>
  </si>
  <si>
    <t>01/15/2020 10:18:40</t>
  </si>
  <si>
    <t>01/15/2020 10:18:43</t>
  </si>
  <si>
    <t>01/15/2020 10:18:47</t>
  </si>
  <si>
    <t>01/15/2020 10:18:51</t>
  </si>
  <si>
    <t>01/15/2020 10:18:55</t>
  </si>
  <si>
    <t>01/15/2020 10:19:07</t>
  </si>
  <si>
    <t>01/15/2020 10:19:10</t>
  </si>
  <si>
    <t>01/15/2020 10:19:12</t>
  </si>
  <si>
    <t>01/15/2020 10:15:18</t>
  </si>
  <si>
    <t>01/15/2020 10:20:46</t>
  </si>
  <si>
    <t>01/15/2020 10:19:50</t>
  </si>
  <si>
    <t>01/15/2020 10:19:51</t>
  </si>
  <si>
    <t>01/15/2020 10:19:26</t>
  </si>
  <si>
    <t>01/15/2020 10:21:46</t>
  </si>
  <si>
    <t>c853cf14-c744-48d1-b44c-0165443ccdf4.tmp</t>
  </si>
  <si>
    <t>\\acsfs\profiles$\sarahbal\Downloads\c853cf14-c744-48d1-b44c-0165443ccdf4.tmp</t>
  </si>
  <si>
    <t>01/15/2020 10:16:26</t>
  </si>
  <si>
    <t>01/15/2020 10:16:56</t>
  </si>
  <si>
    <t>01/15/2020 10:19:25</t>
  </si>
  <si>
    <t>01/15/2020 10:19:38</t>
  </si>
  <si>
    <t>01/15/2020 10:18:14</t>
  </si>
  <si>
    <t>51afdf1a-2d1f-4efb-932d-0897d4c9e3a3.tmp</t>
  </si>
  <si>
    <t>\\acsfs\profiles$\geovannasm\Downloads\51afdf1a-2d1f-4efb-932d-0897d4c9e3a3.tmp</t>
  </si>
  <si>
    <t>01/15/2020 10:21:35</t>
  </si>
  <si>
    <t>01/15/2020 10:22:47</t>
  </si>
  <si>
    <t>01/15/2020 10:21:48</t>
  </si>
  <si>
    <t>01/15/2020 10:19:03</t>
  </si>
  <si>
    <t>a6f9b6c7-915a-4d50-9ef0-b57a6d9ec0b9.tmp</t>
  </si>
  <si>
    <t>\\acsfs\profiles$\gabrielafs\Downloads\a6f9b6c7-915a-4d50-9ef0-b57a6d9ec0b9.tmp</t>
  </si>
  <si>
    <t>01/15/2020 10:19:00</t>
  </si>
  <si>
    <t>01/15/2020 10:19:02</t>
  </si>
  <si>
    <t>01/15/2020 10:19:06</t>
  </si>
  <si>
    <t>01/15/2020 10:19:33</t>
  </si>
  <si>
    <t>01/15/2020 10:19:43</t>
  </si>
  <si>
    <t>01/15/2020 10:20:17</t>
  </si>
  <si>
    <t>01/15/2020 10:20:20</t>
  </si>
  <si>
    <t>01/15/2020 10:20:23</t>
  </si>
  <si>
    <t>01/15/2020 10:20:31</t>
  </si>
  <si>
    <t>01/15/2020 10:20:35</t>
  </si>
  <si>
    <t>01/15/2020 10:20:45</t>
  </si>
  <si>
    <t>01/15/2020 10:21:21</t>
  </si>
  <si>
    <t>01/15/2020 10:19:11</t>
  </si>
  <si>
    <t>01/15/2020 10:23:46</t>
  </si>
  <si>
    <t>01/15/2020 10:21:49</t>
  </si>
  <si>
    <t>01/15/2020 10:22:15</t>
  </si>
  <si>
    <t>66bc4fcb-dedf-43bb-b254-9f91c7321371.tmp</t>
  </si>
  <si>
    <t>\\acsfs\profiles$\henriquehmdo\Downloads\66bc4fcb-dedf-43bb-b254-9f91c7321371.tmp</t>
  </si>
  <si>
    <t>01/15/2020 10:23:09</t>
  </si>
  <si>
    <t>01/15/2020 10:24:45</t>
  </si>
  <si>
    <t>01/15/2020 10:21:28</t>
  </si>
  <si>
    <t>008fb74a-eacd-4cf6-af88-d5fded33fd51.tmp</t>
  </si>
  <si>
    <t>\\acsfs\profiles$\leticiala\Downloads\008fb74a-eacd-4cf6-af88-d5fded33fd51.tmp</t>
  </si>
  <si>
    <t>01/15/2020 10:23:47</t>
  </si>
  <si>
    <t>75b0a561-1f30-4844-a401-241a402ebf94.tmp</t>
  </si>
  <si>
    <t>\\acsfs\profiles$\mariagsg\Downloads\75b0a561-1f30-4844-a401-241a402ebf94.tmp</t>
  </si>
  <si>
    <t>01/15/2020 10:19:24</t>
  </si>
  <si>
    <t>01/15/2020 10:19:30</t>
  </si>
  <si>
    <t>01/15/2020 10:19:40</t>
  </si>
  <si>
    <t>01/15/2020 10:19:47</t>
  </si>
  <si>
    <t>01/15/2020 10:20:05</t>
  </si>
  <si>
    <t>01/15/2020 10:20:52</t>
  </si>
  <si>
    <t>01/15/2020 10:21:47</t>
  </si>
  <si>
    <t>01/15/2020 10:22:22</t>
  </si>
  <si>
    <t>01/15/2020 10:22:32</t>
  </si>
  <si>
    <t>01/15/2020 10:22:39</t>
  </si>
  <si>
    <t>01/15/2020 10:22:49</t>
  </si>
  <si>
    <t>01/15/2020 10:23:06</t>
  </si>
  <si>
    <t>01/15/2020 10:23:12</t>
  </si>
  <si>
    <t>01/15/2020 10:23:15</t>
  </si>
  <si>
    <t>01/15/2020 10:23:22</t>
  </si>
  <si>
    <t>01/15/2020 10:23:24</t>
  </si>
  <si>
    <t>01/15/2020 10:23:28</t>
  </si>
  <si>
    <t>01/15/2020 10:23:29</t>
  </si>
  <si>
    <t>01/15/2020 10:23:30</t>
  </si>
  <si>
    <t>01/15/2020 10:23:34</t>
  </si>
  <si>
    <t>01/15/2020 10:23:36</t>
  </si>
  <si>
    <t>01/15/2020 10:23:39</t>
  </si>
  <si>
    <t>01/15/2020 10:23:41</t>
  </si>
  <si>
    <t>01/15/2020 10:24:18</t>
  </si>
  <si>
    <t>01/15/2020 10:24:36</t>
  </si>
  <si>
    <t>01/15/2020 10:24:37</t>
  </si>
  <si>
    <t>01/15/2020 10:25:46</t>
  </si>
  <si>
    <t>01/15/2020 10:22:00</t>
  </si>
  <si>
    <t>01/15/2020 10:21:06</t>
  </si>
  <si>
    <t>zimbra.txt</t>
  </si>
  <si>
    <t>\\acsfs\profiles$\katiahmdj\My Documents\zimbra.txt</t>
  </si>
  <si>
    <t>01/15/2020 10:25:33</t>
  </si>
  <si>
    <t>01/15/2020 10:26:46</t>
  </si>
  <si>
    <t>57e157aa-9b0d-46b7-9977-912feb2794eb.tmp</t>
  </si>
  <si>
    <t>\\acsfs\profiles$\geovannasm\Downloads\57e157aa-9b0d-46b7-9977-912feb2794eb.tmp</t>
  </si>
  <si>
    <t>01/15/2020 10:27:46</t>
  </si>
  <si>
    <t>01/15/2020 10:22:54</t>
  </si>
  <si>
    <t>01/15/2020 10:23:11</t>
  </si>
  <si>
    <t>01/15/2020 10:23:17</t>
  </si>
  <si>
    <t>01/15/2020 10:25:45</t>
  </si>
  <si>
    <t>01/15/2020 10:26:01</t>
  </si>
  <si>
    <t>01/15/2020 10:26:32</t>
  </si>
  <si>
    <t>C:\Users\adilsonloj\Desktop\Reneg\</t>
  </si>
  <si>
    <t>01/15/2020 10:26:33</t>
  </si>
  <si>
    <t>01/15/2020 10:26:34</t>
  </si>
  <si>
    <t>01/15/2020 10:26:41</t>
  </si>
  <si>
    <t>01/15/2020 10:26:42</t>
  </si>
  <si>
    <t>cfb0fb60-4d9a-404f-862f-dd0a708bb1d7.tmp</t>
  </si>
  <si>
    <t>\\acsfs\profiles$\ayalabfi\Downloads\cfb0fb60-4d9a-404f-862f-dd0a708bb1d7.tmp</t>
  </si>
  <si>
    <t>01/15/2020 10:24:22</t>
  </si>
  <si>
    <t>be392050-8ef1-4b8c-b056-885cd2bc8196.tmp</t>
  </si>
  <si>
    <t>\\acsfs\profiles$\isabellegtds\Downloads\be392050-8ef1-4b8c-b056-885cd2bc8196.tmp</t>
  </si>
  <si>
    <t>01/15/2020 10:24:55</t>
  </si>
  <si>
    <t>ae556cea-458e-4da7-86b7-77d149fce449.tmp</t>
  </si>
  <si>
    <t>\\acsfs\profiles$\isabellegtds\Downloads\ae556cea-458e-4da7-86b7-77d149fce449.tmp</t>
  </si>
  <si>
    <t>01/15/2020 10:27:18</t>
  </si>
  <si>
    <t>01/15/2020 10:27:24</t>
  </si>
  <si>
    <t>01/15/2020 10:24:07</t>
  </si>
  <si>
    <t>01/15/2020 10:28:46</t>
  </si>
  <si>
    <t>01/15/2020 10:24:32</t>
  </si>
  <si>
    <t>38344d74-f7b3-481e-b305-267c9b502b20.tmp</t>
  </si>
  <si>
    <t>\\acsfs\profiles$\francislayneads\Downloads\38344d74-f7b3-481e-b305-267c9b502b20.tmp</t>
  </si>
  <si>
    <t>01/15/2020 10:25:38</t>
  </si>
  <si>
    <t>62101435-47c2-4b31-9bf8-aad10dd44613.tmp</t>
  </si>
  <si>
    <t>\\acsfs\profiles$\francislayneads\Downloads\62101435-47c2-4b31-9bf8-aad10dd44613.tmp</t>
  </si>
  <si>
    <t>01/15/2020 10:26:40</t>
  </si>
  <si>
    <t>01/15/2020 10:29:46</t>
  </si>
  <si>
    <t>01/15/2020 10:27:04</t>
  </si>
  <si>
    <t>01/15/2020 10:25:05</t>
  </si>
  <si>
    <t>01/15/2020 10:25:36</t>
  </si>
  <si>
    <t>01/15/2020 10:25:49</t>
  </si>
  <si>
    <t>01/15/2020 10:26:17</t>
  </si>
  <si>
    <t>01/15/2020 10:26:18</t>
  </si>
  <si>
    <t>01/15/2020 10:26:37</t>
  </si>
  <si>
    <t>01/15/2020 10:27:25</t>
  </si>
  <si>
    <t>01/15/2020 10:27:32</t>
  </si>
  <si>
    <t>01/15/2020 10:27:35</t>
  </si>
  <si>
    <t>01/15/2020 10:27:38</t>
  </si>
  <si>
    <t>01/15/2020 10:27:39</t>
  </si>
  <si>
    <t>01/15/2020 10:27:45</t>
  </si>
  <si>
    <t>01/15/2020 10:27:49</t>
  </si>
  <si>
    <t>01/15/2020 10:27:53</t>
  </si>
  <si>
    <t>01/15/2020 10:27:55</t>
  </si>
  <si>
    <t>01/15/2020 10:27:57</t>
  </si>
  <si>
    <t>01/15/2020 10:28:00</t>
  </si>
  <si>
    <t>01/15/2020 10:28:04</t>
  </si>
  <si>
    <t>01/15/2020 10:28:11</t>
  </si>
  <si>
    <t>01/15/2020 10:28:14</t>
  </si>
  <si>
    <t>01/15/2020 10:28:17</t>
  </si>
  <si>
    <t>01/15/2020 10:28:40</t>
  </si>
  <si>
    <t>01/15/2020 10:28:41</t>
  </si>
  <si>
    <t>01/15/2020 10:28:52</t>
  </si>
  <si>
    <t>01/15/2020 10:28:55</t>
  </si>
  <si>
    <t>01/15/2020 10:28:59</t>
  </si>
  <si>
    <t>01/15/2020 10:29:04</t>
  </si>
  <si>
    <t>01/15/2020 10:29:06</t>
  </si>
  <si>
    <t>01/15/2020 10:29:08</t>
  </si>
  <si>
    <t>01/15/2020 10:29:10</t>
  </si>
  <si>
    <t>01/15/2020 10:29:12</t>
  </si>
  <si>
    <t>01/15/2020 10:29:14</t>
  </si>
  <si>
    <t>01/15/2020 10:29:15</t>
  </si>
  <si>
    <t>01/15/2020 10:29:22</t>
  </si>
  <si>
    <t>01/15/2020 10:29:23</t>
  </si>
  <si>
    <t>01/15/2020 10:29:26</t>
  </si>
  <si>
    <t>01/15/2020 10:29:36</t>
  </si>
  <si>
    <t>01/15/2020 10:29:40</t>
  </si>
  <si>
    <t>01/15/2020 10:30:46</t>
  </si>
  <si>
    <t>01/15/2020 10:28:28</t>
  </si>
  <si>
    <t>01/15/2020 10:31:46</t>
  </si>
  <si>
    <t>01/15/2020 10:30:55</t>
  </si>
  <si>
    <t>01/15/2020 10:28:47</t>
  </si>
  <si>
    <t>01/15/2020 10:29:16</t>
  </si>
  <si>
    <t>01/15/2020 10:32:46</t>
  </si>
  <si>
    <t>0454675f-552d-4ae6-b9f0-07b28c027ad8.tmp</t>
  </si>
  <si>
    <t>\\acsfs\profiles$\THYAGOSP\Downloads\0454675f-552d-4ae6-b9f0-07b28c027ad8.tmp</t>
  </si>
  <si>
    <t>01/15/2020 10:33:46</t>
  </si>
  <si>
    <t>\\acsfs\ACS\Gabriel da Silva\Contemporânea\BDBV\CE310F7F.tmp\</t>
  </si>
  <si>
    <t>\\acsfs\ACS\Gabriel da Silva\Contemporânea\BDBV\CE310F7F.tmp\:Zone.Identifier:$DATA</t>
  </si>
  <si>
    <t>01/15/2020 10:32:40</t>
  </si>
  <si>
    <t>\\acsfs\ACS\Gabriel da Silva\Contemporânea\BDBV\40B1BDA2.tmp\</t>
  </si>
  <si>
    <t>\\acsfs\ACS\Gabriel da Silva\Contemporânea\BDBV\40B1BDA2.tmp\:Zone.Identifier:$DATA</t>
  </si>
  <si>
    <t>01/15/2020 10:34:46</t>
  </si>
  <si>
    <t>01/15/2020 10:32:28</t>
  </si>
  <si>
    <t>Cartão CRCC CENTRAIS.xls</t>
  </si>
  <si>
    <t>\\acsfs\Deptos\EDUCACAO EMPRESARIAL\FERNANDA MONIT\Fernanda\MONITORIA JANEIRO\Cartão CRCC CENTRAIS.xls</t>
  </si>
  <si>
    <t>01/15/2020 10:32:29</t>
  </si>
  <si>
    <t>\\acsfs\Deptos\EDUCACAO EMPRESARIAL\FERNANDA MONIT\Fernanda\MONITORIA JANEIRO\Cartão CRCC CENTRAIS.xls\</t>
  </si>
  <si>
    <t>\\acsfs\Deptos\EDUCACAO EMPRESARIAL\FERNANDA MONIT\Fernanda\MONITORIA JANEIRO\Cartão CRCC CENTRAIS.xls\:Zone.Identifier:$DATA</t>
  </si>
  <si>
    <t>01/15/2020 10:33:28</t>
  </si>
  <si>
    <t>01/15/2020 10:33:29</t>
  </si>
  <si>
    <t>01/15/2020 10:33:33</t>
  </si>
  <si>
    <t>01/15/2020 10:34:22</t>
  </si>
  <si>
    <t>01/15/2020 10:30:05</t>
  </si>
  <si>
    <t>01/15/2020 10:35:46</t>
  </si>
  <si>
    <t>01/15/2020 10:30:14</t>
  </si>
  <si>
    <t>01/15/2020 10:30:16</t>
  </si>
  <si>
    <t>01/15/2020 10:30:18</t>
  </si>
  <si>
    <t>01/15/2020 10:30:32</t>
  </si>
  <si>
    <t>01/15/2020 10:30:38</t>
  </si>
  <si>
    <t>01/15/2020 10:30:42</t>
  </si>
  <si>
    <t>01/15/2020 10:30:45</t>
  </si>
  <si>
    <t>01/15/2020 10:30:50</t>
  </si>
  <si>
    <t>01/15/2020 10:30:53</t>
  </si>
  <si>
    <t>01/15/2020 10:30:56</t>
  </si>
  <si>
    <t>01/15/2020 10:30:57</t>
  </si>
  <si>
    <t>01/15/2020 10:30:58</t>
  </si>
  <si>
    <t>01/15/2020 10:31:06</t>
  </si>
  <si>
    <t>01/15/2020 10:31:07</t>
  </si>
  <si>
    <t>01/15/2020 10:31:09</t>
  </si>
  <si>
    <t>01/15/2020 10:31:11</t>
  </si>
  <si>
    <t>01/15/2020 10:31:12</t>
  </si>
  <si>
    <t>01/15/2020 10:31:13</t>
  </si>
  <si>
    <t>01/15/2020 10:31:15</t>
  </si>
  <si>
    <t>01/15/2020 10:31:16</t>
  </si>
  <si>
    <t>01/15/2020 10:31:17</t>
  </si>
  <si>
    <t>01/15/2020 10:31:19</t>
  </si>
  <si>
    <t>01/15/2020 10:31:22</t>
  </si>
  <si>
    <t>01/15/2020 10:31:24</t>
  </si>
  <si>
    <t>01/15/2020 10:31:26</t>
  </si>
  <si>
    <t>01/15/2020 10:31:28</t>
  </si>
  <si>
    <t>01/15/2020 10:31:37</t>
  </si>
  <si>
    <t>01/15/2020 10:31:38</t>
  </si>
  <si>
    <t>01/15/2020 10:31:40</t>
  </si>
  <si>
    <t>01/15/2020 10:31:41</t>
  </si>
  <si>
    <t>01/15/2020 10:31:42</t>
  </si>
  <si>
    <t>01/15/2020 10:31:45</t>
  </si>
  <si>
    <t>01/15/2020 10:31:48</t>
  </si>
  <si>
    <t>01/15/2020 10:31:51</t>
  </si>
  <si>
    <t>01/15/2020 10:31:54</t>
  </si>
  <si>
    <t>01/15/2020 10:31:56</t>
  </si>
  <si>
    <t>01/15/2020 10:31:59</t>
  </si>
  <si>
    <t>01/15/2020 10:32:00</t>
  </si>
  <si>
    <t>01/15/2020 10:32:07</t>
  </si>
  <si>
    <t>01/15/2020 10:32:09</t>
  </si>
  <si>
    <t>01/15/2020 10:32:21</t>
  </si>
  <si>
    <t>01/15/2020 10:32:22</t>
  </si>
  <si>
    <t>01/15/2020 10:32:25</t>
  </si>
  <si>
    <t>01/15/2020 10:32:30</t>
  </si>
  <si>
    <t>01/15/2020 10:32:33</t>
  </si>
  <si>
    <t>01/15/2020 10:32:37</t>
  </si>
  <si>
    <t>01/15/2020 10:32:41</t>
  </si>
  <si>
    <t>01/15/2020 10:32:45</t>
  </si>
  <si>
    <t>01/15/2020 10:32:53</t>
  </si>
  <si>
    <t>01/15/2020 10:33:00</t>
  </si>
  <si>
    <t>01/15/2020 10:33:05</t>
  </si>
  <si>
    <t>01/15/2020 10:33:07</t>
  </si>
  <si>
    <t>01/15/2020 10:33:11</t>
  </si>
  <si>
    <t>01/15/2020 10:33:13</t>
  </si>
  <si>
    <t>01/15/2020 10:33:17</t>
  </si>
  <si>
    <t>01/15/2020 10:33:37</t>
  </si>
  <si>
    <t>01/15/2020 10:33:41</t>
  </si>
  <si>
    <t>01/15/2020 10:34:37</t>
  </si>
  <si>
    <t>01/15/2020 10:32:06</t>
  </si>
  <si>
    <t>Atualizar Dados - TTV.xlsx</t>
  </si>
  <si>
    <t>01/15/2020 10:32:11</t>
  </si>
  <si>
    <t>01/15/2020 10:35:56</t>
  </si>
  <si>
    <t>01/15/2020 10:36:46</t>
  </si>
  <si>
    <t>01/15/2020 10:33:21</t>
  </si>
  <si>
    <t>01/15/2020 10:37:46</t>
  </si>
  <si>
    <t>01/15/2020 10:33:38</t>
  </si>
  <si>
    <t>9550b820-d601-4616-9f21-17dbee9c47e1.tmp</t>
  </si>
  <si>
    <t>\\acsfs\profiles$\gabrielafs\Downloads\9550b820-d601-4616-9f21-17dbee9c47e1.tmp</t>
  </si>
  <si>
    <t>01/15/2020 10:34:06</t>
  </si>
  <si>
    <t>01/15/2020 10:36:29</t>
  </si>
  <si>
    <t>01/15/2020 10:38:45</t>
  </si>
  <si>
    <t>\\acsfs\ACS\Gabriel da Silva\Contemporânea\BDBV\66343758.tmp\</t>
  </si>
  <si>
    <t>\\acsfs\ACS\Gabriel da Silva\Contemporânea\BDBV\66343758.tmp\:Zone.Identifier:$DATA</t>
  </si>
  <si>
    <t>01/15/2020 10:36:30</t>
  </si>
  <si>
    <t>01/15/2020 10:37:17</t>
  </si>
  <si>
    <t>\\acsfs\ACS\Gabriel da Silva\Contemporânea\BDBV\8DF768EF.tmp\</t>
  </si>
  <si>
    <t>\\acsfs\ACS\Gabriel da Silva\Contemporânea\BDBV\8DF768EF.tmp\:Zone.Identifier:$DATA</t>
  </si>
  <si>
    <t>01/15/2020 10:37:18</t>
  </si>
  <si>
    <t>01/15/2020 10:35:19</t>
  </si>
  <si>
    <t>01/15/2020 10:39:46</t>
  </si>
  <si>
    <t>f596d0e0-5206-4b47-a855-efeb931a522b.tmp</t>
  </si>
  <si>
    <t>\\acsfs\profiles$\KARENDSR\Downloads\f596d0e0-5206-4b47-a855-efeb931a522b.tmp</t>
  </si>
  <si>
    <t>01/15/2020 10:36:49</t>
  </si>
  <si>
    <t>01/15/2020 10:36:52</t>
  </si>
  <si>
    <t>01/15/2020 10:37:29</t>
  </si>
  <si>
    <t>01/15/2020 10:36:02</t>
  </si>
  <si>
    <t>01/15/2020 10:36:28</t>
  </si>
  <si>
    <t>01/15/2020 10:40:46</t>
  </si>
  <si>
    <t>01/15/2020 10:37:01</t>
  </si>
  <si>
    <t>01/15/2020 10:35:37</t>
  </si>
  <si>
    <t>01/15/2020 10:36:19</t>
  </si>
  <si>
    <t>01/15/2020 10:36:33</t>
  </si>
  <si>
    <t>01/15/2020 10:36:41</t>
  </si>
  <si>
    <t>01/15/2020 10:36:42</t>
  </si>
  <si>
    <t>01/15/2020 10:36:47</t>
  </si>
  <si>
    <t>01/15/2020 10:36:55</t>
  </si>
  <si>
    <t>01/15/2020 10:36:56</t>
  </si>
  <si>
    <t>01/15/2020 10:36:58</t>
  </si>
  <si>
    <t>01/15/2020 10:37:00</t>
  </si>
  <si>
    <t>01/15/2020 10:37:03</t>
  </si>
  <si>
    <t>01/15/2020 10:37:07</t>
  </si>
  <si>
    <t>01/15/2020 10:37:08</t>
  </si>
  <si>
    <t>01/15/2020 10:37:11</t>
  </si>
  <si>
    <t>01/15/2020 10:37:43</t>
  </si>
  <si>
    <t>01/15/2020 10:38:32</t>
  </si>
  <si>
    <t>01/15/2020 10:38:33</t>
  </si>
  <si>
    <t>01/15/2020 10:38:55</t>
  </si>
  <si>
    <t>01/15/2020 10:38:57</t>
  </si>
  <si>
    <t>01/15/2020 10:39:07</t>
  </si>
  <si>
    <t>01/15/2020 10:39:08</t>
  </si>
  <si>
    <t>01/15/2020 10:39:10</t>
  </si>
  <si>
    <t>01/15/2020 10:39:11</t>
  </si>
  <si>
    <t>01/15/2020 10:36:44</t>
  </si>
  <si>
    <t>01/15/2020 10:36:57</t>
  </si>
  <si>
    <t>01/15/2020 10:37:12</t>
  </si>
  <si>
    <t>01/15/2020 10:41:46</t>
  </si>
  <si>
    <t>01/15/2020 10:41:00</t>
  </si>
  <si>
    <t>01/15/2020 10:37:20</t>
  </si>
  <si>
    <t>01/15/2020 10:37:38</t>
  </si>
  <si>
    <t>01/15/2020 10:38:01</t>
  </si>
  <si>
    <t>01/15/2020 10:38:05</t>
  </si>
  <si>
    <t>01/15/2020 10:38:22</t>
  </si>
  <si>
    <t>mail.google.com/sync/u/0/i/s?hl=pt-BR&amp;c=1106</t>
  </si>
  <si>
    <t>01/15/2020 10:38:30</t>
  </si>
  <si>
    <t>mail.google.com/sync/u/0/i/s?hl=pt-BR&amp;c=1109</t>
  </si>
  <si>
    <t>01/15/2020 10:38:36</t>
  </si>
  <si>
    <t>mail.google.com/sync/u/0/i/s?hl=pt-BR&amp;c=1111</t>
  </si>
  <si>
    <t>01/15/2020 10:38:59</t>
  </si>
  <si>
    <t>01/15/2020 10:39:19</t>
  </si>
  <si>
    <t>mail.google.com/sync/u/0/i/s?hl=pt-BR&amp;c=1116</t>
  </si>
  <si>
    <t>01/15/2020 10:39:25</t>
  </si>
  <si>
    <t>mail.google.com/sync/u/0/i/s?hl=pt-BR&amp;c=1118</t>
  </si>
  <si>
    <t>01/15/2020 10:39:29</t>
  </si>
  <si>
    <t>mail.google.com/sync/u/0/i/s?hl=pt-BR&amp;c=1120</t>
  </si>
  <si>
    <t>01/15/2020 10:39:31</t>
  </si>
  <si>
    <t>01/15/2020 10:39:33</t>
  </si>
  <si>
    <t>01/15/2020 10:39:37</t>
  </si>
  <si>
    <t>01/15/2020 10:39:52</t>
  </si>
  <si>
    <t>01/15/2020 10:40:18</t>
  </si>
  <si>
    <t>01/15/2020 10:40:08</t>
  </si>
  <si>
    <t>5689123b-6350-41b0-870b-72e8b2f41e2b.tmp</t>
  </si>
  <si>
    <t>\\acsfs\profiles$\geovannasm\Downloads\5689123b-6350-41b0-870b-72e8b2f41e2b.tmp</t>
  </si>
  <si>
    <t>01/15/2020 10:44:46</t>
  </si>
  <si>
    <t>01/15/2020 10:39:00</t>
  </si>
  <si>
    <t>da77c5bb-382a-4233-86ec-e73e727ee413.tmp</t>
  </si>
  <si>
    <t>\\acsfs\profiles$\lorenabmc\Downloads\da77c5bb-382a-4233-86ec-e73e727ee413.tmp</t>
  </si>
  <si>
    <t>01/15/2020 10:41:03</t>
  </si>
  <si>
    <t>af49d47d-23cc-40e8-a9c9-1f9050b1f700.tmp</t>
  </si>
  <si>
    <t>\\acsfs\profiles$\lorenabmc\Downloads\af49d47d-23cc-40e8-a9c9-1f9050b1f700.tmp</t>
  </si>
  <si>
    <t>01/15/2020 10:41:16</t>
  </si>
  <si>
    <t>8d0fb8ea-3036-4d69-bd9e-194f6e2d09c1.tmp</t>
  </si>
  <si>
    <t>\\acsfs\profiles$\lorenabmc\Downloads\8d0fb8ea-3036-4d69-bd9e-194f6e2d09c1.tmp</t>
  </si>
  <si>
    <t>01/15/2020 10:41:52</t>
  </si>
  <si>
    <t>01/15/2020 10:41:30</t>
  </si>
  <si>
    <t>06ab48fc-ff01-415b-b431-12b6c9a7bade.tmp</t>
  </si>
  <si>
    <t>\\acsfs\profiles$\ROZENCAM\Downloads\06ab48fc-ff01-415b-b431-12b6c9a7bade.tmp</t>
  </si>
  <si>
    <t>01/15/2020 10:45:46</t>
  </si>
  <si>
    <t>Nayara Nery Araujo Oliveira_1_6777853366953379955_1_32.wav</t>
  </si>
  <si>
    <t>\\acsfs\Deptos\EDUCACAO EMPRESARIAL\FERNANDA MONIT\Fernanda\MONITORIA JANEIRO\Ligação para MUTANT segundo ciclo janeiro\Nayara Nery Araujo Oliveira_1_6777853366953379955_1_32.wav</t>
  </si>
  <si>
    <t>01/15/2020 10:41:04</t>
  </si>
  <si>
    <t>01/15/2020 10:41:07</t>
  </si>
  <si>
    <t>01/15/2020 10:41:13</t>
  </si>
  <si>
    <t>01/15/2020 10:44:30</t>
  </si>
  <si>
    <t>aaraujodossa@dxc.com;backofficebv@dxc.com;jean.loiola@bv.com.br;larissa.alcantara@bv.com.br;marianeps@algartech.com;talmaiardo@algartech.com;thiagordu@algartech.com;</t>
  </si>
  <si>
    <t>aaraujodossa@dxc.com,backofficebv@dxc.com,jean.loiola@bv.com.br,larissa.alcantara@bv.com.br,marianeps@algartech.com,talmaiardo@algartech.com,thiagordu@algartech.com</t>
  </si>
  <si>
    <t>01/15/2020 10:44:34</t>
  </si>
  <si>
    <t>01/15/2020 10:44:39</t>
  </si>
  <si>
    <t>01/15/2020 10:44:42</t>
  </si>
  <si>
    <t>01/15/2020 10:39:53</t>
  </si>
  <si>
    <t>01/15/2020 10:39:55</t>
  </si>
  <si>
    <t>01/15/2020 10:39:56</t>
  </si>
  <si>
    <t>01/15/2020 10:40:06</t>
  </si>
  <si>
    <t>01/15/2020 10:40:11</t>
  </si>
  <si>
    <t>01/15/2020 10:40:12</t>
  </si>
  <si>
    <t>01/15/2020 10:40:22</t>
  </si>
  <si>
    <t>01/15/2020 10:40:41</t>
  </si>
  <si>
    <t>01/15/2020 10:41:22</t>
  </si>
  <si>
    <t>01/15/2020 10:42:22</t>
  </si>
  <si>
    <t>01/15/2020 10:42:43</t>
  </si>
  <si>
    <t>01/15/2020 10:42:44</t>
  </si>
  <si>
    <t>01/15/2020 10:42:55</t>
  </si>
  <si>
    <t>01/15/2020 10:42:57</t>
  </si>
  <si>
    <t>01/15/2020 10:43:02</t>
  </si>
  <si>
    <t>https://excel.officeapps.live.com/x/_vti_bin/ewainternalwebservice.json/applyfilter?waccluster=br2</t>
  </si>
  <si>
    <t>01/15/2020 10:43:04</t>
  </si>
  <si>
    <t>01/15/2020 10:43:09</t>
  </si>
  <si>
    <t>01/15/2020 10:43:11</t>
  </si>
  <si>
    <t>01/15/2020 10:43:14</t>
  </si>
  <si>
    <t>01/15/2020 10:43:24</t>
  </si>
  <si>
    <t>01/15/2020 10:43:27</t>
  </si>
  <si>
    <t>01/15/2020 10:43:28</t>
  </si>
  <si>
    <t>01/15/2020 10:43:37</t>
  </si>
  <si>
    <t>01/15/2020 10:43:41</t>
  </si>
  <si>
    <t>01/15/2020 10:43:49</t>
  </si>
  <si>
    <t>01/15/2020 10:43:55</t>
  </si>
  <si>
    <t>01/15/2020 10:44:01</t>
  </si>
  <si>
    <t>01/15/2020 10:44:07</t>
  </si>
  <si>
    <t>01/15/2020 10:44:11</t>
  </si>
  <si>
    <t>01/15/2020 10:44:12</t>
  </si>
  <si>
    <t>01/15/2020 10:44:20</t>
  </si>
  <si>
    <t>01/15/2020 10:44:22</t>
  </si>
  <si>
    <t>01/15/2020 10:44:28</t>
  </si>
  <si>
    <t>01/15/2020 10:44:41</t>
  </si>
  <si>
    <t>01/15/2020 10:44:43</t>
  </si>
  <si>
    <t>01/15/2020 10:44:47</t>
  </si>
  <si>
    <t>01/15/2020 10:44:50</t>
  </si>
  <si>
    <t>01/15/2020 10:46:46</t>
  </si>
  <si>
    <t>01/15/2020 10:42:00</t>
  </si>
  <si>
    <t>01/15/2020 10:43:00</t>
  </si>
  <si>
    <t>01/15/2020 10:42:23</t>
  </si>
  <si>
    <t>\\udpavonfs01\AVON\00 - ACOMPANHAMENTO AVON\04 - BACKOFFICE CORNERSTONE\2020\01.2020\RELATORIO\14.01.2020\Acompanhamento Backoffice Cornerstone JAN.20.xlsx</t>
  </si>
  <si>
    <t>01/15/2020 10:42:28</t>
  </si>
  <si>
    <t>\\udpavonfs01\AVON\00 - ACOMPANHAMENTO AVON\04 - BACKOFFICE CORNERSTONE\2020\01.2020\RELATORIO\14.01.2020\</t>
  </si>
  <si>
    <t>\\udpavonfs01\AVON\00 - ACOMPANHAMENTO AVON\04 - BACKOFFICE CORNERSTONE\2020\01.2020\RELATORIO\15.01.2020\Acompanhamento Backoffice Cornerstone JAN.20.xlsx</t>
  </si>
  <si>
    <t>01/15/2020 10:43:20</t>
  </si>
  <si>
    <t>01/15/2020 10:44:00</t>
  </si>
  <si>
    <t>01/15/2020 10:43:30</t>
  </si>
  <si>
    <t>090fe016-42e1-4267-b243-6e0ca81cc1bf.tmp</t>
  </si>
  <si>
    <t>\\acsfs\profiles$\inarajst\Downloads\090fe016-42e1-4267-b243-6e0ca81cc1bf.tmp</t>
  </si>
  <si>
    <t>01/15/2020 10:43:34</t>
  </si>
  <si>
    <t>bcbc8cb8-8798-404a-be8b-8446fba50750.tmp</t>
  </si>
  <si>
    <t>\\acsfs\profiles$\inarajst\Downloads\bcbc8cb8-8798-404a-be8b-8446fba50750.tmp</t>
  </si>
  <si>
    <t>01/15/2020 10:46:15</t>
  </si>
  <si>
    <t>01/15/2020 10:42:21</t>
  </si>
  <si>
    <t>87780084-ccac-4308-91ea-543f53d51e45.tmp</t>
  </si>
  <si>
    <t>\\acsfs\profiles$\lucasqdss\Downloads\87780084-ccac-4308-91ea-543f53d51e45.tmp</t>
  </si>
  <si>
    <t>01/15/2020 10:45:23</t>
  </si>
  <si>
    <t>01/15/2020 10:47:46</t>
  </si>
  <si>
    <t>01/15/2020 10:45:26</t>
  </si>
  <si>
    <t>01/15/2020 10:45:29</t>
  </si>
  <si>
    <t>01/15/2020 10:45:42</t>
  </si>
  <si>
    <t>01/15/2020 10:45:50</t>
  </si>
  <si>
    <t>andrelpsa@algartech.com;joaogvc@algartech.com;leonardoao@algartech.com;marianadjc@algartech.com;maristelavodq@bv.algartech.com;paulacn@algartech.com;ricardodfm@algartech.com.br;taysdss@algartech.com;viniciussg@algartech.com;</t>
  </si>
  <si>
    <t>andrelpsa@algartech.com,joaogvc@algartech.com,leonardoao@algartech.com,marianadjc@algartech.com,maristelavodq@bv.algartech.com,paulacn@algartech.com,ricardodfm@algartech.com.br,taysdss@algartech.com,viniciussg@algartech.com</t>
  </si>
  <si>
    <t>01/15/2020 10:46:07</t>
  </si>
  <si>
    <t>01/15/2020 10:46:13</t>
  </si>
  <si>
    <t>01/15/2020 10:46:22</t>
  </si>
  <si>
    <t>01/15/2020 10:46:33</t>
  </si>
  <si>
    <t>01/15/2020 10:46:40</t>
  </si>
  <si>
    <t>01/15/2020 10:46:44</t>
  </si>
  <si>
    <t>01/15/2020 10:46:49</t>
  </si>
  <si>
    <t>01/15/2020 10:46:55</t>
  </si>
  <si>
    <t>01/15/2020 10:47:08</t>
  </si>
  <si>
    <t>01/15/2020 10:47:16</t>
  </si>
  <si>
    <t>01/15/2020 10:47:17</t>
  </si>
  <si>
    <t>01/15/2020 10:47:21</t>
  </si>
  <si>
    <t>01/15/2020 10:47:33</t>
  </si>
  <si>
    <t>01/15/2020 10:47:54</t>
  </si>
  <si>
    <t>01/15/2020 10:48:46</t>
  </si>
  <si>
    <t>7c6b8c71-ee89-4d82-9a4a-4337d4d2a11f.tmp</t>
  </si>
  <si>
    <t>\\acsfs\profiles$\gabrielsma\Downloads\7c6b8c71-ee89-4d82-9a4a-4337d4d2a11f.tmp</t>
  </si>
  <si>
    <t>01/15/2020 10:44:49</t>
  </si>
  <si>
    <t>c4714ea2-ce49-4097-bb6e-a6dc63c98a74.tmp</t>
  </si>
  <si>
    <t>\\acsfs\profiles$\gabrielsma\Downloads\c4714ea2-ce49-4097-bb6e-a6dc63c98a74.tmp</t>
  </si>
  <si>
    <t>01/15/2020 10:45:31</t>
  </si>
  <si>
    <t>Q29udHJvbGxlci5BQ09NLVNvdUJWXzE- (1).ica.crdownload</t>
  </si>
  <si>
    <t>\\acsfs\ACS\Gabriel da Silva\Contemporânea\Gen\Q29udHJvbGxlci5BQ09NLVNvdUJWXzE- (1).ica.crdownload</t>
  </si>
  <si>
    <t>01/15/2020 10:47:44</t>
  </si>
  <si>
    <t>59121fc9-381c-48b1-a6d9-bf45455042fd.tmp</t>
  </si>
  <si>
    <t>\\acsfs\profiles$\claudiajca\Downloads\59121fc9-381c-48b1-a6d9-bf45455042fd.tmp</t>
  </si>
  <si>
    <t>01/15/2020 10:45:12</t>
  </si>
  <si>
    <t>01/15/2020 10:45:13</t>
  </si>
  <si>
    <t>01/15/2020 10:44:10</t>
  </si>
  <si>
    <t>01/15/2020 10:49:46</t>
  </si>
  <si>
    <t>"mozilla/5.0 (windows nt 6.1) applewebkit/537.36 (khtml;0];0] _x0018_�2_x0007_c-4e;0]";0]0":;0]:0}:0})�� 66;0]\\\\\\\vt�_x000F_&lt;l;0]\\\\\\\ܪj &lt;l;0]\\\\\\�_x0010_� &lt;l;0]];0]als;0]l;0]ll;0]thon-35.pyc;0]�lx��v�86u�{� �_x0007_�� �r;0]�� \\;1;1253;13;131;13700014;13700109;13700185;13700451;13700951;13701207;13701298;13701422;13701430;13701450;13701506;13701537;13701573;13701577;13701625;13701657;13701693;13701693�;13701749;13701825;13701901;13701905;13701957;13701969;13702068;13702088;142961685;152;156;1578915539161\;1578923371630\;1578930052848000;1578930058554000;1578954746236;1578955047263;1578955950345;1578957154449;1578957455473;1578969194262;1578975661816;1578976865572;1578984390616;1578994625136;1578995528127;1578995829120;1578997033107;1579012219328;1579012520355;1579014627543;1579037922075\;1579037922677\;1579037932305;181;1]]";1ya5yrwelrso-yxib3ctz0mdjsqkh2uffmn2kfrmynlkfp2vhk5vxrjlyzc1nx1i8okgrxz4hh9fxnqqavexbjgszjfxng_3tikapcccza7s5nl0iiv528sipt3_n6smfvjyvnmz5gmbld86jsedcdqpnbowbtwaejdtwlwiwyazylw418myzkyijnlherxkuhkwira-leptxg0uk</t>
  </si>
  <si>
    <t>"mozilla/5.0 (windows nt 6.1) applewebkit/537.36 (khtml,0],0] _x0018_�2_x0007_c-4e,0]",0]0":,0]:0}:0})�� 66,0]\\\\\\\vt�_x000F_&lt;l,0]\\\\\\\ܪj &lt;l,0]\\\\\\�_x0010_� &lt;l,0]],0]als,0]l,0]ll,0]thon-35.pyc,0]�lx��v�86u�{� �_x0007_�� �r,0]�� \\,1,1253,13,131,13700014,13700109,13700185,13700451,13700951,13701207,13701298,13701422,13701430,13701450,13701506,13701537,13701573,13701577,13701625,13701657,13701693,13701693�,13701693�,13701749,13701825,13701901,13701905,13701957,13701969,13702068,13702088,142961685,152,156,1578915539161\,1578923371630\,1578930052848000,1578930058554000,1578954746236,1578955047263,1578955950345,1578957154449,1578957455473,1578969194262,1578975661816,1578976865572,1578984390616,1578994625136,1578995528127,1578995829120,1578997033107,1579012219328,1579012520355,1579014627543,1579037922075\,1579037922677\,1579037932305,181,1]]",1ya5yrwelrso-yxib3ctz0mdjsqkh2uffmn2kfrmynlkfp2vhk5vxrjlyzc1nx1i8okgrxz4hh9fxnqqavexbjgszjfxng_3tikapcccza7s5nl0iiv528sipt3_n6smfvjyvnmz5gmbld86jsedcdqpnbowbtwaejdtwlwiwyazylw418myzkyijnlherxkuhkwira</t>
  </si>
  <si>
    <t>01/15/2020 10:44:31</t>
  </si>
  <si>
    <t>"[[];"languagecode":"pt-br";"mozilla/5.0 (windows nt 6.1) applewebkit/537.36 (khtml;"requesttype":"background_request";"scenariotype;"timezone":"-03:00";0;0]_x0003_8_x0007_1833�o� 99;0]\\\\\\\�_x0013_�_x000F_&lt;l;0]\\\\\\\�;( &lt;l;0]als;0]l;0]ribedchildren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961685;1578930052848000;1578930058554000;1578933676053;1578943608389;1578944812346;1579003188540;1579003790594;1579006198803;1579006499832;1579030649468;17;1ya5yrwelrso-yxib3ctz0mdjsqkh2uffmn2kfrmynlkfp2vhk5vxrjlyzc1nx1i8okgrxz4hh9fxnqqavexbjgszjfxng_3tikapcccza7s5nl0</t>
  </si>
  <si>
    <t>"[[],"languagecode":"pt-br","mozilla/5.0 (windows nt 6.1) applewebkit/537.36 (khtml,"requesttype":"background_request","scenariotype,"timezone":"-03:00",0,0]_x0003_8_x0007_1833�o� 99,0]\\\\\\\�_x0013_�_x000F_&lt;l,0]\\\\\\\�;( &lt;l,0]als,0]l,0]ribedchildren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961685,1578930052848000,1578930058554000,1578933676053,1578943608389,1578944812346,1579003188540,1579003790594,1579006198803,1579006499832,1579030649468,17,1ya5yrwelrso-yxib3ctz0mdjsqkh2uffmn2kfrmynlkfp2vhk5vxrjlyzc1nx1i8okgrxz4hh9fxnqqavexbjgszjfxng_3tikapcccza7s5nl0</t>
  </si>
  <si>
    <t>01/15/2020 10:45:05</t>
  </si>
  <si>
    <t>"languagecode":"pt-br";"requesttype":"background_request";"scenariotype;"timezone":"-03:00";0]_x0001_2_x0007_��2_x0007__x0018_�2_x0007_c-4e;0]0":0}1s�� 90;0]578941s�� 90;0]als;0]l;0]rializab'i� pp;0]�&gt; 39;142961685;1578932472947;1578940899286;1578944210349;1578988304089;1578992217428;1578994023147;1578995227129;1579003489568;1579016443505;194;1ya5yrwelrso-yxib3ctz0mdjsqkh2uffmn2kfrmynlkfp2vhk5vxrjlyzc1nx1i8okgrxz4hh9fxnqqavexbjgszjfxng_3tikapcccza7s5nl0iiv528sipt3_n6smfvjyvnmz5gmbld86jsedcdqpnbowbtwaejdtwlwiwyazylw418myzkyijnlherxkuhkwiraaleptrpjifgx1x_zb22hx2m7vnxghvwt560j7kdwtra\";1ya5yrwelrso-yxib3ctz0mdjsqkh2uffmn2kfrmynlkfp2vhk5vxrjlyzc1nx1i8okgrxz4hh9fxnqqavexbjgszjfxng_3tikapcccza7s5nl0iiv528sipt3_n6smfvjyvnmz5gmbld86jsedcdqpnbowbtwaejdtwlwiwyazylw418myzkyijnlherxkuhkwiranlept4dqcy31buckrv8mm4emugerzrge-z8wm5vsk8g\";1ya5yrwelrso-yxib3ctz0mdjsqkh2uffmn2kfrmynlkfp2vhk5vxrjlyzc1nx1i8okgrxz4hh9fxnqqavexbjgszjfxng_3tikapcccza7s5nl0iiv528sipt3_n6smfvjyvnmz5gmbld86jsedcdqpnbowbtwaejdtwlwiwyazylw418myzkyijnlherxkuhkwirb3leptx6jww1uqgtvbqwq</t>
  </si>
  <si>
    <t>"languagecode":"pt-br","requesttype":"background_request","scenariotype,"timezone":"-03:00",0]_x0001_2_x0007_��2_x0007__x0018_�2_x0007_c-4e,0]0":0}1s�� 90,0]578941s�� 90,0]als,0]l,0]rializab'i� pp,0]�&gt; 39,142961685,1578932472947,1578940899286,1578944210349,1578988304089,1578992217428,1578994023147,1578995227129,1579003489568,1579016443505,194,1ya5yrwelrso-yxib3ctz0mdjsqkh2uffmn2kfrmynlkfp2vhk5vxrjlyzc1nx1i8okgrxz4hh9fxnqqavexbjgszjfxng_3tikapcccza7s5nl0iiv528sipt3_n6smfvjyvnmz5gmbld86jsedcdqpnbowbtwaejdtwlwiwyazylw418myzkyijnlherxkuhkwiraaleptrpjifgx1x_zb22hx2m7vnxghvwt560j7kdwtra\",1ya5yrwelrso-yxib3ctz0mdjsqkh2uffmn2kfrmynlkfp2vhk5vxrjlyzc1nx1i8okgrxz4hh9fxnqqavexbjgszjfxng_3tikapcccza7s5nl0iiv528sipt3_n6smfvjyvnmz5gmbld86jsedcdqpnbowbtwaejdtwlwiwyazylw418myzkyijnlherxkuhkwiranlept4dqcy31buckrv8mm4emugerzrge-z8wm5vsk8g\",1ya5yrwelrso-yxib3ctz0mdjsqkh2uffmn2kfrmynlkfp2vhk5vxrjlyzc1nx1i8okgrxz4hh9fxnqqavexbjgszjfxng_3tikapcccza7s5nl0iiv528sipt3_n6smfvjyvnmz5gmbld86jsedcdqpnbowbtwaejdtwlwiwyazylw418myzkyijnlherxkuhkwirb3leptx6jww1uqgtvbqwq</t>
  </si>
  <si>
    <t>01/15/2020 10:45:30</t>
  </si>
  <si>
    <t>"[[];"mozilla/5.0 (windows nt 6.1) applewebkit/537.36 (khtml;#bco-inspetoria@bancovotorantim.com.br;0]06;0]4003ll;0]\\\\\\k�� &lt;l;0]als;0]l;0]ribedchildren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44;1578930052848000;1578930058554000;1578941802361;1578973107601;1579001683422;1579009510098;1579030649468;17;1ya5yrwelrso-yxib3ctz0mdjsqkh2uffmn2kfrmynlkfp2vhk5vxrjlyzc1nx1i8okgrxz4hh9fxnqqavexbjgszjfxng_3tikapcccza7s5nl0iiv528sipt3_n6smfvjyvnmz5gmbld86jsedcdqpnbowbtwaejdtwlwiwyazylw418myzkyijnlherxkuhkwirbkleptg2ozehzuvwv0br8gmrvy_8xhjclibt</t>
  </si>
  <si>
    <t>"[[],"mozilla/5.0 (windows nt 6.1) applewebkit/537.36 (khtml,#bco-inspetoria@bancovotorantim.com.br,0]06,0]4003ll,0]\\\\\\k�� &lt;l,0]als,0]l,0]ribedchildren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44,1578930052848000,1578930058554000,1578941802361,1578973107601,1579001683422,1579009510098,1579030649468,17,1ya5yrwelrso-yxib3ctz0mdjsqkh2uffmn2kfrmynlkfp2vhk5vxrjlyzc1nx1i8okgrxz4hh9fxnqqavexbjgszjfxng_3tikapcccza7s5nl0iiv528sipt3_n6smfvjyvnmz5gmbld86jsedcdqpnbowbtwaejdtwlwiwyazylw418myzkyijnlherxkuhkwirbkleptg2ozehzuvwv0br8gmrvy_8xhjclibt</t>
  </si>
  <si>
    <t>01/15/2020 10:45:47</t>
  </si>
  <si>
    <t>01/15/2020 10:46:01</t>
  </si>
  <si>
    <t>01/15/2020 10:44:35</t>
  </si>
  <si>
    <t>01/15/2020 10:44:37</t>
  </si>
  <si>
    <t>01/15/2020 10:49:05</t>
  </si>
  <si>
    <t>7685da74-d9aa-4e85-82b0-d1e2663b1da0.tmp</t>
  </si>
  <si>
    <t>\\acsfs\profiles$\ROZENCAM\Downloads\7685da74-d9aa-4e85-82b0-d1e2663b1da0.tmp</t>
  </si>
  <si>
    <t>01/15/2020 10:48:50</t>
  </si>
  <si>
    <t>01/15/2020 10:50:46</t>
  </si>
  <si>
    <t>01/15/2020 10:49:08</t>
  </si>
  <si>
    <t>01/15/2020 10:49:17</t>
  </si>
  <si>
    <t>01/15/2020 10:49:25</t>
  </si>
  <si>
    <t>01/15/2020 10:44:57</t>
  </si>
  <si>
    <t>01/15/2020 10:45:15</t>
  </si>
  <si>
    <t>01/15/2020 10:45:27</t>
  </si>
  <si>
    <t>01/15/2020 10:46:26</t>
  </si>
  <si>
    <t>01/15/2020 10:47:26</t>
  </si>
  <si>
    <t>01/15/2020 10:48:26</t>
  </si>
  <si>
    <t>01/15/2020 10:49:26</t>
  </si>
  <si>
    <t>01/15/2020 10:45:40</t>
  </si>
  <si>
    <t>01/15/2020 10:51:47</t>
  </si>
  <si>
    <t>01/15/2020 10:48:01</t>
  </si>
  <si>
    <t>01/15/2020 10:49:31</t>
  </si>
  <si>
    <t>01/15/2020 10:50:01</t>
  </si>
  <si>
    <t>01/15/2020 10:50:29</t>
  </si>
  <si>
    <t>01/15/2020 10:50:25</t>
  </si>
  <si>
    <t>01/15/2020 10:52:46</t>
  </si>
  <si>
    <t>e53dbfb8-9e45-4d8f-af49-6f142c765620.tmp</t>
  </si>
  <si>
    <t>\\acsfs\profiles$\jhonatadss\Downloads\e53dbfb8-9e45-4d8f-af49-6f142c765620.tmp</t>
  </si>
  <si>
    <t>01/15/2020 10:48:51</t>
  </si>
  <si>
    <t>karoliny.silva@mutantbr.com;lilianls@algartech.com;talmaiardo@algartech.com;tatiane.biassi@mutantbr.com;</t>
  </si>
  <si>
    <t>karoliny.silva@mutantbr.com,lilianls@algartech.com,talmaiardo@algartech.com,tatiane.biassi@mutantbr.com</t>
  </si>
  <si>
    <t>01/15/2020 10:48:55</t>
  </si>
  <si>
    <t>01/15/2020 10:49:16</t>
  </si>
  <si>
    <t>01/15/2020 10:49:20</t>
  </si>
  <si>
    <t>01/15/2020 10:49:34</t>
  </si>
  <si>
    <t>01/15/2020 10:49:35</t>
  </si>
  <si>
    <t>01/15/2020 10:50:00</t>
  </si>
  <si>
    <t>01/15/2020 10:50:12</t>
  </si>
  <si>
    <t>01/15/2020 10:48:56</t>
  </si>
  <si>
    <t>01/15/2020 10:53:47</t>
  </si>
  <si>
    <t>01/15/2020 10:48:17</t>
  </si>
  <si>
    <t>01/15/2020 10:48:27</t>
  </si>
  <si>
    <t>01/15/2020 10:48:47</t>
  </si>
  <si>
    <t>01/15/2020 10:48:53</t>
  </si>
  <si>
    <t>01/15/2020 10:49:04</t>
  </si>
  <si>
    <t>01/15/2020 10:49:09</t>
  </si>
  <si>
    <t>01/15/2020 10:51:26</t>
  </si>
  <si>
    <t>01/15/2020 10:52:36</t>
  </si>
  <si>
    <t>01/15/2020 10:50:34</t>
  </si>
  <si>
    <t>e04c7b5c-68f5-4f62-a283-1caf92fbda05.tmp</t>
  </si>
  <si>
    <t>\\acsfs\profiles$\francislayneads\Downloads\e04c7b5c-68f5-4f62-a283-1caf92fbda05.tmp</t>
  </si>
  <si>
    <t>01/15/2020 10:54:47</t>
  </si>
  <si>
    <t>01/15/2020 10:49:13</t>
  </si>
  <si>
    <t>01/15/2020 10:49:21</t>
  </si>
  <si>
    <t>"[[];"mozilla/5.0 (windows nt 6.1) applewebkit/537.36 (khtml;0;0] = \\;0] _x0018_�2_x0007_c-4e;0]10r;0]62];0]8;0]\\\\\\\�x� &lt;l;0]l;0]ll;0]ribedchildren;0]thon-35.pyc;0]� \\;1;108;127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;142961685;143;145;149;154;1578930052848000;1578930058554000;1578943006467;1578945715328;1578956853420;1578958960608;1578962270972;1578967989981;1578972505548;1578972806575;1578973409172;1578974758737;1578976263703;1578978069560;1579030649468;160;17;1ya5yrwelrso-yxib3ctz0mdjsqkh2uffmn2kfrmynlkfp2vhk5vxrjlyzc1nx1i8okgrxz4hh9fxn</t>
  </si>
  <si>
    <t>"[[],"mozilla/5.0 (windows nt 6.1) applewebkit/537.36 (khtml,0,0] = \\,0] _x0018_�2_x0007_c-4e,0]10r,0]62],0]8,0]\\\\\\\�x� &lt;l,0]l,0]ll,0]ribedchildren,0]thon-35.pyc,0]� \\,1,108,127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,142961685,143,145,149,154,1578930052848000,1578930058554000,1578943006467,1578945715328,1578956853420,1578958960608,1578962270972,1578967989981,1578972505548,1578972806575,1578973409172,1578974758737,1578976263703,1578978069560,1579030649468,160,17,1ya5yrwelrso-yxib3ctz0mdjsqkh2uffmn2kfrmynlkfp2vhk5vxrjlyzc1nx1i8okgrxz4hh9fxn</t>
  </si>
  <si>
    <t>01/15/2020 10:49:33</t>
  </si>
  <si>
    <t>01/15/2020 10:49:45</t>
  </si>
  <si>
    <t>01/15/2020 10:49:48</t>
  </si>
  <si>
    <t>01/15/2020 10:49:52</t>
  </si>
  <si>
    <t>"[[];"languagecode":"pt-br";"mozilla/5.0 (windows nt 6.1) applewebkit/537.36 (khtml;"requesttype":"background_request";"scenariotype;"timezone":"-03:00";0;0] _x0018_�2_x0007_c-4e;0]0":0}1s�� 90;0]0};0]87139";0]\\\\\\\:�x &lt;l;0]\\\\\\\k�� &lt;l;0]\\\\\\\qh; &lt;l;0]ackages\tornado\platform\interface.py;0]l;0]ll;0]ribedchildren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8947220311;1578949026584;1578949327611;1578949628634;1578949929662;1578951735943;1578952037003;1578952639056;1579009811117;1579030649468;1579032309191;17;</t>
  </si>
  <si>
    <t>"[[],"languagecode":"pt-br","mozilla/5.0 (windows nt 6.1) applewebkit/537.36 (khtml,"requesttype":"background_request","scenariotype,"timezone":"-03:00",0,0] _x0018_�2_x0007_c-4e,0]0":0}1s�� 90,0]0},0]87139",0]\\\\\\\:�x &lt;l,0]\\\\\\\k�� &lt;l,0]\\\\\\\qh; &lt;l,0]ackages\tornado\platform\interface.py,0]l,0]ll,0]ribedchildren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8947220311,1578949026584,1578949327611,1578949628634,1578949929662,1578951735943,1578952037003,1578952639056,1579009811117,1579030649468,1579032309191,17,</t>
  </si>
  <si>
    <t>01/15/2020 10:49:56</t>
  </si>
  <si>
    <t>01/15/2020 10:50:07</t>
  </si>
  <si>
    <t>01/15/2020 10:51:19</t>
  </si>
  <si>
    <t>_x0018_ &lt;l;"languagecode":"pt-br";"mozilla/5.0 (windows nt 6.1) applewebkit/537.36 (khtml;"requesttype":"background_request";"scenariotype;"timezone":"-03:00";#bco-inspetoria@bancovotorantim.com.br;0]49a�� _x000F_;0]578941s�� 90;0]\\\\\\\#�� &lt;l;0]\\\\\\\�_x0006_� &lt;l;0]\\\\\\r;0]ackages\tornado\platform\interface.py;0]als;0]l;0]ll;0]thon-35.pyc;1;113;114;115;13;13700014;13700109;13700185;13700451;13700951;13701207;13701298;13701422;13701430;13701450;13701506;13701537;13701573;13701577;13701625;13701657;13701693;13701749;13701825;13701901;13701905;13701957;13701969;13702068;13702088;142961685;1578930052848000;1578930058554000;1578940297233;1578953542133;1578954144184;1578957756500;1578963775954;1578964076950;1578964377945;1578997936095;1578998538087;1578998839083;1579007703951;1ya5yrwelrso-yxib3ctz0mdjsqkh2uffmn2kfrmynlkfp2vhk5vxrjlyzc1nx1i8okgrxz4hh9fxnqqavexbjgszjfxng_3tikapcccza7s5nl0iiv528sipt3_n6smfvjyvnmz5gmbld86jsedcdqpnbowbtwaejdtwlwiwyazylw418myzkyijnlherxkuhkwirbaleptofxjubjdv_cv6dq-ewclammwbnthnsdoqvovzg\";1ya5yrwelrs</t>
  </si>
  <si>
    <t>_x0018_ &lt;l,"languagecode":"pt-br","mozilla/5.0 (windows nt 6.1) applewebkit/537.36 (khtml,"requesttype":"background_request","scenariotype,"timezone":"-03:00",#bco-inspetoria@bancovotorantim.com.br,0]49a�� _x000F_,0]578941s�� 90,0]\\\\\\\#�� &lt;l,0]\\\\\\\�_x0006_� &lt;l,0]\\\\\\r,0]ackages\tornado\platform\interface.py,0]als,0]l,0]ll,0]thon-35.pyc,1,113,114,115,13,13700014,13700109,13700185,13700451,13700951,13701207,13701298,13701422,13701430,13701450,13701506,13701537,13701573,13701577,13701625,13701657,13701693,13701749,13701825,13701901,13701905,13701957,13701969,13702068,13702088,142961685,1578930052848000,1578930058554000,1578940297233,1578953542133,1578954144184,1578957756500,1578963775954,1578964076950,1578964377945,1578997936095,1578998538087,1578998839083,1579007703951,1ya5yrwelrso-yxib3ctz0mdjsqkh2uffmn2kfrmynlkfp2vhk5vxrjlyzc1nx1i8okgrxz4hh9fxnqqavexbjgszjfxng_3tikapcccza7s5nl0iiv528sipt3_n6smfvjyvnmz5gmbld86jsedcdqpnbowbtwaejdtwlwiwyazylw418myzkyijnlherxkuhkwirbaleptofxjubjdv_cv6dq-ewclammwbnthnsdoqvovzg\",1ya5yrwelrs</t>
  </si>
  <si>
    <t>01/15/2020 10:51:36</t>
  </si>
  <si>
    <t>01/15/2020 10:51:39</t>
  </si>
  <si>
    <t>2f333166-29a7-4f89-90c2-9bc89b43f56f.tmp</t>
  </si>
  <si>
    <t>\\acsfs\profiles$\leticiala\Downloads\2f333166-29a7-4f89-90c2-9bc89b43f56f.tmp</t>
  </si>
  <si>
    <t>01/15/2020 10:49:41</t>
  </si>
  <si>
    <t>a4290de9-75e4-4f6b-9be8-66a8acd3c9c0.tmp</t>
  </si>
  <si>
    <t>\\acsfs\profiles$\gustavoab\Downloads\a4290de9-75e4-4f6b-9be8-66a8acd3c9c0.tmp</t>
  </si>
  <si>
    <t>01/15/2020 10:49:55</t>
  </si>
  <si>
    <t>74d7800b-4206-4358-afdf-f85827523aab.tmp</t>
  </si>
  <si>
    <t>\\acsfs\profiles$\gustavoab\Downloads\74d7800b-4206-4358-afdf-f85827523aab.tmp</t>
  </si>
  <si>
    <t>01/15/2020 10:52:09</t>
  </si>
  <si>
    <t>lu103321fz63b.tmp</t>
  </si>
  <si>
    <t>\\acsfs\profiles$\BRUNAAR\Numero\lu103321fz63b.tmp</t>
  </si>
  <si>
    <t>01/15/2020 10:52:05</t>
  </si>
  <si>
    <t>01/15/2020 10:55:46</t>
  </si>
  <si>
    <t>01/15/2020 10:52:12</t>
  </si>
  <si>
    <t>01/15/2020 10:54:04</t>
  </si>
  <si>
    <t>01/15/2020 10:52:29</t>
  </si>
  <si>
    <t>82ee0dcc-8c02-4fcb-a652-80b92c4aa75e.tmp</t>
  </si>
  <si>
    <t>\\acsfs\profiles$\criciavdo\Downloads\82ee0dcc-8c02-4fcb-a652-80b92c4aa75e.tmp</t>
  </si>
  <si>
    <t>01/15/2020 10:50:26</t>
  </si>
  <si>
    <t>01/15/2020 10:52:27</t>
  </si>
  <si>
    <t>01/15/2020 10:52:37</t>
  </si>
  <si>
    <t>01/15/2020 10:52:41</t>
  </si>
  <si>
    <t>01/15/2020 10:52:56</t>
  </si>
  <si>
    <t>01/15/2020 10:53:11</t>
  </si>
  <si>
    <t>01/15/2020 10:53:37</t>
  </si>
  <si>
    <t>01/15/2020 10:53:42</t>
  </si>
  <si>
    <t>01/15/2020 10:53:45</t>
  </si>
  <si>
    <t>01/15/2020 10:54:12</t>
  </si>
  <si>
    <t>01/15/2020 10:54:44</t>
  </si>
  <si>
    <t>01/15/2020 10:52:15</t>
  </si>
  <si>
    <t>35b5fec9-ae97-42a0-991e-3d1525ca374a.tmp</t>
  </si>
  <si>
    <t>\\acsfs\profiles$\ERICALSR\Downloads\35b5fec9-ae97-42a0-991e-3d1525ca374a.tmp</t>
  </si>
  <si>
    <t>01/15/2020 10:54:02</t>
  </si>
  <si>
    <t>01/15/2020 10:56:47</t>
  </si>
  <si>
    <t>01/15/2020 10:54:32</t>
  </si>
  <si>
    <t>01/15/2020 10:55:02</t>
  </si>
  <si>
    <t>01/15/2020 10:53:12</t>
  </si>
  <si>
    <t>01/15/2020 10:51:50</t>
  </si>
  <si>
    <t>39dbf592-a3ad-43a8-a0d7-c48088bc42d8.tmp</t>
  </si>
  <si>
    <t>\\acsfs\profiles$\inarajst\Downloads\39dbf592-a3ad-43a8-a0d7-c48088bc42d8.tmp</t>
  </si>
  <si>
    <t>01/15/2020 10:53:22</t>
  </si>
  <si>
    <t>01/15/2020 10:57:46</t>
  </si>
  <si>
    <t>CLAUDIA JANAINA CELESTE DE ANDRADE_1_6777694869775264829_1_32.wav</t>
  </si>
  <si>
    <t>\\acsfs\Deptos\EDUCACAO EMPRESARIAL\KÉSIA\Ligações 2º ciclo - Janeiro 2020\CLAUDIA JANAINA CELESTE DE ANDRADE_1_6777694869775264829_1_32.wav</t>
  </si>
  <si>
    <t>01/15/2020 10:53:01</t>
  </si>
  <si>
    <t>3bf86a9d-50b4-4ffa-af4c-a4151afbf340.tmp</t>
  </si>
  <si>
    <t>\\acsfs\profiles$\isabellegtds\Downloads\3bf86a9d-50b4-4ffa-af4c-a4151afbf340.tmp</t>
  </si>
  <si>
    <t>01/15/2020 10:53:02</t>
  </si>
  <si>
    <t>d9a928dd-7fa5-49c8-a9ef-9430cae84f7a.tmp</t>
  </si>
  <si>
    <t>\\acsfs\profiles$\isabellegtds\Downloads\d9a928dd-7fa5-49c8-a9ef-9430cae84f7a.tmp</t>
  </si>
  <si>
    <t>01/15/2020 10:53:06</t>
  </si>
  <si>
    <t>b46b7d5a-b752-4f7f-a7fb-5695d8df585c.tmp</t>
  </si>
  <si>
    <t>\\acsfs\profiles$\isabellegtds\Downloads\b46b7d5a-b752-4f7f-a7fb-5695d8df585c.tmp</t>
  </si>
  <si>
    <t>01/15/2020 10:56:10</t>
  </si>
  <si>
    <t>01/15/2020 10:58:47</t>
  </si>
  <si>
    <t>01/15/2020 10:56:17</t>
  </si>
  <si>
    <t>bvcartes-supervisores@algarnet.onmicrosoft.com;joaogvc@algartech.com;leonardoao@algartech.com;marianadjc@algartech.com;ricardodfm@algartech.com.br;</t>
  </si>
  <si>
    <t>bvcartes-supervisores@algarnet.onmicrosoft.com,joaogvc@algartech.com,leonardoao@algartech.com,marianadjc@algartech.com,ricardodfm@algartech.com.br</t>
  </si>
  <si>
    <t>01/15/2020 10:56:20</t>
  </si>
  <si>
    <t>bvcartes-supervisores@algarnet.onmicrosoft.com;joaogvc@algartech.com;leonardoao@algartech.com;marianadjc@algartech.com;paulacn@algartech.com;ricardodfm@algartech.com.br;</t>
  </si>
  <si>
    <t>bvcartes-supervisores@algarnet.onmicrosoft.com,joaogvc@algartech.com,leonardoao@algartech.com,marianadjc@algartech.com,paulacn@algartech.com,ricardodfm@algartech.com.br</t>
  </si>
  <si>
    <t>01/15/2020 10:56:24</t>
  </si>
  <si>
    <t>01/15/2020 10:56:27</t>
  </si>
  <si>
    <t>bvcartes-supervisores@algarnet.onmicrosoft.com;joaogvc@algartech.com;leonardoao@algartech.com;marianadjc@algartech.com;paulacn@algartech.com;ricardodfm@algartech.com.br;sofiamses@algartech.com;taysdss@algartech.com;viniciussg@algartech.com;</t>
  </si>
  <si>
    <t>bvcartes-supervisores@algarnet.onmicrosoft.com,joaogvc@algartech.com,leonardoao@algartech.com,marianadjc@algartech.com,paulacn@algartech.com,ricardodfm@algartech.com.br,sofiamses@algartech.com,taysdss@algartech.com,viniciussg@algartech.com</t>
  </si>
  <si>
    <t>01/15/2020 10:56:38</t>
  </si>
  <si>
    <t>01/15/2020 10:56:56</t>
  </si>
  <si>
    <t>01/15/2020 10:57:04</t>
  </si>
  <si>
    <t>01/15/2020 10:57:22</t>
  </si>
  <si>
    <t>01/15/2020 10:57:36</t>
  </si>
  <si>
    <t>01/15/2020 10:57:42</t>
  </si>
  <si>
    <t>01/15/2020 10:58:12</t>
  </si>
  <si>
    <t>182b5958-7473-41e2-8437-5954a24a95d8.tmp</t>
  </si>
  <si>
    <t>\\acsfs\profiles$\gabrielsma\Downloads\182b5958-7473-41e2-8437-5954a24a95d8.tmp</t>
  </si>
  <si>
    <t>01/15/2020 10:54:17</t>
  </si>
  <si>
    <t>01/15/2020 10:59:47</t>
  </si>
  <si>
    <t>01/15/2020 10:54:21</t>
  </si>
  <si>
    <t>01/15/2020 10:54:22</t>
  </si>
  <si>
    <t>01/15/2020 10:59:07</t>
  </si>
  <si>
    <t>01/15/2020 10:56:18</t>
  </si>
  <si>
    <t>01/15/2020 10:56:19</t>
  </si>
  <si>
    <t>01/15/2020 10:56:21</t>
  </si>
  <si>
    <t>01/15/2020 10:56:22</t>
  </si>
  <si>
    <t>01/15/2020 10:56:23</t>
  </si>
  <si>
    <t>01/15/2020 10:56:25</t>
  </si>
  <si>
    <t>01/15/2020 10:56:26</t>
  </si>
  <si>
    <t>01/15/2020 10:56:28</t>
  </si>
  <si>
    <t>01/15/2020 10:56:29</t>
  </si>
  <si>
    <t>01/15/2020 10:56:30</t>
  </si>
  <si>
    <t>01/15/2020 10:56:31</t>
  </si>
  <si>
    <t>01/15/2020 10:56:32</t>
  </si>
  <si>
    <t>01/15/2020 10:56:33</t>
  </si>
  <si>
    <t>01/15/2020 10:56:34</t>
  </si>
  <si>
    <t>01/15/2020 10:56:35</t>
  </si>
  <si>
    <t>01/15/2020 10:56:36</t>
  </si>
  <si>
    <t>01/15/2020 10:56:37</t>
  </si>
  <si>
    <t>01/15/2020 10:56:39</t>
  </si>
  <si>
    <t>01/15/2020 10:56:40</t>
  </si>
  <si>
    <t>01/15/2020 10:56:41</t>
  </si>
  <si>
    <t>01/15/2020 10:56:42</t>
  </si>
  <si>
    <t>01/15/2020 10:56:43</t>
  </si>
  <si>
    <t>01/15/2020 10:56:44</t>
  </si>
  <si>
    <t>01/15/2020 10:56:45</t>
  </si>
  <si>
    <t>01/15/2020 10:56:46</t>
  </si>
  <si>
    <t>01/15/2020 11:00:46</t>
  </si>
  <si>
    <t>01/15/2020 10:57:33</t>
  </si>
  <si>
    <t>01/15/2020 10:57:51</t>
  </si>
  <si>
    <t>01/15/2020 10:57:56</t>
  </si>
  <si>
    <t>01/15/2020 10:58:51</t>
  </si>
  <si>
    <t>01/15/2020 10:59:13</t>
  </si>
  <si>
    <t>01/15/2020 10:59:18</t>
  </si>
  <si>
    <t>01/15/2020 10:59:23</t>
  </si>
  <si>
    <t>01/15/2020 10:59:29</t>
  </si>
  <si>
    <t>01/15/2020 10:59:39</t>
  </si>
  <si>
    <t>01/15/2020 10:58:57</t>
  </si>
  <si>
    <t>01/15/2020 10:55:42</t>
  </si>
  <si>
    <t>01/15/2020 10:58:01</t>
  </si>
  <si>
    <t>8688b9d0-e936-4ad8-b75d-81c308f223d0.tmp</t>
  </si>
  <si>
    <t>\\acsfs\profiles$\vivianalds\Downloads\8688b9d0-e936-4ad8-b75d-81c308f223d0.tmp</t>
  </si>
  <si>
    <t>01/15/2020 10:55:43</t>
  </si>
  <si>
    <t>01/15/2020 10:56:12</t>
  </si>
  <si>
    <t>01/15/2020 10:57:43</t>
  </si>
  <si>
    <t>01/15/2020 10:58:48</t>
  </si>
  <si>
    <t>01/15/2020 10:59:46</t>
  </si>
  <si>
    <t>01/15/2020 11:00:12</t>
  </si>
  <si>
    <t>01/15/2020 10:57:32</t>
  </si>
  <si>
    <t>01/15/2020 11:01:47</t>
  </si>
  <si>
    <t>01/15/2020 10:59:03</t>
  </si>
  <si>
    <t>01/15/2020 11:00:03</t>
  </si>
  <si>
    <t>01/15/2020 11:00:33</t>
  </si>
  <si>
    <t>01/15/2020 10:56:48</t>
  </si>
  <si>
    <t>c7d1fcc0-0646-4312-86ee-17d1b97d2f4e.tmp</t>
  </si>
  <si>
    <t>\\acsfs\profiles$\inarajst\Downloads\c7d1fcc0-0646-4312-86ee-17d1b97d2f4e.tmp</t>
  </si>
  <si>
    <t>01/15/2020 11:01:27</t>
  </si>
  <si>
    <t>01/15/2020 11:02:47</t>
  </si>
  <si>
    <t>adrianoms@algartech.com;alexandre.m.souza@bradesco.com.br;alvarobgadm@algartech.com.br;anaprp@algartech.com;andreavm@algartech.com.br;brunos.leite@bradesco.com.br;carlaicc@algartech.com.br;daniela.souza@bradesco.com.br;elainesilva@bradesco.com.br;helidafp@algartech.com.br;johnatards@algartech.com.br;karitacsm@algartech.com.br;mariacsc@algartech.com;nivia.queiroz@bradesco.com.br;qualidadealerta@algartech.com;rosana.m.goncalves@bradesco.com.br;rubia.pereira@bradesco.com.br;veslianeaf@algartech.com;</t>
  </si>
  <si>
    <t>adrianoms@algartech.com,alexandre.m.souza@bradesco.com.br,alvarobgadm@algartech.com.br,anaprp@algartech.com,andreavm@algartech.com.br,brunos.leite@bradesco.com.br,carlaicc@algartech.com.br,daniela.souza@bradesco.com.br,elainesilva@bradesco.com.br,helidafp@algartech.com.br,johnatards@algartech.com.br,karitacsm@algartech.com.br,mariacsc@algartech.com,nivia.queiroz@bradesco.com.br,qualidadealerta@algartech.com,rosana.m.goncalves@bradesco.com.br,rubia.pereira@bradesco.com.br,veslianeaf@algartech.com</t>
  </si>
  <si>
    <t>01/15/2020 11:01:41</t>
  </si>
  <si>
    <t>01/15/2020 10:59:36</t>
  </si>
  <si>
    <t>01/15/2020 10:59:57</t>
  </si>
  <si>
    <t>10595649-fd86-41e5-aaf2-3cbb92e1f611.tmp</t>
  </si>
  <si>
    <t>\\acsfs\profiles$\isabellegtds\Downloads\10595649-fd86-41e5-aaf2-3cbb92e1f611.tmp</t>
  </si>
  <si>
    <t>c088e6e9-93a9-4c54-87bc-f3d23da3a282.tmp</t>
  </si>
  <si>
    <t>\\acsfs\profiles$\isabellegtds\Downloads\c088e6e9-93a9-4c54-87bc-f3d23da3a282.tmp</t>
  </si>
  <si>
    <t>01/15/2020 11:01:45</t>
  </si>
  <si>
    <t>01/15/2020 11:01:46</t>
  </si>
  <si>
    <t>01/15/2020 10:58:15</t>
  </si>
  <si>
    <t>01/15/2020 10:58:20</t>
  </si>
  <si>
    <t>01/15/2020 10:58:34</t>
  </si>
  <si>
    <t>01/15/2020 10:58:37</t>
  </si>
  <si>
    <t>01/15/2020 11:03:47</t>
  </si>
  <si>
    <t>01/15/2020 10:58:53</t>
  </si>
  <si>
    <t>01/15/2020 10:58:58</t>
  </si>
  <si>
    <t>01/15/2020 10:59:24</t>
  </si>
  <si>
    <t>01/15/2020 10:59:31</t>
  </si>
  <si>
    <t>01/15/2020 10:59:38</t>
  </si>
  <si>
    <t>bvcartes-supervisores@algarnet.onmicrosoft.com;joaogvc@algartech.com;leonardoao@algartech.com;marianadjc@algartech.com;paulacn@algartech.com;planejamentodeoperacoesetrafego@bv.com.br;raphaelmco@algartech.com.br;ricardodfm@algartech.com.br;sofiamses@algartech.com;taysdss@algartech.com;viniciussg@algartech.com;</t>
  </si>
  <si>
    <t>bvcartes-supervisores@algarnet.onmicrosoft.com,joaogvc@algartech.com,leonardoao@algartech.com,marianadjc@algartech.com,paulacn@algartech.com,planejamentodeoperacoesetrafego@bv.com.br,raphaelmco@algartech.com.br,ricardodfm@algartech.com.br,sofiamses@algartech.com,taysdss@algartech.com,viniciussg@algartech.com</t>
  </si>
  <si>
    <t>01/15/2020 10:59:50</t>
  </si>
  <si>
    <t>01/15/2020 10:59:54</t>
  </si>
  <si>
    <t>01/15/2020 11:00:06</t>
  </si>
  <si>
    <t>01/15/2020 11:00:16</t>
  </si>
  <si>
    <t>01/15/2020 11:02:26</t>
  </si>
  <si>
    <t>01/15/2020 10:58:27</t>
  </si>
  <si>
    <t>assiduidadeSetembro.csv.crdownload</t>
  </si>
  <si>
    <t>\\acsfs\ACS\Gabriel da Silva\Contemporânea\Gen\assiduidadeSetembro.csv.crdownload</t>
  </si>
  <si>
    <t>01/15/2020 10:59:12</t>
  </si>
  <si>
    <t>444e57e0-6cde-4fb3-ab30-c9c2405b14c6.tmp</t>
  </si>
  <si>
    <t>\\acsfs\profiles$\gabrielsma\Downloads\444e57e0-6cde-4fb3-ab30-c9c2405b14c6.tmp</t>
  </si>
  <si>
    <t>01/15/2020 10:59:27</t>
  </si>
  <si>
    <t>assiduidadeOutubro.csv.crdownload</t>
  </si>
  <si>
    <t>\\acsfs\ACS\Gabriel da Silva\Contemporânea\Gen\assiduidadeOutubro.csv.crdownload</t>
  </si>
  <si>
    <t>3624e187-ec46-48ea-bc8a-0f608744c746.tmp</t>
  </si>
  <si>
    <t>\\acsfs\profiles$\gabrielsma\Downloads\3624e187-ec46-48ea-bc8a-0f608744c746.tmp</t>
  </si>
  <si>
    <t>assiduidadeNovembro.csv.crdownload</t>
  </si>
  <si>
    <t>\\acsfs\ACS\Gabriel da Silva\Contemporânea\Gen\assiduidadeNovembro.csv.crdownload</t>
  </si>
  <si>
    <t>01/15/2020 11:01:06</t>
  </si>
  <si>
    <t>60a59f71-b450-49fe-b659-a6d5f79ff8e0.tmp</t>
  </si>
  <si>
    <t>\\acsfs\profiles$\gabrielsma\Downloads\60a59f71-b450-49fe-b659-a6d5f79ff8e0.tmp</t>
  </si>
  <si>
    <t>01/15/2020 11:01:18</t>
  </si>
  <si>
    <t>assiduidadeDezembro.csv.crdownload</t>
  </si>
  <si>
    <t>\\acsfs\ACS\Gabriel da Silva\Contemporânea\Gen\assiduidadeDezembro.csv.crdownload</t>
  </si>
  <si>
    <t>01/15/2020 10:59:55</t>
  </si>
  <si>
    <t>01/15/2020 11:01:20</t>
  </si>
  <si>
    <t>01/15/2020 11:04:47</t>
  </si>
  <si>
    <t>eaf163fa-0368-422c-b9c0-073a261d5ccc.tmp</t>
  </si>
  <si>
    <t>\\acsfs\profiles$\larissaad\Downloads\eaf163fa-0368-422c-b9c0-073a261d5ccc.tmp</t>
  </si>
  <si>
    <t>01/15/2020 11:04:27</t>
  </si>
  <si>
    <t>01/15/2020 11:05:47</t>
  </si>
  <si>
    <t>01/15/2020 11:00:01</t>
  </si>
  <si>
    <t>01/15/2020 11:00:45</t>
  </si>
  <si>
    <t>RAFAELA CRISTINA DE OLIVEIRA CLEMENTINO _1_6777465484161909572_1_32.wav</t>
  </si>
  <si>
    <t>\\acsfs\Deptos\EDUCACAO EMPRESARIAL\FERNANDA MONIT\Fernanda\MONITORIA JANEIRO\Ligação para MUTANT segundo ciclo janeiro\RAFAELA CRISTINA DE OLIVEIRA CLEMENTINO _1_6777465484161909572_1_32.wav</t>
  </si>
  <si>
    <t>01/15/2020 11:02:50</t>
  </si>
  <si>
    <t>01/15/2020 11:02:54</t>
  </si>
  <si>
    <t>01/15/2020 11:03:57</t>
  </si>
  <si>
    <t>Janayna Tereza Rocha Onofre_1_6777714162768352743_1_32.wav</t>
  </si>
  <si>
    <t>\\acsfs\Deptos\EDUCACAO EMPRESARIAL\FERNANDA MONIT\Fernanda\MONITORIA JANEIRO\Ligação para MUTANT segundo ciclo janeiro\Janayna Tereza Rocha Onofre_1_6777714162768352743_1_32.wav</t>
  </si>
  <si>
    <t>9ffb2439-9ffb-4aec-a6ba-71ca5e74a438.tmp</t>
  </si>
  <si>
    <t>\\acsfs\profiles$\talitafdc\Downloads\9ffb2439-9ffb-4aec-a6ba-71ca5e74a438.tmp</t>
  </si>
  <si>
    <t>01/15/2020 11:00:44</t>
  </si>
  <si>
    <t>01/15/2020 11:01:16</t>
  </si>
  <si>
    <t>01/15/2020 11:02:15</t>
  </si>
  <si>
    <t>01/15/2020 11:02:16</t>
  </si>
  <si>
    <t>01/15/2020 11:02:40</t>
  </si>
  <si>
    <t>01/15/2020 11:02:48</t>
  </si>
  <si>
    <t>01/15/2020 11:03:34</t>
  </si>
  <si>
    <t>01/15/2020 11:03:40</t>
  </si>
  <si>
    <t>01/15/2020 11:04:21</t>
  </si>
  <si>
    <t>01/15/2020 11:04:22</t>
  </si>
  <si>
    <t>01/15/2020 11:04:28</t>
  </si>
  <si>
    <t>01/15/2020 11:04:39</t>
  </si>
  <si>
    <t>01/15/2020 11:00:47</t>
  </si>
  <si>
    <t>01/15/2020 11:01:01</t>
  </si>
  <si>
    <t>01/15/2020 11:01:09</t>
  </si>
  <si>
    <t>01/15/2020 11:01:54</t>
  </si>
  <si>
    <t>01/15/2020 11:04:53</t>
  </si>
  <si>
    <t>01/15/2020 11:05:09</t>
  </si>
  <si>
    <t>01/15/2020 11:05:20</t>
  </si>
  <si>
    <t>01/15/2020 11:05:35</t>
  </si>
  <si>
    <t>01/15/2020 11:01:03</t>
  </si>
  <si>
    <t>01/15/2020 11:06:47</t>
  </si>
  <si>
    <t>01/15/2020 11:05:06</t>
  </si>
  <si>
    <t>01/15/2020 11:03:00</t>
  </si>
  <si>
    <t>48024c26-01ac-4830-a25e-44f06c960aab.tmp</t>
  </si>
  <si>
    <t>\\acsfs\profiles$\inarajst\Downloads\48024c26-01ac-4830-a25e-44f06c960aab.tmp</t>
  </si>
  <si>
    <t>01/15/2020 11:06:15</t>
  </si>
  <si>
    <t>01/15/2020 11:06:00</t>
  </si>
  <si>
    <t>01/15/2020 11:07:47</t>
  </si>
  <si>
    <t>DANIELA COSTA_1_6777334573558730561_1_32.wav</t>
  </si>
  <si>
    <t>\\acsfs\Deptos\EDUCACAO EMPRESARIAL\KÉSIA\Ligações 2º ciclo - Janeiro 2020\DANIELA COSTA_1_6777334573558730561_1_32.wav</t>
  </si>
  <si>
    <t>01/15/2020 11:02:49</t>
  </si>
  <si>
    <t>01/15/2020 11:08:47</t>
  </si>
  <si>
    <t>01/15/2020 11:03:45</t>
  </si>
  <si>
    <t>outlook.office.com/owa/service.svc?action=CreateItem&amp;app=Mail&amp;n=155</t>
  </si>
  <si>
    <t>andrelps@algartech.com;eliane.martins@bv.com.br;robsonams@algartech.com;simeia.faria@bv.com.br;supervisaobancovotorantim@algartech.com;</t>
  </si>
  <si>
    <t>andrelps@algartech.com,eliane.martins@bv.com.br,robsonams@algartech.com,simeia.faria@bv.com.br,supervisaobancovotorantim@algartech.com</t>
  </si>
  <si>
    <t>01/15/2020 11:04:16</t>
  </si>
  <si>
    <t>outlook.office.com/owa/service.svc?action=UpdateItem&amp;app=Mail&amp;n=171</t>
  </si>
  <si>
    <t>01/15/2020 11:04:46</t>
  </si>
  <si>
    <t>01/15/2020 11:05:16</t>
  </si>
  <si>
    <t>outlook.office.com/owa/service.svc?action=UpdateItem&amp;app=Mail&amp;n=183</t>
  </si>
  <si>
    <t>outlook.office.com/owa/service.svc?action=UpdateItem&amp;app=Mail&amp;n=189</t>
  </si>
  <si>
    <t>01/15/2020 11:08:11</t>
  </si>
  <si>
    <t>outlook.office.com/owa/service.svc?action=UpdateItem&amp;app=Mail&amp;n=200</t>
  </si>
  <si>
    <t>01/15/2020 11:05:51</t>
  </si>
  <si>
    <t>01/15/2020 11:07:24</t>
  </si>
  <si>
    <t>01/15/2020 11:09:48</t>
  </si>
  <si>
    <t>"[[];"languagecode":"pt-br";"mozilla/5.0 (windows nt 6.1) applewebkit/537.36 (khtml;"requesttype":"background_request";"scenariotype;"timezone":"-03:00";0;0]578941s�� 90;0]:0}:0})�� 66;0]als;0]l;0]ribedchildren;0]}ls;1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8999441075;1578999742070;1579000043067;1579000344063;1579008004964;1579008305983;1579013423433;1579013724878;1579014025485;1579030649468;17;1ya5yrwelrso-yxib3ctz0mdjsqkh2uffmn2kfrmynlkfp2vhk5vxrjlyzc1nx1i8okgrxz4hh9fxnqqavexbjgszjfxng_3tikapcccza</t>
  </si>
  <si>
    <t>"[[],"languagecode":"pt-br","mozilla/5.0 (windows nt 6.1) applewebkit/537.36 (khtml,"requesttype":"background_request","scenariotype,"timezone":"-03:00",0,0]578941s�� 90,0]:0}:0})�� 66,0]als,0]l,0]ribedchildren,0]}ls,1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8999441075,1578999742070,1579000043067,1579000344063,1579008004964,1579008305983,1579013423433,1579013724878,1579014025485,1579030649468,17,1ya5yrwelrso-yxib3ctz0mdjsqkh2uffmn2kfrmynlkfp2vhk5vxrjlyzc1nx1i8okgrxz4hh9fxnqqavexbjgszjfxng_3tikapcccza</t>
  </si>
  <si>
    <t>01/15/2020 11:07:30</t>
  </si>
  <si>
    <t>01/15/2020 11:07:38</t>
  </si>
  <si>
    <t>"[[];"mozilla/5.0 (windows nt 6.1) applewebkit/537.36 (khtml;0]gc606;0]ll;0]ribedchildren;1;13;13700014;13700109;13700167;13700185;13700235;13700451;13700563;13700607;13700951;13701078;13701207;13701235;13701239;13701276;13701298;13701422;13701430;13701450;13701506;13701534;13701537;13701573;13701577;13701589;13701609;13701625;13701657;13701693;13701749;13701825;13701901;13701905;13701909;13701945]];13701953;13701957;13701969;13702068;13702088;142961685;1578930052848000;1578930058554000;1578932171927;1578941200313;1578941501336;1579030649468;347;38;39;5701393;8;8202193];8202316;936;["mozilla/5.0 (windows nt 6.1) applewebkit/537.36 (khtml;["pt-br"]]]&amp;token=ac4w5vhljczanhxnqi1woyx0avs9x8dipw:1578930052842&amp;buildlabel=drive.web-frontend_20200101.00_p4]]";[8202524;[[13701418;[];[]]"];[]]];[null;adfn-ct7ciskssyu-68afh9xg7xv2c6f8dx_seofhsqerkx2bhpqslb3crfufkpjjmcd4mgjscrt;andrelpsa@algartech.com;atuima2v-l-r4mlrttnejldjmmcmtjqqdb_eo8phe2_wqj_y1ojumr1iabvw2ppblwocree42tuodgonxc9zyh_d_xfps-jqqezf1j4drdoqy4aopcsgislg3y</t>
  </si>
  <si>
    <t>"[[],"mozilla/5.0 (windows nt 6.1) applewebkit/537.36 (khtml,0]gc606,0]ll,0]ribedchildren,1,13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30052848000,1578930058554000,1578932171927,1578941200313,1578941501336,1579030649468,347,38,39,5701393,8,8202193],8202316,936,["mozilla/5.0 (windows nt 6.1) applewebkit/537.36 (khtml,["pt-br"]]]&amp;token=ac4w5vhljczanhxnqi1woyx0avs9x8dipw:1578930052842&amp;buildlabel=drive.web-frontend_20200101.00_p4]]",[8202524,[[13701418,[],[]]"],[]]],[null,adfn-ct7ciskssyu-68afh9xg7xv2c6f8dx_seofhsqerkx2bhpqslb3crfufkpjjmcd4mgjscrt,andrelpsa@algartech.com,atuima2v-l-r4mlrttnejldjmmcmtjqqdb_eo8phe2_wqj_y1ojumr1iabvw2ppblwocree42tuodgonxc9zyh_d_xfps-jqqezf1j4drdoqy4aopcsgislg3y</t>
  </si>
  <si>
    <t>01/15/2020 11:07:42</t>
  </si>
  <si>
    <t>01/15/2020 11:08:13</t>
  </si>
  <si>
    <t>01/15/2020 11:08:25</t>
  </si>
  <si>
    <t>01/15/2020 11:04:09</t>
  </si>
  <si>
    <t>be375ae0-bc75-4d96-a6c2-9c5c010efa86.tmp</t>
  </si>
  <si>
    <t>\\acsfs\profiles$\leticiala\Downloads\be375ae0-bc75-4d96-a6c2-9c5c010efa86.tmp</t>
  </si>
  <si>
    <t>01/15/2020 11:07:59</t>
  </si>
  <si>
    <t>753e9c8a-7176-4621-b598-e0a881a5e1a4.tmp</t>
  </si>
  <si>
    <t>\\acsfs\profiles$\leticiala\Downloads\753e9c8a-7176-4621-b598-e0a881a5e1a4.tmp</t>
  </si>
  <si>
    <t>01/15/2020 11:05:02</t>
  </si>
  <si>
    <t>01/15/2020 11:05:05</t>
  </si>
  <si>
    <t>01/15/2020 11:05:08</t>
  </si>
  <si>
    <t>01/15/2020 11:05:29</t>
  </si>
  <si>
    <t>01/15/2020 11:05:46</t>
  </si>
  <si>
    <t>01/15/2020 11:05:53</t>
  </si>
  <si>
    <t>01/15/2020 11:06:04</t>
  </si>
  <si>
    <t>01/15/2020 11:07:09</t>
  </si>
  <si>
    <t>01/15/2020 11:07:12</t>
  </si>
  <si>
    <t>01/15/2020 11:07:20</t>
  </si>
  <si>
    <t>01/15/2020 11:07:54</t>
  </si>
  <si>
    <t>01/15/2020 11:05:15</t>
  </si>
  <si>
    <t>01/15/2020 11:10:48</t>
  </si>
  <si>
    <t>01/15/2020 11:05:26</t>
  </si>
  <si>
    <t>01/15/2020 11:09:01</t>
  </si>
  <si>
    <t>01/15/2020 11:09:10</t>
  </si>
  <si>
    <t>01/15/2020 11:09:14</t>
  </si>
  <si>
    <t>01/15/2020 11:09:24</t>
  </si>
  <si>
    <t>01/15/2020 11:09:28</t>
  </si>
  <si>
    <t>01/15/2020 11:09:44</t>
  </si>
  <si>
    <t>01/15/2020 11:09:51</t>
  </si>
  <si>
    <t>01/15/2020 11:05:38</t>
  </si>
  <si>
    <t>01/15/2020 11:05:39</t>
  </si>
  <si>
    <t>01/15/2020 11:06:17</t>
  </si>
  <si>
    <t>01/15/2020 11:06:27</t>
  </si>
  <si>
    <t>01/15/2020 11:06:49</t>
  </si>
  <si>
    <t>01/15/2020 11:07:02</t>
  </si>
  <si>
    <t>01/15/2020 11:07:14</t>
  </si>
  <si>
    <t>01/15/2020 11:07:17</t>
  </si>
  <si>
    <t>01/15/2020 11:07:43</t>
  </si>
  <si>
    <t>01/15/2020 11:08:01</t>
  </si>
  <si>
    <t>01/15/2020 11:10:02</t>
  </si>
  <si>
    <t>01/15/2020 11:06:34</t>
  </si>
  <si>
    <t>01/15/2020 11:06:40</t>
  </si>
  <si>
    <t>01/15/2020 11:07:10</t>
  </si>
  <si>
    <t>01/15/2020 11:07:46</t>
  </si>
  <si>
    <t>01/15/2020 11:07:50</t>
  </si>
  <si>
    <t>01/15/2020 11:08:05</t>
  </si>
  <si>
    <t>01/15/2020 11:08:19</t>
  </si>
  <si>
    <t>01/15/2020 11:09:38</t>
  </si>
  <si>
    <t>01/15/2020 11:09:41</t>
  </si>
  <si>
    <t>01/15/2020 11:09:03</t>
  </si>
  <si>
    <t>01/15/2020 11:11:48</t>
  </si>
  <si>
    <t>bd4086b0-c0e4-4e09-9c34-ef59120ff6db.tmp</t>
  </si>
  <si>
    <t>\\acsfs\profiles$\joselrb\Downloads\bd4086b0-c0e4-4e09-9c34-ef59120ff6db.tmp</t>
  </si>
  <si>
    <t>01/15/2020 11:10:25</t>
  </si>
  <si>
    <t>4899e2d7-4111-42b8-8612-b15f47581228.tmp</t>
  </si>
  <si>
    <t>\\acsfs\profiles$\joselrb\Downloads\4899e2d7-4111-42b8-8612-b15f47581228.tmp</t>
  </si>
  <si>
    <t>01/15/2020 11:10:49</t>
  </si>
  <si>
    <t>ca02e0dd-d7a4-4fe6-8289-7f4a26561d25.tmp</t>
  </si>
  <si>
    <t>\\acsfs\profiles$\joselrb\Downloads\ca02e0dd-d7a4-4fe6-8289-7f4a26561d25.tmp</t>
  </si>
  <si>
    <t>01/15/2020 11:07:34</t>
  </si>
  <si>
    <t>01/15/2020 11:08:04</t>
  </si>
  <si>
    <t>01/15/2020 11:08:34</t>
  </si>
  <si>
    <t>01/15/2020 11:09:05</t>
  </si>
  <si>
    <t>01/15/2020 11:07:06</t>
  </si>
  <si>
    <t>861913f4-9504-452f-8ad4-91a5213cf002.tmp</t>
  </si>
  <si>
    <t>\\acsfs\profiles$\paulovadc\Downloads\861913f4-9504-452f-8ad4-91a5213cf002.tmp</t>
  </si>
  <si>
    <t>e4d66997-f143-443d-8a4d-7fe1da672e9a.tmp</t>
  </si>
  <si>
    <t>\\acsfs\profiles$\paulovadc\Downloads\e4d66997-f143-443d-8a4d-7fe1da672e9a.tmp</t>
  </si>
  <si>
    <t>01/15/2020 11:07:58</t>
  </si>
  <si>
    <t>01/15/2020 11:12:48</t>
  </si>
  <si>
    <t>01/15/2020 11:11:12</t>
  </si>
  <si>
    <t>01/15/2020 11:13:48</t>
  </si>
  <si>
    <t>https://bvcartes-supervisores@algarnet.onmicrosoft.com,joaogvc@algartech.com,leonardoao@algartech.com,marianadjc@algartech.com,paulacn@algartech.com,ricardodfm@algartech.com.br,sofiamses@algartech.com,taysdss@algartech.com,viniciussg@algartech.com</t>
  </si>
  <si>
    <t>01/15/2020 11:10:05</t>
  </si>
  <si>
    <t>01/15/2020 11:09:00</t>
  </si>
  <si>
    <t>01/15/2020 11:14:48</t>
  </si>
  <si>
    <t>01/15/2020 11:09:07</t>
  </si>
  <si>
    <t>01/15/2020 11:09:30</t>
  </si>
  <si>
    <t>01/15/2020 11:09:42</t>
  </si>
  <si>
    <t>01/15/2020 11:09:52</t>
  </si>
  <si>
    <t>01/15/2020 11:12:27</t>
  </si>
  <si>
    <t>01/15/2020 11:12:50</t>
  </si>
  <si>
    <t>01/15/2020 11:13:07</t>
  </si>
  <si>
    <t>0]3701909��/ &lt;l;142961685;1578942705440;43;[];[]]];atuima2v-l-r4mlrttnejldjmmcmtjqqdb_eo8phe2_wqj_y1ojumr1iabvw2ppblwocree42tuodgonxc9zyppd_xfpyadfszlfa5wbbkxjuyj0lbh_dqkjbuxnxvg8\";false;null;true]";</t>
  </si>
  <si>
    <t>0]3701909��/ &lt;l,142961685,1578942705440,43,[],[]]],atuima2v-l-r4mlrttnejldjmmcmtjqqdb_eo8phe2_wqj_y1ojumr1iabvw2ppblwocree42tuodgonxc9zyppd_xfpyadfszlfa5wbbkxjuyj0lbh_dqkjbuxnxvg8\",false,null,true]"</t>
  </si>
  <si>
    <t>01/15/2020 11:13:08</t>
  </si>
  <si>
    <t>01/15/2020 11:13:14</t>
  </si>
  <si>
    <t>01/15/2020 11:09:56</t>
  </si>
  <si>
    <t>01/15/2020 11:10:03</t>
  </si>
  <si>
    <t>01/15/2020 11:15:48</t>
  </si>
  <si>
    <t>01/15/2020 11:10:06</t>
  </si>
  <si>
    <t>01/15/2020 11:10:17</t>
  </si>
  <si>
    <t>01/15/2020 11:13:40</t>
  </si>
  <si>
    <t>01/15/2020 11:12:37</t>
  </si>
  <si>
    <t>01/15/2020 11:12:45</t>
  </si>
  <si>
    <t>01/15/2020 11:12:52</t>
  </si>
  <si>
    <t>01/15/2020 11:12:57</t>
  </si>
  <si>
    <t>01/15/2020 11:10:47</t>
  </si>
  <si>
    <t>01/15/2020 11:13:33</t>
  </si>
  <si>
    <t>01/15/2020 11:13:54</t>
  </si>
  <si>
    <t>01/15/2020 11:13:58</t>
  </si>
  <si>
    <t>01/15/2020 11:14:14</t>
  </si>
  <si>
    <t>01/15/2020 11:14:20</t>
  </si>
  <si>
    <t>01/15/2020 11:14:57</t>
  </si>
  <si>
    <t>01/15/2020 11:15:13</t>
  </si>
  <si>
    <t>01/15/2020 11:15:25</t>
  </si>
  <si>
    <t>01/15/2020 11:11:17</t>
  </si>
  <si>
    <t>01/15/2020 11:11:20</t>
  </si>
  <si>
    <t>01/15/2020 11:11:27</t>
  </si>
  <si>
    <t>01/15/2020 11:11:47</t>
  </si>
  <si>
    <t>01/15/2020 11:12:17</t>
  </si>
  <si>
    <t>01/15/2020 11:12:47</t>
  </si>
  <si>
    <t>01/15/2020 11:12:58</t>
  </si>
  <si>
    <t>01/15/2020 11:13:17</t>
  </si>
  <si>
    <t>01/15/2020 11:15:02</t>
  </si>
  <si>
    <t>01/15/2020 11:11:01</t>
  </si>
  <si>
    <t>01/15/2020 11:16:48</t>
  </si>
  <si>
    <t>5524f2bd-983b-4427-9a0d-e8b31d500c25.tmp</t>
  </si>
  <si>
    <t>\\acsfs\profiles$\joselrb\Downloads\5524f2bd-983b-4427-9a0d-e8b31d500c25.tmp</t>
  </si>
  <si>
    <t>01/15/2020 11:12:24</t>
  </si>
  <si>
    <t>01/15/2020 11:14:55</t>
  </si>
  <si>
    <t>01/15/2020 11:17:48</t>
  </si>
  <si>
    <t>01/15/2020 11:13:26</t>
  </si>
  <si>
    <t>78e9a3be-634c-417d-b297-48a876471cb6.tmp</t>
  </si>
  <si>
    <t>\\acsfs\profiles$\adelvinsonle\Downloads\78e9a3be-634c-417d-b297-48a876471cb6.tmp</t>
  </si>
  <si>
    <t>01/15/2020 11:14:02</t>
  </si>
  <si>
    <t>EDUARDO FREITAS SIMOES_1_6777356641100695050_1_32.wav</t>
  </si>
  <si>
    <t>\\acsfs\Deptos\EDUCACAO EMPRESARIAL\KÉSIA\Ligações 2º ciclo - Janeiro 2020\EDUARDO FREITAS SIMOES_1_6777356641100695050_1_32.wav</t>
  </si>
  <si>
    <t>80b2cca7-cd3c-452b-9069-adb580c59973.tmp</t>
  </si>
  <si>
    <t>\\acsfs\profiles$\THYAGOSP\Downloads\80b2cca7-cd3c-452b-9069-adb580c59973.tmp</t>
  </si>
  <si>
    <t>01/15/2020 11:14:31</t>
  </si>
  <si>
    <t>01/15/2020 11:19:48</t>
  </si>
  <si>
    <t>142961685;318;[];eivihpy39ubolmwn_tv0dulmvvvaumoqm1yahm2btwwn1gfxo0i2ldsyrmtc0s24p_ylydw7r0kcp9zrqof_2cpezk4wzkbkpilq4mn3otkryc5fpr7z99ozy3mof9eauhp4k7mjxgqntjdpj6mixvyvafv_bov-gzziu2j5ho4--ddnw7kowdlxcwbvz0las0obvsffchpclln_yajqcpna8e2yjkslqjfybdiqteq5kzpcwpzjvhpvnh2juz_fk6evvb3wlnbfsc9kl0omp-zbhp6pfbtw2k13nw3g\";false;null;true]";</t>
  </si>
  <si>
    <t>142961685,318,[],eivihpy39ubolmwn_tv0dulmvvvaumoqm1yahm2btwwn1gfxo0i2ldsyrmtc0s24p_ylydw7r0kcp9zrqof_2cpezk4wzkbkpilq4mn3otkryc5fpr7z99ozy3mof9eauhp4k7mjxgqntjdpj6mixvyvafv_bov-gzziu2j5ho4--ddnw7kowdlxcwbvz0las0obvsffchpclln_yajqcpna8e2yjkslqjfybdiqteq5kzpcwpzjvhpvnh2juz_fk6evvb3wlnbfsc9kl0omp-zbhp6pfbtw2k13nw3g\",false,null,true]"</t>
  </si>
  <si>
    <t>01/15/2020 11:14:37</t>
  </si>
  <si>
    <t>01/15/2020 11:18:57</t>
  </si>
  <si>
    <t>01/15/2020 11:20:48</t>
  </si>
  <si>
    <t>01/15/2020 11:18:59</t>
  </si>
  <si>
    <t>01/15/2020 11:19:21</t>
  </si>
  <si>
    <t>01/15/2020 11:19:45</t>
  </si>
  <si>
    <t>01/15/2020 11:19:51</t>
  </si>
  <si>
    <t>01/15/2020 11:20:03</t>
  </si>
  <si>
    <t>01/15/2020 11:16:23</t>
  </si>
  <si>
    <t>01/15/2020 11:16:31</t>
  </si>
  <si>
    <t>01/15/2020 11:16:50</t>
  </si>
  <si>
    <t>01/15/2020 11:17:33</t>
  </si>
  <si>
    <t>01/15/2020 11:17:41</t>
  </si>
  <si>
    <t>01/15/2020 11:18:21</t>
  </si>
  <si>
    <t>01/15/2020 11:15:58</t>
  </si>
  <si>
    <t>01/15/2020 11:16:58</t>
  </si>
  <si>
    <t>01/15/2020 11:17:58</t>
  </si>
  <si>
    <t>01/15/2020 11:18:58</t>
  </si>
  <si>
    <t>01/15/2020 11:19:17</t>
  </si>
  <si>
    <t>01/15/2020 11:19:58</t>
  </si>
  <si>
    <t>01/15/2020 11:20:17</t>
  </si>
  <si>
    <t>01/15/2020 11:19:54</t>
  </si>
  <si>
    <t>01/15/2020 11:21:48</t>
  </si>
  <si>
    <t>8f45ecd0-f61c-4051-bb25-8a42fa80cdb4.tmp</t>
  </si>
  <si>
    <t>\\acsfs\profiles$\gabrielhca\Downloads\8f45ecd0-f61c-4051-bb25-8a42fa80cdb4.tmp</t>
  </si>
  <si>
    <t>01/15/2020 11:17:36</t>
  </si>
  <si>
    <t>01/15/2020 11:18:06</t>
  </si>
  <si>
    <t>01/15/2020 11:18:37</t>
  </si>
  <si>
    <t>01/15/2020 11:19:07</t>
  </si>
  <si>
    <t>01/15/2020 11:22:48</t>
  </si>
  <si>
    <t>01/15/2020 11:17:54</t>
  </si>
  <si>
    <t>01/15/2020 11:20:41</t>
  </si>
  <si>
    <t>01/15/2020 11:19:28</t>
  </si>
  <si>
    <t>01/15/2020 11:23:48</t>
  </si>
  <si>
    <t>01/15/2020 11:20:10</t>
  </si>
  <si>
    <t>01/15/2020 11:24:48</t>
  </si>
  <si>
    <t>01/15/2020 11:20:27</t>
  </si>
  <si>
    <t>22ccbc1f-d4bc-477a-9473-9a6e671f36ae.tmp</t>
  </si>
  <si>
    <t>\\acsfs\profiles$\mariagsg\Downloads\22ccbc1f-d4bc-477a-9473-9a6e671f36ae.tmp</t>
  </si>
  <si>
    <t>01/15/2020 11:19:08</t>
  </si>
  <si>
    <t>01/15/2020 11:20:30</t>
  </si>
  <si>
    <t>01/15/2020 11:21:06</t>
  </si>
  <si>
    <t>01/15/2020 11:21:34</t>
  </si>
  <si>
    <t>01/15/2020 11:21:40</t>
  </si>
  <si>
    <t>01/15/2020 11:21:55</t>
  </si>
  <si>
    <t>01/15/2020 11:22:07</t>
  </si>
  <si>
    <t>01/15/2020 11:22:10</t>
  </si>
  <si>
    <t>01/15/2020 11:22:24</t>
  </si>
  <si>
    <t>01/15/2020 11:22:50</t>
  </si>
  <si>
    <t>01/15/2020 11:22:56</t>
  </si>
  <si>
    <t>01/15/2020 11:23:01</t>
  </si>
  <si>
    <t>01/15/2020 11:23:10</t>
  </si>
  <si>
    <t>01/15/2020 11:20:00</t>
  </si>
  <si>
    <t>01/15/2020 11:25:48</t>
  </si>
  <si>
    <t>01/15/2020 11:20:07</t>
  </si>
  <si>
    <t>01/15/2020 11:20:19</t>
  </si>
  <si>
    <t>01/15/2020 11:20:26</t>
  </si>
  <si>
    <t>01/15/2020 11:21:54</t>
  </si>
  <si>
    <t>01/15/2020 11:22:02</t>
  </si>
  <si>
    <t>01/15/2020 11:22:06</t>
  </si>
  <si>
    <t>01/15/2020 11:22:28</t>
  </si>
  <si>
    <t>01/15/2020 11:22:46</t>
  </si>
  <si>
    <t>01/15/2020 11:22:49</t>
  </si>
  <si>
    <t>01/15/2020 11:24:02</t>
  </si>
  <si>
    <t>01/15/2020 11:24:19</t>
  </si>
  <si>
    <t>01/15/2020 11:24:22</t>
  </si>
  <si>
    <t>01/15/2020 11:24:30</t>
  </si>
  <si>
    <t>01/15/2020 11:24:34</t>
  </si>
  <si>
    <t>01/15/2020 11:24:37</t>
  </si>
  <si>
    <t>01/15/2020 11:24:45</t>
  </si>
  <si>
    <t>01/15/2020 11:24:46</t>
  </si>
  <si>
    <t>01/15/2020 11:24:47</t>
  </si>
  <si>
    <t>01/15/2020 11:21:56</t>
  </si>
  <si>
    <t>01/15/2020 11:22:05</t>
  </si>
  <si>
    <t>01/15/2020 11:22:16</t>
  </si>
  <si>
    <t>01/15/2020 11:22:31</t>
  </si>
  <si>
    <t>01/15/2020 11:22:43</t>
  </si>
  <si>
    <t>01/15/2020 11:24:08</t>
  </si>
  <si>
    <t>01/15/2020 11:20:58</t>
  </si>
  <si>
    <t>01/15/2020 11:21:17</t>
  </si>
  <si>
    <t>01/15/2020 11:21:44</t>
  </si>
  <si>
    <t>01/15/2020 11:26:49</t>
  </si>
  <si>
    <t>01/15/2020 11:21:47</t>
  </si>
  <si>
    <t>01/15/2020 11:21:58</t>
  </si>
  <si>
    <t>01/15/2020 11:21:59</t>
  </si>
  <si>
    <t>01/15/2020 11:22:17</t>
  </si>
  <si>
    <t>01/15/2020 11:22:25</t>
  </si>
  <si>
    <t>01/15/2020 11:22:26</t>
  </si>
  <si>
    <t>01/15/2020 11:22:27</t>
  </si>
  <si>
    <t>01/15/2020 11:23:17</t>
  </si>
  <si>
    <t>01/15/2020 11:23:23</t>
  </si>
  <si>
    <t>01/15/2020 11:25:18</t>
  </si>
  <si>
    <t>01/15/2020 11:21:07</t>
  </si>
  <si>
    <t>01/15/2020 11:21:37</t>
  </si>
  <si>
    <t>01/15/2020 11:22:37</t>
  </si>
  <si>
    <t>01/15/2020 11:21:43</t>
  </si>
  <si>
    <t>30c95d14-52d8-4f49-82f5-290394e0fd91.tmp</t>
  </si>
  <si>
    <t>\\acsfs\profiles$\paulovadc\Downloads\30c95d14-52d8-4f49-82f5-290394e0fd91.tmp</t>
  </si>
  <si>
    <t>5a448e10-9c0c-42da-9062-4f1cd478ac58.tmp</t>
  </si>
  <si>
    <t>\\acsfs\profiles$\paulovadc\Downloads\5a448e10-9c0c-42da-9062-4f1cd478ac58.tmp</t>
  </si>
  <si>
    <t>01/15/2020 11:26:33</t>
  </si>
  <si>
    <t>\\acsfs\Deptos\Operacao\Banco_Votorantim\Supervisao\SUPERS BV CARTÕES\</t>
  </si>
  <si>
    <t>01/15/2020 11:28:00</t>
  </si>
  <si>
    <t>01/15/2020 11:29:48</t>
  </si>
  <si>
    <t>01/15/2020 11:28:13</t>
  </si>
  <si>
    <t>01/15/2020 11:28:19</t>
  </si>
  <si>
    <t>01/15/2020 11:28:22</t>
  </si>
  <si>
    <t>01/15/2020 11:28:52</t>
  </si>
  <si>
    <t>01/15/2020 11:28:56</t>
  </si>
  <si>
    <t>01/15/2020 11:29:10</t>
  </si>
  <si>
    <t>01/15/2020 11:25:04</t>
  </si>
  <si>
    <t>01/15/2020 11:30:48</t>
  </si>
  <si>
    <t>01/15/2020 11:25:15</t>
  </si>
  <si>
    <t>01/15/2020 11:25:26</t>
  </si>
  <si>
    <t>01/15/2020 11:27:04</t>
  </si>
  <si>
    <t>01/15/2020 11:27:13</t>
  </si>
  <si>
    <t>01/15/2020 11:27:19</t>
  </si>
  <si>
    <t>01/15/2020 11:27:48</t>
  </si>
  <si>
    <t>01/15/2020 11:30:42</t>
  </si>
  <si>
    <t>01/15/2020 11:30:43</t>
  </si>
  <si>
    <t>01/15/2020 11:27:54</t>
  </si>
  <si>
    <t>01/15/2020 11:27:57</t>
  </si>
  <si>
    <t>01/15/2020 11:28:17</t>
  </si>
  <si>
    <t>01/15/2020 11:28:26</t>
  </si>
  <si>
    <t>01/15/2020 11:28:35</t>
  </si>
  <si>
    <t>01/15/2020 11:28:42</t>
  </si>
  <si>
    <t>01/15/2020 11:29:16</t>
  </si>
  <si>
    <t>01/15/2020 11:29:37</t>
  </si>
  <si>
    <t>01/15/2020 11:29:38</t>
  </si>
  <si>
    <t>01/15/2020 11:30:01</t>
  </si>
  <si>
    <t>01/15/2020 11:30:03</t>
  </si>
  <si>
    <t>01/15/2020 11:27:17</t>
  </si>
  <si>
    <t>01/15/2020 11:31:48</t>
  </si>
  <si>
    <t>LAYOUT BV Cartoes Equipe.xlsx</t>
  </si>
  <si>
    <t>\\acsfs\DEPTOS\Operacao\Banco_Votorantim\Supervisao\SUPERS BV CARTÕES\ADILSON\LAYOUT BV Cartoes Equipe.xlsx</t>
  </si>
  <si>
    <t>01/15/2020 11:28:09</t>
  </si>
  <si>
    <t>\\acsfs\Deptos\Operacao\Banco_Votorantim\Supervisao\SUPERS BV CARTÕES\LAYOUT BV Cartoes.xlsx</t>
  </si>
  <si>
    <t>01/15/2020 11:32:22</t>
  </si>
  <si>
    <t>01/15/2020 11:33:48</t>
  </si>
  <si>
    <t>01/15/2020 11:31:34</t>
  </si>
  <si>
    <t>01/15/2020 11:31:35</t>
  </si>
  <si>
    <t>01/15/2020 11:31:36</t>
  </si>
  <si>
    <t>01/15/2020 11:32:11</t>
  </si>
  <si>
    <t>795297ef-364b-4e8c-b92b-adf9e7197096.tmp</t>
  </si>
  <si>
    <t>\\acsfs\profiles$\henriquehmdo\Downloads\795297ef-364b-4e8c-b92b-adf9e7197096.tmp</t>
  </si>
  <si>
    <t>01/15/2020 11:32:16</t>
  </si>
  <si>
    <t>01/15/2020 11:33:19</t>
  </si>
  <si>
    <t>39572c60-04c4-474b-bcca-84044addc075.tmp</t>
  </si>
  <si>
    <t>\\acsfs\profiles$\henriquehmdo\Downloads\39572c60-04c4-474b-bcca-84044addc075.tmp</t>
  </si>
  <si>
    <t>01/15/2020 11:26:09</t>
  </si>
  <si>
    <t>https://outlook.office.com/owa/plt1.ashx?cid=6c25f68f43f04aeda27d83207c13c745&amp;msg=authredirect&amp;caty=1&amp;tg=aed466c0-de70-4cf7-9e10-5ea1f9a696f4&amp;mdb=13837f5a-894f-4682-bc3f-435521ce1d30&amp;nid=1003bffd8859c355&amp;mbx=36da4672-54b9-4771-b603-8c0a6cb8b57d&amp;sdcoid=6c25f68f43f04aeda27d83207c13c745_1579098369019&amp;sds=null&amp;fe=null&amp;be=null&amp;cbe=null&amp;dag=lampr80dg205&amp;cver=16.2817.9.2655276&amp;sdver=null&amp;rpo=0&amp;off=0&amp;pal=0&amp;rfe=0&amp;te=null&amp;alt=fs,124,dls,0,dle,0,cs,0,ce,0,reqs,0,ress,0,rese,0,doml,0,now,373,nownotim,350&amp;nowts=1579098369369&amp;navtp=0&amp;tcd=23&amp;backfromauth=true&amp;lbv=16.2817.9.2655276&amp;icv=16.2817.9.2655276&amp;iacr=16.2817.9.2655276&amp;lcver=16.2817.9.2655276&amp;accu=pt-br&amp;acth=super&amp;acdc=60&amp;lhn=outlook.office.com&amp;chn=outlook.office.com&amp;acs=1&amp;mf=boot.worldwide.2.mouse.init.js;boot.worldwide.3.mouse.init.js;&amp;fc=null</t>
  </si>
  <si>
    <t>01/15/2020 11:26:11</t>
  </si>
  <si>
    <t>https://outlook.office.com/owa/plt1.ashx?cid=6c25f68f43f04aeda27d83207c13c745&amp;msg=optinredirect&amp;caty=1&amp;tg=aed466c0-de70-4cf7-9e10-5ea1f9a696f4&amp;mdb=13837f5a-894f-4682-bc3f-435521ce1d30&amp;nid=1003bffd8859c355&amp;mbx=36da4672-54b9-4771-b603-8c0a6cb8b57d&amp;sdcoid=6c25f68f43f04aeda27d83207c13c745_1579098370588&amp;sds=null&amp;fe=null&amp;be=null&amp;cbe=null&amp;dag=lampr80dg205&amp;cver=16.2817.9.2655276&amp;sdver=null&amp;rpo=0&amp;off=0&amp;pal=0&amp;rfe=0&amp;te=null&amp;alt=reds,6,rede,98,fs,98,dls,8,dle,8,cs,8,ce,8,reqs,8,ress,8,rese,8,doml,8,domcles,1122,domclee,1122,peab,1100,now,1128,nownotim,1059&amp;nowts=1579098371647&amp;navtp=0&amp;rdct=1&amp;tcd=61&amp;backfromauth=true&amp;lbv=16.2817.9.2655276&amp;icv=16.2817.9.2655276&amp;iacr=16.2817.9.2655276&amp;lcver=16.2817.9.2655276&amp;accu=pt-br&amp;acth=super&amp;acdc=60&amp;lhn=outlook.office.com&amp;chn=outlook.office.com&amp;acs=1&amp;mf=nf&amp;fc=null</t>
  </si>
  <si>
    <t>01/15/2020 11:27:03</t>
  </si>
  <si>
    <t>https://excel.officeapps.live.com/x/_layouts/xlviewerinternal.aspx?unified=1&amp;ui=pt-br&amp;rs=pt-br&amp;wopisrc=https://algarnet-my.sharepoint.com/personal/josiascdsj_algartech_com/_vti_bin/wopi.ashx/files/69aca668fc0a42819068a83011a1d846&amp;wdenableroaming=1&amp;mscc=1&amp;wdodb=1&amp;hid=67bc2b9f-40ed-0000-559b-d9bc7404fdf7&amp;wdorigin=other&amp;jsapi=1&amp;newsession=1&amp;corrid=5fb2f588-ff94-4fc5-a4f9-228775903355&amp;usid=5fb2f588-ff94-4fc5-a4f9-228775903355&amp;wdredirectionreason=force_singlestepboot&amp;preseededsessionkey=7cc60c78-eab1-1939-8212-022be83e9e5a&amp;preseededwacsessionid=c7e1630c-8edf-cc68-7419-1f010c3f6a16</t>
  </si>
  <si>
    <t>01/15/2020 11:27:29</t>
  </si>
  <si>
    <t>01/15/2020 11:29:32</t>
  </si>
  <si>
    <t>0a7afb74-3f24-4574-856e-506abb3510b9.tmp</t>
  </si>
  <si>
    <t>\\acsfs\profiles$\vivianealda\Downloads\0a7afb74-3f24-4574-856e-506abb3510b9.tmp</t>
  </si>
  <si>
    <t>01/15/2020 11:34:48</t>
  </si>
  <si>
    <t>01/15/2020 11:27:35</t>
  </si>
  <si>
    <t>https://excel.officeapps.live.com/x/_layouts/mruservicehandler.ashx?action=updatemruentry&amp;app=1&amp;lc=pt-br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zy3ymmyyjlmlt</t>
  </si>
  <si>
    <t>01/15/2020 11:27:40</t>
  </si>
  <si>
    <t>01/15/2020 11:29:08</t>
  </si>
  <si>
    <t>01/15/2020 11:29:15</t>
  </si>
  <si>
    <t>"mozilla/5.0 (windows nt 6.1) applewebkit/537.36 (khtml;0] �_x0003_�_x0006_(�?_x0007_�=�_x0006_9995;0]4003ll;0]als;0]l;0]mt �o� 99;0]�o� _x0001_;1;13;13700014;13700109�;13700185;13700951;13701207;13701298;13701422;13701450;13701537;13701573;13701577;13701625;13701749;13701825;13701901;13701957;13701969;13702068;13702088;142961685;1578930052848000;1578930058554000;1578931870901;1578939996203;1579010112146;1579032314914;1ya5yrwelrso-yxib3ctz0mdjsqkh2uffmn2kfrmynlkfp2vhk5vxrjlyzc1nx1i8okgrxz4hh9fxnqqavexbjgszjfxng_3tikapcccza7s5nl0iiv528sipt3_n6smfvjyvnmz5gmbld86jsedcdqpnbowbtwaejdtwlwiwyazylw418myzkyijnlherxkuhkwirbileptskyg4wekuhek9tooeg74kdzvfxqdw-qnhuqxjg\";266;322;327;34;352;5701393;7;[[13701418;[];[]]];adfn-ct7ciskssyu-68afh9xg7xv2c6f8dx_seofhsqerkx2bhpqslb3crfufkpjjmcd4mgjscrt;ancestorhasaugmentedpermissions;atuima2v-l-r4mlrttnejldjmmcmtjqqdb_eo8phe2_wqj_y1ojumr1iabvw2ppblwocree42tuodgonxc9zyipd_xfoznijlgzojvolpn9psmrvvcomrzpgslf_e8bk\";atuima2v-l-r4mlrttnejldjmmcmtjqqdb_eo8phe2_wqj_y1ojumr1iabvw2ppblwocree42tuodgonxc9zyrfd_xfpfxxnoyi</t>
  </si>
  <si>
    <t>"mozilla/5.0 (windows nt 6.1) applewebkit/537.36 (khtml,0] �_x0003_�_x0006_(�?_x0007_�=�_x0006_9995,0]4003ll,0]als,0]l,0]mt �o� 99,0]�o� _x0001_,1,13,13700014,13700109�,13700185,13700951,13701207,13701298,13701422,13701450,13701537,13701573,13701577,13701625,13701749,13701825,13701901,13701957,13701969,13702068,13702088,142961685,1578930052848000,1578930058554000,1578931870901,1578939996203,1579010112146,1579032314914,1ya5yrwelrso-yxib3ctz0mdjsqkh2uffmn2kfrmynlkfp2vhk5vxrjlyzc1nx1i8okgrxz4hh9fxnqqavexbjgszjfxng_3tikapcccza7s5nl0iiv528sipt3_n6smfvjyvnmz5gmbld86jsedcdqpnbowbtwaejdtwlwiwyazylw418myzkyijnlherxkuhkwirbileptskyg4wekuhek9tooeg74kdzvfxqdw-qnhuqxjg\",266,322,327,34,352,5701393,7,[[13701418,[],[]]],adfn-ct7ciskssyu-68afh9xg7xv2c6f8dx_seofhsqerkx2bhpqslb3crfufkpjjmcd4mgjscrt,ancestorhasaugmentedpermissions,atuima2v-l-r4mlrttnejldjmmcmtjqqdb_eo8phe2_wqj_y1ojumr1iabvw2ppblwocree42tuodgonxc9zyipd_xfoznijlgzojvolpn9psmrvvcomrzpgslf_e8bk\",atuima2v-l-r4mlrttnejldjmmcmtjqqdb_eo8phe2_wqj_y1ojumr1iabvw2ppblwocree42tuodgonxc9zyrfd_xfpfxxnoyi</t>
  </si>
  <si>
    <t>01/15/2020 11:29:24</t>
  </si>
  <si>
    <t>"mozilla/5.0 (windows nt 6.1) applewebkit/537.36 (khtml;0]als;0]l;1;13;13700014;13700109;13700185;13700451;13700951;13701207;13701298;13701422;13701430;13701450;13701506;13701537;13701573;13701577;13701625;13701657;13701693;13701749;13701825;13701901;13701905;13701957;13701969;13702068;13702088;142961685;1578930052848000;1578930058554000;1578992819204;1578993120155;1579004091620;1ya5yrwelrso-yxib3ctz0mdjsqkh2uffmn2kfrmynlkfp2vhk5vxrjlyzc1nx1i8okgrxz4hh9fxnqqavexbjgszjfxng_3tikapcccza7s5nl0iiv528sipt3_n6smfvjyvnmz5gmbld86jsedcdqpnbowbtwaejdtwlwiwyazylw418myzkyijnlherxkuhkwirbulept_hzs_xlk1gb_m_qcptbrvq-rrrwqfttkushdvq\";1ya5yrwelrso-yxib3ctz0mdjsqkh2uffmn2kfrmynlkfp2vhk5vxrjlyzc1nx1i8okgrxz4hh9fxnqqavexbjgszjfxng_3tikapcccza7s5nl0iiv528sipt3_n6smfvjyvnmz5gmbld86jsedcdqpnbowbtwaejdtwlwiwyazylw418myzkyijnlherxkuhkwirbwlept_jddse4aiz1ggcdd4mn150fdtjp551rwkfzytw\";1ya5yrwelrso-yxib3ctz0mdjsqkh2uffmn2kfrmynlkfp2vhk5vxrjlyzc1nx1i8okgrxz4hh9fxnqqavexbjgszjfxng_3tikapcccza7s5nl0iiv528sipt3_n6smfvjyvnmz5gmbld86jsedcdqp</t>
  </si>
  <si>
    <t>"mozilla/5.0 (windows nt 6.1) applewebkit/537.36 (khtml,0]als,0]l,1,13,13700014,13700109,13700185,13700451,13700951,13701207,13701298,13701422,13701430,13701450,13701506,13701537,13701573,13701577,13701625,13701657,13701693,13701749,13701825,13701901,13701905,13701957,13701969,13702068,13702088,142961685,1578930052848000,1578930058554000,1578992819204,1578993120155,1579004091620,1ya5yrwelrso-yxib3ctz0mdjsqkh2uffmn2kfrmynlkfp2vhk5vxrjlyzc1nx1i8okgrxz4hh9fxnqqavexbjgszjfxng_3tikapcccza7s5nl0iiv528sipt3_n6smfvjyvnmz5gmbld86jsedcdqpnbowbtwaejdtwlwiwyazylw418myzkyijnlherxkuhkwirbulept_hzs_xlk1gb_m_qcptbrvq-rrrwqfttkushdvq\",1ya5yrwelrso-yxib3ctz0mdjsqkh2uffmn2kfrmynlkfp2vhk5vxrjlyzc1nx1i8okgrxz4hh9fxnqqavexbjgszjfxng_3tikapcccza7s5nl0iiv528sipt3_n6smfvjyvnmz5gmbld86jsedcdqpnbowbtwaejdtwlwiwyazylw418myzkyijnlherxkuhkwirbwlept_jddse4aiz1ggcdd4mn150fdtjp551rwkfzytw\",1ya5yrwelrso-yxib3ctz0mdjsqkh2uffmn2kfrmynlkfp2vhk5vxrjlyzc1nx1i8okgrxz4hh9fxnqqavexbjgszjfxng_3tikapcccza7s5nl0iiv528sipt3_n6smfvjyvnmz5gmbld86jsedcdqp</t>
  </si>
  <si>
    <t>01/15/2020 11:29:44</t>
  </si>
  <si>
    <t>li;"[[];"mozilla/5.0 (windows nt 6.1) applewebkit/537.36 (khtml;0]0};0]578941s�� 90;0]\\\;0]\\\\\\\t_x0014_� &lt;l;0]als;0]id;0]l;0]ll;0]ribedchildren;0]t\sc;1;111;13;13700014;13700109;13700167;13700185;13700235;13700451;13700563;13700607;13700951;13701078;13701207;13701235;13701239;13701276;13701298;13701422;13701430;13701450;13701506;13701534;13701537;13701573;13701577;13701589;13701609;13701625;13701657;13701693;13701693�;13701749;13701825;13701901;13701905;13701909;13701945]];13701953;13701957;13701969;13702068;13702088;142961685;1578930052848000;1578930058554000;1578944511348;1578950832742;1578951133767;1578955649315;1578963173960;1579000645113;1579005596753;1579005897779;1579006800857;1579007101881;1579030649468;1579066216548;1ya5yrwelrso-yxib3ctz0mdjsqkh2uffmn2kfrmynlkfp2vhk5vxrjlyzc1nx1i8okgrxz4hh9fxnqqavexbjgszjfxng_3tikapcccza7s5nl0iiv528sipt3_n6smfvjyvnmz5gmbld86jsedcdqpnbowbtwaejdtwlwiwyazylw418myzkyijnlherxkuhkwirbcleptopywi6gbikoeysqomwt8p81njyvdgoqkaf1l9g\";1ya5yrwelrso-yxib3ctz0mdjsqkh2uffmn2kfrmynlkfp</t>
  </si>
  <si>
    <t>li,"[[],"mozilla/5.0 (windows nt 6.1) applewebkit/537.36 (khtml,0]0},0]578941s�� 90,0]\\\,0]\\\\\\\t_x0014_� &lt;l,0]als,0]id,0]l,0]ll,0]ribedchildren,0]t\sc,1,111,13,13700014,13700109,13700167,13700185,13700235,13700451,13700563,13700607,13700951,13701078,13701207,13701235,13701239,13701276,13701298,13701422,13701430,13701450,13701506,13701534,13701537,13701573,13701577,13701589,13701609,13701625,13701657,13701693,13701693�,13701693�,13701749,13701825,13701901,13701905,13701909,13701945]],13701953,13701957,13701969,13702068,13702088,142961685,1578930052848000,1578930058554000,1578944511348,1578950832742,1578951133767,1578955649315,1578963173960,1579000645113,1579005596753,1579005897779,1579006800857,1579007101881,1579030649468,1579066216548,1ya5yrwelrso-yxib3ctz0mdjsqkh2uffmn2kfrmynlkfp2vhk5vxrjlyzc1nx1i8okgrxz4hh9fxnqqavexbjgszjfxng_3tikapcccza7s5nl0iiv528sipt3_n6smfvjyvnmz5gmbld86jsedcdqpnbowbtwaejdtwlwiwyazylw418myzkyijnlherxkuhkwirbcleptopywi6gbikoeysqomwt8p81njyvdgoqkaf1l9g\",1ya5yrwelrso-yxib3ctz0mdjsqkh2uffmn2</t>
  </si>
  <si>
    <t>01/15/2020 11:29:57</t>
  </si>
  <si>
    <t>01/15/2020 11:30:05</t>
  </si>
  <si>
    <t>"mozilla/5.0 (windows nt 6.1) applewebkit/537.36 (khtml;0]als;0]l;1;13;13700014;13700109;13700185;13700451;13700951;13701207;13701298;13701422;13701430;13701450;13701506;13701537;13701573;13701577;13701625;13701657;13701693;13701749;13701825;13701901;13701905;13701957;13701969;13702068;13702088;142961685;1578930052848000;1578930058554000;1579001467444000]]];1579007402909;1ya5yrwelrso-yxib3ctz0mdjsqkh2uffmn2kfrmynlkfp2vhk5vxrjlyzc1nx1i8okgrxz4hh9fxnqqavexbjgszjfxng_3tikapcccza7s5nl0iiv528sipt3_n6smfvjyvnmz5gmbld86jsedcdqpnbowbtwaejdtwlwiwyazylw418myzkyijnlherxkuhkwirbdlept8l4kruobyvp0h3b5vrx4tnpfl6qn21q6gzsapa\";257;292;392;5701393;7sngbpnjgewubmtmehklkzgogw5ndczmtg5odk4mdmraoeu/iymq7wycw==";8kalgbcgkivy3t6/6c5wikfsotmza3mte1njy0nti3ndkymzg0nqolcmmto7sngbpnjgewubmtmehklkzgogw5ndczmtg5odk4mdmraoeu/iymq;[[13701418;[];[]]];adfn-ct7ciskssyu-68afh9xg7xv2c6f8dx_seofhsqerkx2bhpqslb3crfufkpjjmcd4mgjscrt;eivihpy39ubolmwn_tv0dulmvvvaumoqm1yahm2btwwn1gfxo0i2ldsyrmtc0s24p_ylydw7r0kcp9zrqof_2cpezk4wzkbkpilq4mn3otkryc5fpr7z</t>
  </si>
  <si>
    <t>"mozilla/5.0 (windows nt 6.1) applewebkit/537.36 (khtml,0]als,0]l,1,13,13700014,13700109,13700185,13700451,13700951,13701207,13701298,13701422,13701430,13701450,13701506,13701537,13701573,13701577,13701625,13701657,13701693,13701749,13701825,13701901,13701905,13701957,13701969,13702068,13702088,142961685,1578930052848000,1578930058554000,1579001467444000]]],1579007402909,1ya5yrwelrso-yxib3ctz0mdjsqkh2uffmn2kfrmynlkfp2vhk5vxrjlyzc1nx1i8okgrxz4hh9fxnqqavexbjgszjfxng_3tikapcccza7s5nl0iiv528sipt3_n6smfvjyvnmz5gmbld86jsedcdqpnbowbtwaejdtwlwiwyazylw418myzkyijnlherxkuhkwirbdlept8l4kruobyvp0h3b5vrx4tnpfl6qn21q6gzsapa\",257,292,392,5701393,7sngbpnjgewubmtmehklkzgogw5ndczmtg5odk4mdmraoeu/iymq7wycw==",8kalgbcgkivy3t6/6c5wikfsotmza3mte1njy0nti3ndkymzg0nqolcmmto7sngbpnjgewubmtmehklkzgogw5ndczmtg5odk4mdmraoeu/iymq,[[13701418,[],[]]],adfn-ct7ciskssyu-68afh9xg7xv2c6f8dx_seofhsqerkx2bhpqslb3crfufkpjjmcd4mgjscrt,eivihpy39ubolmwn_tv0dulmvvvaumoqm1yahm2btwwn1gfxo0i2ldsyrmtc0s24p_ylydw7r0kcp9zrqof_2cpezk4wzkbkpilq4mn3otkryc5fpr7z</t>
  </si>
  <si>
    <t>01/15/2020 11:30:07</t>
  </si>
  <si>
    <t>01/15/2020 11:30:19</t>
  </si>
  <si>
    <t>http:///batch/drive/v2internal?%24ct=multipart%2Fmixed%3B%20boundary%3D%22%3D%3D%3D%3D%3Daynxmjfj3h3w%3D%3D%3D%3D%3D%22&amp;key=AIzaSyAy9VVXHSpS2IJpptzYtGbLP3-3_l0aBk4</t>
  </si>
  <si>
    <t>01/15/2020 11:30:27</t>
  </si>
  <si>
    <t>http:///batch/drive/v2internal?%24ct=multipart%2Fmixed%3B%20boundary%3D%22%3D%3D%3D%3D%3Dluo2e2h1rnru%3D%3D%3D%3D%3D%22&amp;key=AIzaSyAy9VVXHSpS2IJpptzYtGbLP3-3_l0aBk4</t>
  </si>
  <si>
    <t>01/15/2020 11:30:35</t>
  </si>
  <si>
    <t>http:///batch/drive/v2internal?%24ct=multipart%2Fmixed%3B%20boundary%3D%22%3D%3D%3D%3D%3Do0nsl3h06id4%3D%3D%3D%3D%3D%22&amp;key=AIzaSyAy9VVXHSpS2IJpptzYtGbLP3-3_l0aBk4</t>
  </si>
  <si>
    <t>01/15/2020 11:30:36</t>
  </si>
  <si>
    <t>http:///batch/drive/v2internal?%24ct=multipart%2Fmixed%3B%20boundary%3D%22%3D%3D%3D%3D%3Db1eq0kfwklqm%3D%3D%3D%3D%3D%22&amp;key=AIzaSyAy9VVXHSpS2IJpptzYtGbLP3-3_l0aBk4</t>
  </si>
  <si>
    <t>01/15/2020 11:30:37</t>
  </si>
  <si>
    <t>http:///batch/drive/v2internal?%24ct=multipart%2Fmixed%3B%20boundary%3D%22%3D%3D%3D%3D%3Dsfgeotjtyb8t%3D%3D%3D%3D%3D%22&amp;key=AIzaSyAy9VVXHSpS2IJpptzYtGbLP3-3_l0aBk4</t>
  </si>
  <si>
    <t>"[[];"mozilla/5.0 (windows nt 6.1) applewebkit/537.36 (khtml;&amp;_x001A_&amp;y(�_�z_x0010_^txl4l�v|�qa0�2�k�țtxl4l��|�qa0�2��'�_x0015__x0016__x0013_ _x0013_;&amp;_x001A_&amp;y(�_���*;&amp;_x001A_&amp;z;&gt;@���h�i�.`��_x0001_��f�wn�jfj �p]�_x001A_;&amp;_x001A_&amp;zi~b_x0017_b���h�i(�_x0002_��a�e��o�*;0] _x0018_�2_x0007_c-4e;0]\\\\\\\��� &lt;l;0]\\\\\\�*� &lt;l;0]l;0]ribedchildren;0]thon-35.pyc;1;119;126;13;13700014;13700109;13700109�;13700167;13700185;13700235;13700451;13700563;13700607;13700951;13701078;13701207;13701235;13701239;13701276;13701298;13701422;13701430;13701450;13701506;13701534;13701537;13701573;13701577;13701589;13701609;13701625;13701657;13701693;13701693�;13701749;13701825;13701901;13701905;13701909;13701945]];13701953;13701957;13701969;13702068;13702088;138;142961685;153;155;1578930052848000;1578930058554000;1578958057528;1578965581932;1578967688903;1578971301444;1578975962847;1578976564592;1579001247369;1579030649468;1579086317952;1ya5yrwelrso-yxib3ctz0mdjsqkh2uffmn2kfrmynlkfp2vhk5vxrjlyzc1nx1i8okgrxz4hh9fxnqqavexbjgszjfxng_3tikapcccza7s5nl0iiv528sipt3_n6smfvjyvnmz5gmbld86jsedcdqpnbowbtwaejdtwlwiwyazylw418myzkyijnl</t>
  </si>
  <si>
    <t>http://"[[],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ribedchildren,0]thon-35.pyc,1,119,126,13,13700014,13700109,13700109�,13700167,13700185,13700235,13700451,13700563,13700607,13700951,13701078,13701207,13701235,13701239,13701276,13701298,13701422,13701430,13701450,13701506,13701534,13701537,13701573,13701577,13701589,13701609,13701625,13701657,13701693,13701693�,13701693�,13701749,13701825,13701901,13701905,13701909,13701945]],13701953,13701957,13701969,13702068,13702088,138,142961685,153,155,1578930052848000,1578930058554000,1578958057528,1578965581932,1578967688903,1578971301444,1578975962847,1578976564592,1579001247369,1579030649468,1579086317952,1ya5yrwelrso-yxib3ctz0mdjsqkh2uffmn2kfrmynlkfp2vhk5vxrjlyzc1nx1i8okgrxz4hh9fxnqqavexbjgszjfxng_3tikapcccza7s5nl0iiv528sipt3_n6smfvjyvnmz5gmbld86jsedcdqpnbowbtwaejdtwlwiwy</t>
  </si>
  <si>
    <t>01/15/2020 11:31:23</t>
  </si>
  <si>
    <t>"[[];"mozilla/5.0 (windows nt 6.1) applewebkit/537.36 (khtml;0;0.371;0.371];0.668;0.9718172983479106];0];0] = \\;0] _x0018_�2_x0007_c-4e;0]10r;0]62];0]8;0]\\\\\\\�x� &lt;l;0]l;0]ll;0]ribedchildren;0]thon-35.pyc;0]� \\;1;108;1123.3250000223052;1125.6949999951757;1126.459999999497;119.82000002171844;11c5m9ycfufsc7krihjn5d9wg8jcyqlqk;12.854];122.2049999923911;127;13;135.4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;1424105;142961685;143;145;1451495;1451614;149;154;157.48999998322688;1578930052848000;1578930058554000;1578943006467;1578945715328;15789568534</t>
  </si>
  <si>
    <t>http://"[[],"mozilla/5.0 (windows nt 6.1) applewebkit/537.36 (khtml,0,0.371,0.371],0.668,0.9718172983479106],0],0] = \\,0] _x0018_�2_x0007_c-4e,0]10r,0]62],0]8,0]\\\\\\\�x� &lt;l,0]l,0]ll,0]ribedchildren,0]thon-35.pyc,0]� \\,1,108,1123.3250000223052,1125.6949999951757,1126.459999999497,119.82000002171844,11c5m9ycfufsc7krihjn5d9wg8jcyqlqk,12.854],122.2049999923911,127,13,135.4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,1424105,142961685,143,145,1451495,1451614,149,154,157.48999998322688,1578930052848000,1578930058554000,1578943006467,1578945715328,1578</t>
  </si>
  <si>
    <t>"[[];"mozilla/5.0 (windows nt 6.1) applewebkit/537.36 (khtml;0;0.371;0.371];0.668;0.9718172983479106];0];0] = \\;0] _x0018_�2_x0007_c-4e;0]10r;0]62];0]8;0]\\\\\\\�x� &lt;l;0]l;0]ll;0]ribedchildren;0]thon-35.pyc;0]� \\;1;100.42000000248663;1006.8650000030175;106.97500000242144;108;1123.3250000223052;1125.6949999951757;1126.459999999497;1127.005000016652;119.82000002171844;11c5m9ycfufsc7krihjn5d9wg8jcyqlqk;12.854];122.2049999923911;1237.7350000024308;1238.710000005085;127;1295.4500000050757;13;13.58;134.57500000367872;135.4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</t>
  </si>
  <si>
    <t>http://"[[],"mozilla/5.0 (windows nt 6.1) applewebkit/537.36 (khtml,0,0.371,0.371],0.668,0.9718172983479106],0],0] = \\,0] _x0018_�2_x0007_c-4e,0]10r,0]62],0]8,0]\\\\\\\�x� &lt;l,0]l,0]ll,0]ribedchildren,0]thon-35.pyc,0]� \\,1,100.42000000248663,1006.8650000030175,106.97500000242144,108,1123.3250000223052,1125.6949999951757,1126.459999999497,1127.005000016652,119.82000002171844,11c5m9ycfufsc7krihjn5d9wg8jcyqlqk,12.854],122.2049999923911,1237.7350000024308,1238.710000005085,127,1295.4500000050757,13,13.58,134.57500000367872,135.4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</t>
  </si>
  <si>
    <t>"[[];"mozilla/5.0 (windows nt 6.1) applewebkit/537.36 (khtml;0;0.371;0.371];0.668;0.9718172983479106];0];0] = \\;0] _x0018_�2_x0007_c-4e;0]10r;0]62];0]8;0]\\\\\\\�x� &lt;l;0]l;0]ll;0]ribedchildren;0]thon-35.pyc;0]� \\;1;100.42000000248663;1006.8650000030175;106.97500000242144;108;112.31999998562969;1123.3250000223052;1125.6949999951757;1126.459999999497;1127.005000016652;119.82000002171844;11c5m9ycfufsc7krihjn5d9wg8jcyqlqk;12.854];122.2049999923911;1237.7350000024308;1238.710000005085;127;1295.4500000050757;13;13.58;134.57500000367872;135.4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</t>
  </si>
  <si>
    <t>http://"[[],"mozilla/5.0 (windows nt 6.1) applewebkit/537.36 (khtml,0,0.371,0.371],0.668,0.9718172983479106],0],0] = \\,0] _x0018_�2_x0007_c-4e,0]10r,0]62],0]8,0]\\\\\\\�x� &lt;l,0]l,0]ll,0]ribedchildren,0]thon-35.pyc,0]� \\,1,100.42000000248663,1006.8650000030175,106.97500000242144,108,112.31999998562969,1123.3250000223052,1125.6949999951757,1126.459999999497,1127.005000016652,119.82000002171844,11c5m9ycfufsc7krihjn5d9wg8jcyqlqk,12.854],122.2049999923911,1237.7350000024308,1238.710000005085,127,1295.4500000050757,13,13.58,134.57500000367872,135.4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</t>
  </si>
  <si>
    <t>01/15/2020 11:31:24</t>
  </si>
  <si>
    <t>01/15/2020 11:31:25</t>
  </si>
  <si>
    <t>01/15/2020 11:31:40</t>
  </si>
  <si>
    <t>"[[],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ribedchildren,0]thon-35.pyc,1,119,126,13,13700014,13700109,13700109�,13700167,13700185,13700235,13700451,13700563,13700607,13700951,13701078,13701207,13701235,13701239,13701276,13701298,13701422,13701430,13701450,13701506,13701534,13701537,13701573,13701577,13701589,13701609,13701625,13701657,13701693,13701693�,13701693�,13701749,13701825,13701901,13701905,13701909,13701945]],13701953,13701957,13701969,13702068,13702088,138,142961685,153,155,1578930052848000,1578930058554000,1578958057528,1578965581932,1578967688903,1578971301444,1578975962847,1578976564592,1579001247369,1579030649468,1579086317952,1ya5yrwelrso-yxib3ctz0mdjsqkh2uffmn2kfrmynlkfp2vhk5vxrjlyzc1nx1i8okgrxz4hh9fxnqqavexbjgszjfxng_3tikapcccza7s5nl0iiv528sipt3_n6smfvjyvnmz5gmbld86jsedcdqpnbowbtwaejdtwlwiwyazylw41</t>
  </si>
  <si>
    <t>01/15/2020 11:31:56</t>
  </si>
  <si>
    <t>"mozilla/5.0 (windows nt 6.1) applewebkit/537.36 (khtml;0];0]0":;0]7 �_x0007_�� �r;0]:0};0]\;0]\\\\\\\';: &lt;l;0]\\\\\\\�ɧ_x000F_&lt;l;0]ackages\tornado\platform\interface.py;0]als;0]l;0]ll;0]u�{� �_x0007_�� �r;0]�\\;0]�m�/;1;13;13700014;13700109;13700185;13700451;13700951;13701207;13701298;13701422;13701430;13701450;13701506;13701537;13701573;13701577;13701625;13701657;13701693;13701693�;13701749;13701825;13701901;13701905;13701957;13701969;13702068;13702088;142961685;148;157;1578930052848000;1578930058554000;1578945414334;1578946016325;1578946317323;1578946618318;1578947521367;1578947822457;1578948424526;1578948725551;1578950230689;1578950531715;1578974457711;1578977166567;1578977467562;1578978671552;1578978972545;1578979273544;1578979574537;1578979875535;1578980176534;1578980477528;1578980778522;1578983788486;1578984089484;1579004693676;1579012821382;158;162;163;164;165;166;167;168;169;17;179;180;1ya5yrwelrso-yxib3ctz0mdjsqkh2uffmn2kfrmynlkfp2vhk5vxrjlyzc1nx1i8okgrxz4hh9fxnqqavexbjgszjfxng_3tikapcccza7s5nl0iiv528sipt3_n6smfvjyvn</t>
  </si>
  <si>
    <t>"mozilla/5.0 (windows nt 6.1) applewebkit/537.36 (khtml,0],0]0":,0]7 �_x0007_�� �r,0]:0},0]\,0]\\\\\\\';: &lt;l,0]\\\\\\\�ɧ_x000F_&lt;l,0]ackages\tornado\platform\interface.py,0]als,0]l,0]ll,0]u�{� �_x0007_�� �r,0]�m�/,0]�\\,1,13,13700014,13700109,13700185,13700451,13700951,13701207,13701298,13701422,13701430,13701450,13701506,13701537,13701573,13701577,13701625,13701657,13701693,13701693�,13701693�,13701749,13701825,13701901,13701905,13701957,13701969,13702068,13702088,142961685,148,157,1578930052848000,1578930058554000,1578945414334,1578946016325,1578946317323,1578946618318,1578947521367,1578947822457,1578948424526,1578948725551,1578950230689,1578950531715,1578974457711,1578977166567,1578977467562,1578978671552,1578978972545,1578979273544,1578979574537,1578979875535,1578980176534,1578980477528,1578980778522,1578983788486,1578984089484,1579004693676,1579012821382,158,162,163,164,165,166,167,168,169,17,179,180,1ya5yrwelrso-yxib3ctz0mdjsqkh2uffmn2kfrmynlkfp2vhk5vxrjlyzc1nx1i8okgrxz4hh9fxnqqavexbjgszjfxng_3tikapcccza7s5nl0iiv528sipt3_</t>
  </si>
  <si>
    <t>01/15/2020 11:27:55</t>
  </si>
  <si>
    <t>01/15/2020 11:27:56</t>
  </si>
  <si>
    <t>https://excel.officeapps.live.com/afhs/cloudpolicysettings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zy3ymmyyjlmltqwzwqtmdawmc01ntlilwq5ymm3nda0zmrmnyj9.ct</t>
  </si>
  <si>
    <t>https://excel.officeapps.live.com/afhs/applicationfeaturehelperhandler.ashx?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dy7dlhqbuzlrwpsc2p4ttfaetmxt2zfvmlkquuwpttezwzhdwx0ozs3rkzgrkzgrkzgrkzgrkzgo1rydwu7ozswozy3ymmyyjlmltqwzwqtmdawmc01ntlilwq5ymm3nda</t>
  </si>
  <si>
    <t>01/15/2020 11:27:58</t>
  </si>
  <si>
    <t>01/15/2020 11:28:02</t>
  </si>
  <si>
    <t>01/15/2020 11:28:15</t>
  </si>
  <si>
    <t>01/15/2020 11:28:16</t>
  </si>
  <si>
    <t>https://excel.officeapps.live.com/log?format=json&amp;hasfast=true&amp;authuser=0</t>
  </si>
  <si>
    <t>01/15/2020 11:28:20</t>
  </si>
  <si>
    <t>01/15/2020 11:28:24</t>
  </si>
  <si>
    <t>https://excel.officeapps.live.com/x/_layouts/addinservicehandler.ashx?action=getaddins&amp;app=excel&amp;catalog=privatecatalog&amp;clientcode=wac_excel&amp;clientversion=16.0.0.0&amp;corr=a9dfa99a-f61c-5b93-97fc-396be6fe2fda&amp;wopisrc=https://algarnet-my.sharepoint.com/personal/josiascdsj_algartech_com/_vti_bin/wopi.ashx/files/69aca668fc0a42819068a83011a1d846&amp;access_token=eyj0exaioijkv1qilcjhbgcioijsuzi1niising1dci6inhybfqwsup4mlzcvejfevfmdgtfofy2zkhwzyj9.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</t>
  </si>
  <si>
    <t>01/15/2020 11:28:28</t>
  </si>
  <si>
    <t>01/15/2020 11:28:29</t>
  </si>
  <si>
    <t>01/15/2020 11:28:32</t>
  </si>
  <si>
    <t>01/15/2020 11:28:33</t>
  </si>
  <si>
    <t>01/15/2020 11:28:36</t>
  </si>
  <si>
    <t>01/15/2020 11:29:02</t>
  </si>
  <si>
    <t>01/15/2020 11:30:02</t>
  </si>
  <si>
    <t>01/15/2020 11:33:16</t>
  </si>
  <si>
    <t>3891b82c-eb11-4a3d-86d4-72472241f049.tmp</t>
  </si>
  <si>
    <t>\\acsfs\profiles$\lorraynevam\Downloads\3891b82c-eb11-4a3d-86d4-72472241f049.tmp</t>
  </si>
  <si>
    <t>01/15/2020 11:31:41</t>
  </si>
  <si>
    <t>01/15/2020 11:31:44</t>
  </si>
  <si>
    <t>01/15/2020 11:32:13</t>
  </si>
  <si>
    <t>01/15/2020 11:32:25</t>
  </si>
  <si>
    <t>01/15/2020 11:32:44</t>
  </si>
  <si>
    <t>01/15/2020 11:32:50</t>
  </si>
  <si>
    <t>01/15/2020 11:33:17</t>
  </si>
  <si>
    <t>01/15/2020 11:33:21</t>
  </si>
  <si>
    <t>01/15/2020 11:33:28</t>
  </si>
  <si>
    <t>01/15/2020 11:34:02</t>
  </si>
  <si>
    <t>01/15/2020 11:34:06</t>
  </si>
  <si>
    <t>01/15/2020 11:35:48</t>
  </si>
  <si>
    <t>01/15/2020 11:33:29</t>
  </si>
  <si>
    <t>01/15/2020 11:34:51</t>
  </si>
  <si>
    <t>01/15/2020 11:35:11</t>
  </si>
  <si>
    <t>01/15/2020 11:32:58</t>
  </si>
  <si>
    <t>01/15/2020 11:37:48</t>
  </si>
  <si>
    <t>01/15/2020 11:33:13</t>
  </si>
  <si>
    <t>01/15/2020 11:34:41</t>
  </si>
  <si>
    <t>01/15/2020 11:34:43</t>
  </si>
  <si>
    <t>01/15/2020 11:32:59</t>
  </si>
  <si>
    <t>https://andrelpsa@algartech.com,joaogvc@algartech.com,leonardoao@algartech.com,marianadjc@algartech.com,maristelavodq@bv.algartech.com,paulacn@algartech.com,ricardodfm@algartech.com.br,taysdss@algartech.com,viniciussg@algartech.com</t>
  </si>
  <si>
    <t>01/15/2020 11:33:38</t>
  </si>
  <si>
    <t>01/15/2020 11:38:48</t>
  </si>
  <si>
    <t>160e6e9d-d979-4000-a043-7636c76b3b7a.tmp</t>
  </si>
  <si>
    <t>\\acsfs\profiles$\Flaviojmm\Downloads\160e6e9d-d979-4000-a043-7636c76b3b7a.tmp</t>
  </si>
  <si>
    <t>01/15/2020 11:35:02</t>
  </si>
  <si>
    <t>ab476b54-3609-49c0-b0ad-cf3f2e35378f.tmp</t>
  </si>
  <si>
    <t>\\acsfs\profiles$\anafsb\Downloads\ab476b54-3609-49c0-b0ad-cf3f2e35378f.tmp</t>
  </si>
  <si>
    <t>7d399546-3614-4c91-bbf1-4080ee90371d.tmp</t>
  </si>
  <si>
    <t>\\acsfs\profiles$\vivianealda\Downloads\7d399546-3614-4c91-bbf1-4080ee90371d.tmp</t>
  </si>
  <si>
    <t>01/15/2020 11:34:23</t>
  </si>
  <si>
    <t>01/15/2020 11:39:48</t>
  </si>
  <si>
    <t>01/15/2020 11:34:44</t>
  </si>
  <si>
    <t>01/15/2020 11:34:52</t>
  </si>
  <si>
    <t>01/15/2020 11:36:01</t>
  </si>
  <si>
    <t>01/15/2020 11:38:29</t>
  </si>
  <si>
    <t>01/15/2020 11:38:00</t>
  </si>
  <si>
    <t>01/15/2020 11:40:48</t>
  </si>
  <si>
    <t>01/15/2020 11:39:20</t>
  </si>
  <si>
    <t>Leandro Morais Santos_1_6777824526247989928_1_32.wav</t>
  </si>
  <si>
    <t>\\acsfs\Deptos\EDUCACAO EMPRESARIAL\FERNANDA MONIT\Fernanda\MONITORIA JANEIRO\Ligação para MUTANT segundo ciclo janeiro\Leandro Morais Santos_1_6777824526247989928_1_32.wav</t>
  </si>
  <si>
    <t>01/15/2020 11:38:09</t>
  </si>
  <si>
    <t>01/15/2020 11:38:24</t>
  </si>
  <si>
    <t>01/15/2020 11:38:38</t>
  </si>
  <si>
    <t>01/15/2020 11:38:45</t>
  </si>
  <si>
    <t>01/15/2020 11:38:55</t>
  </si>
  <si>
    <t>01/15/2020 11:43:48</t>
  </si>
  <si>
    <t>01/15/2020 11:42:20</t>
  </si>
  <si>
    <t>eab4fdeb-6a85-4f46-9e65-e0bbee05c614.tmp</t>
  </si>
  <si>
    <t>\\acsfs\profiles$\Flaviojmm\Downloads\eab4fdeb-6a85-4f46-9e65-e0bbee05c614.tmp</t>
  </si>
  <si>
    <t>01/15/2020 11:40:29</t>
  </si>
  <si>
    <t>01/15/2020 11:44:49</t>
  </si>
  <si>
    <t>0c358954-bd03-4950-8c6f-f840421fa644.tmp</t>
  </si>
  <si>
    <t>\\acsfs\profiles$\KARENDSR\Downloads\0c358954-bd03-4950-8c6f-f840421fa644.tmp</t>
  </si>
  <si>
    <t>01/15/2020 11:43:14</t>
  </si>
  <si>
    <t>http:///batch/drive/v2internal?%24ct=multipart%2Fmixed%3B%20boundary%3D%22%3D%3D%3D%3D%3Dk8z7sr1w14dw%3D%3D%3D%3D%3D%22&amp;key=AIzaSyAy9VVXHSpS2IJpptzYtGbLP3-3_l0aBk4</t>
  </si>
  <si>
    <t>http://"mozilla/5.0 (windows nt 6.1) applewebkit/537.36 (khtml,0]als,0]l,1,13,13700014,13700109,13700185,13700451,13700951,13701207,13701298,13701422,13701430,13701450,13701506,13701537,13701573,13701577,13701625,13701657,13701693,13701749,13701825,13701901,13701905,13701957,13701969,13702068,13702088,142961685,1578930052848000,1578930058554000,1578992819204,1578993120155,1579004091620,1ya5yrwelrso-yxib3ctz0mdjsqkh2uffmn2kfrmynlkfp2vhk5vxrjlyzc1nx1i8okgrxz4hh9fxnqqavexbjgszjfxng_3tikapcccza7s5nl0iiv528sipt3_n6smfvjyvnmz5gmbld86jsedcdqpnbowbtwaejdtwlwiwyazylw418myzkyijnlherxkuhkwirbulept_hzs_xlk1gb_m_qcptbrvq-rrrwqfttkushdvq\",1ya5yrwelrso-yxib3ctz0mdjsqkh2uffmn2kfrmynlkfp2vhk5vxrjlyzc1nx1i8okgrxz4hh9fxnqqavexbjgszjfxng_3tikapcccza7s5nl0iiv528sipt3_n6smfvjyvnmz5gmbld86jsedcdqpnbowbtwaejdtwlwiwyazylw418myzkyijnlherxkuhkwirbwlept_jddse4aiz1ggcdd4mn150fdtjp551rwkfzytw\",1ya5yrwelrso-yxib3ctz0mdjsqkh2uffmn2kfrmynlkfp2vhk5vxrjlyzc1nx1i8okgrxz4hh9fxnqqavexbjgszjfxng_3tikapcccza7s5nl0iiv528sipt3_n6smfvjyvnmz5gmbld86j</t>
  </si>
  <si>
    <t>01/15/2020 11:43:15</t>
  </si>
  <si>
    <t>http:///batch/drive/v2internal?%24ct=multipart%2Fmixed%3B%20boundary%3D%22%3D%3D%3D%3D%3Dqisbyn5ega95%3D%3D%3D%3D%3D%22&amp;key=AIzaSyAy9VVXHSpS2IJpptzYtGbLP3-3_l0aBk4</t>
  </si>
  <si>
    <t>01/15/2020 11:43:16</t>
  </si>
  <si>
    <t>http:///batch/drive/v2internal?%24ct=multipart%2Fmixed%3B%20boundary%3D%22%3D%3D%3D%3D%3Da19mkdowt9kg%3D%3D%3D%3D%3D%22&amp;key=AIzaSyAy9VVXHSpS2IJpptzYtGbLP3-3_l0aBk4</t>
  </si>
  <si>
    <t>01/15/2020 11:43:22</t>
  </si>
  <si>
    <t>http:///batch/drive/v2internal?%24ct=multipart%2Fmixed%3B%20boundary%3D%22%3D%3D%3D%3D%3Dmv2zg3jki8p1%3D%3D%3D%3D%3D%22&amp;key=AIzaSyAy9VVXHSpS2IJpptzYtGbLP3-3_l0aBk4</t>
  </si>
  <si>
    <t>http://"mozilla/5.0 (windows nt 6.1) applewebkit/537.36 (khtml,0] �_x0003_�_x0006_(�?_x0007_�=�_x0006_9995,0]4003ll,0]als,0]l,0]mt �o� 99,0]�o� _x0001_,1,13,13700014,13700109�,13700185,13700951,13701207,13701298,13701422,13701450,13701537,13701573,13701577,13701625,13701749,13701825,13701901,13701957,13701969,13702068,13702088,142961685,1578930052848000,1578930058554000,1578931870901,1578939996203,1579010112146,1579032314914,1ya5yrwelrso-yxib3ctz0mdjsqkh2uffmn2kfrmynlkfp2vhk5vxrjlyzc1nx1i8okgrxz4hh9fxnqqavexbjgszjfxng_3tikapcccza7s5nl0iiv528sipt3_n6smfvjyvnmz5gmbld86jsedcdqpnbowbtwaejdtwlwiwyazylw418myzkyijnlherxkuhkwirbileptskyg4wekuhek9tooeg74kdzvfxqdw-qnhuqxjg\",266,322,327,34,352,5701393,7,[[13701418,[],[]]],adfn-ct7ciskssyu-68afh9xg7xv2c6f8dx_seofhsqerkx2bhpqslb3crfufkpjjmcd4mgjscrt,ancestorhasaugmentedpermissions,atuima2v-l-r4mlrttnejldjmmcmtjqqdb_eo8phe2_wqj_y1ojumr1iabvw2ppblwocree42tuodgonxc9zyipd_xfoznijlgzojvolpn9psmrvvcomrzpgslf_e8bk\",atuima2v-l-r4mlrttnejldjmmcmtjqqdb_eo8phe2_wqj_y1ojumr1iabvw2ppblwocree42tuodgonxc9zyrfd_xfp</t>
  </si>
  <si>
    <t>01/15/2020 11:43:23</t>
  </si>
  <si>
    <t>http:///batch/drive/v2internal?%24ct=multipart%2Fmixed%3B%20boundary%3D%22%3D%3D%3D%3D%3Da7aswclzvaeg%3D%3D%3D%3D%3D%22&amp;key=AIzaSyAy9VVXHSpS2IJpptzYtGbLP3-3_l0aBk4</t>
  </si>
  <si>
    <t>01/15/2020 11:43:34</t>
  </si>
  <si>
    <t>http:///batch/drive/v2internal?%24ct=multipart%2Fmixed%3B%20boundary%3D%22%3D%3D%3D%3D%3Dy23jzde7k3ui%3D%3D%3D%3D%3D%22&amp;key=AIzaSyAy9VVXHSpS2IJpptzYtGbLP3-3_l0aBk4</t>
  </si>
  <si>
    <t>01/15/2020 11:43:35</t>
  </si>
  <si>
    <t>http:///batch/drive/v2internal?%24ct=multipart%2Fmixed%3B%20boundary%3D%22%3D%3D%3D%3D%3Dlykcddu59apq%3D%3D%3D%3D%3D%22&amp;key=AIzaSyAy9VVXHSpS2IJpptzYtGbLP3-3_l0aBk4</t>
  </si>
  <si>
    <t>01/15/2020 11:43:53</t>
  </si>
  <si>
    <t>http:///batch/drive/v2internal?%24ct=multipart%2Fmixed%3B%20boundary%3D%22%3D%3D%3D%3D%3D8j219250yvgm%3D%3D%3D%3D%3D%22&amp;key=AIzaSyAy9VVXHSpS2IJpptzYtGbLP3-3_l0aBk4</t>
  </si>
  <si>
    <t>"mozilla/5.0 (windows nt 6.1) applewebkit/537.36 (khtml;0]:0}:0})�� 66;0]ackages\tornado\platform\interface.py;0]als;0]l;0]ll;1;13;13/01/2020;13700014;13700109;13700185;13700451;13700951;13701207;13701298;13701422;13701430;13701450;13701506;13701537;13701573;13701577;13701625;13701657;13701693;13701749;13701825;13701901;13701905;13701957;13701969;13702068;13702088;142961685;1578930052848000;1578930058554000;1578931268841;1578958659580;1578988003061;1578996732112;1578997334102;1579011617271;193;1ya5yrwelrso-yxib3ctz0mdjsqkh2uffmn2kfrmynlkfp2vhk5vxrjlyzc1nx1i8okgrxz4hh9fxnqqavexbjgszjfxng_3tikapcccza7s5nl0iiv528sipt3_n6smfvjyvnmz5gmbld86jsedcdqpnbowbtwaejdtwlwiwyazylw418myzkyijnlherxkuhkwiradlept6s2wwy3irlvxilsn2tmtreu5sjcyzesw5wrmka\";1ya5yrwelrso-yxib3ctz0mdjsqkh2uffmn2kfrmynlkfp2vhk5vxrjlyzc1nx1i8okgrxz4hh9fxnqqavexbjgszjfxng_3tikapcccza7s5nl0iiv528sipt3_n6smfvjyvnmz5gmbld86jsedcdqpnbowbtwaejdtwlwiwyazylw418myzkyijnlherxkuhkwirb8leptlasz0q5gsq45bqhdpg08al-wyi5qw80da9lewq\";1ya5yrwelrso-yxib3ctz0mdjsqkh2uffmn</t>
  </si>
  <si>
    <t>http://"mozilla/5.0 (windows nt 6.1) applewebkit/537.36 (khtml,0]:0}:0})�� 66,0]ackages\tornado\platform\interface.py,0]als,0]l,0]ll,1,13,13/01/2020,13700014,13700109,13700185,13700451,13700951,13701207,13701298,13701422,13701430,13701450,13701506,13701537,13701573,13701577,13701625,13701657,13701693,13701749,13701825,13701901,13701905,13701957,13701969,13702068,13702088,142961685,1578930052848000,1578930058554000,1578931268841,1578958659580,1578988003061,1578996732112,1578997334102,1579011617271,193,1ya5yrwelrso-yxib3ctz0mdjsqkh2uffmn2kfrmynlkfp2vhk5vxrjlyzc1nx1i8okgrxz4hh9fxnqqavexbjgszjfxng_3tikapcccza7s5nl0iiv528sipt3_n6smfvjyvnmz5gmbld86jsedcdqpnbowbtwaejdtwlwiwyazylw418myzkyijnlherxkuhkwiradlept6s2wwy3irlvxilsn2tmtreu5sjcyzesw5wrmka\",1ya5yrwelrso-yxib3ctz0mdjsqkh2uffmn2kfrmynlkfp2vhk5vxrjlyzc1nx1i8okgrxz4hh9fxnqqavexbjgszjfxng_3tikapcccza7s5nl0iiv528sipt3_n6smfvjyvnmz5gmbld86jsedcdqpnbowbtwaejdtwlwiwyazylw418myzkyijnlherxkuhkwirb8leptlasz0q5gsq45bqhdpg08al-wyi5qw80da9lewq\",1ya5yrwelrso-yxib3ctz0mdjsqk</t>
  </si>
  <si>
    <t>01/15/2020 11:43:54</t>
  </si>
  <si>
    <t>http:///batch/drive/v2internal?%24ct=multipart%2Fmixed%3B%20boundary%3D%22%3D%3D%3D%3D%3D5qkkv0zfrrh3%3D%3D%3D%3D%3D%22&amp;key=AIzaSyAy9VVXHSpS2IJpptzYtGbLP3-3_l0aBk4</t>
  </si>
  <si>
    <t>01/15/2020 11:40:23</t>
  </si>
  <si>
    <t>lu103321fz63f.tmp</t>
  </si>
  <si>
    <t>\\acsfs\profiles$\BRUNAAR\Numero\lu103321fz63f.tmp</t>
  </si>
  <si>
    <t>01/15/2020 11:39:56</t>
  </si>
  <si>
    <t>d8a81040-42f1-4ea3-a991-25b647ff51ee.tmp</t>
  </si>
  <si>
    <t>\\acsfs\profiles$\ROZENCAM\Downloads\d8a81040-42f1-4ea3-a991-25b647ff51ee.tmp</t>
  </si>
  <si>
    <t>01/15/2020 11:43:00</t>
  </si>
  <si>
    <t>01/15/2020 11:41:49</t>
  </si>
  <si>
    <t>01/15/2020 11:45:48</t>
  </si>
  <si>
    <t>01/15/2020 11:41:56</t>
  </si>
  <si>
    <t>01/15/2020 11:42:13</t>
  </si>
  <si>
    <t>01/15/2020 11:42:17</t>
  </si>
  <si>
    <t>01/15/2020 11:42:36</t>
  </si>
  <si>
    <t>01/15/2020 11:42:56</t>
  </si>
  <si>
    <t>01/15/2020 11:43:01</t>
  </si>
  <si>
    <t>01/15/2020 11:44:00</t>
  </si>
  <si>
    <t>01/15/2020 11:44:22</t>
  </si>
  <si>
    <t>01/15/2020 11:44:39</t>
  </si>
  <si>
    <t>01/15/2020 11:44:45</t>
  </si>
  <si>
    <t>01/15/2020 11:45:09</t>
  </si>
  <si>
    <t>01/15/2020 11:45:18</t>
  </si>
  <si>
    <t>\\acsfs\DEPTOS\EDUCACAO EMPRESARIAL\2 - Operações\0 - BV\1 - TREINADORES\Luiz Fernando\</t>
  </si>
  <si>
    <t>\\acsfs\DEPTOS\EDUCACAO EMPRESARIAL\2 - Operações\0 - BV\1 - TREINADORES\Luiz Fernando\BVFLIX\Thumbs.db</t>
  </si>
  <si>
    <t>01/15/2020 11:41:32</t>
  </si>
  <si>
    <t>01/15/2020 11:46:49</t>
  </si>
  <si>
    <t>01/15/2020 11:43:28</t>
  </si>
  <si>
    <t>01/15/2020 11:48:48</t>
  </si>
  <si>
    <t>30206818-73b1-4d59-a710-ab234c7a7f89.tmp</t>
  </si>
  <si>
    <t>\\acsfs\profiles$\wenderbnm\Downloads\30206818-73b1-4d59-a710-ab234c7a7f89.tmp</t>
  </si>
  <si>
    <t>01/15/2020 11:47:58</t>
  </si>
  <si>
    <t>01/15/2020 11:49:48</t>
  </si>
  <si>
    <t>3c4dde94-04ab-4b52-8cf8-eda224ad108b.tmp</t>
  </si>
  <si>
    <t>\\acsfs\profiles$\gabrielaff\Downloads\3c4dde94-04ab-4b52-8cf8-eda224ad108b.tmp</t>
  </si>
  <si>
    <t>http:///batch/drive/v2internal?%24ct=multipart%2Fmixed%3B%20boundary%3D%22%3D%3D%3D%3D%3Dugp0z4v8sgu2%3D%3D%3D%3D%3D%22&amp;key=AIzaSyAy9VVXHSpS2IJpptzYtGbLP3-3_l0aBk4</t>
  </si>
  <si>
    <t>"[[];"mozilla/5.0 (windows nt 6.1) applewebkit/537.36 (khtml;0]gc606;0]ll;0]ribedchildren;1;13;13700014;13700109;13700167;13700185;13700235;13700451;13700563;13700607;13700951;13701078;13701207;13701235;13701239;13701276;13701298;13701422;13701430;13701450;13701506;13701534;13701537;13701573;13701577;13701589;13701609;13701625;13701657;13701693;13701749;13701825;13701901;13701905;13701909;13701945]];13701953;13701957;13701969;13702068;13702088;142961685;1578930052848000;1578930058554000;1578932171927;1578941200313;1578941501336;1579030649468;347;38;39;5701393;8;8202193];8202316;936;["mozilla/5.0 (windows nt 6.1) applewebkit/537.36 (khtml;["pt-br"]]]&amp;token=ac4w5vhljczanhxnqi1woyx0avs9x8dipw:1578930052842&amp;buildlabel=drive.web-frontend_20200101.00_p4]]";[8202524;[[13701418;[];[]]"];[]]];[null;adfn-ct7ciskssyu-68afh9xg7xv2c6f8dx_seofhsqerkx2bhpqslb3crfufkpjjmcd4mgjscrt;ancestorhasaugmentedpermissions;andrelpsa@algartech.com;atuima2v-l-r4mlrttnejldjmmcmtjqqdb_eo8phe2_wqj_y1ojumr1iabvw2ppblwocree42tuodgonxc9zyh_d_x</t>
  </si>
  <si>
    <t>http://"[[],"mozilla/5.0 (windows nt 6.1) applewebkit/537.36 (khtml,0]gc606,0]ll,0]ribedchildren,1,13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30052848000,1578930058554000,1578932171927,1578941200313,1578941501336,1579030649468,347,38,39,5701393,8,8202193],8202316,936,["mozilla/5.0 (windows nt 6.1) applewebkit/537.36 (khtml,["pt-br"]]]&amp;token=ac4w5vhljczanhxnqi1woyx0avs9x8dipw:1578930052842&amp;buildlabel=drive.web-frontend_20200101.00_p4]]",[8202524,[[13701418,[],[]]"],[]]],[null,adfn-ct7ciskssyu-68afh9xg7xv2c6f8dx_seofhsqerkx2bhpqslb3crfufkpjjmcd4mgjscrt,ancestorhasaugmentedpermissions,andrelpsa@algartech.com,atuima2v-l-r4mlrttnejldjmmcmtjqqdb_eo8phe2_wqj_y1ojumr1iabvw2ppblwocree42tuodgonxc9</t>
  </si>
  <si>
    <t>01/15/2020 11:44:50</t>
  </si>
  <si>
    <t>http:///batch/drive/v2internal?%24ct=multipart%2Fmixed%3B%20boundary%3D%22%3D%3D%3D%3D%3Djv5b89dms5m2%3D%3D%3D%3D%3D%22&amp;key=AIzaSyAy9VVXHSpS2IJpptzYtGbLP3-3_l0aBk4</t>
  </si>
  <si>
    <t>01/15/2020 11:46:22</t>
  </si>
  <si>
    <t>http:///batch/drive/v2internal?%24ct=multipart%2Fmixed%3B%20boundary%3D%22%3D%3D%3D%3D%3Dq9s2y9difuc7%3D%3D%3D%3D%3D%22&amp;key=AIzaSyAy9VVXHSpS2IJpptzYtGbLP3-3_l0aBk4</t>
  </si>
  <si>
    <t>0]l;13/01/2020;142961685;1578934579132;16;[];[]]];ancestorhasaugmentedpermissions;atuima2v-l-r4mlrttnejldjmmcmtjqqdb_eo8phe2_wqj_y1ojumr1iabvw2ppblwocree42tuodgonxc9zyn_d_xfphgrxhjqekmcli1-m1tn045hfoxl9rezb4tt0\";containsunsubscribedchildren;displayname;domain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serpermission(role);workspaceids;</t>
  </si>
  <si>
    <t>http://0]l,13/01/2020,142961685,1578934579132,16,[],[]]],ancestorhasaugmentedpermissions,atuima2v-l-r4mlrttnejldjmmcmtjqqdb_eo8phe2_wqj_y1ojumr1iabvw2ppblwocree42tuodgonxc9zyn_d_xfphgrxhjqekmcli1-m1tn045hfoxl9rezb4tt0\",containsunsubscribedchildren,displayname,domain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</t>
  </si>
  <si>
    <t>01/15/2020 11:46:23</t>
  </si>
  <si>
    <t>http:///batch/drive/v2internal?%24ct=multipart%2Fmixed%3B%20boundary%3D%22%3D%3D%3D%3D%3Daerx2z9glqwj%3D%3D%3D%3D%3D%22&amp;key=AIzaSyAy9VVXHSpS2IJpptzYtGbLP3-3_l0aBk4</t>
  </si>
  <si>
    <t>01/15/2020 11:46:24</t>
  </si>
  <si>
    <t>http:///batch/drive/v2internal?%24ct=multipart%2Fmixed%3B%20boundary%3D%22%3D%3D%3D%3D%3Dfyad3lt88rf7%3D%3D%3D%3D%3D%22&amp;key=AIzaSyAy9VVXHSpS2IJpptzYtGbLP3-3_l0aBk4</t>
  </si>
  <si>
    <t>01/15/2020 11:48:36</t>
  </si>
  <si>
    <t>http:///batch/drive/v2internal?%24ct=multipart%2Fmixed%3B%20boundary%3D%22%3D%3D%3D%3D%3Deurxqda4moc6%3D%3D%3D%3D%3D%22&amp;key=AIzaSyAy9VVXHSpS2IJpptzYtGbLP3-3_l0aBk4</t>
  </si>
  <si>
    <t>01/15/2020 11:48:37</t>
  </si>
  <si>
    <t>http:///batch/drive/v2internal?%24ct=multipart%2Fmixed%3B%20boundary%3D%22%3D%3D%3D%3D%3Dh4z4z9aurrnx%3D%3D%3D%3D%3D%22&amp;key=AIzaSyAy9VVXHSpS2IJpptzYtGbLP3-3_l0aBk4</t>
  </si>
  <si>
    <t>01/15/2020 11:48:51</t>
  </si>
  <si>
    <t>"mozilla/5.0 (windows nt 6.1) applewebkit/537.36 (khtml;0;0]4003ll;0]:0}:0})�� 66;0]l;1;10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8932773978;1579010413173;17;1ya5yrwelrso-yxib3ctz0mdjsqkh2uffmn2kfrmynlkfp2vhk5vxrjlyzc1nx1i8okgrxz4hh9fxnqqavexbjgszjfxng_3tikapcccza7s5nl0iiv528sipt3_n6smfvjyvnmz5gmbld86jsedcdqpnbowbtwaejdtwlwiwyazylw418myzkyijnlherxkuhkwirbjlepto_djldn08dfaund-n0qfk8wr4qxtcvxvv5frog\";267;4;4100];5701393;6.1;79;["mozilla/5.0 (windows nt 6.1) applewebkit/537.36 (khtml;[1;[[13701418;[[n</t>
  </si>
  <si>
    <t>"mozilla/5.0 (windows nt 6.1) applewebkit/537.36 (khtml,0,0]4003ll,0]:0}:0})�� 66,0]l,1,10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8932773978,1579010413173,17,1ya5yrwelrso-yxib3ctz0mdjsqkh2uffmn2kfrmynlkfp2vhk5vxrjlyzc1nx1i8okgrxz4hh9fxnqqavexbjgszjfxng_3tikapcccza7s5nl0iiv528sipt3_n6smfvjyvnmz5gmbld86jsedcdqpnbowbtwaejdtwlwiwyazylw418myzkyijnlherxkuhkwirbjlepto_djldn08dfaund-n0qfk8wr4qxtcvxvv5frog\",267,4,4100],5701393,6.1,79,["mozilla/5.0 (windows nt 6.1) applewebkit/537.36 (khtml,[1,[[13701418,[[n</t>
  </si>
  <si>
    <t>01/15/2020 11:48:38</t>
  </si>
  <si>
    <t>01/15/2020 11:48:40</t>
  </si>
  <si>
    <t>01/15/2020 11:48:20</t>
  </si>
  <si>
    <t>01/15/2020 11:48:21</t>
  </si>
  <si>
    <t>lu10756ou0yf.tmp</t>
  </si>
  <si>
    <t>\\acsfs\profiles$\dhiulliananads\My Documents\lu10756ou0yf.tmp</t>
  </si>
  <si>
    <t>\\acsfs\profiles$\dhiulliananads\My Documents\lu10756ou0yf.tmp\</t>
  </si>
  <si>
    <t>\\acsfs\profiles$\dhiulliananads\My Documents\lu10756ou0yf.tmp\META-INF\</t>
  </si>
  <si>
    <t>\\acsfs\profiles$\dhiulliananads\My Documents\lu10756ou0yf.tmp\Thumbnails\</t>
  </si>
  <si>
    <t>01/15/2020 11:44:59</t>
  </si>
  <si>
    <t>01/15/2020 11:47:09</t>
  </si>
  <si>
    <t>01/15/2020 11:50:48</t>
  </si>
  <si>
    <t>alyny.txt</t>
  </si>
  <si>
    <t>\\acsfs\profiles$\ALYNYA\My Documents\alyny.txt</t>
  </si>
  <si>
    <t>01/15/2020 11:46:09</t>
  </si>
  <si>
    <t>01/15/2020 11:45:32</t>
  </si>
  <si>
    <t>01/15/2020 11:45:37</t>
  </si>
  <si>
    <t>01/15/2020 11:45:41</t>
  </si>
  <si>
    <t>01/15/2020 11:45:50</t>
  </si>
  <si>
    <t>01/15/2020 11:46:05</t>
  </si>
  <si>
    <t>01/15/2020 11:46:11</t>
  </si>
  <si>
    <t>01/15/2020 11:45:52</t>
  </si>
  <si>
    <t>\\acsfs\DEPTOS\EDUCACAO EMPRESARIAL\2 - Operações\0 - BV\1 - TREINADORES\Haruna\halloween\</t>
  </si>
  <si>
    <t>\\acsfs\DEPTOS\EDUCACAO EMPRESARIAL\2 - Operações\0 - BV\1 - TREINADORES\Haruna\halloween\Thumbs.db</t>
  </si>
  <si>
    <t>01/15/2020 11:45:53</t>
  </si>
  <si>
    <t>\\acsfs\DEPTOS\EDUCACAO EMPRESARIAL\2 - Operações\0 - BV\1 - TREINADORES\Haruna\pilulas do conhecimento\</t>
  </si>
  <si>
    <t>\\acsfs\DEPTOS\EDUCACAO EMPRESARIAL\2 - Operações\0 - BV\1 - TREINADORES\Haruna\pilulas do conhecimento\Thumbs.db</t>
  </si>
  <si>
    <t>01/15/2020 11:47:27</t>
  </si>
  <si>
    <t>\\acsfs\DEPTOS\EDUCACAO EMPRESARIAL\2 - Operações\0 - BV\1 - TREINADORES\Haruna\Skill LOCALIZAÇÃO DE Pagamento\</t>
  </si>
  <si>
    <t>\\acsfs\DEPTOS\EDUCACAO EMPRESARIAL\2 - Operações\0 - BV\1 - TREINADORES\Haruna\Skill LOCALIZAÇÃO DE Pagamento\Thumbs.db</t>
  </si>
  <si>
    <t>01/15/2020 11:48:10</t>
  </si>
  <si>
    <t>01/15/2020 11:48:15</t>
  </si>
  <si>
    <t>01/15/2020 11:48:18</t>
  </si>
  <si>
    <t>01/15/2020 11:48:31</t>
  </si>
  <si>
    <t>01/15/2020 11:48:55</t>
  </si>
  <si>
    <t>01/15/2020 11:48:59</t>
  </si>
  <si>
    <t>01/15/2020 11:49:55</t>
  </si>
  <si>
    <t>01/15/2020 11:50:35</t>
  </si>
  <si>
    <t>01/15/2020 11:50:38</t>
  </si>
  <si>
    <t>01/15/2020 11:46:57</t>
  </si>
  <si>
    <t>01/15/2020 11:51:48</t>
  </si>
  <si>
    <t>01/15/2020 11:50:32</t>
  </si>
  <si>
    <t>01/15/2020 11:52:48</t>
  </si>
  <si>
    <t>01/15/2020 11:49:01</t>
  </si>
  <si>
    <t>01/15/2020 11:49:16</t>
  </si>
  <si>
    <t>01/15/2020 11:50:13</t>
  </si>
  <si>
    <t>01/15/2020 11:51:31</t>
  </si>
  <si>
    <t>01/15/2020 11:54:48</t>
  </si>
  <si>
    <t>01/15/2020 11:49:13</t>
  </si>
  <si>
    <t>0]578941s�� 90;0]l;142961685;1579009209061;1ya5yrwelrso-yxib3ctz0mdjsqkh2uffmn2kfrmynlkfp2vhk5vxrjlyzc1nx1i8okgrxz4hh9fxnqqavexbjgszjfxng_3tikapcccza7s5nl0iiv528sipt3_n6smfvjyvnmz5gmbld86jsedcdqpnbowbtwaejdtwlwiwyazylw418myzkyijnlherxkuhkwirbfleptkl70-xcv3hftlbbjjxtoi_o17yeczh0kurrxgw\";263;[];[]]];false;i_o17yeczh0kurrxgw\";null;true]";</t>
  </si>
  <si>
    <t>0]578941s�� 90,0]l,142961685,1579009209061,1ya5yrwelrso-yxib3ctz0mdjsqkh2uffmn2kfrmynlkfp2vhk5vxrjlyzc1nx1i8okgrxz4hh9fxnqqavexbjgszjfxng_3tikapcccza7s5nl0iiv528sipt3_n6smfvjyvnmz5gmbld86jsedcdqpnbowbtwaejdtwlwiwyazylw418myzkyijnlherxkuhkwirbfleptkl70-xcv3hftlbbjjxtoi_o17yeczh0kurrxgw\",263,[],[]]],false,i_o17yeczh0kurrxgw\",null,true]"</t>
  </si>
  <si>
    <t>01/15/2020 11:49:33</t>
  </si>
  <si>
    <t>01/15/2020 11:49:56</t>
  </si>
  <si>
    <t>01/15/2020 11:50:16</t>
  </si>
  <si>
    <t>01/15/2020 11:50:39</t>
  </si>
  <si>
    <t>01/15/2020 11:51:02</t>
  </si>
  <si>
    <t>01/15/2020 11:51:05</t>
  </si>
  <si>
    <t>01/15/2020 11:53:02</t>
  </si>
  <si>
    <t>01/15/2020 11:53:09</t>
  </si>
  <si>
    <t>0]l;13/01/2020;142961685;1578934579132;1579099948195000]]];16;[];[]]];ancestorhasaugmentedpermissions;atuima2v-l-r4mlrttnejldjmmcmtjqqdb_eo8phe2_wqj_y1ojumr1iabvw2ppblwocree42tuodgonxc9zyn_d_xfphgrxhjqekmcli1-m1tn045hfoxl9rezb4tt0\";b9/i2ikalgbcgki0ezlqoyf5wikfsotntk5otm2nda3ndu3ndq1nzywmaolcp/ vcq9iecixqew48yp8ncg/4r ogw5ndczmtg5odk4mdm;containsunsubscribedchildren;displayname;domain;emailaddress;false;file(kind;fileid;filesize;gw5ndczmtg5odk4mdmri6pttu9o21oycw==";hasthumbnail;hasvisitorpermissions;id;id);items(deleted;ken;kind;lastmodifyinguser(kind;lastviewedbymedate;modifiedbymedate;modifieddate;null;ontainsunsubscribedchildren;owners(kind;per;permissionid;picture;shared;sharedwithmedate;thumbnailversion;title;true]";userpermission(role);workspaceids;</t>
  </si>
  <si>
    <t>0]l,13/01/2020,142961685,1578934579132,1579099948195000]]],16,[],[]]],ancestorhasaugmentedpermissions,atuima2v-l-r4mlrttnejldjmmcmtjqqdb_eo8phe2_wqj_y1ojumr1iabvw2ppblwocree42tuodgonxc9zyn_d_xfphgrxhjqekmcli1-m1tn045hfoxl9rezb4tt0\",b9/i2ikalgbcgki0ezlqoyf5wikfsotntk5otm2nda3ndu3ndq1nzywmaolcp/ vcq9iecixqew48yp8ncg/4r ogw5ndczmtg5odk4mdm,containsunsubscribedchildren,displayname,domain,emailaddress,false,file(kind,fileid,filesize,gw5ndczmtg5odk4mdmri6pttu9o21oycw=="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</t>
  </si>
  <si>
    <t>01/15/2020 11:53:36</t>
  </si>
  <si>
    <t>http:///batch/drive/v2internal?%24ct=multipart%2Fmixed%3B%20boundary%3D%22%3D%3D%3D%3D%3D3a8rlhcv0ng%3D%3D%3D%3D%3D%22&amp;key=AIzaSyAy9VVXHSpS2IJpptzYtGbLP3-3_l0aBk4</t>
  </si>
  <si>
    <t>http://0]l,13/01/2020,142961685,1578934579132,1579099948195000]]],16,[],[]]],ancestorhasaugmentedpermissions,atuima2v-l-r4mlrttnejldjmmcmtjqqdb_eo8phe2_wqj_y1ojumr1iabvw2ppblwocree42tuodgonxc9zyn_d_xfphgrxhjqekmcli1-m1tn045hfoxl9rezb4tt0\",b9/i2ikalgbcgki0ezlqoyf5wikfsotntk5otm2nda3ndu3ndq1nzywmaolcp/ vcq9iecixqew48yp8ncg/4r ogw5ndczmtg5odk4mdm,containsunsubscribedchildren,displayname,domain,emailaddress,false,file(kind,fileid,filesize,gw5ndczmtg5odk4mdmri6pttu9o21oycw=="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</t>
  </si>
  <si>
    <t>01/15/2020 11:53:37</t>
  </si>
  <si>
    <t>http:///batch/drive/v2internal?%24ct=multipart%2Fmixed%3B%20boundary%3D%22%3D%3D%3D%3D%3D5tguj4pxrfib%3D%3D%3D%3D%3D%22&amp;key=AIzaSyAy9VVXHSpS2IJpptzYtGbLP3-3_l0aBk4</t>
  </si>
  <si>
    <t>0]l;13/01/2020;142961685;1578934579132;1579099948195000]]];16;6839a9_u x-goog-authuser: 0 --=====5tguj4pxrfib=====-- &gt;(0)};[];[]]];ancestorhasaugmentedpermissions;atuima2v-l-r4mlrttnejldjmmcmtjqqdb_eo8phe2_wqj_y1ojumr1iabvw2ppblwocree42tuodgonxc9zyn_d_xfphgrxhjqekmcli1-m1tn045hfoxl9rezb4tt0\";b9/i2ikalgbcgki0ezlqoyf5wikfsotntk5otm2nda3ndu3ndq1nzywmaolcp/ vcq9iecixqew48yp8ncg/4r ogw5ndczmtg5odk4mdm;containsunsubscribedchildren;displayname;domain;emailaddress;false;file(kind;fileid;filesize;gw5ndczmtg5odk4mdmri6pttu9o21oycw==";hasthumbnail;hasvisitorpermissions;id;id);items(deleted;ken;kind;lastmodifyinguser(kind;lastviewedbymedate;modifiedbymedate;modifieddate;null;ontainsunsubscribedchildren;owners(kind;per;permissionid;picture;shared;sharedwithmedate;thumbnailversion;title;true]";userpermission(role);workspaceids;</t>
  </si>
  <si>
    <t>http://0]l,13/01/2020,142961685,1578934579132,1579099948195000]]],16,6839a9_u x-goog-authuser: 0 --=====5tguj4pxrfib=====-- &gt;(0)},[],[]]],ancestorhasaugmentedpermissions,atuima2v-l-r4mlrttnejldjmmcmtjqqdb_eo8phe2_wqj_y1ojumr1iabvw2ppblwocree42tuodgonxc9zyn_d_xfphgrxhjqekmcli1-m1tn045hfoxl9rezb4tt0\",b9/i2ikalgbcgki0ezlqoyf5wikfsotntk5otm2nda3ndu3ndq1nzywmaolcp/ vcq9iecixqew48yp8ncg/4r ogw5ndczmtg5odk4mdm,containsunsubscribedchildren,displayname,domain,emailaddress,false,file(kind,fileid,filesize,gw5ndczmtg5odk4mdmri6pttu9o21oycw=="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</t>
  </si>
  <si>
    <t>01/15/2020 11:52:37</t>
  </si>
  <si>
    <t>01/15/2020 11:55:48</t>
  </si>
  <si>
    <t>01/15/2020 11:54:22</t>
  </si>
  <si>
    <t>Monitorias online.xlsx</t>
  </si>
  <si>
    <t>\\acsfs\DEPTOS\EDUCACAO EMPRESARIAL\2 - Operações\0 - BV\1 - TREINADORES\Luiz Fernando\Monitorias online.xlsx</t>
  </si>
  <si>
    <t>01/15/2020 11:50:55</t>
  </si>
  <si>
    <t>01/15/2020 11:50:59</t>
  </si>
  <si>
    <t>01/15/2020 11:56:48</t>
  </si>
  <si>
    <t>01/15/2020 11:53:01</t>
  </si>
  <si>
    <t>01/15/2020 11:53:08</t>
  </si>
  <si>
    <t>01/15/2020 11:53:13</t>
  </si>
  <si>
    <t>01/15/2020 11:53:14</t>
  </si>
  <si>
    <t>01/15/2020 11:53:18</t>
  </si>
  <si>
    <t>01/15/2020 11:53:21</t>
  </si>
  <si>
    <t>01/15/2020 11:53:26</t>
  </si>
  <si>
    <t>01/15/2020 11:53:30</t>
  </si>
  <si>
    <t>01/15/2020 11:53:53</t>
  </si>
  <si>
    <t>01/15/2020 11:53:58</t>
  </si>
  <si>
    <t>01/15/2020 11:54:23</t>
  </si>
  <si>
    <t>01/15/2020 11:54:30</t>
  </si>
  <si>
    <t>01/15/2020 11:54:55</t>
  </si>
  <si>
    <t>01/15/2020 11:55:08</t>
  </si>
  <si>
    <t>01/15/2020 11:53:40</t>
  </si>
  <si>
    <t>a245e059-257f-434d-b5dc-4589692ccd00.tmp</t>
  </si>
  <si>
    <t>\\acsfs\profiles$\geovannasm\Downloads\a245e059-257f-434d-b5dc-4589692ccd00.tmp</t>
  </si>
  <si>
    <t>01/15/2020 11:51:49</t>
  </si>
  <si>
    <t>01/15/2020 11:57:48</t>
  </si>
  <si>
    <t>01/15/2020 11:51:59</t>
  </si>
  <si>
    <t>01/15/2020 11:52:15</t>
  </si>
  <si>
    <t>01/15/2020 11:55:29</t>
  </si>
  <si>
    <t>cb7a05a8-b356-43ae-aab9-035aea075b6e.tmp</t>
  </si>
  <si>
    <t>\\acsfs\profiles$\adelvinsonle\Downloads\cb7a05a8-b356-43ae-aab9-035aea075b6e.tmp</t>
  </si>
  <si>
    <t>01/15/2020 11:53:45</t>
  </si>
  <si>
    <t>ec1c6eb4-fa04-4518-87f2-d102f83683fa.tmp</t>
  </si>
  <si>
    <t>\\acsfs\profiles$\THYAGOSP\Downloads\ec1c6eb4-fa04-4518-87f2-d102f83683fa.tmp</t>
  </si>
  <si>
    <t>01/15/2020 11:56:10</t>
  </si>
  <si>
    <t>f80fa07b-5298-4a1c-b46a-4e11e45ff0fe.tmp</t>
  </si>
  <si>
    <t>\\acsfs\profiles$\isabellegtds\Downloads\f80fa07b-5298-4a1c-b46a-4e11e45ff0fe.tmp</t>
  </si>
  <si>
    <t>01/15/2020 11:57:05</t>
  </si>
  <si>
    <t>01/15/2020 11:57:09</t>
  </si>
  <si>
    <t>01/15/2020 11:55:16</t>
  </si>
  <si>
    <t>01/15/2020 11:58:48</t>
  </si>
  <si>
    <t>01/15/2020 11:57:26</t>
  </si>
  <si>
    <t>0ccc24d5-ab86-4a1a-a5cc-105b052f729a.tmp</t>
  </si>
  <si>
    <t>\\acsfs\profiles$\henriquehmdo\Downloads\0ccc24d5-ab86-4a1a-a5cc-105b052f729a.tmp</t>
  </si>
  <si>
    <t>01/15/2020 11:55:18</t>
  </si>
  <si>
    <t>01/15/2020 11:59:49</t>
  </si>
  <si>
    <t>1146b9d8-d5a1-463e-bd60-462008d2f1cb.tmp</t>
  </si>
  <si>
    <t>\\acsfs\profiles$\KARENDSR\Downloads\1146b9d8-d5a1-463e-bd60-462008d2f1cb.tmp</t>
  </si>
  <si>
    <t>01/15/2020 11:54:45</t>
  </si>
  <si>
    <t>01/15/2020 11:54:49</t>
  </si>
  <si>
    <t>01/15/2020 11:54:52</t>
  </si>
  <si>
    <t>01/15/2020 11:54:58</t>
  </si>
  <si>
    <t>01/15/2020 11:55:02</t>
  </si>
  <si>
    <t>01/15/2020 11:55:35</t>
  </si>
  <si>
    <t>_x0002_�_x0019_�\]�$�e[�a_x0004_�mw���1_x0004_j4&gt;g��&gt;_x0008_����~�j�_x0012_�i_x001D_;"mozilla/5.0 (windows nt 6.1) applewebkit/537.36 (khtml;0] _x0018_�2_x0007_c-4e;0] �o� 99;0]ackages\tornado\platform\interface.py;0]l;0]ll;0]m1 ];1;124;125;13;13700014;13700109;13700167;13700185;13700451;13700883;13700946;13700951;13701078;13701207;13701214;13701239;13701262;13701298;13701418;13701422;13701430;13701450;13701486;13701506;13701510;13701537;13701573;13701577;13701609;13701625;13701653;13701657;13701693;13701693�;13701709;13701749;13701825;13701901;13701905;13701909;13701957;13701969;13702064;13702068;13702088;142961685;15;1578915882896000;1578915886959000;1578930052848000;1578930058554000;1578934278142;1578953843159;1578967086911;1578967387907;1579080918516;298;299;313;378;380;489;4repet0scaaaa4liaaaajmqf2kz44sg1npvhrp5ya-eah9mzpvg6kl9izriwjk97h6v_kcjh4sw2rf_itsulvo-3l6-wytsybqsmi4xv23fkeay8qmocdpcm6u6mkhgpg1ycp4mktrb_yi4ruhaswq2li4w3ybymavyxxvltnranpmk;5701393;80;[[13701418;[[13701573;[];[]]];adfn-ct7ciskssyu-68afh9xg7xv2c6f8dx_seofhsqerkx2bhpqslb3crfufkpjjmcd4mgj</t>
  </si>
  <si>
    <t>_x0002_�_x0019_�\]�$�e[�a_x0004_�mw���1_x0004_j4&gt;g��&gt;_x0008_����~�j�_x0012_�i_x001D_,"mozilla/5.0 (windows nt 6.1) applewebkit/537.36 (khtml,0] _x0018_�2_x0007_c-4e,0] �o� 99,0]ackages\tornado\platform\interface.py,0]l,0]ll,0]m1 ],1,124,125,13,13700014,13700109,13700167,13700185,13700451,13700883,13700946,13700951,13701078,13701207,13701214,13701239,13701262,13701298,13701418,13701422,13701430,13701450,13701486,13701506,13701510,13701537,13701573,13701577,13701609,13701625,13701653,13701657,13701693,13701693�,13701709,13701749,13701825,13701901,13701905,13701909,13701957,13701969,13702064,13702068,13702088,142961685,15,1578915882896000,1578915886959000,1578930052848000,1578930058554000,1578934278142,1578953843159,1578967086911,1578967387907,1579080918516,298,299,313,378,380,489,4repet0scaaaa4liaaaajmqf2kz44sg1npvhrp5ya-eah9mzpvg6kl9izriwjk97h6v_kcjh4sw2rf_itsulvo-3l6-wytsybqsmi4xv23fkeay8qmocdpcm6u6mkhgpg1ycp4mktrb_yi4ruhaswq2li4w3ybymavyxxvltnranpmk,5701393,80,[[13701418,[[13701573,[],[]]],adfn-ct7ciskssyu-68afh9xg7xv2c6f8dx_seofhsqerkx2bhpqslb3crfufkpjjmcd4mgj</t>
  </si>
  <si>
    <t>01/15/2020 11:55:39</t>
  </si>
  <si>
    <t>01/15/2020 11:55:44</t>
  </si>
  <si>
    <t>01/15/2020 11:56:16</t>
  </si>
  <si>
    <t>01/15/2020 11:56:21</t>
  </si>
  <si>
    <t>01/15/2020 11:56:28</t>
  </si>
  <si>
    <t>01/15/2020 11:56:35</t>
  </si>
  <si>
    <t>01/15/2020 11:58:38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dfn-ct7ciskssyu-68afh9xg7xv2c6f8dx_seofhsqerkx2bhpqslb3crfufkpjjmcd4mgjscrt;alinedsdi@algartech.com;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yumycej8iu\";eivihpy39ubolmwn_tv0dulmvvvaumoqm1yahm2btwwn1gfxo0i2ldsyrmtc0s24p_ylydw7r0kcp9</t>
  </si>
  <si>
    <t>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dfn-ct7ciskssyu-68afh9xg7xv2c6f8dx_seofhsqerkx2bhpqslb3crfufkpjjmcd4mgjscrt,alinedsdi@algartech.com,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yumycej8iu\",eivihpy39ubolmwn_tv0dulmvvvaumoqm1yahm2btwwn1gfxo0i2ldsyrmtc0s24p_ylydw7r0kcp9</t>
  </si>
  <si>
    <t>01/15/2020 11:58:42</t>
  </si>
  <si>
    <t>01/15/2020 11:58:46</t>
  </si>
  <si>
    <t>01/15/2020 11:58:49</t>
  </si>
  <si>
    <t>01/15/2020 11:58:56</t>
  </si>
  <si>
    <t>01/15/2020 11:55:27</t>
  </si>
  <si>
    <t>mail.google.com/mail/u/0/jserror?script=https://mail.google.com/mail/u/0/#inbox&amp;error=class$obf_1009: [/sync/u/0/i/bv] me: unsupported http status: 503&amp;line=not available&amp;txz=p</t>
  </si>
  <si>
    <t>01/15/2020 11:55:57</t>
  </si>
  <si>
    <t>mail.google.com/mail/u/0/jserror?script=https://mail.google.com/mail/u/0/#inbox&amp;error=class$obf_1009: [/sync/u/0/el2] me: unsupported http status: 503&amp;line=not available&amp;txz=p</t>
  </si>
  <si>
    <t>01/15/2020 11:56:58</t>
  </si>
  <si>
    <t>01/15/2020 11:58:59</t>
  </si>
  <si>
    <t>01/15/2020 11:56:52</t>
  </si>
  <si>
    <t>01/15/2020 11:56:25</t>
  </si>
  <si>
    <t>01/15/2020 12:00:48</t>
  </si>
  <si>
    <t>d7ff94a5-75aa-46f0-81d5-eb01030f1cec.tmp</t>
  </si>
  <si>
    <t>\\acsfs\profiles$\esterasg\Downloads\d7ff94a5-75aa-46f0-81d5-eb01030f1cec.tmp</t>
  </si>
  <si>
    <t>01/15/2020 11:58:33</t>
  </si>
  <si>
    <t>01/15/2020 11:58:53</t>
  </si>
  <si>
    <t>01/15/2020 11:56:05</t>
  </si>
  <si>
    <t>01/15/2020 11:56:06</t>
  </si>
  <si>
    <t>01/15/2020 12:01:48</t>
  </si>
  <si>
    <t>01/15/2020 11:56:31</t>
  </si>
  <si>
    <t>01/15/2020 11:58:02</t>
  </si>
  <si>
    <t>01/15/2020 11:58:15</t>
  </si>
  <si>
    <t>01/15/2020 11:58:40</t>
  </si>
  <si>
    <t>01/15/2020 11:58:44</t>
  </si>
  <si>
    <t>01/15/2020 11:58:50</t>
  </si>
  <si>
    <t>01/15/2020 11:59:31</t>
  </si>
  <si>
    <t>01/15/2020 11:59:39</t>
  </si>
  <si>
    <t>65225300-101a-4950-b3c3-12db424f9755.tmp</t>
  </si>
  <si>
    <t>\\acsfs\profiles$\joselrb\Downloads\65225300-101a-4950-b3c3-12db424f9755.tmp</t>
  </si>
  <si>
    <t>01/15/2020 12:00:35</t>
  </si>
  <si>
    <t>01/15/2020 12:00:51</t>
  </si>
  <si>
    <t>a42c4f43-af21-4779-92ed-f10b040b0eea.tmp</t>
  </si>
  <si>
    <t>\\acsfs\profiles$\geovannasm\Downloads\a42c4f43-af21-4779-92ed-f10b040b0eea.tmp</t>
  </si>
  <si>
    <t>01/15/2020 11:58:31</t>
  </si>
  <si>
    <t>01/15/2020 11:59:52</t>
  </si>
  <si>
    <t>01/15/2020 12:02:48</t>
  </si>
  <si>
    <t>01/15/2020 12:00:05</t>
  </si>
  <si>
    <t>01/15/2020 12:00:07</t>
  </si>
  <si>
    <t>01/15/2020 11:59:59</t>
  </si>
  <si>
    <t>71f106cf-7100-4fe0-a560-411789507765.tmp</t>
  </si>
  <si>
    <t>\\acsfs\profiles$\victoriaksr\Downloads\71f106cf-7100-4fe0-a560-411789507765.tmp</t>
  </si>
  <si>
    <t>01/15/2020 11:59:00</t>
  </si>
  <si>
    <t>01/15/2020 12:04:48</t>
  </si>
  <si>
    <t>"mozilla/5.0 (windows nt 6.1) applewebkit/537.36 (khtml,0]:0}:0})�� 66,0]ackages\tornado\platform\interface.py,0]als,0]l,0]ll,1,13,13/01/2020,13700014,13700109,13700185,13700451,13700951,13701207,13701298,13701422,13701430,13701450,13701506,13701537,13701573,13701577,13701625,13701657,13701693,13701749,13701825,13701901,13701905,13701957,13701969,13702068,13702088,142961685,1578930052848000,1578930058554000,1578931268841,1578958659580,1578988003061,1578996732112,1578997334102,1579011617271,193,1ya5yrwelrso-yxib3ctz0mdjsqkh2uffmn2kfrmynlkfp2vhk5vxrjlyzc1nx1i8okgrxz4hh9fxnqqavexbjgszjfxng_3tikapcccza7s5nl0iiv528sipt3_n6smfvjyvnmz5gmbld86jsedcdqpnbowbtwaejdtwlwiwyazylw418myzkyijnlherxkuhkwiradlept6s2wwy3irlvxilsn2tmtreu5sjcyzesw5wrmka\",1ya5yrwelrso-yxib3ctz0mdjsqkh2uffmn2kfrmynlkfp2vhk5vxrjlyzc1nx1i8okgrxz4hh9fxnqqavexbjgszjfxng_3tikapcccza7s5nl0iiv528sipt3_n6smfvjyvnmz5gmbld86jsedcdqpnbowbtwaejdtwlwiwyazylw418myzkyijnlherxkuhkwirb8leptlasz0q5gsq45bqhdpg08al-wyi5qw80da9lewq\",1ya5yrwelrso-yxib3ctz0mdjsqkh2uffmn</t>
  </si>
  <si>
    <t>01/15/2020 11:59:11</t>
  </si>
  <si>
    <t>01/15/2020 11:59:34</t>
  </si>
  <si>
    <t>li;"[[];"languagecode":"pt-br";"mozilla/5.0 (windows nt 6.1) applewebkit/537.36 (khtml;"requesttype":"background_request";"scenariotype;"timezone":"-03:00";-nh5e6j8pm8_oiulf29weexdvni822bcs7bug\";0]0};0]385;0]:0}lt\sc;0]\\\\\\_x0012_�y &lt;l;0]als;0]l;0]ll;0]ribedchildren;0]t\��* py;1;103;106;120;13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961685;1578930052848000;1578930058554000;1578930967785;1578954445213;1578960765991;1578961668980;1578965882926;1578988605113;1578993421153;1578993722150;1578994926132;1578996130121;1579000946294;1579028674002;1</t>
  </si>
  <si>
    <t>li,"[[],"languagecode":"pt-br","mozilla/5.0 (windows nt 6.1) applewebkit/537.36 (khtml,"requesttype":"background_request","scenariotype,"timezone":"-03:00",-nh5e6j8pm8_oiulf29weexdvni822bcs7bug\",0]0},0]385,0]:0}lt\sc,0]\\\\\\_x0012_�y &lt;l,0]als,0]l,0]ll,0]ribedchildren,0]t\��* py,1,103,106,120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961685,1578930052848000,1578930058554000,1578930967785,1578954445213,1578960765991,1578961668980,1578965882926,1578988605113,1578993421153,1578993722150,1578994926132,1578996130121,1579000946294,1579028674002,1</t>
  </si>
  <si>
    <t>01/15/2020 11:59:38</t>
  </si>
  <si>
    <t>01/15/2020 11:59:55</t>
  </si>
  <si>
    <t>01/15/2020 12:00:04</t>
  </si>
  <si>
    <t>01/15/2020 12:00:34</t>
  </si>
  <si>
    <t>01/15/2020 12:00:36</t>
  </si>
  <si>
    <t>01/15/2020 12:00:39</t>
  </si>
  <si>
    <t>"[[];"mozilla/5.0 (windows nt 6.1) applewebkit/537.36 (khtml;0;0];0] _x0018_�2_x0007_c-4e;0]:0};0]\\\\\\\_�o &lt;l;0]\\\\\\\��1 &lt;l;0]\\\\\\l|{ &lt;l;0]\\\\\\} � \\;0]\\��� &lt;l;0]ackages\tornado\platform\interface.py;0]als;0]ersion\&gt;\(ds��� 1.;0]l;0]ll;0]ribedchildren;1;107;121;13;135;135�_x0004_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961685;147;151;1578930052848000;1578930058554000;1578942404414;1578946919315;1578952338029;1578959261631;1578961969976;1578966183923;1578970398365;1578974156685;1578975360790;1578978370554;1578987702036;1578991615377;1579004994697</t>
  </si>
  <si>
    <t>"[[],"mozilla/5.0 (windows nt 6.1) applewebkit/537.36 (khtml,0,0],0] _x0018_�2_x0007_c-4e,0]:0},0]\\\\\\\_�o &lt;l,0]\\\\\\\��1 &lt;l,0]\\\\\\l|{ &lt;l,0]\\\\\\} � \\,0]\\��� &lt;l,0]ackages\tornado\platform\interface.py,0]als,0]ersion\&gt;\(ds��� 1.,0]l,0]ll,0]ribedchildren,1,107,121,13,135,135�_x0004_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961685,147,151,1578930052848000,1578930058554000,1578942404414,1578946919315,1578952338029,1578959261631,1578961969976,1578966183923,1578970398365,1578974156685,1578975360790,1578978370554,1578987702036,1578991615377,1579004994697</t>
  </si>
  <si>
    <t>01/15/2020 12:02:06</t>
  </si>
  <si>
    <t>01/15/2020 12:02:09</t>
  </si>
  <si>
    <t>http:///batch/drive/v2internal?%24ct=multipart%2Fmixed%3B%20boundary%3D%22%3D%3D%3D%3D%3Dl1doufml2twf%3D%3D%3D%3D%3D%22&amp;key=AIzaSyAy9VVXHSpS2IJpptzYtGbLP3-3_l0aBk4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dfn-ct7ciskssyu-68afh9xg7xv2c6f8dx_seofhsqerkx2bhpqslb3crfufkpjjmcd4mgjscrt;alinedsdi@algartech.com;ancestorhasaugmentedpermissions;containsunsubscribedchildren;displayname;domain;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yumycej8iu\</t>
  </si>
  <si>
    <t>http://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dfn-ct7ciskssyu-68afh9xg7xv2c6f8dx_seofhsqerkx2bhpqslb3crfufkpjjmcd4mgjscrt,alinedsdi@algartech.com,ancestorhasaugmentedpermissions,containsunsubscribedchildren,displayname,domain,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yumy</t>
  </si>
  <si>
    <t>01/15/2020 12:02:18</t>
  </si>
  <si>
    <t>http:///batch/drive/v2internal?%24ct=multipart%2Fmixed%3B%20boundary%3D%22%3D%3D%3D%3D%3Duhuckouocaf6%3D%3D%3D%3D%3D%22&amp;key=AIzaSyAy9VVXHSpS2IJpptzYtGbLP3-3_l0aBk4</t>
  </si>
  <si>
    <t>01/15/2020 12:01:00</t>
  </si>
  <si>
    <t>01/15/2020 12:03:01</t>
  </si>
  <si>
    <t>01/15/2020 12:02:19</t>
  </si>
  <si>
    <t>01/15/2020 12:02:20</t>
  </si>
  <si>
    <t>http:///batch/drive/v2internal?%24ct=multipart%2Fmixed%3B%20boundary%3D%22%3D%3D%3D%3D%3Dx3uyx0w2cvf2%3D%3D%3D%3D%3D%22&amp;key=AIzaSyAy9VVXHSpS2IJpptzYtGbLP3-3_l0aBk4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dfn-ct7ciskssyu-68afh9xg7xv2c6f8dx_seofhsqerkx2bhpqslb3crfufkpjjmcd4mgjscrt;alinedsdi@algartech.com;ancestorhasaugmentedpermissions;containsunsubscribedchildren;dis;displayname;domain;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yumycej</t>
  </si>
  <si>
    <t>http://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dfn-ct7ciskssyu-68afh9xg7xv2c6f8dx_seofhsqerkx2bhpqslb3crfufkpjjmcd4mgjscrt,alinedsdi@algartech.com,ancestorhasaugmentedpermissions,containsunsubscribedchildren,dis,displayname,domain,eivihpy39ubolmwn_tv0dulmvvvaumoqm1yahm2btwwn1gfxo0i2ldsyrmtc0s24p_ylydw7r0kcp9zrqof_2cpezk4wzkbkpilq4mn3otkryc5fpr7z99ozy3mof9eauhp4k7mjxgqntjdpj6mixvyvafv_bov-gzziu2j5ho4--ddnw7kowdlxcwbvz0las0obvsffchpclln_yajqcpna8e2yjkslqjfybdiqteq5kzpcwpzjvhpvnh2ju1pfk6eslnd8iygellc-jr1qpuvu0yf5-k</t>
  </si>
  <si>
    <t>01/15/2020 12:02:21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ctionitems;adfn-ct7ciskssyu-68afh9xg7xv2c6f8dx_seofhsqerkx2bhpqslb3crfufkpjjmcd4mgjscrt;alinedsdi@algartech.com;ancestorhasaugmentedpermission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</t>
  </si>
  <si>
    <t>http://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ctionitems,adfn-ct7ciskssyu-68afh9xg7xv2c6f8dx_seofhsqerkx2bhpqslb3crfufkpjjmcd4mgjscrt,alinedsdi@algartech.com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</t>
  </si>
  <si>
    <t>01/15/2020 12:02:22</t>
  </si>
  <si>
    <t>01/15/2020 12:02:23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ctionitems;adfn-ct7ciskssyu-68afh9xg7xv2c6f8dx_seofhsqerkx2bhpqslb3crfufkpjjmcd4mgjscrt;alinedsdi@algartech.com;ancestorhasaugmentedpermissions;canaddchildren;cancopy;candelete;candownload;canedit;canmoveitemoutofteamdrive;canmoveitemwithinteamdrive;canmoveteamdriveitem);canread;canreadteamdrive;canremovechildren;canrename;canshare;cant;cantrash;cantrashchildren;canuntrash;capabilities(canmoveitemintoteamdrive;containsunsubscribedchildren;contentrestrictions(readonly);copy</t>
  </si>
  <si>
    <t>http://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ctionitems,adfn-ct7ciskssyu-68afh9xg7xv2c6f8dx_seofhsqerkx2bhpqslb3crfufkpjjmcd4mgjscrt,alinedsdi@algartech.com,ancestorhasaugmentedpermissions,canaddchildren,cancopy,candelete,candownload,canedit,canmoveitemoutofteamdrive,canmoveitemwithinteamdrive,canmoveteamdriveitem),canread,canreadteamdrive,canremovechildren,canrename,canshare,cant,cantrash,cantrashchildren,canuntrash,capabilities(canmoveitemintoteamdrive,containsunsubscribedchildren,contentrestrictions(readonl</t>
  </si>
  <si>
    <t>01/15/2020 12:02:24</t>
  </si>
  <si>
    <t>01/15/2020 12:02:29</t>
  </si>
  <si>
    <t>http:///batch/drive/v2internal?%24ct=multipart%2Fmixed%3B%20boundary%3D%22%3D%3D%3D%3D%3D8wlivku3tl1d%3D%3D%3D%3D%3D%22&amp;key=AIzaSyAy9VVXHSpS2IJpptzYtGbLP3-3_l0aBk4</t>
  </si>
  <si>
    <t>"[[];"mozilla/5.0 (windows nt 6.1) applewebkit/537.36 (khtml;&amp;_x001A_&amp;y(�_�z_x0010_^txl4l�v|�qa0�2�k�țtxl4l��|�qa0�2��'�_x0015__x0016__x0013_ _x0013_;&amp;_x001A_&amp;y(�_���*;&amp;_x001A_&amp;z;&gt;@���h�i�.`��_x0001_��f�wn�jfj �p]�_x001A_;&amp;_x001A_&amp;zi~b_x0017_b���h�i(�_x0002_��a�e��o�*;0] _x0018_�2_x0007_c-4e;0]\\\\\\\��� &lt;l;0]\\\\\\�*� &lt;l;0]l;0]ribedchildren;0]thon-35.pyc;1;119;126;13;130841638;13700014;13700109;13700109�;13700167;13700185;13700235;13700451;13700563;13700607;13700951;13701078;13701207;13701235;13701239;13701276;13701298;13701422;13701430;13701450;13701506;13701534;13701537;13701573;13701577;13701589;13701609;13701625;13701657;13701693;13701693�;13701749;13701825;13701901;13701905;13701909;13701945]];13701953;13701957;13701969;13702068;13702088;138;142961685;153;155;1578930052848000;1578930058554000;1578958057528;1578965581932;1578967688903;1578971301444;1578975962847;1578976564592;1579001247369;1579030649468;1579086317952;1579100530082;1ya5yrwelrso-yxib3ctz0mdjsqkh2uffmn2kfrmynlkfp2vhk5vxrjlyzc1nx1i8okgrxz4hh9fxnqqavexbjgszjfxng_3tikapcccza7s5nl0iiv528sipt3_n6smfvjyvnmz5gmbld86jsedcdqpnbowbtwaejd</t>
  </si>
  <si>
    <t>http://"[[],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ribedchildren,0]thon-35.pyc,1,119,126,13,130841638,13700014,13700109,13700109�,13700167,13700185,13700235,13700451,13700563,13700607,13700951,13701078,13701207,13701235,13701239,13701276,13701298,13701422,13701430,13701450,13701506,13701534,13701537,13701573,13701577,13701589,13701609,13701625,13701657,13701693,13701693�,13701693�,13701749,13701825,13701901,13701905,13701909,13701945]],13701953,13701957,13701969,13702068,13702088,138,142961685,153,155,1578930052848000,1578930058554000,1578958057528,1578965581932,1578967688903,1578971301444,1578975962847,1578976564592,1579001247369,1579030649468,1579086317952,1579100530082,1ya5yrwelrso-yxib3ctz0mdjsqkh2uffmn2kfrmynlkfp2vhk5vxrjlyzc1nx1i8okgrxz4hh9fxnqqavexbjgszjfxng_3tikapcccza7s5nl0iiv528sipt3_n6smfvjyvnmz5gmbld86js</t>
  </si>
  <si>
    <t>01/15/2020 12:02:30</t>
  </si>
  <si>
    <t>http:///batch/drive/v2internal?%24ct=multipart%2Fmixed%3B%20boundary%3D%22%3D%3D%3D%3D%3Do1zezciopijl%3D%3D%3D%3D%3D%22&amp;key=AIzaSyAy9VVXHSpS2IJpptzYtGbLP3-3_l0aBk4</t>
  </si>
  <si>
    <t>01/15/2020 12:02:31</t>
  </si>
  <si>
    <t>01/15/2020 12:03:12</t>
  </si>
  <si>
    <t>"mozilla/5.0 (windows nt 6.1) applewebkit/537.36 (khtml;0;0.272;0.306;0.312;0.332;0.341;0.365;0.371;0.371];0.385;0.525;0.534];0.554;0.561;0.616];0.62];0.653];0.668;0.675];0.683];0.908];0.928;0.941];0.964];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;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ueiroz&lt;</t>
  </si>
  <si>
    <t>http://"mozilla/5.0 (windows nt 6.1) applewebkit/537.36 (khtml,0,0.272,0.306,0.312,0.332,0.341,0.365,0.371,0.371],0.385,0.525,0.534],0.554,0.561,0.616],0.62],0.653],0.668,0.675],0.683],0.908],0.928,0.941],0.964],00&lt;/td&gt;&lt;td style=\"border-top: none; border-left: none;\"&gt;incentivo - operaÇÃo bv financeira&lt;/td&gt;&lt;/tr&gt;&lt;tr style=\"height: 11.25pt;\"&gt;&lt;td height=\"15\" style=\"height: 11.25pt; border-top: none;\"&gt;100706&lt;/td&gt;&lt;td style=\"border-top: none; border-left: none;\"&gt;kamilla batista moraes&lt;/td&gt;&lt;td style=\"border-top: none; border-left: none;\"&gt;maristela vitoria oliveira de queiroz&lt;/td&gt;&lt;td style=\"border-top: none; border-left: none;\"&gt;r$ 40,00&lt;/td&gt;&lt;td style=\"border-top: none; border-left: none;\"&gt;incentivo - operaÇÃo bv financeira&lt;/td&gt;&lt;/tr&gt;&lt;tr style=\"height: 11.25pt;\"&gt;&lt;td height=\"15\" style=\"height: 11.25pt; border-top: none;\"&gt;100874&lt;/td&gt;&lt;td style=\"border-top: none; border-left: none;\"&gt;priscila ellen dos santos soares&lt;/td&gt;&lt;td style=\"border-top: none; border-left: none;\"&gt;maristela vitoria oliveira de q</t>
  </si>
  <si>
    <t>01/15/2020 12:01:58</t>
  </si>
  <si>
    <t>01/15/2020 12:01:53</t>
  </si>
  <si>
    <t>"[[];"[\"1578938069213\";"mozilla/5.0 (windows nt 6.1; win64; x64) applewebkit/537.36 (khtml;0\;0]0];0]l;0]�nk�c��m�(��k��hy���t緳�?�]�l�'���ʱ�k�3'&amp;_x0019_rq�l]y~x��y�`��_x0001_(=� �����-o��}_x001E_o� e_x0016_^ ~q��[j�t��_`�_x000E_��ö_x0001_;1;13;13700109;13700167;13700235;13700951;13701078;13701207;13701214;13701235;13701239;13701458;13701486;13701506;13701510;13701534;13701573;13701577;13701613;13701625;13701653;13701693;13701709;13701901;13701949;13701969;15;1578938074214;1578938589213;1578940723092000;1578940727411000;1578943136570;16;1\;25;285089911;4129063919656596672\;6929;7057;708385187;7332;7416;7433;7443;7462;7495;7500;7512;7567;7582;7634;7637;7];8200010;8202123;8202124;8202125;8202126;8202193;8202316;8202323;8202463;8202511;8202514;8202524;8202578;8202720];9;[1;[7591;[[13701450;[[null;[];[]];[]]"];[]]];[null;\"[[null;];adfn-cukavp_gzvgyovd4ezxa34ayzzyr-p2q7lkzwbbb3upbycht4niuwjbx-5yqdis7nlddfhi;false;false];fq2hjgod7i0d9g";gmail_fe_191205.12_p5\\\;iwagbqyq5_cmqlzbanwpacqolgbymbrky1hyw9wzwbrqebiph8iqz-_-nea8ajk3cl1u6dhazrweuy4acpn1lbx</t>
  </si>
  <si>
    <t>"[[],"[\"1578938069213\","mozilla/5.0 (windows nt 6.1; win64; x64) applewebkit/537.36 (khtml,0\,0]0],0]l,0]�nk�c��m�(��k��hy���t緳�?�]�l�'���ʱ�k�3'&amp;_x0019_rq�l]y~x��y�`��_x0001_(=� �����-o��}_x001E_o� e_x0016_^ ~q��[j�t��_`�_x000E_��ö_x0001_,1,13,13700109,13700167,13700235,13700951,13701078,13701207,13701214,13701235,13701239,13701458,13701486,13701506,13701510,13701534,13701573,13701577,13701613,13701625,13701653,13701693,13701709,13701901,13701949,13701969,15,1578938074214,1578938589213,1578940723092000,1578940727411000,1578943136570,16,1\,25,285089911,4129063919656596672\,6929,7057,708385187,7332,7416,7433,7443,7462,7495,7500,7512,7567,7582,7634,7637,7],8200010,8202123,8202124,8202125,8202126,8202193,8202316,8202323,8202463,8202511,8202514,8202524,8202578,8202720],9,[1,[7591,[[13701450,[[null,[],[]],[]]"],[]]],[null,\"[[null,],adfn-cukavp_gzvgyovd4ezxa34ayzzyr-p2q7lkzwbbb3upbycht4niuwjbx-5yqdis7nlddfhi,false,false],fq2hjgod7i0d9g",gmail_fe_191205.12_p5\\\,iwagbqyq5_cmqlzbanwpacqolgbymbrky1hyw9wzwbrqebiph8iqz-_-nea8ajk3cl1u6dhazrweuy4acpn1lbx</t>
  </si>
  <si>
    <t>01/15/2020 12:02:10</t>
  </si>
  <si>
    <t>01/15/2020 12:02:26</t>
  </si>
  <si>
    <t>01/15/2020 12:03:18</t>
  </si>
  <si>
    <t>01/15/2020 12:03:49</t>
  </si>
  <si>
    <t>01/15/2020 12:04:06</t>
  </si>
  <si>
    <t>01/15/2020 12:04:16</t>
  </si>
  <si>
    <t>01/15/2020 12:04:19</t>
  </si>
  <si>
    <t>01/15/2020 12:05:49</t>
  </si>
  <si>
    <t>01/15/2020 12:01:21</t>
  </si>
  <si>
    <t>01/15/2020 12:06:48</t>
  </si>
  <si>
    <t>01/15/2020 12:01:38</t>
  </si>
  <si>
    <t>01/15/2020 12:02:32</t>
  </si>
  <si>
    <t>01/15/2020 12:03:13</t>
  </si>
  <si>
    <t>01/15/2020 12:03:34</t>
  </si>
  <si>
    <t>01/15/2020 12:03:42</t>
  </si>
  <si>
    <t>01/15/2020 12:05:16</t>
  </si>
  <si>
    <t>01/15/2020 12:05:29</t>
  </si>
  <si>
    <t>01/15/2020 12:05:33</t>
  </si>
  <si>
    <t>01/15/2020 12:03:17</t>
  </si>
  <si>
    <t>73e1916f-c146-4add-a06f-44d1d047f362.tmp</t>
  </si>
  <si>
    <t>\\acsfs\profiles$\joselrb\Downloads\73e1916f-c146-4add-a06f-44d1d047f362.tmp</t>
  </si>
  <si>
    <t>01/15/2020 12:05:19</t>
  </si>
  <si>
    <t>d15bda1d-ec5c-49e2-b99a-6e3bc3d4de5e.tmp</t>
  </si>
  <si>
    <t>\\acsfs\profiles$\joselrb\Downloads\d15bda1d-ec5c-49e2-b99a-6e3bc3d4de5e.tmp</t>
  </si>
  <si>
    <t>01/15/2020 12:05:39</t>
  </si>
  <si>
    <t>7e7f5a10-4214-44fe-9534-305cc76391de.tmp</t>
  </si>
  <si>
    <t>\\acsfs\profiles$\geovannasm\Downloads\7e7f5a10-4214-44fe-9534-305cc76391de.tmp</t>
  </si>
  <si>
    <t>01/15/2020 12:01:56</t>
  </si>
  <si>
    <t>01/15/2020 12:07:48</t>
  </si>
  <si>
    <t>01/15/2020 12:05:10</t>
  </si>
  <si>
    <t>01/15/2020 12:06:00</t>
  </si>
  <si>
    <t>01/15/2020 12:06:03</t>
  </si>
  <si>
    <t>01/15/2020 12:04:02</t>
  </si>
  <si>
    <t>95826b5e-1452-4d09-998e-799e8668d01c.tmp</t>
  </si>
  <si>
    <t>\\acsfs\profiles$\Angelicacldr\Downloads\95826b5e-1452-4d09-998e-799e8668d01c.tmp</t>
  </si>
  <si>
    <t>01/15/2020 12:04:32</t>
  </si>
  <si>
    <t>a3daf696-d86b-4014-a403-4ff4e4ba77a7.tmp</t>
  </si>
  <si>
    <t>\\acsfs\profiles$\Angelicacldr\Downloads\a3daf696-d86b-4014-a403-4ff4e4ba77a7.tmp</t>
  </si>
  <si>
    <t>01/15/2020 12:05:04</t>
  </si>
  <si>
    <t>bbc38f02-0e08-48bb-bb14-477bcd07449f.tmp</t>
  </si>
  <si>
    <t>\\acsfs\profiles$\ayalabfi\Downloads\bbc38f02-0e08-48bb-bb14-477bcd07449f.tmp</t>
  </si>
  <si>
    <t>01/15/2020 12:04:20</t>
  </si>
  <si>
    <t>01/15/2020 12:04:31</t>
  </si>
  <si>
    <t>01/15/2020 12:04:34</t>
  </si>
  <si>
    <t>01/15/2020 12:04:44</t>
  </si>
  <si>
    <t>01/15/2020 12:04:54</t>
  </si>
  <si>
    <t>7;fernandaab@algartech.com;larisacc@algartech.com;lilianls@algartech.com;marianerdo@algartech.com;suportebv@mutantbr.com;talmaiardo@algartech.com;tatiane.biassi@mutantbr.com;thiagordu@algartech.com;vitorgmp@algartech.com;</t>
  </si>
  <si>
    <t>7,fernandaab@algartech.com,larisacc@algartech.com,lilianls@algartech.com,marianerdo@algartech.com,suportebv@mutantbr.com,talmaiardo@algartech.com,tatiane.biassi@mutantbr.com,thiagordu@algartech.com,vitorgmp@algartech.com</t>
  </si>
  <si>
    <t>01/15/2020 12:04:56</t>
  </si>
  <si>
    <t>01/15/2020 12:06:45</t>
  </si>
  <si>
    <t>01/15/2020 12:02:57</t>
  </si>
  <si>
    <t>01/15/2020 12:08:49</t>
  </si>
  <si>
    <t>01/15/2020 12:05:02</t>
  </si>
  <si>
    <t>01/15/2020 12:09:48</t>
  </si>
  <si>
    <t>01/15/2020 12:06:02</t>
  </si>
  <si>
    <t>01/15/2020 12:07:03</t>
  </si>
  <si>
    <t>01/15/2020 12:09:04</t>
  </si>
  <si>
    <t>01/15/2020 12:05:23</t>
  </si>
  <si>
    <t>01/15/2020 12:05:27</t>
  </si>
  <si>
    <t>01/15/2020 12:05:36</t>
  </si>
  <si>
    <t>"[[],"mozilla/5.0 (windows nt 6.1) applewebkit/537.36 (khtml,&amp;_x001A_&amp;y(�_���*,&amp;_x001A_&amp;y(�_�z_x0010_^txl4l�v|�qa0�2�k�țtxl4l��|�qa0�2��'�_x0015__x0016__x0013_ _x0013_,&amp;_x001A_&amp;z;&gt;@���h�i�.`��_x0001_��f�wn�jfj �p]�_x001A_,&amp;_x001A_&amp;zi~b_x0017_b���h�i(�_x0002_��a�e��o�*,0] _x0018_�2_x0007_c-4e,0]\\\\\\\��� &lt;l,0]\\\\\\�*� &lt;l,0]l,0]ribedchildren,0]thon-35.pyc,1,119,126,13,130841638,13700014,13700109,13700109�,13700167,13700185,13700235,13700451,13700563,13700607,13700951,13701078,13701207,13701235,13701239,13701276,13701298,13701422,13701430,13701450,13701506,13701534,13701537,13701573,13701577,13701589,13701609,13701625,13701657,13701693,13701693�,13701693�,13701749,13701825,13701901,13701905,13701909,13701945]],13701953,13701957,13701969,13702068,13702088,138,142961685,153,155,1578930052848000,1578930058554000,1578958057528,1578965581932,1578967688903,1578971301444,1578975962847,1578976564592,1579001247369,1579030649468,1579086317952,1579100530082,1ya5yrwelrso-yxib3ctz0mdjsqkh2uffmn2kfrmynlkfp2vhk5vxrjlyzc1nx1i8okgrxz4hh9fxnqqavexbjgszjfxng_3tikapcccza7s5nl0iiv528sipt3_n6smfvjyvnmz5gmbld86jsedcdqpn</t>
  </si>
  <si>
    <t>01/15/2020 12:05:59</t>
  </si>
  <si>
    <t>01/15/2020 12:06:27</t>
  </si>
  <si>
    <t>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ctionitems,adfn-ct7ciskssyu-68afh9xg7xv2c6f8dx_seofhsqerkx2bhpqslb3crfufkpjjmcd4mgjscrt,alinedsdi@algartech.com,ancestorhasaugmentedpermissions,canaddchildren,cancopy,candelete,candownload,canedit,canmoveitemoutofteamdrive,canmoveitemwithinteamdrive,canmoveteamdriveitem),canread,canreadteamdrive,canremovechildren,canrename,canshare,cant,cantrash,cantrashchildren,canuntrash,capabilities(canmoveitemintoteamdrive,containsunsubscribedchildren,contentrestrictions(readonly),copy</t>
  </si>
  <si>
    <t>01/15/2020 12:04:39</t>
  </si>
  <si>
    <t>01/15/2020 12:06:35</t>
  </si>
  <si>
    <t>01/15/2020 12:04:46</t>
  </si>
  <si>
    <t>01/15/2020 12:06:43</t>
  </si>
  <si>
    <t>01/15/2020 12:05:12</t>
  </si>
  <si>
    <t>01/15/2020 12:05:17</t>
  </si>
  <si>
    <t>01/15/2020 12:07:18</t>
  </si>
  <si>
    <t>01/15/2020 12:05:25</t>
  </si>
  <si>
    <t>01/15/2020 12:07:27</t>
  </si>
  <si>
    <t>01/15/2020 12:07:33</t>
  </si>
  <si>
    <t>01/15/2020 12:05:34</t>
  </si>
  <si>
    <t>01/15/2020 12:07:47</t>
  </si>
  <si>
    <t>_x0003_���_x001C_x�*x_x0006_��e`y_x000E_;"[[];"mozilla/5.0 (windows nt 6.1) applewebkit/537.36 (khtml;0;0];0]";0]22] �_x0003_�_x0006_(�?_x0007_�=�_x0006_9995;0]];0]l;0]ll;0]ribedchildren;0]}ls;1;1253;13;130841638;13700014;13700109;13700109�;13700167;13700185;13700235;13700451;13700563;13700607;13700883;13700946;13700951;13700982;13701078;13701139;13701207;13701214;13701235;13701235]];13701235]]];13701239;13701262;13701276;13701298;13701418;13701422;13701430;13701450;13701458;13701486;13701506;13701510;13701534;13701537;13701573;13701577;13701589;13701609;13701613;13701625;13701653;13701657;13701693;13701709;13701749;13701825;13701833;13701901;13701905;13701909;13701921;13701945;13701945]];13701945]]];13701949;13701953;13701957;13701969;13702064;13702068;13702088;142961685;1578915539161\;1578915882896000;1578915886959000;1578923371630\;1578930052848000;1578930058554000;1578930666787;1578940598260;1579002887516;1579004392649;1579014326512;1579030649468;1579037922075\;1579037922677\;1579037932305;1579100829204;17;1]]";1ya5yrwelrso-yxib3ctz0mdjsqkh2uffmn2kfrmy</t>
  </si>
  <si>
    <t>_x0003_���_x001C_x�*x_x0006_��e`y_x000E_,"[[],"mozilla/5.0 (windows nt 6.1) applewebkit/537.36 (khtml,0,0],0]",0]22] �_x0003_�_x0006_(�?_x0007_�=�_x0006_9995,0]],0]l,0]ll,0]ribedchildren,0]}ls,1,1253,13,130841638,13700014,13700109,13700109�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539161\,1578915882896000,1578915886959000,1578923371630\,1578930052848000,1578930058554000,1578930666787,1578940598260,1579002887516,1579004392649,1579014326512,1579030649468,1579037922075\,1579037922677\,1579037932305,1579100829204,17,1]]",1ya5yrwelrso-yxib3ctz0mdjsqkh2uffmn2kfrmy</t>
  </si>
  <si>
    <t>01/15/2020 12:08:03</t>
  </si>
  <si>
    <t>01/15/2020 12:08:23</t>
  </si>
  <si>
    <t>"[[],"mozilla/5.0 (windows nt 6.1) applewebkit/537.36 (khtml,0]gc606,0]ll,0]ribedchildren,1,13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30052848000,1578930058554000,1578932171927,1578941200313,1578941501336,1579030649468,347,38,39,5701393,8,8202193],8202316,936,["mozilla/5.0 (windows nt 6.1) applewebkit/537.36 (khtml,["pt-br"]]]&amp;token=ac4w5vhljczanhxnqi1woyx0avs9x8dipw:1578930052842&amp;buildlabel=drive.web-frontend_20200101.00_p4]]",[8202524,[[13701418,[],[]]"],[]]],[null,adfn-ct7ciskssyu-68afh9xg7xv2c6f8dx_seofhsqerkx2bhpqslb3crfufkpjjmcd4mgjscrt,ancestorhasaugmentedpermissions,andrelpsa@algartech.com,atuima2v-l-r4mlrttnejldjmmcmtjqqdb_eo8phe2_wqj_y1ojumr1iabvw2ppblwocree42tuodgonxc9zyh_d_x</t>
  </si>
  <si>
    <t>01/15/2020 12:08:56</t>
  </si>
  <si>
    <t>01/15/2020 12:08:57</t>
  </si>
  <si>
    <t>01/15/2020 12:09:01</t>
  </si>
  <si>
    <t>01/15/2020 12:06:36</t>
  </si>
  <si>
    <t>01/15/2020 12:10:49</t>
  </si>
  <si>
    <t>LEONARDO COSTA BARROS_1_6777501798110408718_1_32.wav</t>
  </si>
  <si>
    <t>\\acsfs\Deptos\EDUCACAO EMPRESARIAL\FERNANDA MONIT\Fernanda\MONITORIA JANEIRO\Ligação para MUTANT segundo ciclo janeiro\LEONARDO COSTA BARROS_1_6777501798110408718_1_32.wav</t>
  </si>
  <si>
    <t>01/15/2020 12:11:48</t>
  </si>
  <si>
    <t>01/15/2020 12:06:07</t>
  </si>
  <si>
    <t>01/15/2020 12:06:13</t>
  </si>
  <si>
    <t>01/15/2020 12:06:25</t>
  </si>
  <si>
    <t>01/15/2020 12:06:26</t>
  </si>
  <si>
    <t>01/15/2020 12:06:58</t>
  </si>
  <si>
    <t>01/15/2020 12:07:16</t>
  </si>
  <si>
    <t>01/15/2020 12:08:22</t>
  </si>
  <si>
    <t>01/15/2020 12:08:31</t>
  </si>
  <si>
    <t>01/15/2020 12:09:12</t>
  </si>
  <si>
    <t>01/15/2020 12:09:14</t>
  </si>
  <si>
    <t>01/15/2020 12:08:19</t>
  </si>
  <si>
    <t>01/15/2020 12:13:48</t>
  </si>
  <si>
    <t>01/15/2020 12:08:20</t>
  </si>
  <si>
    <t>ESTER APARECIDA SILVA GOULART (2055).contact</t>
  </si>
  <si>
    <t>\\acsfs\profiles$\esterasg\Contacts\ESTER APARECIDA SILVA GOULART (2055).contact</t>
  </si>
  <si>
    <t>01/15/2020 12:08:33</t>
  </si>
  <si>
    <t>01/15/2020 12:08:34</t>
  </si>
  <si>
    <t>01/15/2020 12:08:35</t>
  </si>
  <si>
    <t>01/15/2020 12:08:36</t>
  </si>
  <si>
    <t>01/15/2020 12:08:37</t>
  </si>
  <si>
    <t>01/15/2020 12:08:38</t>
  </si>
  <si>
    <t>01/15/2020 12:08:50</t>
  </si>
  <si>
    <t>01/15/2020 12:11:07</t>
  </si>
  <si>
    <t>59a92d37-bf1b-4309-b492-bf7f660972f4.tmp</t>
  </si>
  <si>
    <t>\\acsfs\profiles$\esterasg\Downloads\59a92d37-bf1b-4309-b492-bf7f660972f4.tmp</t>
  </si>
  <si>
    <t>01/15/2020 12:11:56</t>
  </si>
  <si>
    <t>2a054546-f682-4822-817e-bf8f69277cd7.tmp</t>
  </si>
  <si>
    <t>\\acsfs\profiles$\esterasg\Downloads\2a054546-f682-4822-817e-bf8f69277cd7.tmp</t>
  </si>
  <si>
    <t>01/15/2020 12:08:27</t>
  </si>
  <si>
    <t>01/15/2020 12:08:58</t>
  </si>
  <si>
    <t>01/15/2020 12:09:03</t>
  </si>
  <si>
    <t>01/15/2020 12:09:21</t>
  </si>
  <si>
    <t>01/15/2020 12:09:34</t>
  </si>
  <si>
    <t>01/15/2020 12:09:41</t>
  </si>
  <si>
    <t>01/15/2020 12:09:44</t>
  </si>
  <si>
    <t>01/15/2020 12:12:05</t>
  </si>
  <si>
    <t>01/15/2020 12:14:48</t>
  </si>
  <si>
    <t>01/15/2020 12:12:07</t>
  </si>
  <si>
    <t>01/15/2020 12:12:24</t>
  </si>
  <si>
    <t>\\acsfs\profiles$\NATALIACSL\Novo Documento de Texto.txt</t>
  </si>
  <si>
    <t>01/15/2020 12:12:26</t>
  </si>
  <si>
    <t>01/15/2020 12:12:29</t>
  </si>
  <si>
    <t>01/15/2020 12:12:31</t>
  </si>
  <si>
    <t>01/15/2020 12:12:32</t>
  </si>
  <si>
    <t>01/15/2020 12:09:39</t>
  </si>
  <si>
    <t>"10":{"1":"cawqabgbigjwdcgaoaa";"10":{"1":394;"12":"157909972127125f4fbc9faa17ea0";"13":"pt-br";"14":"br";"14":"pt"};"14":"pt-br"};"17":{"1":["1579099743556";"2":"-03:00";"2":"1579100090343"};"2":"1579100090344"};"2":{"1":3;"2":{"1":394}};"21":"";"25":{"1":"1579099721271";"26":{"2":[{"1":{"1":"xdocx";"27":[{"1":{"1":"134";"3":"rai carlos duarte frias";"3":{"2":"1579100091057"}};"30":0}/rs=ahpooo-i9r7ibctuqfj0v-fphrkrs8aihq/cb=gapi.loaded_0";"4":"pr_10_0"}];"4":"pr_9_0"};"4":{"1":{"1":[{"1":"gdoc"}]}};"5":"msg-a:r1530722314700003390";"7":"cakqabgbigvwdc1cuigaoaa"};"7":"caoqabgbigjwdcgaoaa"};"8":{"2":1};"mozilla/5.0 (windows nt 6.1) applewebkit/537.36 (khtml;0;0];0] �_x0003_�_x0006_(�?_x0007_�=�_x0006_9995;0]4003ll;0]als;0]l;0]mt �o� 99;0]�o� _x0001_;1;12;13;137;13700014;13700109�;13700185;13700451;13700607;13700883;13700946;13700951;13700982;13701207;13701235;13701276;13701298;13701422;13701450;13701506;13701510;13701534;13701537;13701573;13701577;13701589;13701625;13701653;13701657;13701749;13701825;13701901;13701905;13701949;13701957;137</t>
  </si>
  <si>
    <t>"10":{"1":"cawqabgbigjwdcgaoaa","10":{"1":394,"12":"157909972127125f4fbc9faa17ea0","13":"pt-br","14":"br","14":"pt"},"14":"pt-br"},"17":{"1":["1579099743556","2":"-03:00","2":"1579100090343"},"2":"1579100090344"},"2":{"1":3,"2":{"1":394}},"21":"","25":{"1":"1579099721271","26":{"2":[{"1":{"1":"xdocx","27":[{"1":{"1":"134","3":"rai carlos duarte frias","3":{"2":"1579100091057"}},"30":0}/rs=ahpooo-i9r7ibctuqfj0v-fphrkrs8aihq/cb=gapi.loaded_0","4":"pr_10_0"}],"4":"pr_9_0"},"4":{"1":{"1":[{"1":"gdoc"}]}},"5":"msg-a:r1530722314700003390","7":"cakqabgbigvwdc1cuigaoaa"},"7":"caoqabgbigjwdcgaoaa"},"8":{"2":1},"mozilla/5.0 (windows nt 6.1) applewebkit/537.36 (khtml,0,0],0] �_x0003_�_x0006_(�?_x0007_�=�_x0006_9995,0]4003ll,0]als,0]l,0]mt �o� 99,0]�o� _x0001_,1,12,13,137,13700014,13700109�,13700185,13700451,13700607,13700883,13700946,13700951,13700982,13701207,13701235,13701276,13701298,13701422,13701450,13701506,13701510,13701534,13701537,13701573,13701577,13701589,13701625,13701653,13701657,13701749,13701825,13701901,13701905,13701949,13701957,137</t>
  </si>
  <si>
    <t>01/15/2020 12:09:45</t>
  </si>
  <si>
    <t>01/15/2020 12:09:53</t>
  </si>
  <si>
    <t>01/15/2020 12:10:10</t>
  </si>
  <si>
    <t>01/15/2020 12:10:25</t>
  </si>
  <si>
    <t>01/15/2020 12:10:29</t>
  </si>
  <si>
    <t>01/15/2020 12:10:33</t>
  </si>
  <si>
    <t>_x0012_�_x0016_��i�ue��pbԟ��_x0002_��tb_x0012_�_x0012_�¨�8��� �j��_x0013_��j� �_x0014_Ԍ�*!* ʈn�!*�*�q�2б'_x001A_w��Ԓ�$b;"mozilla/5.0 (windows nt 6.1) applewebkit/537.36 (khtml;0];0]";0]];1;1253;13;13700014;13700109;13700109�;13700167;13700185;13700235;13700451;13700563;13700607;13700883;13700946;13700951;13700982;13701078]]]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;13701949;13701953;13701957;13701969;13702064;13702068;13702087;13702088;1578915539161\;1578923371630\;1578930052848000;1578930058554000;1579037922075\;1579037922677\;1579037932305;1579098617448000;1579098618250000;17;1]]";5701393;82;[1;[4;[[13701418;[[4;[[null;[];[]]];[false;adfn-cs8f992cwemhbsbjpo7xkusakajyzgpkmu6nepe02v8izr4ztwrevntfa21yo6jjwsgkhkk;adfn-ct7ciskssyu-68afh9xg7xv2c6f8dx_seofhsqerkx2bhpqslb3crfufkpjjmcd4mgjscrt;</t>
  </si>
  <si>
    <t>_x0012_�_x0016_��i�ue��pbԟ��_x0002_��tb_x0012_�_x0012_�¨�8��� �j��_x0013_��j� �_x0014_Ԍ�*!* ʈn�!*�*�q�2б'_x001A_w��Ԓ�$b,"mozilla/5.0 (windows nt 6.1) applewebkit/537.36 (khtml,0],0]",0]],1,1253,13,13700014,13700109,13700109�,13700167,13700185,13700235,13700451,13700563,13700607,13700883,13700946,13700951,13700982,13701078]]]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,13701949,13701953,13701957,13701969,13702064,13702068,13702087,13702088,1578915539161\,1578923371630\,1578930052848000,1578930058554000,1579037922075\,1579037922677\,1579037932305,1579098617448000,1579098618250000,17,1]]",5701393,82,[1,[4,[[13701418,[[4,[[null,[],[]]],[false,adfn-cs8f992cwemhbsbjpo7xkusakajyzgpkmu6nepe02v8izr4ztwrevntfa21yo6jjwsgkhkk,adfn-ct7ciskssyu-68afh9xg7xv2c6f8dx_seofhsqerkx2bhpqslb3crfufkpjjmcd4mgjscrt,</t>
  </si>
  <si>
    <t>01/15/2020 12:11:21</t>
  </si>
  <si>
    <t>01/15/2020 12:11:25</t>
  </si>
  <si>
    <t>01/15/2020 12:11:49</t>
  </si>
  <si>
    <t>01/15/2020 12:12:10</t>
  </si>
  <si>
    <t>01/15/2020 12:12:47</t>
  </si>
  <si>
    <t>01/15/2020 12:12:51</t>
  </si>
  <si>
    <t>01/15/2020 12:13:01</t>
  </si>
  <si>
    <t>01/15/2020 12:13:34</t>
  </si>
  <si>
    <t>01/15/2020 12:14:22</t>
  </si>
  <si>
    <t>01/15/2020 12:14:25</t>
  </si>
  <si>
    <t>01/15/2020 12:11:18</t>
  </si>
  <si>
    <t>01/15/2020 12:15:48</t>
  </si>
  <si>
    <t>01/15/2020 12:11:45</t>
  </si>
  <si>
    <t>01/15/2020 12:13:17</t>
  </si>
  <si>
    <t>01/15/2020 12:13:22</t>
  </si>
  <si>
    <t>01/15/2020 12:13:27</t>
  </si>
  <si>
    <t>01/15/2020 12:13:55</t>
  </si>
  <si>
    <t>01/15/2020 12:14:10</t>
  </si>
  <si>
    <t>01/15/2020 12:14:30</t>
  </si>
  <si>
    <t>01/15/2020 12:14:37</t>
  </si>
  <si>
    <t>01/15/2020 12:15:14</t>
  </si>
  <si>
    <t>01/15/2020 12:11:03</t>
  </si>
  <si>
    <t>01/15/2020 12:11:53</t>
  </si>
  <si>
    <t>01/15/2020 12:16:48</t>
  </si>
  <si>
    <t>01/15/2020 12:12:19</t>
  </si>
  <si>
    <t>01/15/2020 12:12:28</t>
  </si>
  <si>
    <t>01/15/2020 12:12:35</t>
  </si>
  <si>
    <t>01/15/2020 12:12:46</t>
  </si>
  <si>
    <t>01/15/2020 12:12:58</t>
  </si>
  <si>
    <t>01/15/2020 12:14:40</t>
  </si>
  <si>
    <t>01/15/2020 12:14:54</t>
  </si>
  <si>
    <t>01/15/2020 12:15:12</t>
  </si>
  <si>
    <t>01/15/2020 12:15:33</t>
  </si>
  <si>
    <t>01/15/2020 12:15:50</t>
  </si>
  <si>
    <t>01/15/2020 12:17:48</t>
  </si>
  <si>
    <t>Não confirmado 104775.crdownload</t>
  </si>
  <si>
    <t>\\acsfs\Deptos\Operacao\Banco_Votorantim\Supervisao\Maristela\CRBV vendas\Desligamento\Não confirmado 104775.crdownload</t>
  </si>
  <si>
    <t>01/15/2020 12:13:45</t>
  </si>
  <si>
    <t>8d5b5878-0ff5-4d2a-87dd-786787678bd2.tmp</t>
  </si>
  <si>
    <t>\\acsfs\profiles$\ayalabfi\Downloads\8d5b5878-0ff5-4d2a-87dd-786787678bd2.tmp</t>
  </si>
  <si>
    <t>01/15/2020 12:15:25</t>
  </si>
  <si>
    <t>Não confirmado 596521.crdownload</t>
  </si>
  <si>
    <t>\\acsfs\Deptos\Operacao\Banco_Votorantim\Supervisao\Maristela\CRBV vendas\Desligamento\Não confirmado 596521.crdownload</t>
  </si>
  <si>
    <t>01/15/2020 12:15:51</t>
  </si>
  <si>
    <t>01/15/2020 12:18:49</t>
  </si>
  <si>
    <t>815cffc7-9191-4d06-8720-5d59ce2343f3.tmp</t>
  </si>
  <si>
    <t>\\acsfs\profiles$\gabrielsma\Downloads\815cffc7-9191-4d06-8720-5d59ce2343f3.tmp</t>
  </si>
  <si>
    <t>\\acsfs\profiles$\gabrielsma\Downloads\815cffc7-9191-4d06-8720-5d59ce2343f3.tmp\</t>
  </si>
  <si>
    <t>01/15/2020 12:14:53</t>
  </si>
  <si>
    <t>01/15/2020 12:19:48</t>
  </si>
  <si>
    <t>01/15/2020 12:16:13</t>
  </si>
  <si>
    <t>01/15/2020 12:14:35</t>
  </si>
  <si>
    <t>01/15/2020 12:20:49</t>
  </si>
  <si>
    <t>"[[],"mozilla/5.0 (windows nt 6.1) applewebkit/537.36 (khtml,0,0.371,0.371],0.668,0.9718172983479106],0],0] = \\,0] _x0018_�2_x0007_c-4e,0]10r,0]62],0]8,0]\\\\\\\�x� &lt;l,0]l,0]ll,0]ribedchildren,0]thon-35.pyc,0]� \\,1,100.42000000248663,1006.8650000030175,106.97500000242144,108,112.31999998562969,1123.3250000223052,1125.6949999951757,1126.459999999497,1127.005000016652,119.82000002171844,11c5m9ycfufsc7krihjn5d9wg8jcyqlqk,12.854],122.2049999923911,1237.7350000024308,1238.710000005085,127,1295.4500000050757,13,13.58,134.57500000367872,135.4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</t>
  </si>
  <si>
    <t>01/15/2020 12:19:52</t>
  </si>
  <si>
    <t>01/15/2020 12:21:48</t>
  </si>
  <si>
    <t>e1065c9d-4f51-4d92-8788-8d5b1032a027.tmp</t>
  </si>
  <si>
    <t>\\acsfs\profiles$\gabriellalpr\Downloads\e1065c9d-4f51-4d92-8788-8d5b1032a027.tmp</t>
  </si>
  <si>
    <t>01/15/2020 12:16:17</t>
  </si>
  <si>
    <t>01/15/2020 12:16:24</t>
  </si>
  <si>
    <t>01/15/2020 12:19:32</t>
  </si>
  <si>
    <t>01/15/2020 12:19:41</t>
  </si>
  <si>
    <t>01/15/2020 12:19:45</t>
  </si>
  <si>
    <t>01/15/2020 12:20:09</t>
  </si>
  <si>
    <t>01/15/2020 12:20:30</t>
  </si>
  <si>
    <t>01/15/2020 12:17:19</t>
  </si>
  <si>
    <t>01/15/2020 12:17:22</t>
  </si>
  <si>
    <t>mail.google.com/sync/u/0/i/s?hl=pt-BR&amp;c=1165</t>
  </si>
  <si>
    <t>01/15/2020 12:18:39</t>
  </si>
  <si>
    <t>01/15/2020 12:18:58</t>
  </si>
  <si>
    <t>mail.google.com/sync/u/0/i/s?hl=pt-BR&amp;c=1172</t>
  </si>
  <si>
    <t>01/15/2020 12:20:02</t>
  </si>
  <si>
    <t>01/15/2020 12:22:49</t>
  </si>
  <si>
    <t>Advertência - Planilha Zerada.doc</t>
  </si>
  <si>
    <t>\\acsfs\Deptos\Operacao\Banco_Votorantim\Supervisao\Maristela\CRBV vendas\Desligamento\Advertência - Planilha Zerada.doc</t>
  </si>
  <si>
    <t>01/15/2020 12:23:42</t>
  </si>
  <si>
    <t>01/15/2020 12:24:49</t>
  </si>
  <si>
    <t>lu103321fz63j.tmp</t>
  </si>
  <si>
    <t>\\acsfs\profiles$\BRUNAAR\Numero\lu103321fz63j.tmp</t>
  </si>
  <si>
    <t>01/15/2020 12:24:12</t>
  </si>
  <si>
    <t>XLOG_marcosvnds_15012020_105555.log</t>
  </si>
  <si>
    <t>\\acsfs\profiles$\marcosvnds\My Documents\xworkcenter\logs\XLOG_marcosvnds_15012020_105555.log</t>
  </si>
  <si>
    <t>01/15/2020 12:25:21</t>
  </si>
  <si>
    <t>01/15/2020 12:25:48</t>
  </si>
  <si>
    <t>01/15/2020 12:22:59</t>
  </si>
  <si>
    <t>01/15/2020 12:26:49</t>
  </si>
  <si>
    <t>01/15/2020 12:23:11</t>
  </si>
  <si>
    <t>01/15/2020 12:24:23</t>
  </si>
  <si>
    <t>01/15/2020 12:24:31</t>
  </si>
  <si>
    <t>01/15/2020 12:25:05</t>
  </si>
  <si>
    <t>01/15/2020 12:25:18</t>
  </si>
  <si>
    <t>01/15/2020 12:25:36</t>
  </si>
  <si>
    <t>01/15/2020 12:25:44</t>
  </si>
  <si>
    <t>01/15/2020 12:24:24</t>
  </si>
  <si>
    <t>01/15/2020 12:27:48</t>
  </si>
  <si>
    <t>\\acsfs\Deptos\Operacao\Banco_Votorantim\Supervisao\Maristela\CRBV vendas\Medidas aplicadas\Advertência - Planilha Zerada.doc</t>
  </si>
  <si>
    <t>01/15/2020 12:26:39</t>
  </si>
  <si>
    <t>01/15/2020 12:26:41</t>
  </si>
  <si>
    <t>lu12164xmeil.tmp</t>
  </si>
  <si>
    <t>\\acsfs\profiles$\victoriaksr\My Documents\lu12164xmeil.tmp</t>
  </si>
  <si>
    <t>01/15/2020 12:26:21</t>
  </si>
  <si>
    <t>01/15/2020 12:26:29</t>
  </si>
  <si>
    <t>01/15/2020 12:26:32</t>
  </si>
  <si>
    <t>lu372433al5.tmp</t>
  </si>
  <si>
    <t>\\acsfs\profiles$\ALEXANDREMM\lu372433al5.tmp</t>
  </si>
  <si>
    <t>\\acsfs\profiles$\ALEXANDREMM\lu372433al5.tmp\</t>
  </si>
  <si>
    <t>\\acsfs\profiles$\ALEXANDREMM\lu372433al5.tmp\META-INF\</t>
  </si>
  <si>
    <t>\\acsfs\profiles$\ALEXANDREMM\lu372433al5.tmp\Thumbnails\</t>
  </si>
  <si>
    <t>01/15/2020 12:26:34</t>
  </si>
  <si>
    <t>lu372433al9.tmp</t>
  </si>
  <si>
    <t>\\acsfs\profiles$\ALEXANDREMM\lu372433al9.tmp</t>
  </si>
  <si>
    <t>\\acsfs\profiles$\ALEXANDREMM\lu372433al9.tmp\</t>
  </si>
  <si>
    <t>\\acsfs\profiles$\ALEXANDREMM\lu372433al9.tmp\META-INF\</t>
  </si>
  <si>
    <t>\\acsfs\profiles$\ALEXANDREMM\lu372433al9.tmp\Thumbnails\</t>
  </si>
  <si>
    <t>01/15/2020 12:26:53</t>
  </si>
  <si>
    <t>lu372433ald.tmp</t>
  </si>
  <si>
    <t>\\acsfs\profiles$\ALEXANDREMM\lu372433ald.tmp</t>
  </si>
  <si>
    <t>\\acsfs\profiles$\ALEXANDREMM\lu372433ald.tmp\</t>
  </si>
  <si>
    <t>\\acsfs\profiles$\ALEXANDREMM\lu372433ald.tmp\META-INF\</t>
  </si>
  <si>
    <t>\\acsfs\profiles$\ALEXANDREMM\lu372433ald.tmp\Thumbnails\</t>
  </si>
  <si>
    <t>01/15/2020 12:25:12</t>
  </si>
  <si>
    <t>01/15/2020 12:28:49</t>
  </si>
  <si>
    <t>01/15/2020 12:25:22</t>
  </si>
  <si>
    <t>01/15/2020 12:25:41</t>
  </si>
  <si>
    <t>01/15/2020 12:26:47</t>
  </si>
  <si>
    <t>01/15/2020 12:26:59</t>
  </si>
  <si>
    <t>01/15/2020 12:27:29</t>
  </si>
  <si>
    <t>01/15/2020 12:27:42</t>
  </si>
  <si>
    <t>01/15/2020 12:24:45</t>
  </si>
  <si>
    <t>01/15/2020 12:25:35</t>
  </si>
  <si>
    <t>5b236ac2-dcc6-4157-951b-b41ee856fb8e.tmp</t>
  </si>
  <si>
    <t>\\acsfs\profiles$\gabrielsma\Downloads\5b236ac2-dcc6-4157-951b-b41ee856fb8e.tmp</t>
  </si>
  <si>
    <t>01/15/2020 12:25:50</t>
  </si>
  <si>
    <t>Não confirmado 878580.crdownload</t>
  </si>
  <si>
    <t>\\acsfs\ACS\Gabriel da Silva\Contemporânea\VENDAS\Não confirmado 878580.crdownload</t>
  </si>
  <si>
    <t>6ea40668-7dc3-474d-ab5f-3d42f1d0c053.tmp</t>
  </si>
  <si>
    <t>\\acsfs\profiles$\gabrielsma\Downloads\6ea40668-7dc3-474d-ab5f-3d42f1d0c053.tmp</t>
  </si>
  <si>
    <t>Não confirmado 668174.crdownload</t>
  </si>
  <si>
    <t>\\acsfs\ACS\Gabriel da Silva\Contemporânea\VENDAS\Não confirmado 668174.crdownload</t>
  </si>
  <si>
    <t>01/15/2020 12:26:04</t>
  </si>
  <si>
    <t>7e3c841e-73fe-44f3-95d5-5042caa68ef4.tmp</t>
  </si>
  <si>
    <t>\\acsfs\profiles$\gabrielsma\Downloads\7e3c841e-73fe-44f3-95d5-5042caa68ef4.tmp</t>
  </si>
  <si>
    <t>01/15/2020 12:26:09</t>
  </si>
  <si>
    <t>01/15/2020 12:26:36</t>
  </si>
  <si>
    <t>01/15/2020 12:26:46</t>
  </si>
  <si>
    <t>8cbce6c7-0ca0-431b-a5ce-2ec475ba7ae0.tmp</t>
  </si>
  <si>
    <t>\\acsfs\profiles$\gabrielsma\Downloads\8cbce6c7-0ca0-431b-a5ce-2ec475ba7ae0.tmp</t>
  </si>
  <si>
    <t>01/15/2020 12:26:50</t>
  </si>
  <si>
    <t>01/15/2020 12:26:56</t>
  </si>
  <si>
    <t>73405434-b031-4e43-9941-47f7e562afb3.tmp</t>
  </si>
  <si>
    <t>\\acsfs\profiles$\henriquehmdo\Downloads\73405434-b031-4e43-9941-47f7e562afb3.tmp</t>
  </si>
  <si>
    <t>01/15/2020 12:27:37</t>
  </si>
  <si>
    <t>01/15/2020 12:29:48</t>
  </si>
  <si>
    <t>01/15/2020 12:27:36</t>
  </si>
  <si>
    <t>01/15/2020 12:28:02</t>
  </si>
  <si>
    <t>01/15/2020 12:27:05</t>
  </si>
  <si>
    <t>53bc2b6b-c04d-4388-aef1-d6f6bb36d496.tmp</t>
  </si>
  <si>
    <t>\\acsfs\profiles$\marcosvnds\Downloads\53bc2b6b-c04d-4388-aef1-d6f6bb36d496.tmp</t>
  </si>
  <si>
    <t>01/15/2020 12:28:17</t>
  </si>
  <si>
    <t>e8ef3489-6abd-4a47-8f54-bd07e136aae5.tmp</t>
  </si>
  <si>
    <t>\\acsfs\profiles$\marcosvnds\Downloads\e8ef3489-6abd-4a47-8f54-bd07e136aae5.tmp</t>
  </si>
  <si>
    <t>01/15/2020 12:28:48</t>
  </si>
  <si>
    <t>d939ad4f-b77c-4054-854b-fab1de037939.tmp</t>
  </si>
  <si>
    <t>\\acsfs\profiles$\marcosvnds\Downloads\d939ad4f-b77c-4054-854b-fab1de037939.tmp</t>
  </si>
  <si>
    <t>01/15/2020 12:28:10</t>
  </si>
  <si>
    <t>01/15/2020 12:29:05</t>
  </si>
  <si>
    <t>01/15/2020 12:30:48</t>
  </si>
  <si>
    <t>01/15/2020 12:27:14</t>
  </si>
  <si>
    <t>01/15/2020 12:31:48</t>
  </si>
  <si>
    <t>e91e63dc-a44d-4e57-9fa4-de2ddc6cb89b.tmp</t>
  </si>
  <si>
    <t>\\acsfs\profiles$\sarahbal\Downloads\e91e63dc-a44d-4e57-9fa4-de2ddc6cb89b.tmp</t>
  </si>
  <si>
    <t>01/15/2020 12:27:23</t>
  </si>
  <si>
    <t>6d404578-c75d-47b2-b6bd-394fcab65c0f.tmp</t>
  </si>
  <si>
    <t>\\acsfs\profiles$\sarahbal\Downloads\6d404578-c75d-47b2-b6bd-394fcab65c0f.tmp</t>
  </si>
  <si>
    <t>01/15/2020 12:27:34</t>
  </si>
  <si>
    <t>7e1dd9c2-0641-47ab-815f-738dfe4ab54c.tmp</t>
  </si>
  <si>
    <t>\\acsfs\profiles$\sarahbal\Downloads\7e1dd9c2-0641-47ab-815f-738dfe4ab54c.tmp</t>
  </si>
  <si>
    <t>01/15/2020 12:27:22</t>
  </si>
  <si>
    <t>01/15/2020 12:27:26</t>
  </si>
  <si>
    <t>01/15/2020 12:29:33</t>
  </si>
  <si>
    <t>01/15/2020 12:29:40</t>
  </si>
  <si>
    <t>01/15/2020 12:30:10</t>
  </si>
  <si>
    <t>01/15/2020 12:30:16</t>
  </si>
  <si>
    <t>01/15/2020 12:30:33</t>
  </si>
  <si>
    <t>01/15/2020 12:30:45</t>
  </si>
  <si>
    <t>01/15/2020 12:30:47</t>
  </si>
  <si>
    <t>01/15/2020 12:30:50</t>
  </si>
  <si>
    <t>01/15/2020 12:30:56</t>
  </si>
  <si>
    <t>lu61729jihu.tmp</t>
  </si>
  <si>
    <t>\\acsfs\profiles$\LUISPLS\My Documents\Nova pasta\lu61729jihu.tmp</t>
  </si>
  <si>
    <t>\\acsfs\profiles$\LUISPLS\My Documents\Nova pasta\lu61729jihu.tmp\</t>
  </si>
  <si>
    <t>\\acsfs\profiles$\LUISPLS\My Documents\Nova pasta\lu61729jihu.tmp\META-INF\</t>
  </si>
  <si>
    <t>\\acsfs\profiles$\LUISPLS\My Documents\Nova pasta\lu61729jihu.tmp\Thumbnails\</t>
  </si>
  <si>
    <t>01/15/2020 12:32:48</t>
  </si>
  <si>
    <t>https://udpmailboxap01/service/upload?fmt=extended,raw</t>
  </si>
  <si>
    <t>01/15/2020 12:29:00</t>
  </si>
  <si>
    <t>01/15/2020 12:31:59</t>
  </si>
  <si>
    <t>6b5457d7-995b-463b-86ac-abecdf0c96f7.tmp</t>
  </si>
  <si>
    <t>\\acsfs\profiles$\gabrielafs\Downloads\6b5457d7-995b-463b-86ac-abecdf0c96f7.tmp</t>
  </si>
  <si>
    <t>01/15/2020 12:28:54</t>
  </si>
  <si>
    <t>01/15/2020 12:31:11</t>
  </si>
  <si>
    <t>01/15/2020 12:33:48</t>
  </si>
  <si>
    <t>RELATORIO DE LOGIN - FINANCEIRA - 13-01 - Cópia.xlsm</t>
  </si>
  <si>
    <t>\\acsfs\DEPTOS\Operacao\PCP\5 - Comum\PLANEJAMENTO BV\14 - ACOMPANHAMENTO\1 - REPORT ACOMPANHAMENTO\2020\1 - JANEIRO\FINANCEIRA\Login Logout Financeira\RELATORIO DE LOGIN - FINANCEIRA - 13-01 - Cópia.xlsm</t>
  </si>
  <si>
    <t>01/15/2020 12:28:16</t>
  </si>
  <si>
    <t>01/15/2020 12:28:27</t>
  </si>
  <si>
    <t>01/15/2020 12:28:36</t>
  </si>
  <si>
    <t>01/15/2020 12:28:40</t>
  </si>
  <si>
    <t>01/15/2020 12:28:46</t>
  </si>
  <si>
    <t>01/15/2020 12:29:11</t>
  </si>
  <si>
    <t>01/15/2020 12:29:22</t>
  </si>
  <si>
    <t>01/15/2020 12:29:26</t>
  </si>
  <si>
    <t>01/15/2020 12:32:13</t>
  </si>
  <si>
    <t>01/15/2020 12:33:04</t>
  </si>
  <si>
    <t>01/15/2020 12:30:20</t>
  </si>
  <si>
    <t>eaa15b56-df0d-45a3-be6b-32fe23f57136.tmp</t>
  </si>
  <si>
    <t>\\acsfs\profiles$\henriquehmdo\Downloads\eaa15b56-df0d-45a3-be6b-32fe23f57136.tmp</t>
  </si>
  <si>
    <t>01/15/2020 12:33:38</t>
  </si>
  <si>
    <t>01/15/2020 12:34:47</t>
  </si>
  <si>
    <t>b569751f-c050-4c51-b8f8-5f5cb366265e.tmp</t>
  </si>
  <si>
    <t>\\acsfs\profiles$\leticiala\Downloads\b569751f-c050-4c51-b8f8-5f5cb366265e.tmp</t>
  </si>
  <si>
    <t>01/15/2020 12:30:01</t>
  </si>
  <si>
    <t>01/15/2020 12:35:48</t>
  </si>
  <si>
    <t>f7ac8f90-6a0e-446c-915e-82ddfcec0da3.tmp</t>
  </si>
  <si>
    <t>\\acsfs\profiles$\ALYNYA\Downloads\f7ac8f90-6a0e-446c-915e-82ddfcec0da3.tmp</t>
  </si>
  <si>
    <t>01/15/2020 12:31:34</t>
  </si>
  <si>
    <t>01/15/2020 12:36:48</t>
  </si>
  <si>
    <t>01/15/2020 12:31:55</t>
  </si>
  <si>
    <t>01/15/2020 12:32:17</t>
  </si>
  <si>
    <t>01/15/2020 12:32:26</t>
  </si>
  <si>
    <t>01/15/2020 12:32:38</t>
  </si>
  <si>
    <t>01/15/2020 12:33:02</t>
  </si>
  <si>
    <t>01/15/2020 12:34:31</t>
  </si>
  <si>
    <t>01/15/2020 12:34:49</t>
  </si>
  <si>
    <t>01/15/2020 12:34:55</t>
  </si>
  <si>
    <t>01/15/2020 12:34:57</t>
  </si>
  <si>
    <t>01/15/2020 12:35:27</t>
  </si>
  <si>
    <t>01/15/2020 12:32:55</t>
  </si>
  <si>
    <t>22d9b9b9-ff32-4bf1-a277-05e2c8f9cb3f.tmp</t>
  </si>
  <si>
    <t>\\acsfs\profiles$\LUISPLS\Downloads\22d9b9b9-ff32-4bf1-a277-05e2c8f9cb3f.tmp</t>
  </si>
  <si>
    <t>01/15/2020 12:34:10</t>
  </si>
  <si>
    <t>292a15bc-738c-4a91-ab87-623f457a80aa.tmp</t>
  </si>
  <si>
    <t>\\acsfs\profiles$\LUISPLS\Downloads\292a15bc-738c-4a91-ab87-623f457a80aa.tmp</t>
  </si>
  <si>
    <t>01/15/2020 12:35:39</t>
  </si>
  <si>
    <t>04104fda-d1b8-4bd8-9212-28eead0a892a.tmp</t>
  </si>
  <si>
    <t>\\acsfs\profiles$\LUISPLS\Downloads\04104fda-d1b8-4bd8-9212-28eead0a892a.tmp</t>
  </si>
  <si>
    <t>01/15/2020 12:34:58</t>
  </si>
  <si>
    <t>01/15/2020 12:38:48</t>
  </si>
  <si>
    <t>01/15/2020 12:33:14</t>
  </si>
  <si>
    <t>01/15/2020 12:34:22</t>
  </si>
  <si>
    <t>01/15/2020 12:34:54</t>
  </si>
  <si>
    <t>01/15/2020 12:35:02</t>
  </si>
  <si>
    <t>01/15/2020 12:35:12</t>
  </si>
  <si>
    <t>01/15/2020 12:35:29</t>
  </si>
  <si>
    <t>01/15/2020 12:35:36</t>
  </si>
  <si>
    <t>01/15/2020 12:38:49</t>
  </si>
  <si>
    <t>01/15/2020 12:39:48</t>
  </si>
  <si>
    <t>2f61a846-be70-486e-9744-ac440d08dffb.tmp</t>
  </si>
  <si>
    <t>\\acsfs\profiles$\gustavoab\Downloads\2f61a846-be70-486e-9744-ac440d08dffb.tmp</t>
  </si>
  <si>
    <t>01/15/2020 12:34:48</t>
  </si>
  <si>
    <t>01/14/2020 20:52:25</t>
  </si>
  <si>
    <t>01/15/2020 12:40:48</t>
  </si>
  <si>
    <t>01/14/2020 20:52:26</t>
  </si>
  <si>
    <t>lu10360m24m.tmp</t>
  </si>
  <si>
    <t>\\acsfs\profiles$\regisedsj\My Documents\lu10360m24m.tmp</t>
  </si>
  <si>
    <t>\\acsfs\profiles$\regisedsj\My Documents\lu10360m24m.tmp\</t>
  </si>
  <si>
    <t>\\acsfs\profiles$\regisedsj\My Documents\lu10360m24m.tmp\META-INF\</t>
  </si>
  <si>
    <t>\\acsfs\profiles$\regisedsj\My Documents\lu10360m24m.tmp\Thumbnails\</t>
  </si>
  <si>
    <t>01/15/2020 12:39:25</t>
  </si>
  <si>
    <t>01/15/2020 12:36:42</t>
  </si>
  <si>
    <t>01/15/2020 12:41:48</t>
  </si>
  <si>
    <t>01/15/2020 12:36:53</t>
  </si>
  <si>
    <t>01/15/2020 12:37:20</t>
  </si>
  <si>
    <t>01/15/2020 12:37:39</t>
  </si>
  <si>
    <t>01/15/2020 12:38:00</t>
  </si>
  <si>
    <t>01/15/2020 12:38:05</t>
  </si>
  <si>
    <t>01/15/2020 12:39:59</t>
  </si>
  <si>
    <t>73624176-d04d-4e88-aae8-52fe586855fd.tmp</t>
  </si>
  <si>
    <t>\\acsfs\profiles$\geovannasm\Downloads\73624176-d04d-4e88-aae8-52fe586855fd.tmp</t>
  </si>
  <si>
    <t>01/15/2020 12:36:58</t>
  </si>
  <si>
    <t>f2991b52-633f-442a-a8ca-d19842f18294.tmp</t>
  </si>
  <si>
    <t>\\acsfs\profiles$\geovannasm\Downloads\f2991b52-633f-442a-a8ca-d19842f18294.tmp</t>
  </si>
  <si>
    <t>01/15/2020 12:40:21</t>
  </si>
  <si>
    <t>01/15/2020 12:43:48</t>
  </si>
  <si>
    <t>01/15/2020 12:42:42</t>
  </si>
  <si>
    <t>01/15/2020 12:42:07</t>
  </si>
  <si>
    <t>01/15/2020 12:45:48</t>
  </si>
  <si>
    <t>"languagecode":"pt-br";"mozilla/5.0 (windows nt 6.1) applewebkit/537.36 (khtml;"requesttype":"background_request";"scenariotype;"timezone":"-03:00";0]\\\\\\��{_x0004_&lt;l;1;13;13700014;13700109;13700185;13700451;13700951;13701207;13701298;13701422;13701430;13701450;13701506;13701537;13701573;13701577;13701625;13701657;13701693;13701693�;13701749;13701825;13701901;13701905;13701957;13701969;13702068;13702088;142961685;1578930052848000;1578930058554000;1579019028080;286;287;289;290;339;5701393;=��htxo4kl�v�� � hy1�y&gt;yp"uqa�����]�l;[[13701418;[];[]]];actionitems;adfn-ct7ciskssyu-68afh9xg7xv2c6f8dx_seofhsqerkx2bhpqslb3crfufkpjjmcd4mgjscrt;alinedsdi@algartech.com;ancestorhasaugmentedpermissions;andrelpsa@algartech.com;canaddchildren;cancopy;candelete;candownload;canedit;canmoveitemoutofteamdrive;canmoveitemwithinteamdrive;canmoveteamdriveitem);canread;canreadteamdrive;canremovechildren;canrename;canshare;cant;cantrash;cantrashchildren;canuntrash;capabilities(canmoveitemintoteamdrive;containsunsubscribedchildren;contentres</t>
  </si>
  <si>
    <t>"languagecode":"pt-br","mozilla/5.0 (windows nt 6.1) applewebkit/537.36 (khtml,"requesttype":"background_request","scenariotype,"timezone":"-03:00",0]\\\\\\��{_x0004_&lt;l,1,13,13700014,13700109,13700185,13700451,13700951,13701207,13701298,13701422,13701430,13701450,13701506,13701537,13701573,13701577,13701625,13701657,13701693,13701693�,13701749,13701825,13701901,13701905,13701957,13701969,13702068,13702088,142961685,1578930052848000,1578930058554000,1579019028080,286,287,289,290,339,5701393,=��htxo4kl�v�� � hy1�y&gt;yp"uqa�����]�l,[[13701418,[],[]]],actionitems,adfn-ct7ciskssyu-68afh9xg7xv2c6f8dx_seofhsqerkx2bhpqslb3crfufkpjjmcd4mgjscrt,alinedsdi@algartech.com,ancestorhasaugmentedpermissions,andrelpsa@algartech.com,canaddchildren,cancopy,candelete,candownload,canedit,canmoveitemoutofteamdrive,canmoveitemwithinteamdrive,canmoveteamdriveitem),canread,canreadteamdrive,canremovechildren,canrename,canshare,cant,cantrash,cantrashchildren,canuntrash,capabilities(canmoveitemintoteamdrive,containsunsubscribedchildren,contentres</t>
  </si>
  <si>
    <t>01/15/2020 12:42:14</t>
  </si>
  <si>
    <t>01/15/2020 12:42:26</t>
  </si>
  <si>
    <t>01/15/2020 12:42:27</t>
  </si>
  <si>
    <t>01/15/2020 12:42:56</t>
  </si>
  <si>
    <t>01/15/2020 12:43:00</t>
  </si>
  <si>
    <t>01/15/2020 12:43:23</t>
  </si>
  <si>
    <t>01/15/2020 12:43:45</t>
  </si>
  <si>
    <t>01/15/2020 12:43:49</t>
  </si>
  <si>
    <t>01/15/2020 12:44:13</t>
  </si>
  <si>
    <t>01/15/2020 12:44:21</t>
  </si>
  <si>
    <t>01/15/2020 12:44:33</t>
  </si>
  <si>
    <t>01/15/2020 12:44:49</t>
  </si>
  <si>
    <t>01/15/2020 12:42:28</t>
  </si>
  <si>
    <t>01/15/2020 12:41:53</t>
  </si>
  <si>
    <t>b72fc7e1-03c3-4442-a9a0-f40e544d2088.tmp</t>
  </si>
  <si>
    <t>\\acsfs\profiles$\regisedsj\Downloads\b72fc7e1-03c3-4442-a9a0-f40e544d2088.tmp</t>
  </si>
  <si>
    <t>01/15/2020 12:41:55</t>
  </si>
  <si>
    <t>f3c75b05-6bff-40ec-94d2-b8331be29a15.tmp</t>
  </si>
  <si>
    <t>\\acsfs\profiles$\regisedsj\Downloads\f3c75b05-6bff-40ec-94d2-b8331be29a15.tmp</t>
  </si>
  <si>
    <t>01/15/2020 12:42:02</t>
  </si>
  <si>
    <t>01/15/2020 12:42:50</t>
  </si>
  <si>
    <t>62695294-6723-49d3-98eb-62966abc546b.tmp</t>
  </si>
  <si>
    <t>\\acsfs\profiles$\regisedsj\Downloads\62695294-6723-49d3-98eb-62966abc546b.tmp</t>
  </si>
  <si>
    <t>01/15/2020 12:42:58</t>
  </si>
  <si>
    <t>01/15/2020 12:42:30</t>
  </si>
  <si>
    <t>01/15/2020 12:46:49</t>
  </si>
  <si>
    <t>01/15/2020 12:44:00</t>
  </si>
  <si>
    <t>01/15/2020 12:45:31</t>
  </si>
  <si>
    <t>01/15/2020 12:46:01</t>
  </si>
  <si>
    <t>01/15/2020 12:45:18</t>
  </si>
  <si>
    <t>01/15/2020 12:41:52</t>
  </si>
  <si>
    <t>01/15/2020 12:47:48</t>
  </si>
  <si>
    <t>da7371fc-d3a1-4257-961d-41503ca3ba6f.tmp</t>
  </si>
  <si>
    <t>\\acsfs\profiles$\adelvinsonle\Downloads\da7371fc-d3a1-4257-961d-41503ca3ba6f.tmp</t>
  </si>
  <si>
    <t>01/15/2020 12:44:17</t>
  </si>
  <si>
    <t>01/15/2020 12:48:48</t>
  </si>
  <si>
    <t>72dfee2c-0d64-4c8e-a142-a67d2f5b70d5.tmp</t>
  </si>
  <si>
    <t>\\acsfs\profiles$\gabrielsma\Downloads\72dfee2c-0d64-4c8e-a142-a67d2f5b70d5.tmp</t>
  </si>
  <si>
    <t>\\acsfs\profiles$\gabrielsma\Downloads\72dfee2c-0d64-4c8e-a142-a67d2f5b70d5.tmp\xl\charts\</t>
  </si>
  <si>
    <t>chart23.xml</t>
  </si>
  <si>
    <t>chart24.xml</t>
  </si>
  <si>
    <t>chart25.xml</t>
  </si>
  <si>
    <t>chart26.xml</t>
  </si>
  <si>
    <t>chart27.xml</t>
  </si>
  <si>
    <t>chart28.xml</t>
  </si>
  <si>
    <t>chart29.xml</t>
  </si>
  <si>
    <t>chart30.xml</t>
  </si>
  <si>
    <t>chart31.xml</t>
  </si>
  <si>
    <t>chart32.xml</t>
  </si>
  <si>
    <t>01/15/2020 12:44:18</t>
  </si>
  <si>
    <t>colors23.xml</t>
  </si>
  <si>
    <t>colors24.xml</t>
  </si>
  <si>
    <t>colors25.xml</t>
  </si>
  <si>
    <t>colors26.xml</t>
  </si>
  <si>
    <t>colors27.xml</t>
  </si>
  <si>
    <t>colors28.xml</t>
  </si>
  <si>
    <t>colors29.xml</t>
  </si>
  <si>
    <t>colors30.xml</t>
  </si>
  <si>
    <t>colors31.xml</t>
  </si>
  <si>
    <t>colors32.xml</t>
  </si>
  <si>
    <t>style23.xml</t>
  </si>
  <si>
    <t>style24.xml</t>
  </si>
  <si>
    <t>style25.xml</t>
  </si>
  <si>
    <t>style26.xml</t>
  </si>
  <si>
    <t>style27.xml</t>
  </si>
  <si>
    <t>style28.xml</t>
  </si>
  <si>
    <t>style29.xml</t>
  </si>
  <si>
    <t>style30.xml</t>
  </si>
  <si>
    <t>style31.xml</t>
  </si>
  <si>
    <t>style32.xml</t>
  </si>
  <si>
    <t>\\acsfs\profiles$\gabrielsma\Downloads\72dfee2c-0d64-4c8e-a142-a67d2f5b70d5.tmp\xl\charts\_rels\</t>
  </si>
  <si>
    <t>chart1.xml.rels</t>
  </si>
  <si>
    <t>chart10.xml.rels</t>
  </si>
  <si>
    <t>chart11.xml.rels</t>
  </si>
  <si>
    <t>chart12.xml.rels</t>
  </si>
  <si>
    <t>chart13.xml.rels</t>
  </si>
  <si>
    <t>chart14.xml.rels</t>
  </si>
  <si>
    <t>chart16.xml.rels</t>
  </si>
  <si>
    <t>chart17.xml.rels</t>
  </si>
  <si>
    <t>chart18.xml.rels</t>
  </si>
  <si>
    <t>chart19.xml.rels</t>
  </si>
  <si>
    <t>chart2.xml.rels</t>
  </si>
  <si>
    <t>chart20.xml.rels</t>
  </si>
  <si>
    <t>chart21.xml.rels</t>
  </si>
  <si>
    <t>chart22.xml.rels</t>
  </si>
  <si>
    <t>chart23.xml.rels</t>
  </si>
  <si>
    <t>chart25.xml.rels</t>
  </si>
  <si>
    <t>chart26.xml.rels</t>
  </si>
  <si>
    <t>chart27.xml.rels</t>
  </si>
  <si>
    <t>chart28.xml.rels</t>
  </si>
  <si>
    <t>chart29.xml.rels</t>
  </si>
  <si>
    <t>chart3.xml.rels</t>
  </si>
  <si>
    <t>chart30.xml.rels</t>
  </si>
  <si>
    <t>chart31.xml.rels</t>
  </si>
  <si>
    <t>chart32.xml.rels</t>
  </si>
  <si>
    <t>chart4.xml.rels</t>
  </si>
  <si>
    <t>chart5.xml.rels</t>
  </si>
  <si>
    <t>chart6.xml.rels</t>
  </si>
  <si>
    <t>chart7.xml.rels</t>
  </si>
  <si>
    <t>chart8.xml.rels</t>
  </si>
  <si>
    <t>chart9.xml.rels</t>
  </si>
  <si>
    <t>\\acsfs\profiles$\gabrielsma\Downloads\72dfee2c-0d64-4c8e-a142-a67d2f5b70d5.tmp\xl\drawings\</t>
  </si>
  <si>
    <t>drawing10.xml</t>
  </si>
  <si>
    <t>drawing11.xml</t>
  </si>
  <si>
    <t>drawing12.xml</t>
  </si>
  <si>
    <t>drawing5.xml</t>
  </si>
  <si>
    <t>drawing6.xml</t>
  </si>
  <si>
    <t>drawing7.xml</t>
  </si>
  <si>
    <t>drawing8.xml</t>
  </si>
  <si>
    <t>drawing9.xml</t>
  </si>
  <si>
    <t>vmlDrawing1.vml</t>
  </si>
  <si>
    <t>\\acsfs\profiles$\gabrielsma\Downloads\72dfee2c-0d64-4c8e-a142-a67d2f5b70d5.tmp\xl\drawings\_rels\</t>
  </si>
  <si>
    <t>drawing1.xml.rels</t>
  </si>
  <si>
    <t>drawing2.xml.rels</t>
  </si>
  <si>
    <t>drawing3.xml.rels</t>
  </si>
  <si>
    <t>drawing4.xml.rels</t>
  </si>
  <si>
    <t>drawing5.xml.rels</t>
  </si>
  <si>
    <t>drawing6.xml.rels</t>
  </si>
  <si>
    <t>drawing7.xml.rels</t>
  </si>
  <si>
    <t>drawing8.xml.rels</t>
  </si>
  <si>
    <t>drawing9.xml.rels</t>
  </si>
  <si>
    <t>\\acsfs\profiles$\gabrielsma\Downloads\72dfee2c-0d64-4c8e-a142-a67d2f5b70d5.tmp\xl\externalLinks\</t>
  </si>
  <si>
    <t>externalLink1.xml</t>
  </si>
  <si>
    <t>\\acsfs\profiles$\gabrielsma\Downloads\72dfee2c-0d64-4c8e-a142-a67d2f5b70d5.tmp\xl\media\</t>
  </si>
  <si>
    <t>\\acsfs\profiles$\gabrielsma\Downloads\72dfee2c-0d64-4c8e-a142-a67d2f5b70d5.tmp\xl\pivotCache\</t>
  </si>
  <si>
    <t>pivotCacheDefinition1.xml</t>
  </si>
  <si>
    <t>pivotCacheDefinition2.xml</t>
  </si>
  <si>
    <t>pivotCacheRecords1.xml</t>
  </si>
  <si>
    <t>\\acsfs\profiles$\gabrielsma\Downloads\72dfee2c-0d64-4c8e-a142-a67d2f5b70d5.tmp\xl\pivotTables\</t>
  </si>
  <si>
    <t>pivotTable1.xml</t>
  </si>
  <si>
    <t>pivotTable2.xml</t>
  </si>
  <si>
    <t>pivotTable3.xml</t>
  </si>
  <si>
    <t>pivotTable4.xml</t>
  </si>
  <si>
    <t>\\acsfs\profiles$\gabrielsma\Downloads\72dfee2c-0d64-4c8e-a142-a67d2f5b70d5.tmp\xl\pivotTables\_rels\</t>
  </si>
  <si>
    <t>pivotTable1.xml.rels</t>
  </si>
  <si>
    <t>pivotTable2.xml.rels</t>
  </si>
  <si>
    <t>pivotTable3.xml.rels</t>
  </si>
  <si>
    <t>pivotTable4.xml.rels</t>
  </si>
  <si>
    <t>\\acsfs\profiles$\gabrielsma\Downloads\72dfee2c-0d64-4c8e-a142-a67d2f5b70d5.tmp\xl\</t>
  </si>
  <si>
    <t>\\acsfs\profiles$\gabrielsma\Downloads\72dfee2c-0d64-4c8e-a142-a67d2f5b70d5.tmp\xl\slicerCaches\</t>
  </si>
  <si>
    <t>slicerCache6.xml</t>
  </si>
  <si>
    <t>slicerCache7.xml</t>
  </si>
  <si>
    <t>slicerCache8.xml</t>
  </si>
  <si>
    <t>\\acsfs\profiles$\gabrielsma\Downloads\72dfee2c-0d64-4c8e-a142-a67d2f5b70d5.tmp\xl\slicers\</t>
  </si>
  <si>
    <t>slicer3.xml</t>
  </si>
  <si>
    <t>\\acsfs\profiles$\gabrielsma\Downloads\72dfee2c-0d64-4c8e-a142-a67d2f5b70d5.tmp\xl\theme\</t>
  </si>
  <si>
    <t>\\acsfs\profiles$\gabrielsma\Downloads\72dfee2c-0d64-4c8e-a142-a67d2f5b70d5.tmp\xl\worksheets\</t>
  </si>
  <si>
    <t>\\acsfs\profiles$\gabrielsma\Downloads\72dfee2c-0d64-4c8e-a142-a67d2f5b70d5.tmp\xl\worksheets\_rels\</t>
  </si>
  <si>
    <t>sheet1.xml.rels</t>
  </si>
  <si>
    <t>sheet10.xml.rels</t>
  </si>
  <si>
    <t>sheet11.xml.rels</t>
  </si>
  <si>
    <t>sheet12.xml.rels</t>
  </si>
  <si>
    <t>sheet13.xml.rels</t>
  </si>
  <si>
    <t>sheet14.xml.rels</t>
  </si>
  <si>
    <t>sheet15.xml.rels</t>
  </si>
  <si>
    <t>sheet16.xml.rels</t>
  </si>
  <si>
    <t>sheet2.xml.rels</t>
  </si>
  <si>
    <t>sheet3.xml.rels</t>
  </si>
  <si>
    <t>sheet4.xml.rels</t>
  </si>
  <si>
    <t>sheet5.xml.rels</t>
  </si>
  <si>
    <t>sheet6.xml.rels</t>
  </si>
  <si>
    <t>sheet7.xml.rels</t>
  </si>
  <si>
    <t>sheet8.xml.rels</t>
  </si>
  <si>
    <t>sheet9.xml.rels</t>
  </si>
  <si>
    <t>\\acsfs\profiles$\gabrielsma\Downloads\72dfee2c-0d64-4c8e-a142-a67d2f5b70d5.tmp\xl\_rels\</t>
  </si>
  <si>
    <t>\\acsfs\profiles$\gabrielsma\Downloads\72dfee2c-0d64-4c8e-a142-a67d2f5b70d5.tmp\</t>
  </si>
  <si>
    <t>\\acsfs\profiles$\gabrielsma\Downloads\72dfee2c-0d64-4c8e-a142-a67d2f5b70d5.tmp\_rels\</t>
  </si>
  <si>
    <t>01/15/2020 12:46:43</t>
  </si>
  <si>
    <t>f4aa241f-3f93-4a8a-b9d7-61b6833f29f8.tmp</t>
  </si>
  <si>
    <t>\\acsfs\profiles$\gabrielsma\Downloads\f4aa241f-3f93-4a8a-b9d7-61b6833f29f8.tmp</t>
  </si>
  <si>
    <t>01/15/2020 12:46:47</t>
  </si>
  <si>
    <t>Não confirmado 722052.crdownload</t>
  </si>
  <si>
    <t>\\acsfs\ACS\Gabriel da Silva\Contemporânea\Gen\Não confirmado 722052.crdownload</t>
  </si>
  <si>
    <t>01/15/2020 12:47:36</t>
  </si>
  <si>
    <t>5b398fdc-ba21-4ef0-abfd-41e1d60fb15f.tmp</t>
  </si>
  <si>
    <t>\\acsfs\profiles$\vivianealda\Downloads\5b398fdc-ba21-4ef0-abfd-41e1d60fb15f.tmp</t>
  </si>
  <si>
    <t>01/15/2020 12:46:39</t>
  </si>
  <si>
    <t>01/15/2020 12:49:48</t>
  </si>
  <si>
    <t>lu103321fz63n.tmp</t>
  </si>
  <si>
    <t>\\acsfs\profiles$\BRUNAAR\Numero\lu103321fz63n.tmp</t>
  </si>
  <si>
    <t>01/15/2020 12:45:13</t>
  </si>
  <si>
    <t>01/15/2020 12:50:48</t>
  </si>
  <si>
    <t>01/15/2020 12:45:36</t>
  </si>
  <si>
    <t>01/15/2020 12:45:43</t>
  </si>
  <si>
    <t>01/15/2020 12:45:53</t>
  </si>
  <si>
    <t>01/15/2020 12:45:58</t>
  </si>
  <si>
    <t>01/15/2020 12:46:02</t>
  </si>
  <si>
    <t>01/15/2020 12:46:17</t>
  </si>
  <si>
    <t>01/15/2020 12:46:38</t>
  </si>
  <si>
    <t>01/15/2020 12:47:00</t>
  </si>
  <si>
    <t>01/15/2020 12:47:37</t>
  </si>
  <si>
    <t>01/15/2020 12:48:06</t>
  </si>
  <si>
    <t>01/15/2020 12:48:25</t>
  </si>
  <si>
    <t>01/15/2020 12:48:36</t>
  </si>
  <si>
    <t>"[[];"languagecode":"pt-br";"mozilla/5.0 (windows nt 6.1) applewebkit/537.36 (khtml;"requesttype":"background_request";"scenariotype;"timezone":"-03:00";(�d_x0011_n_x001A_si��lp�ߓv���ׁqa�[_x0016_�_x001A_�;)�i~a�_x001A_���qa�u�4-g�?�_x0008_���h֙_x0012_�g�_x0015__x0016__x001A_)_x001F_�d��`_x0007_�a_x0015__x0016__x0012_w[���n�w-_ txg"լn�t�����w��֖�j� jɑ_x0016_*;0;0]:0}:0})�� 66;0]\\\\\\���_x0005_&lt;l;0]als;0]d;0]l;0]ll;0]ribedchildren;1;13;130841638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578930052848000;1578930058554000;1579005295726;1579011918297;1579014927782;1579030649468;1579036516260;1579102635171;17;1ya5yrwelrso-yxib3ctz0mdjsqkh2uffmn2</t>
  </si>
  <si>
    <t>"[[],"languagecode":"pt-br","mozilla/5.0 (windows nt 6.1) applewebkit/537.36 (khtml,"requesttype":"background_request","scenariotype,"timezone":"-03:00",(�d_x0011_n_x001A_si��lp�ߓv���ׁqa�[_x0016_�_x001A_�,)�i~a�_x001A_���qa�u�4-g�?�_x0008_���h֙_x0012_�g�_x0015__x0016__x001A_)_x001F_�d��`_x0007_�a_x0015__x0016__x0012_w[���n�w-_ txg"լn�t�����w��֖�j� jɑ_x0016_*,0,0]:0}:0})�� 66,0]\\\\\\���_x0005_&lt;l,0]als,0]d,0]l,0]ll,0]ribedchildren,1,13,130841638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9005295726,1579011918297,1579014927782,1579030649468,1579036516260,1579102635171,17,1ya5yrwelrso-yxib3ctz0mdjsqkh2uffmn2</t>
  </si>
  <si>
    <t>01/15/2020 12:48:58</t>
  </si>
  <si>
    <t>01/15/2020 12:49:30</t>
  </si>
  <si>
    <t>01/15/2020 12:49:44</t>
  </si>
  <si>
    <t>01/15/2020 12:49:54</t>
  </si>
  <si>
    <t>01/15/2020 12:49:02</t>
  </si>
  <si>
    <t>01/15/2020 12:51:48</t>
  </si>
  <si>
    <t>01/15/2020 12:49:32</t>
  </si>
  <si>
    <t>01/15/2020 12:50:02</t>
  </si>
  <si>
    <t>01/15/2020 12:48:03</t>
  </si>
  <si>
    <t>tacianamdr</t>
  </si>
  <si>
    <t>\\acsfs\Deptos\Operacao\Banco_Votorantim\Atendimento\tacianamdr\Documents\dbxwc\</t>
  </si>
  <si>
    <t>\\acsfs\Deptos\Operacao\Banco_Votorantim\Atendimento\tacianamdr\Documents\dbxwc\dbxwc.xwc</t>
  </si>
  <si>
    <t>01/15/2020 12:50:27</t>
  </si>
  <si>
    <t>01/15/2020 12:52:48</t>
  </si>
  <si>
    <t>01/15/2020 12:43:50</t>
  </si>
  <si>
    <t>lu403723sedlk.tmp</t>
  </si>
  <si>
    <t>\\acsfs\profiles$\ALYNYA\My Documents\lu403723sedlk.tmp</t>
  </si>
  <si>
    <t>\\acsfs\profiles$\ALYNYA\My Documents\lu403723sedlk.tmp\</t>
  </si>
  <si>
    <t>\\acsfs\profiles$\ALYNYA\My Documents\lu403723sedlk.tmp\META-INF\</t>
  </si>
  <si>
    <t>\\acsfs\profiles$\ALYNYA\My Documents\lu403723sedlk.tmp\Thumbnails\</t>
  </si>
  <si>
    <t>01/15/2020 12:48:50</t>
  </si>
  <si>
    <t>01/15/2020 12:49:50</t>
  </si>
  <si>
    <t>01/15/2020 12:53:49</t>
  </si>
  <si>
    <t>f9764a61-0fa5-4dbb-a928-c90c7e436ed6.tmp</t>
  </si>
  <si>
    <t>\\acsfs\profiles$\Flaviojmm\Downloads\f9764a61-0fa5-4dbb-a928-c90c7e436ed6.tmp</t>
  </si>
  <si>
    <t>01/15/2020 12:48:57</t>
  </si>
  <si>
    <t>01/15/2020 12:54:48</t>
  </si>
  <si>
    <t>01/15/2020 12:49:03</t>
  </si>
  <si>
    <t>01/15/2020 12:49:06</t>
  </si>
  <si>
    <t>01/15/2020 12:49:29</t>
  </si>
  <si>
    <t>01/15/2020 12:49:33</t>
  </si>
  <si>
    <t>01/15/2020 12:50:00</t>
  </si>
  <si>
    <t>01/15/2020 12:50:06</t>
  </si>
  <si>
    <t>01/15/2020 12:50:21</t>
  </si>
  <si>
    <t>01/15/2020 12:50:36</t>
  </si>
  <si>
    <t>01/15/2020 12:50:37</t>
  </si>
  <si>
    <t>01/15/2020 12:50:47</t>
  </si>
  <si>
    <t>01/15/2020 12:50:57</t>
  </si>
  <si>
    <t>01/15/2020 12:50:59</t>
  </si>
  <si>
    <t>01/15/2020 12:51:04</t>
  </si>
  <si>
    <t>01/15/2020 12:50:30</t>
  </si>
  <si>
    <t>01/15/2020 12:50:31</t>
  </si>
  <si>
    <t>lu103321fz63r.tmp</t>
  </si>
  <si>
    <t>\\acsfs\profiles$\BRUNAAR\Numero\lu103321fz63r.tmp</t>
  </si>
  <si>
    <t>01/15/2020 12:51:23</t>
  </si>
  <si>
    <t>01/15/2020 12:49:58</t>
  </si>
  <si>
    <t>01/15/2020 12:55:49</t>
  </si>
  <si>
    <t>mail.google.com/sync/u/0/i/s?hl=pt-BR&amp;c=839</t>
  </si>
  <si>
    <t>01/15/2020 12:50:14</t>
  </si>
  <si>
    <t>01/15/2020 12:50:19</t>
  </si>
  <si>
    <t>01/15/2020 12:50:44</t>
  </si>
  <si>
    <t>01/15/2020 12:50:49</t>
  </si>
  <si>
    <t>01/15/2020 12:51:06</t>
  </si>
  <si>
    <t>01/15/2020 12:52:17</t>
  </si>
  <si>
    <t>01/15/2020 12:52:37</t>
  </si>
  <si>
    <t>01/15/2020 12:52:47</t>
  </si>
  <si>
    <t>"10":{"1":"cawqabgbigjwdcgaoaa";"10":{"1":394;"12":"157909972127125f4fbc9faa17ea0";"13":"pt-br";"14":"br";"14":"pt"};"14":"pt-br"};"17":{"1":["1579099743556";"2":"-03:00";"2":"1579100090343"};"2":"1579100090344"};"2":{"1":3;"2":{"1":394}};"21":"";"25":{"1":"1579099721271";"26":{"2":[{"1":{"1":"xdocx";"27":[{"1":{"1":"134";"3":"rai carlos duarte frias";"3":{"2":"1579100091057"}};"30":0}/rs=ahpooo-i9r7ibctuqfj0v-fphrkrs8aihq/cb=gapi.loaded_0";"4":"pr_10_0"}];"4":"pr_9_0"};"4":{"1":{"1":[{"1":"gdoc"}]}};"5":"msg-a:r1530722314700003390";"7":"cakqabgbigvwdc1cuigaoaa"};"7":"caoqabgbigjwdcgaoaa"};"8":{"2":1};"mozilla/5.0 (windows nt 6.1) applewebkit/537.36 (khtml;0;0];0] �_x0003_�_x0006_(�?_x0007_�=�_x0006_9995;0]4003ll;0]\\\\\\\��/ &lt;l;0]als;0]l;0]mt �o� 99;0]�o� _x0001_;1;10;12;13;130841638;137;13700014;13700109�;13700185;13700451;13700607;13700883;13700946;13700951;13700982;13701207;13701235;13701276;13701298;13701422;13701450;13701506;13701510;13701534;13701537;13701573;13701577;13701589;13701625;13701653;13701657;13701749;13701825;13701901;1</t>
  </si>
  <si>
    <t>"10":{"1":"cawqabgbigjwdcgaoaa","10":{"1":394,"12":"157909972127125f4fbc9faa17ea0","13":"pt-br","14":"br","14":"pt"},"14":"pt-br"},"17":{"1":["1579099743556","2":"-03:00","2":"1579100090343"},"2":"1579100090344"},"2":{"1":3,"2":{"1":394}},"21":"","25":{"1":"1579099721271","26":{"2":[{"1":{"1":"xdocx","27":[{"1":{"1":"134","3":"rai carlos duarte frias","3":{"2":"1579100091057"}},"30":0}/rs=ahpooo-i9r7ibctuqfj0v-fphrkrs8aihq/cb=gapi.loaded_0","4":"pr_10_0"}],"4":"pr_9_0"},"4":{"1":{"1":[{"1":"gdoc"}]}},"5":"msg-a:r1530722314700003390","7":"cakqabgbigvwdc1cuigaoaa"},"7":"caoqabgbigjwdcgaoaa"},"8":{"2":1},"mozilla/5.0 (windows nt 6.1) applewebkit/537.36 (khtml,0,0],0] �_x0003_�_x0006_(�?_x0007_�=�_x0006_9995,0]4003ll,0]\\\\\\\��/ &lt;l,0]als,0]l,0]mt �o� 99,0]�o� _x0001_,1,10,12,13,130841638,137,13700014,13700109�,13700185,13700451,13700607,13700883,13700946,13700951,13700982,13701207,13701235,13701276,13701298,13701422,13701450,13701506,13701510,13701534,13701537,13701573,13701577,13701589,13701625,13701653,13701657,13701749,13701825,13701901,1</t>
  </si>
  <si>
    <t>01/15/2020 12:53:04</t>
  </si>
  <si>
    <t>01/15/2020 12:51:56</t>
  </si>
  <si>
    <t>01/15/2020 12:53:17</t>
  </si>
  <si>
    <t>01/15/2020 12:54:51</t>
  </si>
  <si>
    <t>01/15/2020 12:51:05</t>
  </si>
  <si>
    <t>01/15/2020 12:56:48</t>
  </si>
  <si>
    <t>advertência - planilha zerada.doc</t>
  </si>
  <si>
    <t>01/15/2020 12:52:03</t>
  </si>
  <si>
    <t>01/15/2020 12:53:33</t>
  </si>
  <si>
    <t>01/15/2020 12:54:34</t>
  </si>
  <si>
    <t>01/15/2020 12:55:04</t>
  </si>
  <si>
    <t>01/15/2020 12:57:48</t>
  </si>
  <si>
    <t>ca34ec79-9353-435a-b2e3-3550d4780474.tmp</t>
  </si>
  <si>
    <t>\\acsfs\profiles$\ayalabfi\Downloads\ca34ec79-9353-435a-b2e3-3550d4780474.tmp</t>
  </si>
  <si>
    <t>01/15/2020 12:54:16</t>
  </si>
  <si>
    <t>b3568b25-a0cf-4bd5-b05b-30f2dd8d05e7.tmp</t>
  </si>
  <si>
    <t>\\acsfs\profiles$\laylaams\Downloads\b3568b25-a0cf-4bd5-b05b-30f2dd8d05e7.tmp</t>
  </si>
  <si>
    <t>01/15/2020 12:55:14</t>
  </si>
  <si>
    <t>51e56e0c-60f0-4981-af79-c2c6391e1714.tmp</t>
  </si>
  <si>
    <t>\\acsfs\profiles$\laylaams\Downloads\51e56e0c-60f0-4981-af79-c2c6391e1714.tmp</t>
  </si>
  <si>
    <t>01/15/2020 12:58:48</t>
  </si>
  <si>
    <t>01/15/2020 12:53:32</t>
  </si>
  <si>
    <t>bvcartes-supervisores@algarnet.onmicrosoft.com;joaogvc@algartech.com;leonardoao@algartech.com;marianadjc@algartech.com;paulacn@algartech.com;planejamentodeoperacoesetrafego@bv.com.br;raphaelmco@algartech.com.br;ricardodfm@algartech.com.br;robsonams@algartech.com;sofiamses@algartech.com;taysdss@algartech.com;viniciussg@algartech.com;</t>
  </si>
  <si>
    <t>bvcartes-supervisores@algarnet.onmicrosoft.com,joaogvc@algartech.com,leonardoao@algartech.com,marianadjc@algartech.com,paulacn@algartech.com,planejamentodeoperacoesetrafego@bv.com.br,raphaelmco@algartech.com.br,ricardodfm@algartech.com.br,robsonams@algartech.com,sofiamses@algartech.com,taysdss@algartech.com,viniciussg@algartech.com</t>
  </si>
  <si>
    <t>01/15/2020 12:55:11</t>
  </si>
  <si>
    <t>100014299414656;joaogvc@algartech.com;leonardoao@algartech.com;paulacn@algartech.com;ricardodfm@algartech.com.br;robsonams@algartech.com;taysdss@algartech.com;viniciussg@algartech.com;</t>
  </si>
  <si>
    <t>100014299414656,joaogvc@algartech.com,leonardoao@algartech.com,paulacn@algartech.com,ricardodfm@algartech.com.br,robsonams@algartech.com,taysdss@algartech.com,viniciussg@algartech.com</t>
  </si>
  <si>
    <t>01/15/2020 12:55:26</t>
  </si>
  <si>
    <t>RELATORIO DE LOGIN - FINANCEIRA - 14-01.xlsm</t>
  </si>
  <si>
    <t>\\acsfs\DEPTOS\Operacao\PCP\5 - Comum\PLANEJAMENTO BV\14 - ACOMPANHAMENTO\1 - REPORT ACOMPANHAMENTO\2020\1 - JANEIRO\FINANCEIRA\Login Logout Financeira\RELATORIO DE LOGIN - FINANCEIRA - 14-01.xlsm</t>
  </si>
  <si>
    <t>01/15/2020 12:55:31</t>
  </si>
  <si>
    <t>01/15/2020 12:57:45</t>
  </si>
  <si>
    <t>01/15/2020 12:57:49</t>
  </si>
  <si>
    <t>01/15/2020 12:56:44</t>
  </si>
  <si>
    <t>01/15/2020 12:53:52</t>
  </si>
  <si>
    <t>01/15/2020 12:54:12</t>
  </si>
  <si>
    <t>01/15/2020 12:54:18</t>
  </si>
  <si>
    <t>01/15/2020 12:59:48</t>
  </si>
  <si>
    <t>31a54ceb-5d7b-4c92-8067-b26422279f2d.tmp</t>
  </si>
  <si>
    <t>\\acsfs\profiles$\gabrielaff\Downloads\31a54ceb-5d7b-4c92-8067-b26422279f2d.tmp</t>
  </si>
  <si>
    <t>01/15/2020 12:56:06</t>
  </si>
  <si>
    <t>b4eaee10-05c2-4c55-9470-563e9b2310e7.tmp</t>
  </si>
  <si>
    <t>\\acsfs\profiles$\felipetds\Downloads\b4eaee10-05c2-4c55-9470-563e9b2310e7.tmp</t>
  </si>
  <si>
    <t>01/15/2020 13:00:48</t>
  </si>
  <si>
    <t>01/15/2020 13:00:50</t>
  </si>
  <si>
    <t>01/15/2020 13:01:48</t>
  </si>
  <si>
    <t>\\acsfs\Deptos\Operacao\Banco_Votorantim\Supervisao\ROBSON ÁLVARES MEDEIROS\ROBSON\</t>
  </si>
  <si>
    <t>\\acsfs\Deptos\Operacao\Banco_Votorantim\Supervisao\ROBSON ÁLVARES MEDEIROS\ROBSON\Thumbs.db</t>
  </si>
  <si>
    <t>01/15/2020 12:57:05</t>
  </si>
  <si>
    <t>01/15/2020 12:57:35</t>
  </si>
  <si>
    <t>01/15/2020 12:58:05</t>
  </si>
  <si>
    <t>01/15/2020 12:58:35</t>
  </si>
  <si>
    <t>01/15/2020 12:59:05</t>
  </si>
  <si>
    <t>01/15/2020 12:58:27</t>
  </si>
  <si>
    <t>01/15/2020 12:59:15</t>
  </si>
  <si>
    <t>01/15/2020 12:59:16</t>
  </si>
  <si>
    <t>01/15/2020 12:56:50</t>
  </si>
  <si>
    <t>9dabd067-3ba0-40aa-b2da-708364211023.tmp</t>
  </si>
  <si>
    <t>\\acsfs\profiles$\LUISPLS\Downloads\9dabd067-3ba0-40aa-b2da-708364211023.tmp</t>
  </si>
  <si>
    <t>01/15/2020 12:59:02</t>
  </si>
  <si>
    <t>01/15/2020 12:59:30</t>
  </si>
  <si>
    <t>01/15/2020 13:00:25</t>
  </si>
  <si>
    <t>01/15/2020 13:02:48</t>
  </si>
  <si>
    <t>01/15/2020 12:58:40</t>
  </si>
  <si>
    <t>01/15/2020 13:03:48</t>
  </si>
  <si>
    <t>01/15/2020 12:58:02</t>
  </si>
  <si>
    <t>01/15/2020 12:58:10</t>
  </si>
  <si>
    <t>01/15/2020 12:58:22</t>
  </si>
  <si>
    <t>01/15/2020 12:58:39</t>
  </si>
  <si>
    <t>01/15/2020 12:58:41</t>
  </si>
  <si>
    <t>01/15/2020 12:58:58</t>
  </si>
  <si>
    <t>01/15/2020 12:59:09</t>
  </si>
  <si>
    <t>01/15/2020 12:59:31</t>
  </si>
  <si>
    <t>01/15/2020 12:59:53</t>
  </si>
  <si>
    <t>01/15/2020 13:00:10</t>
  </si>
  <si>
    <t>01/15/2020 13:00:57</t>
  </si>
  <si>
    <t>01/15/2020 13:03:40</t>
  </si>
  <si>
    <t>01/15/2020 13:04:48</t>
  </si>
  <si>
    <t>fa1ec632-9cb7-447f-b9b3-555cba5a60a5.tmp</t>
  </si>
  <si>
    <t>\\acsfs\profiles$\dhiulliananads\Downloads\fa1ec632-9cb7-447f-b9b3-555cba5a60a5.tmp</t>
  </si>
  <si>
    <t>01/15/2020 13:01:33</t>
  </si>
  <si>
    <t>01/15/2020 13:03:58</t>
  </si>
  <si>
    <t>01/15/2020 13:05:48</t>
  </si>
  <si>
    <t>01/15/2020 13:05:06</t>
  </si>
  <si>
    <t>1.txt</t>
  </si>
  <si>
    <t>\\acsfs\profiles$\katiahmdj\My Documents\1.txt</t>
  </si>
  <si>
    <t>01/15/2020 13:04:19</t>
  </si>
  <si>
    <t>01/15/2020 13:06:48</t>
  </si>
  <si>
    <t>01/15/2020 13:04:21</t>
  </si>
  <si>
    <t>01/15/2020 13:04:31</t>
  </si>
  <si>
    <t>gabrielsma@bv.algartech.com;</t>
  </si>
  <si>
    <t>gabrielsma@bv.algartech.com</t>
  </si>
  <si>
    <t>01/15/2020 13:04:39</t>
  </si>
  <si>
    <t>01/15/2020 13:05:14</t>
  </si>
  <si>
    <t>01/15/2020 13:05:28</t>
  </si>
  <si>
    <t>01/15/2020 13:05:33</t>
  </si>
  <si>
    <t>01/15/2020 13:05:52</t>
  </si>
  <si>
    <t>Acompanhamento de Qualidade_Novembro (1).xlsx</t>
  </si>
  <si>
    <t>01/15/2020 13:05:58</t>
  </si>
  <si>
    <t>mail.google.com/sync/u/0/i/fd?hl=pt-BR&amp;c=1043</t>
  </si>
  <si>
    <t>01/15/2020 13:01:06</t>
  </si>
  <si>
    <t>01/15/2020 13:04:07</t>
  </si>
  <si>
    <t>01/15/2020 13:05:08</t>
  </si>
  <si>
    <t>01/15/2020 13:05:38</t>
  </si>
  <si>
    <t>01/15/2020 13:04:12</t>
  </si>
  <si>
    <t>3dfa3233-2bdd-4828-8300-ed5f378ef1cc.tmp</t>
  </si>
  <si>
    <t>\\acsfs\profiles$\quindaizaagds\Downloads\3dfa3233-2bdd-4828-8300-ed5f378ef1cc.tmp</t>
  </si>
  <si>
    <t>01/15/2020 13:03:06</t>
  </si>
  <si>
    <t>759d6c1b-6767-460e-9583-6244aa01637c.tmp</t>
  </si>
  <si>
    <t>\\acsfs\profiles$\quindaizaagds\Downloads\759d6c1b-6767-460e-9583-6244aa01637c.tmp</t>
  </si>
  <si>
    <t>01/15/2020 13:03:07</t>
  </si>
  <si>
    <t>e4c73a5a-506e-46cf-9981-b995a92d0a8b.tmp</t>
  </si>
  <si>
    <t>\\acsfs\profiles$\quindaizaagds\Downloads\e4c73a5a-506e-46cf-9981-b995a92d0a8b.tmp</t>
  </si>
  <si>
    <t>01/15/2020 13:03:00</t>
  </si>
  <si>
    <t>01/15/2020 13:04:09</t>
  </si>
  <si>
    <t>01/15/2020 13:07:48</t>
  </si>
  <si>
    <t>01/15/2020 13:05:21</t>
  </si>
  <si>
    <t>01/15/2020 13:06:35</t>
  </si>
  <si>
    <t>01/15/2020 13:08:48</t>
  </si>
  <si>
    <t>01/15/2020 13:08:08</t>
  </si>
  <si>
    <t>04840cc7-14e5-4420-ae4f-1235ba9e6bf1.tmp</t>
  </si>
  <si>
    <t>\\acsfs\profiles$\claudiajca\Downloads\04840cc7-14e5-4420-ae4f-1235ba9e6bf1.tmp</t>
  </si>
  <si>
    <t>01/15/2020 13:05:35</t>
  </si>
  <si>
    <t>01/15/2020 13:09:48</t>
  </si>
  <si>
    <t>eb26a9b8-57ce-428e-8817-f9e9c98e66a1.tmp</t>
  </si>
  <si>
    <t>\\acsfs\profiles$\larissaad\Downloads\eb26a9b8-57ce-428e-8817-f9e9c98e66a1.tmp</t>
  </si>
  <si>
    <t>01/15/2020 13:08:43</t>
  </si>
  <si>
    <t>01/15/2020 13:07:11</t>
  </si>
  <si>
    <t>01/15/2020 13:07:12</t>
  </si>
  <si>
    <t>01/15/2020 13:07:13</t>
  </si>
  <si>
    <t>01/15/2020 13:07:14</t>
  </si>
  <si>
    <t>01/15/2020 13:07:15</t>
  </si>
  <si>
    <t>01/15/2020 13:07:16</t>
  </si>
  <si>
    <t>01/15/2020 13:07:17</t>
  </si>
  <si>
    <t>01/15/2020 13:07:18</t>
  </si>
  <si>
    <t>01/15/2020 13:07:19</t>
  </si>
  <si>
    <t>01/15/2020 13:07:20</t>
  </si>
  <si>
    <t>01/15/2020 13:07:21</t>
  </si>
  <si>
    <t>01/15/2020 13:07:22</t>
  </si>
  <si>
    <t>01/15/2020 13:07:23</t>
  </si>
  <si>
    <t>01/15/2020 13:07:24</t>
  </si>
  <si>
    <t>01/15/2020 13:07:25</t>
  </si>
  <si>
    <t>01/15/2020 13:07:26</t>
  </si>
  <si>
    <t>01/15/2020 13:07:27</t>
  </si>
  <si>
    <t>01/15/2020 13:07:28</t>
  </si>
  <si>
    <t>01/15/2020 13:07:44</t>
  </si>
  <si>
    <t>01/15/2020 13:10:48</t>
  </si>
  <si>
    <t>01/15/2020 13:08:45</t>
  </si>
  <si>
    <t>01/15/2020 13:07:36</t>
  </si>
  <si>
    <t>01/15/2020 13:11:48</t>
  </si>
  <si>
    <t>. Portal Top ..url</t>
  </si>
  <si>
    <t>\\acsfs\profiles$\milennyss\Favorites\. Portal Top ..url</t>
  </si>
  <si>
    <t>01/15/2020 13:11:16</t>
  </si>
  <si>
    <t>01/15/2020 13:12:47</t>
  </si>
  <si>
    <t>01/15/2020 13:12:16</t>
  </si>
  <si>
    <t>01/15/2020 13:13:48</t>
  </si>
  <si>
    <t>a7045190-3bd9-4aed-ab86-acee8913128f.tmp</t>
  </si>
  <si>
    <t>\\acsfs\profiles$\gabrielsma\Downloads\a7045190-3bd9-4aed-ab86-acee8913128f.tmp</t>
  </si>
  <si>
    <t>01/15/2020 13:12:21</t>
  </si>
  <si>
    <t>Não confirmado 618861.crdownload</t>
  </si>
  <si>
    <t>\\acsfs\ACS\Gabriel da Silva\Contemporânea\Gen\Não confirmado 618861.crdownload</t>
  </si>
  <si>
    <t>01/15/2020 13:12:31</t>
  </si>
  <si>
    <t>01/15/2020 13:14:48</t>
  </si>
  <si>
    <t>4fdfdde2-cbb5-43d4-8441-1ffbe06436e7.tmp</t>
  </si>
  <si>
    <t>\\acsfs\profiles$\mariagsg\Downloads\4fdfdde2-cbb5-43d4-8441-1ffbe06436e7.tmp</t>
  </si>
  <si>
    <t>01/15/2020 13:10:07</t>
  </si>
  <si>
    <t>01/15/2020 13:10:08</t>
  </si>
  <si>
    <t>lu10756ou0yl.tmp</t>
  </si>
  <si>
    <t>\\acsfs\profiles$\dhiulliananads\My Documents\lu10756ou0yl.tmp</t>
  </si>
  <si>
    <t>\\acsfs\profiles$\dhiulliananads\My Documents\lu10756ou0yl.tmp\</t>
  </si>
  <si>
    <t>\\acsfs\profiles$\dhiulliananads\My Documents\lu10756ou0yl.tmp\META-INF\</t>
  </si>
  <si>
    <t>\\acsfs\profiles$\dhiulliananads\My Documents\lu10756ou0yl.tmp\Thumbnails\</t>
  </si>
  <si>
    <t>01/15/2020 13:11:18</t>
  </si>
  <si>
    <t>01/15/2020 13:15:48</t>
  </si>
  <si>
    <t>01/15/2020 13:14:27</t>
  </si>
  <si>
    <t>01/15/2020 13:15:41</t>
  </si>
  <si>
    <t>01/15/2020 13:16:48</t>
  </si>
  <si>
    <t>01/15/2020 13:13:51</t>
  </si>
  <si>
    <t>01/15/2020 13:18:48</t>
  </si>
  <si>
    <t>https://bvcartes-supervisores@algarnet.onmicrosoft.com,joaogvc@algartech.com,leonardoao@algartech.com,marianadjc@algartech.com,paulacn@algartech.com,planejamentodeoperacoesetrafego@bv.com.br,raphaelmco@algartech.com.br,ricardodfm@algartech.com.br,robsonams@algartech.com,sofiamses@algartech.com,taysdss@algartech.com,viniciussg@algartech.com</t>
  </si>
  <si>
    <t>01/15/2020 13:17:32</t>
  </si>
  <si>
    <t>RELATORIO DE LOGIN - BV CARTÕES 13-01 - Cópia.xlsm</t>
  </si>
  <si>
    <t>\\acsfs\DEPTOS\Operacao\PCP\5 - Comum\PLANEJAMENTO BV\14 - ACOMPANHAMENTO\1 - REPORT ACOMPANHAMENTO\2020\1 - JANEIRO\CARTÕES\Login Logout Cartões\RELATORIO DE LOGIN - BV CARTÕES 13-01 - Cópia.xlsm</t>
  </si>
  <si>
    <t>01/15/2020 13:19:30</t>
  </si>
  <si>
    <t>01/15/2020 13:19:49</t>
  </si>
  <si>
    <t>01/15/2020 13:18:06</t>
  </si>
  <si>
    <t>01/15/2020 13:20:48</t>
  </si>
  <si>
    <t>http:///batch/drive/v2internal?%24ct=multipart%2Fmixed%3B%20boundary%3D%22%3D%3D%3D%3D%3D24oyg5jqf7u%3D%3D%3D%3D%3D%22&amp;key=AIzaSyAy9VVXHSpS2IJpptzYtGbLP3-3_l0aBk4</t>
  </si>
  <si>
    <t>"[[];"mozilla/5.0 (windows nt 6.1) applewebkit/537.36 (khtml;#bco-inspetoria@bancovotorantim.com.br;0]06;0]4003ll;0]\\\\\\k�� &lt;l;0]als;0]l;0]ribedchildren;0]��v_x0004_\\;1;13;130841638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709;13701749;13701825;13701833;13701901;13701905;13701909;13701921;13701945]];13701945]]];13701949;13701953;13701957;13701969;13702064;13702068;13702088;142961685;144;1578930052848000;1578930058554000;1578941802361;1578973107601;1579001683422;1579009510098;1579030649468;1579102033179;1579102334176;17;1ya5yrwelrso-yxib3ctz0mdjsqkh2uffmn2kfrmynlkfp2vhk5vxrjlyzc1nx1i8okgrxz4hh9fxnqqavexbjgszjfxng_3tikapcccza7s5nl0iiv528sipt3_n6smfvjyvnmz5gmbld86jsedcdqpnbowbtwaejdtwlwiwyazylw418myzkyijnl</t>
  </si>
  <si>
    <t>http://"[[],"mozilla/5.0 (windows nt 6.1) applewebkit/537.36 (khtml,#bco-inspetoria@bancovotorantim.com.br,0]06,0]4003ll,0]\\\\\\k�� &lt;l,0]als,0]l,0]ribedchildren,0]��v_x0004_\\,1,13,130841638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44,1578930052848000,1578930058554000,1578941802361,1578973107601,1579001683422,1579009510098,1579030649468,1579102033179,1579102334176,17,1ya5yrwelrso-yxib3ctz0mdjsqkh2uffmn2kfrmynlkfp2vhk5vxrjlyzc1nx1i8okgrxz4hh9fxnqqavexbjgszjfxng_3tikapcccza7s5nl0iiv528sipt3_n6smfvjyvnmz5gmbld86jsedcdqpnbowbtwaejdtwlwiwyazylw418my</t>
  </si>
  <si>
    <t>01/15/2020 13:18:10</t>
  </si>
  <si>
    <t>http:///batch/drive/v2internal?%24ct=multipart%2Fmixed%3B%20boundary%3D%22%3D%3D%3D%3D%3Dde1jbq5ycj%3D%3D%3D%3D%3D%22&amp;key=AIzaSyAy9VVXHSpS2IJpptzYtGbLP3-3_l0aBk4</t>
  </si>
  <si>
    <t>01/15/2020 13:18:12</t>
  </si>
  <si>
    <t>http:///batch/drive/v2internal?%24ct=multipart%2Fmixed%3B%20boundary%3D%22%3D%3D%3D%3D%3D9uq6x7k8emmy%3D%3D%3D%3D%3D%22&amp;key=AIzaSyAy9VVXHSpS2IJpptzYtGbLP3-3_l0aBk4</t>
  </si>
  <si>
    <t>http:///batch/drive/v2internal?%24ct=multipart%2Fmixed%3B%20boundary%3D%22%3D%3D%3D%3D%3Dpvae9s2mp5k6%3D%3D%3D%3D%3D%22&amp;key=AIzaSyAy9VVXHSpS2IJpptzYtGbLP3-3_l0aBk4</t>
  </si>
  <si>
    <t>01/15/2020 13:18:26</t>
  </si>
  <si>
    <t>http:///batch/drive/v2internal?%24ct=multipart%2Fmixed%3B%20boundary%3D%22%3D%3D%3D%3D%3Do1uak1mm1iyo%3D%3D%3D%3D%3D%22&amp;key=AIzaSyAy9VVXHSpS2IJpptzYtGbLP3-3_l0aBk4</t>
  </si>
  <si>
    <t>http://_x0003_���_x001C_x�*x_x0006_��e`y_x000E_,"[[],"mozilla/5.0 (windows nt 6.1) applewebkit/537.36 (khtml,0,0],0]",0]22] �_x0003_�_x0006_(�?_x0007_�=�_x0006_9995,0]],0]l,0]ll,0]ribedchildren,0]}ls,1,1253,13,130841638,13700014,13700109,13700109�,13700167,13700185,13700235,13700451,13700563,13700607,13700883,13700946,13700951,13700982,13701078,13701139,13701207,13701214,13701235,13701235]],13701235]]],13701239,13701262,13701276,13701298,13701418,13701422,13701430,13701450,13701458,13701486,13701506,13701510,13701534,13701537,13701573,13701577,13701589,13701609,13701613,13701625,13701653,13701657,13701693,13701709,13701749,13701825,13701833,13701901,13701905,13701909,13701921,13701945,13701945]],13701945]]],13701949,13701953,13701957,13701969,13702064,13702068,13702088,142961685,1578915539161\,1578915882896000,1578915886959000,1578923371630\,1578930052848000,1578930058554000,1578930666787,1578940598260,1579002887516,1579004392649,1579014326512,1579030649468,1579037922075\,1579037922677\,1579037932305,1579100829204,17,1]]",1ya5yrwelrso-yxib3ctz0mdjsqkh2uffm</t>
  </si>
  <si>
    <t>http:///batch/drive/v2internal?%24ct=multipart%2Fmixed%3B%20boundary%3D%22%3D%3D%3D%3D%3Djgmyi7mtst4w%3D%3D%3D%3D%3D%22&amp;key=AIzaSyAy9VVXHSpS2IJpptzYtGbLP3-3_l0aBk4</t>
  </si>
  <si>
    <t>01/15/2020 13:18:40</t>
  </si>
  <si>
    <t>http:///batch/drive/v2internal?%24ct=multipart%2Fmixed%3B%20boundary%3D%22%3D%3D%3D%3D%3Dck5ecepvcz41%3D%3D%3D%3D%3D%22&amp;key=AIzaSyAy9VVXHSpS2IJpptzYtGbLP3-3_l0aBk4</t>
  </si>
  <si>
    <t>01/15/2020 13:18:41</t>
  </si>
  <si>
    <t>http:///batch/drive/v2internal?%24ct=multipart%2Fmixed%3B%20boundary%3D%22%3D%3D%3D%3D%3D7zlq4592pdv2%3D%3D%3D%3D%3D%22&amp;key=AIzaSyAy9VVXHSpS2IJpptzYtGbLP3-3_l0aBk4</t>
  </si>
  <si>
    <t>01/15/2020 13:19:46</t>
  </si>
  <si>
    <t>ancestorhasaugmentedpermissions;andrelpsa@algartech.com;containsunsubscribedchildren;displayname;domain;emailaddress;fabianacscg@algartech.com;file(kind;fileid;filesize;harunams@algartech.com;hasthumbnail;hasvisitorpermissions;id;id);items(deleted;items(kind;ken;kind;lastmodifyinguser(kind;lastviewedbymedate;mirianppb@algartech.com;modifiedbymedate;modifieddate;ontainsunsubscribedchildren;owners(kind;per;permission;permissionid;picture;shared;sharedwithmedate;talmaiardo@algartech.com;taysdss@algartech.com;thumbnailversion;title;userpermission(role);workspaceids;</t>
  </si>
  <si>
    <t>ancestorhasaugmentedpermissions,andrelpsa@algartech.com,containsunsubscribedchildren,displayname,domain,emailaddress,fabianacscg@algartech.com,file(kind,fileid,filesize,harunams@algartech.com,hasthumbnail,hasvisitorpermissions,id,id),items(deleted,items(kind,ken,kind,lastmodifyinguser(kind,lastviewedbymedate,mirianppb@algartech.com,modifiedbymedate,modifieddate,ontainsunsubscribedchildren,owners(kind,per,permission,permissionid,picture,shared,sharedwithmedate,talmaiardo@algartech.com,taysdss@algartech.com,thumbnailversion,title,userpermission(role),workspaceids</t>
  </si>
  <si>
    <t>01/15/2020 13:19:51</t>
  </si>
  <si>
    <t>01/15/2020 13:19:59</t>
  </si>
  <si>
    <t>http:///batch/drive/v2internal?%24ct=multipart%2Fmixed%3B%20boundary%3D%22%3D%3D%3D%3D%3D3efb1gjpoy7c%3D%3D%3D%3D%3D%22&amp;key=AIzaSyAy9VVXHSpS2IJpptzYtGbLP3-3_l0aBk4</t>
  </si>
  <si>
    <t>http://"mozilla/5.0 (windows nt 6.1) applewebkit/537.36 (khtml,0,0]4003ll,0]:0}:0})�� 66,0]l,1,10,13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709,13701749,13701825,13701833,13701901,13701905,13701909,13701921,13701945]],13701945]]],13701949,13701953,13701957,13701969,13702064,13702068,13702088,142961685,1578930052848000,1578930058554000,1578932773978,1579010413173,17,1ya5yrwelrso-yxib3ctz0mdjsqkh2uffmn2kfrmynlkfp2vhk5vxrjlyzc1nx1i8okgrxz4hh9fxnqqavexbjgszjfxng_3tikapcccza7s5nl0iiv528sipt3_n6smfvjyvnmz5gmbld86jsedcdqpnbowbtwaejdtwlwiwyazylw418myzkyijnlherxkuhkwirbjlepto_djldn08dfaund-n0qfk8wr4qxtcvxvv5frog\",267,4,4100],5701393,6.1,79,["mozilla/5.0 (windows nt 6.1) applewebkit/537.36 (khtml,[1,[[13701</t>
  </si>
  <si>
    <t>01/15/2020 13:20:00</t>
  </si>
  <si>
    <t>http:///batch/drive/v2internal?%24ct=multipart%2Fmixed%3B%20boundary%3D%22%3D%3D%3D%3D%3Dcaqdlx5y6sjm%3D%3D%3D%3D%3D%22&amp;key=AIzaSyAy9VVXHSpS2IJpptzYtGbLP3-3_l0aBk4</t>
  </si>
  <si>
    <t>01/15/2020 13:20:46</t>
  </si>
  <si>
    <t>01/15/2020 13:21:49</t>
  </si>
  <si>
    <t>01/15/2020 13:21:21</t>
  </si>
  <si>
    <t>01/15/2020 13:21:16</t>
  </si>
  <si>
    <t>01/15/2020 13:22:48</t>
  </si>
  <si>
    <t>01/15/2020 13:21:42</t>
  </si>
  <si>
    <t>01/14/2020 21:20:07</t>
  </si>
  <si>
    <t>01/15/2020 13:24:48</t>
  </si>
  <si>
    <t>01/15/2020 13:24:20</t>
  </si>
  <si>
    <t>01/15/2020 13:24:21</t>
  </si>
  <si>
    <t>01/15/2020 13:24:22</t>
  </si>
  <si>
    <t>01/15/2020 13:24:23</t>
  </si>
  <si>
    <t>01/15/2020 13:24:24</t>
  </si>
  <si>
    <t>01/15/2020 13:24:29</t>
  </si>
  <si>
    <t>01/15/2020 13:24:31</t>
  </si>
  <si>
    <t>01/15/2020 13:24:32</t>
  </si>
  <si>
    <t>01/15/2020 13:22:53</t>
  </si>
  <si>
    <t>e4a3edec-ca8a-4708-87fa-314716003122.tmp</t>
  </si>
  <si>
    <t>\\acsfs\profiles$\felipetds\Downloads\e4a3edec-ca8a-4708-87fa-314716003122.tmp</t>
  </si>
  <si>
    <t>01/15/2020 13:25:48</t>
  </si>
  <si>
    <t>"mozilla/5.0 (windows nt 6.1) applewebkit/537.36 (khtml;0]_x0001_ml;1;12;13;13700014;13700109;13700185;13700451;13700951;13701207;13701298;13701422;13701430;13701450;13701506;13701537;13701573;13701577;13701625;13701657;13701693;13701749;13701825;13701901;13701905;13701957;13701969;13702068;13702088;142961685;1578930052848000;1578930058554000;1578933375029;5701393;[[13701418;[];[]]];adfn-ct7ciskssyu-68afh9xg7xv2c6f8dx_seofhsqerkx2bhpqslb3crfufkpjjmcd4mgjscrt;andrelpsa@algartech.com;atuima2v-l-r4mlrttnejldjmmcmtjqqdb_eo8phe2_wqj_y1ojumr1iabvw2ppblwocree42tuodgonxc9zyg_d_xfmczfydcj19wasowu2czwzo34dk_awsnncoxru\";fabianacscg@algartech.com;false;false];fu-jjgodysoi_w";gbvŢ_x001C_���{_x001C_x�g�?`�ǻq_x001C_t��msyn���_x000E_�`�ݻqglz/e�#n�ߣɡ`��^m�/�w_x001E_y1۟?\�8;gbvŢ_x001C_���{_x001C_x�i�?`��;gbvŢ_x001C_���{_x001C_x�n�?`��;harunams@algartech.com;ken=ac4w5vhljczanhxnqi1woyx0avs9x8dipw:1578930052842&amp;buildlabel=drive.web-frontend_20200101.00_p4�_x001C_(͇ )gl������_x0006_�-��y�@e�����_x000E_����f�/��}�����o]&lt;!���s�7�1e�_x0015__x001C_;�u� �x_x001F_��}g��ϊ_x001B_=���[{-紗��:}vh�~x[��&lt;�p��g?_x001E_5���_x0017_�ɟ'_x0019_�#��Ã�o1_x0007_��ڟ��d}����</t>
  </si>
  <si>
    <t>"mozilla/5.0 (windows nt 6.1) applewebkit/537.36 (khtml,0]_x0001_ml,1,12,13,13700014,13700109,13700185,13700451,13700951,13701207,13701298,13701422,13701430,13701450,13701506,13701537,13701573,13701577,13701625,13701657,13701693,13701749,13701825,13701901,13701905,13701957,13701969,13702068,13702088,142961685,1578930052848000,1578930058554000,1578933375029,5701393,[[13701418,[],[]]],adfn-ct7ciskssyu-68afh9xg7xv2c6f8dx_seofhsqerkx2bhpqslb3crfufkpjjmcd4mgjscrt,andrelpsa@algartech.com,atuima2v-l-r4mlrttnejldjmmcmtjqqdb_eo8phe2_wqj_y1ojumr1iabvw2ppblwocree42tuodgonxc9zyg_d_xfmczfydcj19wasowu2czwzo34dk_awsnncoxru\",fabianacscg@algartech.com,false,false],fu-jjgodysoi_w",gbvŢ_x001C_���{_x001C_x�g�?`�ǻq_x001C_t��msyn���_x000E_�`�ݻqglz/e�#n�ߣɡ`��^m�/�w_x001E_y1۟?\�8,gbvŢ_x001C_���{_x001C_x�i�?`��,gbvŢ_x001C_���{_x001C_x�n�?`��,harunams@algartech.com,ken=ac4w5vhljczanhxnqi1woyx0avs9x8dipw:1578930052842&amp;buildlabel=drive.web-frontend_20200101.00_p4�_x001C_(͇ )gl������_x0006_�-��y�@e�����_x000E_����f�/��}�����o]&lt;!���s�7�1e�_x0015__x001C_;�u� �x_x001F_��}g��ϊ_x001B_=���[{-紗��:}vh�~x[��&lt;�p��g?_x001E_5���_x0017_�ɟ'_x0019_�#��Ã�o1_x0007_��ڟ��d}����</t>
  </si>
  <si>
    <t>01/15/2020 13:20:55</t>
  </si>
  <si>
    <t>0]3701909��/ &lt;l;142961685;1578942705440;43;[];[]]];andrelpsa@algartech.com;atuima2v-l-r4mlrttnejldjmmcmtjqqdb_eo8phe2_wqj_y1ojumr1iabvw2ppblwocree42tuodgonxc9zyppd_xfpyadfszlfa5wbbkxjuyj0lbh_dqkjbuxnxvg8\";fabianacscg@algartech.com;false;harunams@algartech.com;mirianppb@algartech.com;null;talmaiardo@algartech.com;taysdss@algartech.com;true]";</t>
  </si>
  <si>
    <t>0]3701909��/ &lt;l,142961685,1578942705440,43,[],[]]],andrelpsa@algartech.com,atuima2v-l-r4mlrttnejldjmmcmtjqqdb_eo8phe2_wqj_y1ojumr1iabvw2ppblwocree42tuodgonxc9zyppd_xfpyadfszlfa5wbbkxjuyj0lbh_dqkjbuxnxvg8\",fabianacscg@algartech.com,false,harunams@algartech.com,mirianppb@algartech.com,null,talmaiardo@algartech.com,taysdss@algartech.com,true]"</t>
  </si>
  <si>
    <t>http:///batch/drive/v2internal?%24ct=multipart%2Fmixed%3B%20boundary%3D%22%3D%3D%3D%3D%3Dtzxgk8a2s3em%3D%3D%3D%3D%3D%22&amp;key=AIzaSyAy9VVXHSpS2IJpptzYtGbLP3-3_l0aBk4</t>
  </si>
  <si>
    <t>142961685;318;[];ancestorhasaugmentedpermissions;containsunsubscribedchildren;displayname;domain;eivihpy39ubolmwn_tv0dulmvvvaumoqm1yahm2btwwn1gfxo0i2ldsyrmtc0s24p_ylydw7r0kcp9zrqof_2cpezk4wzkbkpilq4mn3otkryc5fpr7z99ozy3mof9eauhp4k7mjxgqntjdpj6mixvyvafv_bov-gzziu2j5ho4--ddnw7kowdlxcwbvz0las0obvsffchpclln_yajqcpna8e2yjkslqjfybdiqteq5kzpcwpzjvhpvnh2juz_fk6evvb3wlnbfsc9kl0omp-zbhp6pfbtw2k13nw3g\";emailaddress;false;file(kind;fileid;filesize;hasthumbnail;hasvisitorpermissions;id;id);items(deleted;ken;kind;lastmodifyinguser(kind;lastviewedbymedate;modifiedbymedate;modifieddate;null;ontainsunsubscribedchildren;owners(kind;per;permissionid;picture;shared;sharedwithmedate;thumbnailversion;title;true]";userpermission(role);workspaceids;</t>
  </si>
  <si>
    <t>http://142961685,318,[],ancestorhasaugmentedpermissions,containsunsubscribedchildren,displayname,domain,eivihpy39ubolmwn_tv0dulmvvvaumoqm1yahm2btwwn1gfxo0i2ldsyrmtc0s24p_ylydw7r0kcp9zrqof_2cpezk4wzkbkpilq4mn3otkryc5fpr7z99ozy3mof9eauhp4k7mjxgqntjdpj6mixvyvafv_bov-gzziu2j5ho4--ddnw7kowdlxcwbvz0las0obvsffchpclln_yajqcpna8e2yjkslqjfybdiqteq5kzpcwpzjvhpvnh2juz_fk6evvb3wlnbfsc9kl0omp-zbhp6pfbtw2k13nw3g\",emailaddress,false,file(kind,fileid,filesize,hasthumbnail,hasvisitorpermissions,id,id),items(deleted,ken,kind,lastmodifyinguser(kind,lastviewedbymedate,modifiedbymedate,modifieddate,null,ontainsunsubscribedchildren,owners(kind,per,permissionid,picture,shared,sharedwithmedate,thumbnailversion,title,true]",userpermission(role),workspaceids</t>
  </si>
  <si>
    <t>01/15/2020 13:21:17</t>
  </si>
  <si>
    <t>http:///batch/drive/v2internal?%24ct=multipart%2Fmixed%3B%20boundary%3D%22%3D%3D%3D%3D%3Dp8hqxayej7v%3D%3D%3D%3D%3D%22&amp;key=AIzaSyAy9VVXHSpS2IJpptzYtGbLP3-3_l0aBk4</t>
  </si>
  <si>
    <t>01/15/2020 13:22:47</t>
  </si>
  <si>
    <t>http:///batch/drive/v2internal?%24ct=multipart%2Fmixed%3B%20boundary%3D%22%3D%3D%3D%3D%3Drfxpsz984wn8%3D%3D%3D%3D%3D%22&amp;key=AIzaSyAy9VVXHSpS2IJpptzYtGbLP3-3_l0aBk4</t>
  </si>
  <si>
    <t>01/15/2020 13:23:17</t>
  </si>
  <si>
    <t>01/15/2020 13:24:45</t>
  </si>
  <si>
    <t>01/15/2020 13:25:04</t>
  </si>
  <si>
    <t>01/15/2020 13:22:49</t>
  </si>
  <si>
    <t>http:///batch/drive/v2internal?%24ct=multipart%2Fmixed%3B%20boundary%3D%22%3D%3D%3D%3D%3D4tng269k3euv%3D%3D%3D%3D%3D%22&amp;key=AIzaSyAy9VVXHSpS2IJpptzYtGbLP3-3_l0aBk4</t>
  </si>
  <si>
    <t>01/15/2020 13:22:54</t>
  </si>
  <si>
    <t>0]4003ll;0]als;142961685;1579008607030;1ya5yrwelrso-yxib3ctz0mdjsqkh2uffmn2kfrmynlkfp2vhk5vxrjlyzc1nx1i8okgrxz4hh9fxnqqavexbjgszjfxng_3tikapcccza7s5nl0iiv528sipt3_n6smfvjyvnmz5gmbld86jsedcdqpnbowbtwaejdtwlwiwyazylw418myzkyijnlherxkuhkwirbhleptkloftqyrupnwqoirujzck2cpj4l2ykrivfe0jg\";261;[];[]]];false;null;true]";</t>
  </si>
  <si>
    <t>0]4003ll,0]als,142961685,1579008607030,1ya5yrwelrso-yxib3ctz0mdjsqkh2uffmn2kfrmynlkfp2vhk5vxrjlyzc1nx1i8okgrxz4hh9fxnqqavexbjgszjfxng_3tikapcccza7s5nl0iiv528sipt3_n6smfvjyvnmz5gmbld86jsedcdqpnbowbtwaejdtwlwiwyazylw418myzkyijnlherxkuhkwirbhleptkloftqyrupnwqoirujzck2cpj4l2ykrivfe0jg\",261,[],[]]],false,null,true]"</t>
  </si>
  <si>
    <t>01/15/2020 13:23:15</t>
  </si>
  <si>
    <t>01/15/2020 13:26:48</t>
  </si>
  <si>
    <t>01/15/2020 13:23:46</t>
  </si>
  <si>
    <t>01/15/2020 13:24:16</t>
  </si>
  <si>
    <t>01/15/2020 13:24:46</t>
  </si>
  <si>
    <t>01/15/2020 13:24:39</t>
  </si>
  <si>
    <t>lu1559610ndxi.tmp</t>
  </si>
  <si>
    <t>\\acsfs\profiles$\jonathanwap\lu1559610ndxi.tmp</t>
  </si>
  <si>
    <t>\\acsfs\profiles$\jonathanwap\lu1559610ndxi.tmp\</t>
  </si>
  <si>
    <t>\\acsfs\profiles$\jonathanwap\lu1559610ndxi.tmp\META-INF\</t>
  </si>
  <si>
    <t>\\acsfs\profiles$\jonathanwap\lu1559610ndxi.tmp\Thumbnails\</t>
  </si>
  <si>
    <t>01/15/2020 13:22:02</t>
  </si>
  <si>
    <t>https://udpwfmniceap02/pt_br/web/guest/home?p_auth=xj7kbesw&amp;p_p_id=58&amp;p_p_lifecycle=1&amp;p_p_state=maximized&amp;p_p_mode=view&amp;savelastpath=0&amp;_58_struts_action=/login/forgot_password</t>
  </si>
  <si>
    <t>01/15/2020 13:27:48</t>
  </si>
  <si>
    <t>3625e602-ca06-4632-94fa-15ab1e987ff5.tmp</t>
  </si>
  <si>
    <t>\\acsfs\profiles$\gabrielafs\Downloads\3625e602-ca06-4632-94fa-15ab1e987ff5.tmp</t>
  </si>
  <si>
    <t>01/15/2020 13:23:23</t>
  </si>
  <si>
    <t>898a8d37-130a-43a3-9b52-4048abce86f1.tmp</t>
  </si>
  <si>
    <t>\\acsfs\profiles$\gabrielafs\Downloads\898a8d37-130a-43a3-9b52-4048abce86f1.tmp</t>
  </si>
  <si>
    <t>01/15/2020 13:27:08</t>
  </si>
  <si>
    <t>abe704a6-81d4-499b-8674-1292265b59bd.tmp</t>
  </si>
  <si>
    <t>\\acsfs\profiles$\isabellegtds\Downloads\abe704a6-81d4-499b-8674-1292265b59bd.tmp</t>
  </si>
  <si>
    <t>01/15/2020 13:24:07</t>
  </si>
  <si>
    <t>01/15/2020 13:29:48</t>
  </si>
  <si>
    <t>01/15/2020 13:24:37</t>
  </si>
  <si>
    <t>01/15/2020 13:24:38</t>
  </si>
  <si>
    <t>01/15/2020 13:24:42</t>
  </si>
  <si>
    <t>01/15/2020 13:24:44</t>
  </si>
  <si>
    <t>01/15/2020 13:24:47</t>
  </si>
  <si>
    <t>01/15/2020 13:24:49</t>
  </si>
  <si>
    <t>01/15/2020 13:24:51</t>
  </si>
  <si>
    <t>01/15/2020 13:24:53</t>
  </si>
  <si>
    <t>01/15/2020 13:24:54</t>
  </si>
  <si>
    <t>01/15/2020 13:24:57</t>
  </si>
  <si>
    <t>01/15/2020 13:24:59</t>
  </si>
  <si>
    <t>01/15/2020 13:25:00</t>
  </si>
  <si>
    <t>01/15/2020 13:25:08</t>
  </si>
  <si>
    <t>01/15/2020 13:25:09</t>
  </si>
  <si>
    <t>01/15/2020 13:25:10</t>
  </si>
  <si>
    <t>01/15/2020 13:25:14</t>
  </si>
  <si>
    <t>01/15/2020 13:25:16</t>
  </si>
  <si>
    <t>01/15/2020 13:25:18</t>
  </si>
  <si>
    <t>01/15/2020 13:25:20</t>
  </si>
  <si>
    <t>01/15/2020 13:25:22</t>
  </si>
  <si>
    <t>01/15/2020 13:25:24</t>
  </si>
  <si>
    <t>01/15/2020 13:25:26</t>
  </si>
  <si>
    <t>01/15/2020 13:25:28</t>
  </si>
  <si>
    <t>01/15/2020 13:25:30</t>
  </si>
  <si>
    <t>01/15/2020 13:25:32</t>
  </si>
  <si>
    <t>01/15/2020 13:26:06</t>
  </si>
  <si>
    <t>01/15/2020 13:26:08</t>
  </si>
  <si>
    <t>01/15/2020 13:26:13</t>
  </si>
  <si>
    <t>01/15/2020 13:26:15</t>
  </si>
  <si>
    <t>01/15/2020 13:26:24</t>
  </si>
  <si>
    <t>01/15/2020 13:26:25</t>
  </si>
  <si>
    <t>01/15/2020 13:26:26</t>
  </si>
  <si>
    <t>01/15/2020 13:26:28</t>
  </si>
  <si>
    <t>01/15/2020 13:26:30</t>
  </si>
  <si>
    <t>01/15/2020 13:26:31</t>
  </si>
  <si>
    <t>01/15/2020 13:27:00</t>
  </si>
  <si>
    <t>01/15/2020 13:25:41</t>
  </si>
  <si>
    <t>01/15/2020 13:30:48</t>
  </si>
  <si>
    <t>01/15/2020 13:26:07</t>
  </si>
  <si>
    <t>http:///batch/drive/v2internal?%24ct=multipart%2Fmixed%3B%20boundary%3D%22%3D%3D%3D%3D%3Dhqgewp3gasyt%3D%3D%3D%3D%3D%22&amp;key=AIzaSyAy9VVXHSpS2IJpptzYtGbLP3-3_l0aBk4</t>
  </si>
  <si>
    <t>"mozilla/5.0 (windows nt 6.1) applewebkit/537.36 (khtml;0]0]0":0}}�j� _x0001_;0]:0}:0})�� 66;0]ackages\tornado\platform\interface.py;0]als;0]l;0]ll;1;13;13/01/2020;130841638;13700014;13700109;13700185;13700451;13700951;13701207;13701298;13701422;13701430;13701450;13701506;13701537;13701573;13701577;13701625;13701657;13701693;13701749;13701825;13701901;13701905;13701957;13701969;13702068;13702088;142961685;1578930052848000;1578930058554000;1578931268841;1578958659580;1578988003061;1578996732112;1578997334102;1579011617271;1579101431193;1579101732188;193;1ya5yrwelrso-yxib3ctz0mdjsqkh2uffmn2kfrmynlkfp2vhk5vxrjlyzc1nx1i8okgrxz4hh9fxnqqavexbjgszjfxng_3tikapcccza7s5nl0iiv528sipt3_n6smfvjyvnmz5gmbld86jsedcdqpnbowbtwaejdtwlwiwyazylw418myzkyijnlherxkuhkwiradlept6s2wwy3irlvxilsn2tmtreu5sjcyzesw5wrmka\";1ya5yrwelrso-yxib3ctz0mdjsqkh2uffmn2kfrmynlkfp2vhk5vxrjlyzc1nx1i8okgrxz4hh9fxnqqavexbjgszjfxng_3tikapcccza7s5nl0iiv528sipt3_n6smfvjyvnmz5gmbld86jsedcdqpnbowbtwaejdtwlwiwyazylw418myzkyijnlherxkuhkwirb8leptlasz0q5gsq45bqhdpg08al</t>
  </si>
  <si>
    <t>http://"mozilla/5.0 (windows nt 6.1) applewebkit/537.36 (khtml,0]0]0":0}}�j� _x0001_,0]:0}:0})�� 66,0]ackages\tornado\platform\interface.py,0]als,0]l,0]ll,1,13,13/01/2020,130841638,13700014,13700109,13700185,13700451,13700951,13701207,13701298,13701422,13701430,13701450,13701506,13701537,13701573,13701577,13701625,13701657,13701693,13701749,13701825,13701901,13701905,13701957,13701969,13702068,13702088,142961685,1578930052848000,1578930058554000,1578931268841,1578958659580,1578988003061,1578996732112,1578997334102,1579011617271,1579101431193,1579101732188,193,1ya5yrwelrso-yxib3ctz0mdjsqkh2uffmn2kfrmynlkfp2vhk5vxrjlyzc1nx1i8okgrxz4hh9fxnqqavexbjgszjfxng_3tikapcccza7s5nl0iiv528sipt3_n6smfvjyvnmz5gmbld86jsedcdqpnbowbtwaejdtwlwiwyazylw418myzkyijnlherxkuhkwiradlept6s2wwy3irlvxilsn2tmtreu5sjcyzesw5wrmka\",1ya5yrwelrso-yxib3ctz0mdjsqkh2uffmn2kfrmynlkfp2vhk5vxrjlyzc1nx1i8okgrxz4hh9fxnqqavexbjgszjfxng_3tikapcccza7s5nl0iiv528sipt3_n6smfvjyvnmz5gmbld86jsedcdqpnbowbtwaejdtwlwiwyazylw418myzkyijnlherxkuhkwirb8leptlasz0q5gsq45bqh</t>
  </si>
  <si>
    <t>http:///batch/drive/v2internal?%24ct=multipart%2Fmixed%3B%20boundary%3D%22%3D%3D%3D%3D%3Djf82f4aoneqk%3D%3D%3D%3D%3D%22&amp;key=AIzaSyAy9VVXHSpS2IJpptzYtGbLP3-3_l0aBk4</t>
  </si>
  <si>
    <t>01/15/2020 13:27:31</t>
  </si>
  <si>
    <t>"[[];"mozilla/5.0 (windows nt 6.1) applewebkit/537.36 (khtml;0;0];0] _x0018_�2_x0007_c-4e;0]3701506�_x0005_� \\;0]:0};0]\\\\\\\_�o &lt;l;0]\\\\\\\�h�_x0004_&lt;l;0]\\\\\\\��1 &lt;l;0]\\\\\\l|{ &lt;l;0]\\\\\\} � \\;0]\\��� &lt;l;0]ackages\tornado\platform\interface.py;0]als;0]d;0]ersion\&gt;\(ds��� 1.;0]l;0]ll;0]ribedchildren;1;107;11;12;121;13;130841638;135;135�_x0004_;13700014;13700109;13700167;13700185;13700235;13700451;13700563;13700607;13700883;13700946;13700951;13700982;13701078;13701139;13701207;13701214;13701235;13701239;13701262;13701276;13701298;13701422;13701430;13701450;13701458;13701486;13701506;13701510;13701534;13701537;13701573;13701577;13701589;13701609;13701613;13701625;13701653;13701657;13701693;13701693�;13701709;13701749;13701825;13701833;13701901;13701905;13701909;13701921;13701945]];13701945]]];13701949;13701953;13701957;13701969;13702064;13702068;13702088;142961685;147;15;151;1578930052848000;1578930058554000;1578942404414;1578946919315;1578952338029;1578959261631;1578961969976;1578966183923;1578970398365;1578974156685;1578975360790;</t>
  </si>
  <si>
    <t>"[[],"mozilla/5.0 (windows nt 6.1) applewebkit/537.36 (khtml,0,0],0] _x0018_�2_x0007_c-4e,0]3701506�_x0005_� \\,0]:0},0]\\\\\\\_�o &lt;l,0]\\\\\\\��1 &lt;l,0]\\\\\\\�h�_x0004_&lt;l,0]\\\\\\l|{ &lt;l,0]\\\\\\} � \\,0]\\��� &lt;l,0]ackages\tornado\platform\interface.py,0]als,0]d,0]ersion\&gt;\(ds��� 1.,0]l,0]ll,0]ribedchildren,1,107,11,12,121,13,130841638,135,135�_x0004_,13700014,13700109,13700167,13700185,13700235,13700451,13700563,13700607,13700883,13700946,13700951,13700982,13701078,13701139,13701207,13701214,13701235,13701239,13701262,13701276,13701298,13701422,13701430,13701450,13701458,13701486,13701506,13701510,13701534,13701537,13701573,13701577,13701589,13701609,13701613,13701625,13701653,13701657,13701693,13701693�,13701709,13701749,13701825,13701833,13701901,13701905,13701909,13701921,13701945]],13701945]]],13701949,13701953,13701957,13701969,13702064,13702068,13702088,142961685,147,15,151,1578930052848000,1578930058554000,1578942404414,1578946919315,1578952338029,1578959261631,1578961969976,1578966183923,1578970398365,1578974156685,1578975360790,</t>
  </si>
  <si>
    <t>01/15/2020 13:27:52</t>
  </si>
  <si>
    <t>"mozilla/5.0 (windows nt 6.1) applewebkit/537.36 (khtml,0]0]0":0}}�j� _x0001_,0]:0}:0})�� 66,0]ackages\tornado\platform\interface.py,0]als,0]l,0]ll,1,13,13/01/2020,130841638,13700014,13700109,13700185,13700451,13700951,13701207,13701298,13701422,13701430,13701450,13701506,13701537,13701573,13701577,13701625,13701657,13701693,13701749,13701825,13701901,13701905,13701957,13701969,13702068,13702088,142961685,1578930052848000,1578930058554000,1578931268841,1578958659580,1578988003061,1578996732112,1578997334102,1579011617271,1579101431193,1579101732188,193,1ya5yrwelrso-yxib3ctz0mdjsqkh2uffmn2kfrmynlkfp2vhk5vxrjlyzc1nx1i8okgrxz4hh9fxnqqavexbjgszjfxng_3tikapcccza7s5nl0iiv528sipt3_n6smfvjyvnmz5gmbld86jsedcdqpnbowbtwaejdtwlwiwyazylw418myzkyijnlherxkuhkwiradlept6s2wwy3irlvxilsn2tmtreu5sjcyzesw5wrmka\",1ya5yrwelrso-yxib3ctz0mdjsqkh2uffmn2kfrmynlkfp2vhk5vxrjlyzc1nx1i8okgrxz4hh9fxnqqavexbjgszjfxng_3tikapcccza7s5nl0iiv528sipt3_n6smfvjyvnmz5gmbld86jsedcdqpnbowbtwaejdtwlwiwyazylw418myzkyijnlherxkuhkwirb8leptlasz0q5gsq45bqhdpg08al</t>
  </si>
  <si>
    <t>01/15/2020 13:26:23</t>
  </si>
  <si>
    <t>01/15/2020 13:26:17</t>
  </si>
  <si>
    <t>01/15/2020 13:31:48</t>
  </si>
  <si>
    <t>01/15/2020 13:26:47</t>
  </si>
  <si>
    <t>01/15/2020 13:27:17</t>
  </si>
  <si>
    <t>01/15/2020 13:27:58</t>
  </si>
  <si>
    <t>01/15/2020 13:31:20</t>
  </si>
  <si>
    <t>01/15/2020 13:32:48</t>
  </si>
  <si>
    <t>\\acsfs\Deptos\EDUCACAO EMPRESARIAL\KÉSIA\E78018DF.tmp\</t>
  </si>
  <si>
    <t>\\acsfs\Deptos\EDUCACAO EMPRESARIAL\KÉSIA\E78018DF.tmp\:Zone.Identifier:$DATA</t>
  </si>
  <si>
    <t>01/15/2020 13:31:23</t>
  </si>
  <si>
    <t>01/15/2020 13:30:14</t>
  </si>
  <si>
    <t>01/15/2020 13:30:20</t>
  </si>
  <si>
    <t>01/15/2020 13:30:21</t>
  </si>
  <si>
    <t>01/15/2020 13:30:23</t>
  </si>
  <si>
    <t>01/15/2020 13:30:25</t>
  </si>
  <si>
    <t>01/15/2020 13:30:26</t>
  </si>
  <si>
    <t>01/15/2020 13:30:28</t>
  </si>
  <si>
    <t>01/15/2020 13:30:29</t>
  </si>
  <si>
    <t>01/15/2020 13:30:33</t>
  </si>
  <si>
    <t>01/15/2020 13:30:35</t>
  </si>
  <si>
    <t>01/15/2020 13:30:36</t>
  </si>
  <si>
    <t>01/15/2020 13:30:38</t>
  </si>
  <si>
    <t>01/15/2020 13:30:40</t>
  </si>
  <si>
    <t>01/15/2020 13:30:42</t>
  </si>
  <si>
    <t>01/15/2020 13:30:43</t>
  </si>
  <si>
    <t>01/15/2020 13:33:48</t>
  </si>
  <si>
    <t>01/15/2020 13:30:44</t>
  </si>
  <si>
    <t>01/15/2020 13:30:45</t>
  </si>
  <si>
    <t>01/15/2020 13:30:49</t>
  </si>
  <si>
    <t>01/15/2020 13:30:53</t>
  </si>
  <si>
    <t>01/15/2020 13:30:54</t>
  </si>
  <si>
    <t>01/15/2020 13:30:56</t>
  </si>
  <si>
    <t>01/15/2020 13:30:58</t>
  </si>
  <si>
    <t>01/15/2020 13:30:59</t>
  </si>
  <si>
    <t>01/15/2020 13:31:00</t>
  </si>
  <si>
    <t>01/15/2020 13:31:02</t>
  </si>
  <si>
    <t>01/15/2020 13:31:03</t>
  </si>
  <si>
    <t>01/15/2020 13:31:04</t>
  </si>
  <si>
    <t>01/15/2020 13:31:05</t>
  </si>
  <si>
    <t>01/15/2020 13:31:06</t>
  </si>
  <si>
    <t>01/15/2020 13:31:07</t>
  </si>
  <si>
    <t>01/15/2020 13:31:09</t>
  </si>
  <si>
    <t>01/15/2020 13:31:11</t>
  </si>
  <si>
    <t>01/15/2020 13:31:12</t>
  </si>
  <si>
    <t>01/15/2020 13:31:13</t>
  </si>
  <si>
    <t>01/15/2020 13:31:14</t>
  </si>
  <si>
    <t>01/15/2020 13:31:15</t>
  </si>
  <si>
    <t>01/15/2020 13:31:16</t>
  </si>
  <si>
    <t>01/15/2020 13:31:42</t>
  </si>
  <si>
    <t>01/15/2020 13:34:48</t>
  </si>
  <si>
    <t>64d0e17d-b7a1-4615-a150-524a480d4086.tmp</t>
  </si>
  <si>
    <t>\\acsfs\profiles$\fabianafv\Downloads\64d0e17d-b7a1-4615-a150-524a480d4086.tmp</t>
  </si>
  <si>
    <t>01/15/2020 13:33:07</t>
  </si>
  <si>
    <t>f8205841-c0cf-4084-9ec2-675d52ed3ee9.tmp</t>
  </si>
  <si>
    <t>\\acsfs\profiles$\fabianafv\Downloads\f8205841-c0cf-4084-9ec2-675d52ed3ee9.tmp</t>
  </si>
  <si>
    <t>01/15/2020 13:33:52</t>
  </si>
  <si>
    <t>fddb8e8a-7687-495d-9cb0-40914f11d17b.tmp</t>
  </si>
  <si>
    <t>\\acsfs\profiles$\fabianafv\Downloads\fddb8e8a-7687-495d-9cb0-40914f11d17b.tmp</t>
  </si>
  <si>
    <t>01/15/2020 13:31:21</t>
  </si>
  <si>
    <t>01/15/2020 13:35:48</t>
  </si>
  <si>
    <t>01/15/2020 13:33:12</t>
  </si>
  <si>
    <t>Nathalia Oliveira Souza_1_6777078627867630828_1_32.wav</t>
  </si>
  <si>
    <t>\\acsfs\Deptos\EDUCACAO EMPRESARIAL\FERNANDA MONIT\Fernanda\MONITORIA JANEIRO\Ligação para MUTANT segundo ciclo janeiro\Nathalia Oliveira Souza_1_6777078627867630828_1_32.wav</t>
  </si>
  <si>
    <t>01/15/2020 13:34:01</t>
  </si>
  <si>
    <t>01/15/2020 13:34:58</t>
  </si>
  <si>
    <t>01/15/2020 13:35:01</t>
  </si>
  <si>
    <t>01/15/2020 13:35:05</t>
  </si>
  <si>
    <t>01/15/2020 13:35:07</t>
  </si>
  <si>
    <t>01/15/2020 13:33:50</t>
  </si>
  <si>
    <t>01/15/2020 13:36:48</t>
  </si>
  <si>
    <t>01/15/2020 13:34:21</t>
  </si>
  <si>
    <t>01/15/2020 13:34:51</t>
  </si>
  <si>
    <t>01/15/2020 13:35:21</t>
  </si>
  <si>
    <t>01/15/2020 13:32:56</t>
  </si>
  <si>
    <t>01/15/2020 13:37:48</t>
  </si>
  <si>
    <t>01/15/2020 13:33:17</t>
  </si>
  <si>
    <t>01/15/2020 13:33:21</t>
  </si>
  <si>
    <t>01/15/2020 13:33:34</t>
  </si>
  <si>
    <t>01/15/2020 13:33:41</t>
  </si>
  <si>
    <t>01/15/2020 13:34:11</t>
  </si>
  <si>
    <t>01/15/2020 13:34:13</t>
  </si>
  <si>
    <t>01/15/2020 13:34:18</t>
  </si>
  <si>
    <t>01/15/2020 13:33:36</t>
  </si>
  <si>
    <t>GABRIELA FERREIRA FRAGA_1_6777342484888501298_1_32.wav</t>
  </si>
  <si>
    <t>\\acsfs\Deptos\EDUCACAO EMPRESARIAL\KÉSIA\Ligações 2º ciclo - Janeiro 2020\GABRIELA FERREIRA FRAGA_1_6777342484888501298_1_32.wav</t>
  </si>
  <si>
    <t>01/15/2020 13:36:56</t>
  </si>
  <si>
    <t>b90b6e65-b1b9-437d-87fc-6cab2f04ff94.tmp</t>
  </si>
  <si>
    <t>\\acsfs\profiles$\kellzylenneasr\Downloads\b90b6e65-b1b9-437d-87fc-6cab2f04ff94.tmp</t>
  </si>
  <si>
    <t>01/15/2020 13:32:59</t>
  </si>
  <si>
    <t>01/15/2020 13:33:19</t>
  </si>
  <si>
    <t>01/15/2020 13:38:48</t>
  </si>
  <si>
    <t>1d681a08-5497-4111-a5cc-c3ca27a62336.tmp</t>
  </si>
  <si>
    <t>\\acsfs\profiles$\nathaliaos\Downloads\1d681a08-5497-4111-a5cc-c3ca27a62336.tmp</t>
  </si>
  <si>
    <t>01/15/2020 13:34:41</t>
  </si>
  <si>
    <t>534c6b3f-f634-4a19-b84e-8c7204135cc0.tmp</t>
  </si>
  <si>
    <t>\\acsfs\profiles$\nathaliaos\Downloads\534c6b3f-f634-4a19-b84e-8c7204135cc0.tmp</t>
  </si>
  <si>
    <t>01/15/2020 13:33:13</t>
  </si>
  <si>
    <t>01/15/2020 13:33:18</t>
  </si>
  <si>
    <t>01/15/2020 13:33:43</t>
  </si>
  <si>
    <t>100014239771614;bvcartes-supervisores@algarnet.onmicrosoft.com;joaogvc@algartech.com;leonardoao@algartech.com;marianadjc@algartech.com;paulacn@algartech.com;ricardodfm@algartech.com.br;sofiamses@algartech.com;taysdss@algartech.com;viniciussg@algartech.com;</t>
  </si>
  <si>
    <t>https://100014239771614,bvcartes-supervisores@algarnet.onmicrosoft.com,joaogvc@algartech.com,leonardoao@algartech.com,marianadjc@algartech.com,paulacn@algartech.com,ricardodfm@algartech.com.br,sofiamses@algartech.com,taysdss@algartech.com,viniciussg@algartech.com</t>
  </si>
  <si>
    <t>01/15/2020 13:35:35</t>
  </si>
  <si>
    <t>01/15/2020 13:35:51</t>
  </si>
  <si>
    <t>01/15/2020 13:35:56</t>
  </si>
  <si>
    <t>100014239771614;bvcartes-supervisores@algarnet.onmicrosoft.com;joaogvc@algartech.com;leonardoao@algartech.com;marianacds@algartech.com;marianadjc@algartech.com;paulacn@algartech.com;ricardodfm@algartech.com.br;sofiamses@algartech.com;taysdss@algartech.com;thiagordu@algartech.com;viniciussg@algartech.com;</t>
  </si>
  <si>
    <t>100014239771614,bvcartes-supervisores@algarnet.onmicrosoft.com,joaogvc@algartech.com,leonardoao@algartech.com,marianacds@algartech.com,marianadjc@algartech.com,paulacn@algartech.com,ricardodfm@algartech.com.br,sofiamses@algartech.com,taysdss@algartech.com,thiagordu@algartech.com,viniciussg@algartech.com</t>
  </si>
  <si>
    <t>01/15/2020 13:36:15</t>
  </si>
  <si>
    <t>01/15/2020 13:36:21</t>
  </si>
  <si>
    <t>01/15/2020 13:36:26</t>
  </si>
  <si>
    <t>100014239771614;joaogvc@algartech.com;leonardoao@algartech.com;marianacds@algartech.com;marianadjc@algartech.com;paulacn@algartech.com;ricardodfm@algartech.com.br;taysdss@algartech.com;thiagordu@algartech.com;viniciussg@algartech.com;</t>
  </si>
  <si>
    <t>100014239771614,joaogvc@algartech.com,leonardoao@algartech.com,marianacds@algartech.com,marianadjc@algartech.com,paulacn@algartech.com,ricardodfm@algartech.com.br,taysdss@algartech.com,thiagordu@algartech.com,viniciussg@algartech.com</t>
  </si>
  <si>
    <t>01/15/2020 13:36:30</t>
  </si>
  <si>
    <t>01/15/2020 13:36:35</t>
  </si>
  <si>
    <t>joaogvc@algartech.com;leonardoao@algartech.com;marianacds@algartech.com;marianadjc@algartech.com;paulacn@algartech.com;ricardodfm@algartech.com.br;robsonams@algartech.com;taysdss@algartech.com;thiagordu@algartech.com;viniciussg@algartech.com;</t>
  </si>
  <si>
    <t>joaogvc@algartech.com,leonardoao@algartech.com,marianacds@algartech.com,marianadjc@algartech.com,paulacn@algartech.com,ricardodfm@algartech.com.br,robsonams@algartech.com,taysdss@algartech.com,thiagordu@algartech.com,viniciussg@algartech.com</t>
  </si>
  <si>
    <t>01/15/2020 13:36:44</t>
  </si>
  <si>
    <t>01/15/2020 13:36:51</t>
  </si>
  <si>
    <t>01/15/2020 13:37:02</t>
  </si>
  <si>
    <t>01/15/2020 13:37:10</t>
  </si>
  <si>
    <t>01/15/2020 13:37:18</t>
  </si>
  <si>
    <t>01/15/2020 13:37:36</t>
  </si>
  <si>
    <t>01/15/2020 13:37:52</t>
  </si>
  <si>
    <t>RELATORIO DE LOGIN - BV CARTÕES 14-01.xlsm</t>
  </si>
  <si>
    <t>\\acsfs\DEPTOS\Operacao\PCP\5 - Comum\PLANEJAMENTO BV\14 - ACOMPANHAMENTO\1 - REPORT ACOMPANHAMENTO\2020\1 - JANEIRO\CARTÕES\Login Logout Cartões\RELATORIO DE LOGIN - BV CARTÕES 14-01.xlsm</t>
  </si>
  <si>
    <t>01/15/2020 13:39:15</t>
  </si>
  <si>
    <t>01/15/2020 13:40:48</t>
  </si>
  <si>
    <t>https://udpwfmniceap02/pt_br/group/control_panel/manage?p_auth=zpiki1ka&amp;p_p_id=2&amp;p_p_lifecycle=1&amp;p_p_state=pop_up&amp;p_p_mode=view&amp;doasgroupid=11454&amp;refererplid=11484&amp;controlpanelcategory=my&amp;_2_struts_action=/my_account/edit_user_portrait</t>
  </si>
  <si>
    <t>Lighthouse.jpg</t>
  </si>
  <si>
    <t>01/15/2020 13:40:22</t>
  </si>
  <si>
    <t>01/15/2020 13:38:11</t>
  </si>
  <si>
    <t>01/15/2020 13:39:45</t>
  </si>
  <si>
    <t>01/15/2020 13:39:46</t>
  </si>
  <si>
    <t>lu11608y3zj7.tmp</t>
  </si>
  <si>
    <t>\\acsfs\profiles$\VIVIANALDS\My Documents\lu11608y3zj7.tmp</t>
  </si>
  <si>
    <t>\\acsfs\profiles$\VIVIANALDS\My Documents\lu11608y3zj7.tmp\</t>
  </si>
  <si>
    <t>\\acsfs\profiles$\VIVIANALDS\My Documents\lu11608y3zj7.tmp\META-INF\</t>
  </si>
  <si>
    <t>\\acsfs\profiles$\VIVIANALDS\My Documents\lu11608y3zj7.tmp\Thumbnails\</t>
  </si>
  <si>
    <t>01/15/2020 13:39:18</t>
  </si>
  <si>
    <t>http:///batch/drive/v2internal?%24ct=multipart%2Fmixed%3B%20boundary%3D%22%3D%3D%3D%3D%3Dpzfk97x815tf%3D%3D%3D%3D%3D%22&amp;key=AIzaSyAy9VVXHSpS2IJpptzYtGbLP3-3_l0aBk4</t>
  </si>
  <si>
    <t>"[[];"mozilla/5.0 (windows nt 6.1) applewebkit/537.36 (khtml;#bco-inspetoria@bancovotorantim.com.br;0];0]";0]];0]als;0]l;0]ribedchildren;0]t_x0008_��t_x0008_fphr;1;1253;13;13700014;13700109;13700167;13700185;13700235;13700451;13700563;13700607;13700951;13701078;13701207;13701235;13701239;13701276;13701298;13701422;13701430;13701450;13701506;13701534;13701537;13701573;13701577;13701589;13701609;13701625;13701657;13701693;13701749;13701825;13701901;13701905;13701909;13701945]];13701953;13701957;13701969;13702068;13702088;142961685;1578915539161\;1578923371630\;1578930052848000;1578930058554000;1579013122409;1579030649468;1579037922075\;1579037922677\;1579037932305;1579073117766;1]]";1ya5yrwelrso-yxib3ctz0mdjsqkh2uffmn2kfrmynlkfp2vhk5vxrjlyzc1nx1i8okgrxz4hh9fxnqqavexbjgszjfxng_3tikapcccza7s5nl0iiv528sipt3_n6smfvjyvnmz5gmbld86jsedcdqpnbowbtwaejdtwlwiwyazylw418myzkyijnlherxkuhkwiry2lept0rbfyxyiohq4hezbkjnnav7gb8u1l3wvxoaaxa\";276;387;463;4repet0scaaaa4liaaaanmqf2kz44sg1npvhrp5ya-eah9mzpvg6kl9izriwjk97h6v_kcjh4sw2rf_itsulvo-3l</t>
  </si>
  <si>
    <t>http://"[[],"mozilla/5.0 (windows nt 6.1) applewebkit/537.36 (khtml,#bco-inspetoria@bancovotorantim.com.br,0],0]",0]],0]als,0]l,0]ribedchildren,0]t_x0008_��t_x0008_fphr,1,1253,13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15539161\,1578923371630\,1578930052848000,1578930058554000,1579013122409,1579030649468,1579037922075\,1579037922677\,1579037932305,1579073117766,1]]",1ya5yrwelrso-yxib3ctz0mdjsqkh2uffmn2kfrmynlkfp2vhk5vxrjlyzc1nx1i8okgrxz4hh9fxnqqavexbjgszjfxng_3tikapcccza7s5nl0iiv528sipt3_n6smfvjyvnmz5gmbld86jsedcdqpnbowbtwaejdtwlwiwyazylw418myzkyijnlherxkuhkwiry2lept0rbfyxyiohq4hezbkjnnav7gb8u1l3wvxoaaxa\",276,387,463,4repet0scaaaa4liaaaanmqf2kz44sg1npvhrp5ya-eah9mzpvg6kl9izriwjk97h6v_kcjh4sw2rf_its</t>
  </si>
  <si>
    <t>http:///batch/drive/v2internal?%24ct=multipart%2Fmixed%3B%20boundary%3D%22%3D%3D%3D%3D%3Dlomqn7ul7ioo%3D%3D%3D%3D%3D%22&amp;key=AIzaSyAy9VVXHSpS2IJpptzYtGbLP3-3_l0aBk4</t>
  </si>
  <si>
    <t>01/15/2020 13:39:19</t>
  </si>
  <si>
    <t>http:///batch/drive/v2internal?%24ct=multipart%2Fmixed%3B%20boundary%3D%22%3D%3D%3D%3D%3D2r4xywx5p4fq%3D%3D%3D%3D%3D%22&amp;key=AIzaSyAy9VVXHSpS2IJpptzYtGbLP3-3_l0aBk4</t>
  </si>
  <si>
    <t>01/15/2020 13:37:22</t>
  </si>
  <si>
    <t>01/15/2020 13:41:48</t>
  </si>
  <si>
    <t>01/15/2020 13:38:22</t>
  </si>
  <si>
    <t>01/15/2020 13:38:52</t>
  </si>
  <si>
    <t>01/15/2020 13:39:23</t>
  </si>
  <si>
    <t>01/15/2020 13:39:53</t>
  </si>
  <si>
    <t>01/15/2020 13:40:53</t>
  </si>
  <si>
    <t>01/15/2020 13:38:06</t>
  </si>
  <si>
    <t>01/15/2020 13:42:48</t>
  </si>
  <si>
    <t>01/15/2020 13:38:28</t>
  </si>
  <si>
    <t>01/15/2020 13:38:42</t>
  </si>
  <si>
    <t>01/15/2020 13:38:55</t>
  </si>
  <si>
    <t>01/15/2020 13:43:48</t>
  </si>
  <si>
    <t>01/15/2020 13:37:59</t>
  </si>
  <si>
    <t>01/15/2020 13:38:12</t>
  </si>
  <si>
    <t>mail.google.com/_/upload?authuser=0&amp;dcp=asu-n&amp;upload_id=AEnB2UqrSmwy7DLhIAxOMFJVsK1d6bBX2Zwl_v988_wI-4PRYfabzCbuI3AdJS8i7WTpQohEqdJa2T4ZKS3q4QG1diweKCEtCmh-jzmFzGcDlfNJnNPubos&amp;upload_protocol=resumable</t>
  </si>
  <si>
    <t>01/15/2020 13:39:41</t>
  </si>
  <si>
    <t>01/15/2020 13:40:31</t>
  </si>
  <si>
    <t>01/15/2020 13:40:37</t>
  </si>
  <si>
    <t>01/15/2020 13:40:42</t>
  </si>
  <si>
    <t>01/15/2020 13:41:01</t>
  </si>
  <si>
    <t>01/14/2020 23:56:39</t>
  </si>
  <si>
    <t>01/15/2020 13:44:48</t>
  </si>
  <si>
    <t>lu3970849j0l8.tmp</t>
  </si>
  <si>
    <t>\\acsfs\profiles$\jalilebds\Downloads\lu3970849j0l8.tmp</t>
  </si>
  <si>
    <t>01/14/2020 23:57:19</t>
  </si>
  <si>
    <t>$IOO32DV.xlsx</t>
  </si>
  <si>
    <t>\\acsfs\profiles$\jalilebds\Downloads\$RECYCLE.BIN\$IOO32DV.xlsx</t>
  </si>
  <si>
    <t>01/15/2020 13:39:24</t>
  </si>
  <si>
    <t>01/15/2020 13:41:26</t>
  </si>
  <si>
    <t>01/15/2020 13:43:29</t>
  </si>
  <si>
    <t>29fdd78c-e6af-48bb-a9b0-5961bfce9c6d.tmp</t>
  </si>
  <si>
    <t>\\acsfs\profiles$\brendadsl\Downloads\29fdd78c-e6af-48bb-a9b0-5961bfce9c6d.tmp</t>
  </si>
  <si>
    <t>01/15/2020 13:43:30</t>
  </si>
  <si>
    <t>4242d77f-071b-467b-bc31-36b086dea8a9.tmp</t>
  </si>
  <si>
    <t>\\acsfs\profiles$\brendadsl\Downloads\4242d77f-071b-467b-bc31-36b086dea8a9.tmp</t>
  </si>
  <si>
    <t>01/15/2020 13:43:31</t>
  </si>
  <si>
    <t>8ad87ce5-8c04-4a71-bde4-5b247081c206.tmp</t>
  </si>
  <si>
    <t>\\acsfs\profiles$\brendadsl\Downloads\8ad87ce5-8c04-4a71-bde4-5b247081c206.tmp</t>
  </si>
  <si>
    <t>01/15/2020 13:43:33</t>
  </si>
  <si>
    <t>d4c569de-7ce7-4d22-bcae-e5d2505013bd.tmp</t>
  </si>
  <si>
    <t>\\acsfs\profiles$\brendadsl\Downloads\d4c569de-7ce7-4d22-bcae-e5d2505013bd.tmp</t>
  </si>
  <si>
    <t>01/15/2020 13:43:34</t>
  </si>
  <si>
    <t>8e14122b-6c85-441c-929d-545e57573c5c.tmp</t>
  </si>
  <si>
    <t>\\acsfs\profiles$\brendadsl\Downloads\8e14122b-6c85-441c-929d-545e57573c5c.tmp</t>
  </si>
  <si>
    <t>01/15/2020 13:40:00</t>
  </si>
  <si>
    <t>01/15/2020 13:45:48</t>
  </si>
  <si>
    <t>01/15/2020 13:44:13</t>
  </si>
  <si>
    <t>ANDREZACAPF</t>
  </si>
  <si>
    <t>\\acsfs\profiles$\ANDREZACAPF\Contacts\</t>
  </si>
  <si>
    <t>ANDREZA CAROLINE AGUIAR PIRES FERREIRA (30104).contact</t>
  </si>
  <si>
    <t>\\acsfs\profiles$\ANDREZACAPF\Contacts\ANDREZA CAROLINE AGUIAR PIRES FERREIRA (30104).contact</t>
  </si>
  <si>
    <t>01/15/2020 13:44:20</t>
  </si>
  <si>
    <t>\\acsfs\profiles$\ANDREZACAPF\My Documents\My Videos\</t>
  </si>
  <si>
    <t>\\acsfs\profiles$\ANDREZACAPF\My Documents\My Videos\desktop.ini</t>
  </si>
  <si>
    <t>\\acsfs\profiles$\ANDREZACAPF\My Documents\My Pictures\</t>
  </si>
  <si>
    <t>\\acsfs\profiles$\ANDREZACAPF\My Documents\My Pictures\desktop.ini</t>
  </si>
  <si>
    <t>01/15/2020 13:44:21</t>
  </si>
  <si>
    <t>\\acsfs\profiles$\ANDREZACAPF\Contacts\desktop.ini</t>
  </si>
  <si>
    <t>01/15/2020 13:44:22</t>
  </si>
  <si>
    <t>\\acsfs\profiles$\ANDREZACAPF\Favorites\</t>
  </si>
  <si>
    <t>\\acsfs\profiles$\ANDREZACAPF\Favorites\desktop.ini</t>
  </si>
  <si>
    <t>01/15/2020 13:44:23</t>
  </si>
  <si>
    <t>\\acsfs\profiles$\ANDREZACAPF\My Documents\My Music\</t>
  </si>
  <si>
    <t>\\acsfs\profiles$\ANDREZACAPF\My Documents\My Music\desktop.ini</t>
  </si>
  <si>
    <t>01/15/2020 13:44:24</t>
  </si>
  <si>
    <t>\\acsfs\profiles$\ANDREZACAPF\Searches\</t>
  </si>
  <si>
    <t>\\acsfs\profiles$\ANDREZACAPF\Searches\desktop.ini</t>
  </si>
  <si>
    <t>\\acsfs\profiles$\ANDREZACAPF\Downloads\</t>
  </si>
  <si>
    <t>\\acsfs\profiles$\ANDREZACAPF\Downloads\desktop.ini</t>
  </si>
  <si>
    <t>\\acsfs\profiles$\ANDREZACAPF\My Documents\</t>
  </si>
  <si>
    <t>\\acsfs\profiles$\ANDREZACAPF\My Documents\desktop.ini</t>
  </si>
  <si>
    <t>01/15/2020 13:44:25</t>
  </si>
  <si>
    <t>\\acsfs\profiles$\ANDREZACAPF\Saved Games\</t>
  </si>
  <si>
    <t>\\acsfs\profiles$\ANDREZACAPF\Saved Games\desktop.ini</t>
  </si>
  <si>
    <t>01/15/2020 13:44:33</t>
  </si>
  <si>
    <t>\\acsfs\profiles$\andrezacapf\Favorites\Links for Brasil\</t>
  </si>
  <si>
    <t>\\acsfs\profiles$\andrezacapf\Favorites\Links for Brasil\desktop.ini</t>
  </si>
  <si>
    <t>01/15/2020 13:44:34</t>
  </si>
  <si>
    <t>\\acsfs\profiles$\andrezacapf\Favorites\Links for Brasil\Microsoft Brasil.url</t>
  </si>
  <si>
    <t>\\acsfs\profiles$\andrezacapf\Favorites\Links for Brasil\Windows Brasil.url</t>
  </si>
  <si>
    <t>\\acsfs\profiles$\andrezacapf\Favorites\Links for Brasil\MSN Brasil.url</t>
  </si>
  <si>
    <t>01/15/2020 13:42:00</t>
  </si>
  <si>
    <t>01/15/2020 13:42:10</t>
  </si>
  <si>
    <t>01/15/2020 13:42:26</t>
  </si>
  <si>
    <t>01/15/2020 13:45:34</t>
  </si>
  <si>
    <t>01/15/2020 13:46:48</t>
  </si>
  <si>
    <t>e49f29f0-10eb-449f-b173-f33ec6cf5e69.tmp</t>
  </si>
  <si>
    <t>\\acsfs\profiles$\sarahbal\Downloads\e49f29f0-10eb-449f-b173-f33ec6cf5e69.tmp</t>
  </si>
  <si>
    <t>01/15/2020 13:41:24</t>
  </si>
  <si>
    <t>01/15/2020 13:44:56</t>
  </si>
  <si>
    <t>01/15/2020 13:45:56</t>
  </si>
  <si>
    <t>01/15/2020 13:45:18</t>
  </si>
  <si>
    <t>01/15/2020 13:48:48</t>
  </si>
  <si>
    <t>386d9b29-74e5-4327-ab2a-15f5787b072f.tmp</t>
  </si>
  <si>
    <t>\\acsfs\profiles$\KARENJSS\Downloads\386d9b29-74e5-4327-ab2a-15f5787b072f.tmp</t>
  </si>
  <si>
    <t>01/15/2020 13:46:12</t>
  </si>
  <si>
    <t>c1f6ea58-e94d-461c-bc78-12332070f1ce.tmp</t>
  </si>
  <si>
    <t>\\acsfs\profiles$\KARENJSS\Downloads\c1f6ea58-e94d-461c-bc78-12332070f1ce.tmp</t>
  </si>
  <si>
    <t>01/15/2020 13:46:31</t>
  </si>
  <si>
    <t>01/15/2020 13:46:32</t>
  </si>
  <si>
    <t>lu10756ou0yr.tmp</t>
  </si>
  <si>
    <t>\\acsfs\profiles$\dhiulliananads\My Documents\lu10756ou0yr.tmp</t>
  </si>
  <si>
    <t>\\acsfs\profiles$\dhiulliananads\My Documents\lu10756ou0yr.tmp\</t>
  </si>
  <si>
    <t>\\acsfs\profiles$\dhiulliananads\My Documents\lu10756ou0yr.tmp\META-INF\</t>
  </si>
  <si>
    <t>\\acsfs\profiles$\dhiulliananads\My Documents\lu10756ou0yr.tmp\Thumbnails\</t>
  </si>
  <si>
    <t>01/15/2020 13:46:36</t>
  </si>
  <si>
    <t>01/15/2020 13:46:37</t>
  </si>
  <si>
    <t>01/15/2020 13:49:48</t>
  </si>
  <si>
    <t>lu10756ou0yx.tmp</t>
  </si>
  <si>
    <t>\\acsfs\profiles$\dhiulliananads\My Documents\lu10756ou0yx.tmp</t>
  </si>
  <si>
    <t>\\acsfs\profiles$\dhiulliananads\My Documents\lu10756ou0yx.tmp\</t>
  </si>
  <si>
    <t>01/15/2020 13:47:57</t>
  </si>
  <si>
    <t>\\acsfs\profiles$\dhiulliananads\My Documents\lu10756ou0yx.tmp\META-INF\</t>
  </si>
  <si>
    <t>\\acsfs\profiles$\dhiulliananads\My Documents\lu10756ou0yx.tmp\Thumbnails\</t>
  </si>
  <si>
    <t>01/15/2020 13:46:49</t>
  </si>
  <si>
    <t>34a2ce73-0c94-4555-85bf-02e0bfecebd0.tmp</t>
  </si>
  <si>
    <t>\\acsfs\profiles$\gustavoab\Downloads\34a2ce73-0c94-4555-85bf-02e0bfecebd0.tmp</t>
  </si>
  <si>
    <t>01/15/2020 13:44:41</t>
  </si>
  <si>
    <t>21e7d5db-7ccd-4ee9-800e-11aec32f8081.tmp</t>
  </si>
  <si>
    <t>\\acsfs\profiles$\brendadsl\Downloads\21e7d5db-7ccd-4ee9-800e-11aec32f8081.tmp</t>
  </si>
  <si>
    <t>01/15/2020 13:46:04</t>
  </si>
  <si>
    <t>93394F2D.tmp</t>
  </si>
  <si>
    <t>\\acsfs\DEPTOS\Operacao\Banco_Votorantim\Qualidade\Eliane\93394F2D.tmp</t>
  </si>
  <si>
    <t>01/15/2020 13:47:27</t>
  </si>
  <si>
    <t>Histórico_de_mensagens_-_Chat (8)-Veronica.pdf.crdownload</t>
  </si>
  <si>
    <t>\\acsfs\DEPTOS\Operacao\Banco_Votorantim\Qualidade\Eliane\Histórico_de_mensagens_-_Chat (8)-Veronica.pdf.crdownload</t>
  </si>
  <si>
    <t>01/15/2020 13:45:29</t>
  </si>
  <si>
    <t>01/15/2020 13:47:11</t>
  </si>
  <si>
    <t>01/15/2020 13:50:47</t>
  </si>
  <si>
    <t>35055fc2-e5f8-46da-8978-38f795b626a1.tmp</t>
  </si>
  <si>
    <t>\\acsfs\profiles$\georgendsq\Downloads\35055fc2-e5f8-46da-8978-38f795b626a1.tmp</t>
  </si>
  <si>
    <t>01/15/2020 13:47:55</t>
  </si>
  <si>
    <t>941a80ca-ccaf-4b49-9dea-90e4cebf7c7d.tmp</t>
  </si>
  <si>
    <t>\\acsfs\profiles$\georgendsq\Downloads\941a80ca-ccaf-4b49-9dea-90e4cebf7c7d.tmp</t>
  </si>
  <si>
    <t>01/15/2020 13:48:43</t>
  </si>
  <si>
    <t>5d5c7455-21fa-47f4-990e-ebc5945680bc.tmp</t>
  </si>
  <si>
    <t>\\acsfs\profiles$\georgendsq\Downloads\5d5c7455-21fa-47f4-990e-ebc5945680bc.tmp</t>
  </si>
  <si>
    <t>01/15/2020 13:49:00</t>
  </si>
  <si>
    <t>d73ab3c5-cd6d-4038-a9ab-57334d57da76.tmp</t>
  </si>
  <si>
    <t>\\acsfs\profiles$\georgendsq\Downloads\d73ab3c5-cd6d-4038-a9ab-57334d57da76.tmp</t>
  </si>
  <si>
    <t>01/15/2020 13:49:20</t>
  </si>
  <si>
    <t>967fefa1-f0f4-48b8-864b-ed4e09532ab4.tmp</t>
  </si>
  <si>
    <t>\\acsfs\profiles$\georgendsq\Downloads\967fefa1-f0f4-48b8-864b-ed4e09532ab4.tmp</t>
  </si>
  <si>
    <t>01/15/2020 13:49:41</t>
  </si>
  <si>
    <t>1809949b-e5c2-41a0-b998-32606b8cdd83.tmp</t>
  </si>
  <si>
    <t>\\acsfs\profiles$\georgendsq\Downloads\1809949b-e5c2-41a0-b998-32606b8cdd83.tmp</t>
  </si>
  <si>
    <t>e0acf7ef-9817-44c8-8076-aec93683a482.tmp</t>
  </si>
  <si>
    <t>\\acsfs\profiles$\ANDREZACAPF\Downloads\e0acf7ef-9817-44c8-8076-aec93683a482.tmp</t>
  </si>
  <si>
    <t>231a936a-3837-4b5d-9117-2b5ebf27f6f8.tmp</t>
  </si>
  <si>
    <t>\\acsfs\profiles$\ERICALSR\Downloads\231a936a-3837-4b5d-9117-2b5ebf27f6f8.tmp</t>
  </si>
  <si>
    <t>01/15/2020 13:46:18</t>
  </si>
  <si>
    <t>01/15/2020 13:46:29</t>
  </si>
  <si>
    <t>01/15/2020 13:46:34</t>
  </si>
  <si>
    <t>01/15/2020 13:46:47</t>
  </si>
  <si>
    <t>01/15/2020 13:46:54</t>
  </si>
  <si>
    <t>01/15/2020 13:50:48</t>
  </si>
  <si>
    <t>01/15/2020 13:49:58</t>
  </si>
  <si>
    <t>01/15/2020 13:51:48</t>
  </si>
  <si>
    <t>01/15/2020 13:50:59</t>
  </si>
  <si>
    <t>01/15/2020 13:50:55</t>
  </si>
  <si>
    <t>01/15/2020 13:48:20</t>
  </si>
  <si>
    <t>c0d53857-9a46-4a75-90ba-63e2fda87089.tmp</t>
  </si>
  <si>
    <t>\\acsfs\profiles$\regisadsa\Downloads\c0d53857-9a46-4a75-90ba-63e2fda87089.tmp</t>
  </si>
  <si>
    <t>01/15/2020 13:49:35</t>
  </si>
  <si>
    <t>6af1eb3e-b7b3-4a47-bc81-7765d93babc5.tmp</t>
  </si>
  <si>
    <t>\\acsfs\profiles$\regisadsa\Downloads\6af1eb3e-b7b3-4a47-bc81-7765d93babc5.tmp</t>
  </si>
  <si>
    <t>01/15/2020 13:50:20</t>
  </si>
  <si>
    <t>57cc5c61-46f4-467c-b2b2-8dbd33ae2d46.tmp</t>
  </si>
  <si>
    <t>\\acsfs\profiles$\regisadsa\Downloads\57cc5c61-46f4-467c-b2b2-8dbd33ae2d46.tmp</t>
  </si>
  <si>
    <t>01/15/2020 13:50:33</t>
  </si>
  <si>
    <t>2b2afecf-4921-476a-92ad-c8a0f6518bc6.tmp</t>
  </si>
  <si>
    <t>\\acsfs\profiles$\regisadsa\Downloads\2b2afecf-4921-476a-92ad-c8a0f6518bc6.tmp</t>
  </si>
  <si>
    <t>01/15/2020 13:47:47</t>
  </si>
  <si>
    <t>01/15/2020 13:52:48</t>
  </si>
  <si>
    <t>ee429938-831b-4322-8103-684f7fc21138.tmp</t>
  </si>
  <si>
    <t>\\acsfs\profiles$\ingridsm\Downloads\ee429938-831b-4322-8103-684f7fc21138.tmp</t>
  </si>
  <si>
    <t>01/15/2020 13:49:54</t>
  </si>
  <si>
    <t>2c0655ae-cc22-42a2-a790-4779245c0122.tmp</t>
  </si>
  <si>
    <t>\\acsfs\profiles$\ingridsm\Downloads\2c0655ae-cc22-42a2-a790-4779245c0122.tmp</t>
  </si>
  <si>
    <t>01/15/2020 13:52:05</t>
  </si>
  <si>
    <t>2b51a9af-56a9-4482-8c66-0a757a158b45.tmp</t>
  </si>
  <si>
    <t>\\acsfs\profiles$\ingridsm\Downloads\2b51a9af-56a9-4482-8c66-0a757a158b45.tmp</t>
  </si>
  <si>
    <t>01/15/2020 13:48:22</t>
  </si>
  <si>
    <t>lu372433alk.tmp</t>
  </si>
  <si>
    <t>\\acsfs\profiles$\ALEXANDREMM\lu372433alk.tmp</t>
  </si>
  <si>
    <t>\\acsfs\profiles$\ALEXANDREMM\lu372433alk.tmp\</t>
  </si>
  <si>
    <t>\\acsfs\profiles$\ALEXANDREMM\lu372433alk.tmp\META-INF\</t>
  </si>
  <si>
    <t>\\acsfs\profiles$\ALEXANDREMM\lu372433alk.tmp\Thumbnails\</t>
  </si>
  <si>
    <t>01/15/2020 13:53:48</t>
  </si>
  <si>
    <t>01/15/2020 13:49:17</t>
  </si>
  <si>
    <t>2d3d120e-237c-416d-bdbc-02ff2b901e5d.tmp</t>
  </si>
  <si>
    <t>\\acsfs\profiles$\KARENJSS\Downloads\2d3d120e-237c-416d-bdbc-02ff2b901e5d.tmp</t>
  </si>
  <si>
    <t>01/15/2020 13:49:56</t>
  </si>
  <si>
    <t>03b67868-f69d-496f-83a8-1a297357b6aa.tmp</t>
  </si>
  <si>
    <t>\\acsfs\profiles$\KARENJSS\Downloads\03b67868-f69d-496f-83a8-1a297357b6aa.tmp</t>
  </si>
  <si>
    <t>01/15/2020 13:53:17</t>
  </si>
  <si>
    <t>6cb49a2b-fb9a-4b58-ac2c-bec6becbfd19.tmp</t>
  </si>
  <si>
    <t>\\acsfs\profiles$\KARENJSS\Downloads\6cb49a2b-fb9a-4b58-ac2c-bec6becbfd19.tmp</t>
  </si>
  <si>
    <t>01/15/2020 13:51:37</t>
  </si>
  <si>
    <t>073ef6d7-5a0c-47b6-8e62-7a2a15ac66bb.tmp</t>
  </si>
  <si>
    <t>\\acsfs\profiles$\gabrielsma\Downloads\073ef6d7-5a0c-47b6-8e62-7a2a15ac66bb.tmp</t>
  </si>
  <si>
    <t>01/15/2020 13:51:46</t>
  </si>
  <si>
    <t>Não confirmado 165645.crdownload</t>
  </si>
  <si>
    <t>\\acsfs\ACS\Gabriel da Silva\Contemporânea\Gen\Não confirmado 165645.crdownload</t>
  </si>
  <si>
    <t>01/15/2020 13:49:23</t>
  </si>
  <si>
    <t>bc53b808-6310-4ac3-9225-bf9ecd2941de.tmp</t>
  </si>
  <si>
    <t>\\acsfs\profiles$\edicarlosdl\Downloads\bc53b808-6310-4ac3-9225-bf9ecd2941de.tmp</t>
  </si>
  <si>
    <t>01/15/2020 13:50:19</t>
  </si>
  <si>
    <t>071199f2-3a09-493d-9a20-c79c1b2b3b39.tmp</t>
  </si>
  <si>
    <t>\\acsfs\profiles$\edicarlosdl\Downloads\071199f2-3a09-493d-9a20-c79c1b2b3b39.tmp</t>
  </si>
  <si>
    <t>01/15/2020 13:49:27</t>
  </si>
  <si>
    <t>01/15/2020 13:54:49</t>
  </si>
  <si>
    <t>781df249-d521-45e1-9dfb-66731dbb0056.tmp</t>
  </si>
  <si>
    <t>\\acsfs\profiles$\jalilebds\Downloads\781df249-d521-45e1-9dfb-66731dbb0056.tmp</t>
  </si>
  <si>
    <t>01/15/2020 13:50:43</t>
  </si>
  <si>
    <t>01/15/2020 13:50:06</t>
  </si>
  <si>
    <t>01/15/2020 13:49:03</t>
  </si>
  <si>
    <t>01/15/2020 13:53:32</t>
  </si>
  <si>
    <t>01/15/2020 13:04:51</t>
  </si>
  <si>
    <t>01/15/2020 13:50:35</t>
  </si>
  <si>
    <t>564fd9b8-6013-4194-b7f4-944e3c8b8645.tmp</t>
  </si>
  <si>
    <t>\\acsfs\profiles$\fabianafv\Downloads\564fd9b8-6013-4194-b7f4-944e3c8b8645.tmp</t>
  </si>
  <si>
    <t>01/15/2020 13:05:04</t>
  </si>
  <si>
    <t>XLOG_vanessacgs_15012020_083552.log</t>
  </si>
  <si>
    <t>\\acsfs\profiles$\vanessacgs\My Documents\xworkcenter\logs\XLOG_vanessacgs_15012020_083552.log</t>
  </si>
  <si>
    <t>01/15/2020 13:50:49</t>
  </si>
  <si>
    <t>01/15/2020 13:55:48</t>
  </si>
  <si>
    <t>01/15/2020 13:51:17</t>
  </si>
  <si>
    <t>01/15/2020 13:51:23</t>
  </si>
  <si>
    <t>01/15/2020 13:51:58</t>
  </si>
  <si>
    <t>01/15/2020 13:52:17</t>
  </si>
  <si>
    <t>01/15/2020 13:51:29</t>
  </si>
  <si>
    <t>01/15/2020 13:56:49</t>
  </si>
  <si>
    <t>01/15/2020 13:55:57</t>
  </si>
  <si>
    <t>lu204002knw19.tmp</t>
  </si>
  <si>
    <t>\\acsfs\profiles$\CINTIADCF\lu204002knw19.tmp</t>
  </si>
  <si>
    <t>\\acsfs\profiles$\CINTIADCF\lu204002knw19.tmp\</t>
  </si>
  <si>
    <t>\\acsfs\profiles$\CINTIADCF\lu204002knw19.tmp\META-INF\</t>
  </si>
  <si>
    <t>\\acsfs\profiles$\CINTIADCF\lu204002knw19.tmp\Thumbnails\</t>
  </si>
  <si>
    <t>01/15/2020 13:56:08</t>
  </si>
  <si>
    <t>100014122394468;100014142553854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</t>
  </si>
  <si>
    <t>https://100014122394468,100014142553854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</t>
  </si>
  <si>
    <t>01/15/2020 13:55:20</t>
  </si>
  <si>
    <t>01/15/2020 13:53:56</t>
  </si>
  <si>
    <t>01/15/2020 13:57:48</t>
  </si>
  <si>
    <t>7e284339-1f68-45f5-9ee2-bfe248fddc58.tmp</t>
  </si>
  <si>
    <t>\\acsfs\profiles$\gustavoab\Downloads\7e284339-1f68-45f5-9ee2-bfe248fddc58.tmp</t>
  </si>
  <si>
    <t>01/15/2020 13:54:21</t>
  </si>
  <si>
    <t>faf26862-d725-46b0-bf66-cfc228359dba.tmp</t>
  </si>
  <si>
    <t>\\acsfs\profiles$\gustavoab\Downloads\faf26862-d725-46b0-bf66-cfc228359dba.tmp</t>
  </si>
  <si>
    <t>01/15/2020 13:56:15</t>
  </si>
  <si>
    <t>10.200.67.123</t>
  </si>
  <si>
    <t>74-86-7A-FB-17-3F</t>
  </si>
  <si>
    <t>VOTORANT-OB011</t>
  </si>
  <si>
    <t>4fa73c88-3d9e-40c7-8e23-d2e884cd2e13.tmp</t>
  </si>
  <si>
    <t>\\acsfs\profiles$\alinesv\Downloads\4fa73c88-3d9e-40c7-8e23-d2e884cd2e13.tmp</t>
  </si>
  <si>
    <t>01/15/2020 13:56:16</t>
  </si>
  <si>
    <t>cb64ffac-0492-435d-80f4-b83fb81c5b46.tmp</t>
  </si>
  <si>
    <t>\\acsfs\profiles$\alinesv\Downloads\cb64ffac-0492-435d-80f4-b83fb81c5b46.tmp</t>
  </si>
  <si>
    <t>01/15/2020 13:52:52</t>
  </si>
  <si>
    <t>f9d04843-dfd0-410b-8feb-9dcbf91b2534.tmp</t>
  </si>
  <si>
    <t>\\acsfs\profiles$\ingridsm\Downloads\f9d04843-dfd0-410b-8feb-9dcbf91b2534.tmp</t>
  </si>
  <si>
    <t>01/15/2020 13:52:31</t>
  </si>
  <si>
    <t>LORRAYNE VALENTINO AMANCIO_1_6777671337649442022_1_32.wav</t>
  </si>
  <si>
    <t>\\acsfs\Deptos\EDUCACAO EMPRESARIAL\KÉSIA\Ligações 2º ciclo - Janeiro 2020\LORRAYNE VALENTINO AMANCIO_1_6777671337649442022_1_32.wav</t>
  </si>
  <si>
    <t>01/15/2020 13:53:00</t>
  </si>
  <si>
    <t>ad7ef4af-ff4b-4f36-9e7b-1150670e0cd1.tmp</t>
  </si>
  <si>
    <t>\\acsfs\profiles$\websondsa\Downloads\ad7ef4af-ff4b-4f36-9e7b-1150670e0cd1.tmp</t>
  </si>
  <si>
    <t>01/15/2020 13:53:06</t>
  </si>
  <si>
    <t>01/15/2020 13:58:48</t>
  </si>
  <si>
    <t>5cfec424-9ef6-4a5c-9e6f-c0de2a055a31.tmp</t>
  </si>
  <si>
    <t>\\acsfs\profiles$\esterasg\Downloads\5cfec424-9ef6-4a5c-9e6f-c0de2a055a31.tmp</t>
  </si>
  <si>
    <t>01/15/2020 13:53:29</t>
  </si>
  <si>
    <t>e693c0d6-3fb0-49ef-bfb8-25afff36731f.tmp</t>
  </si>
  <si>
    <t>\\acsfs\profiles$\esterasg\Downloads\e693c0d6-3fb0-49ef-bfb8-25afff36731f.tmp</t>
  </si>
  <si>
    <t>01/15/2020 13:53:46</t>
  </si>
  <si>
    <t>d16fafe3-6257-4e91-8e42-4a7b540a4296.tmp</t>
  </si>
  <si>
    <t>\\acsfs\profiles$\esterasg\Downloads\d16fafe3-6257-4e91-8e42-4a7b540a4296.tmp</t>
  </si>
  <si>
    <t>Não confirmado 732888.crdownload</t>
  </si>
  <si>
    <t>\\acsfs\profiles$\esterasg\Downloads\Não confirmado 732888.crdownload</t>
  </si>
  <si>
    <t>01/15/2020 13:54:08</t>
  </si>
  <si>
    <t>01/15/2020 13:59:48</t>
  </si>
  <si>
    <t>01/15/2020 13:57:06</t>
  </si>
  <si>
    <t>lu117049zj6.tmp</t>
  </si>
  <si>
    <t>\\acsfs\profiles$\jalilebds\Downloads\lu117049zj6.tmp</t>
  </si>
  <si>
    <t>01/15/2020 13:55:32</t>
  </si>
  <si>
    <t>01/15/2020 13:55:33</t>
  </si>
  <si>
    <t>lu117049zj9.tmp</t>
  </si>
  <si>
    <t>\\acsfs\profiles$\jalilebds\Downloads\lu117049zj9.tmp</t>
  </si>
  <si>
    <t>01/15/2020 13:55:11</t>
  </si>
  <si>
    <t>~$Histórico_de_mensagens_-_Chat Veronica.xlsx</t>
  </si>
  <si>
    <t>\\acsfs\DEPTOS\Operacao\Banco_Votorantim\Qualidade\Eliane\~$Histórico_de_mensagens_-_Chat Veronica.xlsx</t>
  </si>
  <si>
    <t>01/15/2020 13:57:13</t>
  </si>
  <si>
    <t>95f0c0ef-2f24-460b-be89-cb80ef25b67d.tmp</t>
  </si>
  <si>
    <t>\\acsfs\profiles$\fabianafv\Downloads\95f0c0ef-2f24-460b-be89-cb80ef25b67d.tmp</t>
  </si>
  <si>
    <t>01/15/2020 13:56:53</t>
  </si>
  <si>
    <t>3497ac9a-44f6-4317-bfb1-d3009996b18a.tmp</t>
  </si>
  <si>
    <t>\\acsfs\profiles$\andrezacapf\Downloads\3497ac9a-44f6-4317-bfb1-d3009996b18a.tmp</t>
  </si>
  <si>
    <t>01/15/2020 13:57:51</t>
  </si>
  <si>
    <t>126a2786-f003-45dd-a2fc-9d287fba2157.tmp</t>
  </si>
  <si>
    <t>\\acsfs\profiles$\andrezacapf\Downloads\126a2786-f003-45dd-a2fc-9d287fba2157.tmp</t>
  </si>
  <si>
    <t>01/15/2020 13:59:29</t>
  </si>
  <si>
    <t>cf6d6c3d-fcfc-456d-bcc2-caccfbaa2a1b.tmp</t>
  </si>
  <si>
    <t>\\acsfs\profiles$\andrezacapf\Downloads\cf6d6c3d-fcfc-456d-bcc2-caccfbaa2a1b.tmp</t>
  </si>
  <si>
    <t>01/15/2020 13:59:36</t>
  </si>
  <si>
    <t>30179529-e685-4911-b980-c8255d4bc7a3.tmp</t>
  </si>
  <si>
    <t>\\acsfs\profiles$\andrezacapf\Downloads\30179529-e685-4911-b980-c8255d4bc7a3.tmp</t>
  </si>
  <si>
    <t>01/15/2020 13:59:40</t>
  </si>
  <si>
    <t>8d23d062-43d7-4185-b9b2-3f9df9651d55.tmp</t>
  </si>
  <si>
    <t>\\acsfs\profiles$\andrezacapf\Downloads\8d23d062-43d7-4185-b9b2-3f9df9651d55.tmp</t>
  </si>
  <si>
    <t>01/15/2020 13:56:47</t>
  </si>
  <si>
    <t>01/15/2020 14:00:48</t>
  </si>
  <si>
    <t>01/15/2020 13:56:50</t>
  </si>
  <si>
    <t>01/15/2020 13:57:17</t>
  </si>
  <si>
    <t>01/15/2020 13:57:19</t>
  </si>
  <si>
    <t>01/15/2020 13:57:42</t>
  </si>
  <si>
    <t>01/15/2020 13:57:55</t>
  </si>
  <si>
    <t>01/15/2020 13:58:15</t>
  </si>
  <si>
    <t>01/15/2020 13:58:26</t>
  </si>
  <si>
    <t>01/15/2020 13:58:31</t>
  </si>
  <si>
    <t>01/15/2020 13:58:54</t>
  </si>
  <si>
    <t>01/15/2020 13:59:00</t>
  </si>
  <si>
    <t>01/15/2020 13:59:07</t>
  </si>
  <si>
    <t>01/15/2020 13:59:28</t>
  </si>
  <si>
    <t>01/15/2020 13:59:47</t>
  </si>
  <si>
    <t>01/15/2020 13:59:50</t>
  </si>
  <si>
    <t>01/15/2020 13:59:59</t>
  </si>
  <si>
    <t>01/15/2020 14:00:11</t>
  </si>
  <si>
    <t>01/15/2020 13:56:20</t>
  </si>
  <si>
    <t>"[[],"mozilla/5.0 (windows nt 6.1) applewebkit/537.36 (khtml,#bco-inspetoria@bancovotorantim.com.br,0],0]",0]],0]als,0]l,0]ribedchildren,0]t_x0008_��t_x0008_fphr,1,1253,13,13700014,13700109,13700167,13700185,13700235,13700451,13700563,13700607,13700951,13701078,13701207,13701235,13701239,13701276,13701298,13701422,13701430,13701450,13701506,13701534,13701537,13701573,13701577,13701589,13701609,13701625,13701657,13701693,13701749,13701825,13701901,13701905,13701909,13701945]],13701953,13701957,13701969,13702068,13702088,142961685,1578915539161\,1578923371630\,1578930052848000,1578930058554000,1579013122409,1579030649468,1579037922075\,1579037922677\,1579037932305,1579073117766,1]]",1ya5yrwelrso-yxib3ctz0mdjsqkh2uffmn2kfrmynlkfp2vhk5vxrjlyzc1nx1i8okgrxz4hh9fxnqqavexbjgszjfxng_3tikapcccza7s5nl0iiv528sipt3_n6smfvjyvnmz5gmbld86jsedcdqpnbowbtwaejdtwlwiwyazylw418myzkyijnlherxkuhkwiry2lept0rbfyxyiohq4hezbkjnnav7gb8u1l3wvxoaaxa\",276,387,463,4repet0scaaaa4liaaaanmqf2kz44sg1npvhrp5ya-eah9mzpvg6kl9izriwjk97h6v_kcjh4sw2rf_itsulvo-3l</t>
  </si>
  <si>
    <t>01/15/2020 13:56:24</t>
  </si>
  <si>
    <t>01/15/2020 13:56:29</t>
  </si>
  <si>
    <t>01/15/2020 13:56:32</t>
  </si>
  <si>
    <t>01/15/2020 13:56:33</t>
  </si>
  <si>
    <t>01/15/2020 13:56:39</t>
  </si>
  <si>
    <t>"mozilla/5.0 (windows nt 6.1) applewebkit/537.36 (khtml;0]\\\\\\\:��_x0004_&lt;l;1;13;130841638;13700014;13700109;13700109�;13700167;13700185;13700451;13700563;13700951;13700982;13701207;13701214;13701262;13701276;13701298;13701422;13701430;13701450;13701506;13701534;13701537;13701573;13701577;13701589;13701609;13701625;13701657;13701693;13701709;13701749;13701825;13701901;13701905;13701953;13701957;13701969;13702068;13702088;1578930052848000;1578930058554000;1579100516617000;1579100527286000;1579105344142;17;5701393;[[13701418;[[13702088;[];[]]];adfn-ct7ciskssyu-68afh9xg7xv2c6f8dx_seofhsqerkx2bhpqslb3crfufkpjjmcd4mgjscrt;adfn-cu06epcwv8-bqmnjdi0t0_pzkuw29anyss1qgah5akzdhmowhh1pgtmmq2fqlr0jiapv_f9;dtjxm86rchk4hoyjmswgxwcjgopvcxz5d6soy9krbrudhkdx4c11rukyw1mnwt7hlxis8azwhuxl2tgi4kp3lrgjvox8thocsjw--zbrpfnx15-cnaprifu_xitkyi36qh4gew05vpbsbwmyftn_gjz-qiwz2gucgsqhgcerhy2gwpkfegapz5mceeszwsmcqqdk1eop4wjupr1qilgqbczler0tylnyquncyy5mcfybmg_hyfjrw9abfvcufs4s0-pgzywt_7eqiaesxbza1pqqayjonikaycextovvsxtm-3re12f7fejxg9yvc78jajrn2q</t>
  </si>
  <si>
    <t>"mozilla/5.0 (windows nt 6.1) applewebkit/537.36 (khtml,0]\\\\\\\:��_x0004_&lt;l,1,13,130841638,13700014,13700109,13700109�,13700167,13700185,13700451,13700563,13700951,13700982,13701207,13701214,13701262,13701276,13701298,13701422,13701430,13701450,13701506,13701534,13701537,13701573,13701577,13701589,13701609,13701625,13701657,13701693,13701709,13701749,13701825,13701901,13701905,13701953,13701957,13701969,13702068,13702088,1578930052848000,1578930058554000,1579100516617000,1579100527286000,1579105344142,17,5701393,[[13701418,[[13702088,[],[]]],adfn-ct7ciskssyu-68afh9xg7xv2c6f8dx_seofhsqerkx2bhpqslb3crfufkpjjmcd4mgjscrt,adfn-cu06epcwv8-bqmnjdi0t0_pzkuw29anyss1qgah5akzdhmowhh1pgtmmq2fqlr0jiapv_f9,dtjxm86rchk4hoyjmswgxwcjgopvcxz5d6soy9krbrudhkdx4c11rukyw1mnwt7hlxis8azwhuxl2tgi4kp3lrgjvox8thocsjw--zbrpfnx15-cnaprifu_xitkyi36qh4gew05vpbsbwmyftn_gjz-qiwz2gucgsqhgcerhy2gwpkfegapz5mceeszwsmcqqdk1eop4wjupr1qilgqbczler0tylnyquncyy5mcfybmg_hyfjrw9abfvcufs4s0-pgzywt_7eqiaesxbza1pqqayjonikaycextovvsxtm-3re12f7fejxg9yvc78jajrn2q</t>
  </si>
  <si>
    <t>01/15/2020 13:56:41</t>
  </si>
  <si>
    <t>01/15/2020 13:58:03</t>
  </si>
  <si>
    <t>01/15/2020 14:01:47</t>
  </si>
  <si>
    <t>01/15/2020 13:58:33</t>
  </si>
  <si>
    <t>01/15/2020 13:59:51</t>
  </si>
  <si>
    <t>01/15/2020 14:02:48</t>
  </si>
  <si>
    <t>01/15/2020 14:00:04</t>
  </si>
  <si>
    <t>01/15/2020 14:00:05</t>
  </si>
  <si>
    <t>01/15/2020 14:00:08</t>
  </si>
  <si>
    <t>01/15/2020 14:01:43</t>
  </si>
  <si>
    <t>LUCAS BARBOSA DA SILVA_1_6777744699985833802_1_32.wav</t>
  </si>
  <si>
    <t>\\acsfs\Deptos\EDUCACAO EMPRESARIAL\KÉSIA\Ligações 2º ciclo - Janeiro 2020\LUCAS BARBOSA DA SILVA_1_6777744699985833802_1_32.wav</t>
  </si>
  <si>
    <t>01/15/2020 14:00:23</t>
  </si>
  <si>
    <t>01/15/2020 14:00:24</t>
  </si>
  <si>
    <t>01/15/2020 14:00:25</t>
  </si>
  <si>
    <t>lu372433alo.tmp</t>
  </si>
  <si>
    <t>\\acsfs\profiles$\ALEXANDREMM\lu372433alo.tmp</t>
  </si>
  <si>
    <t>\\acsfs\profiles$\ALEXANDREMM\lu372433alo.tmp\</t>
  </si>
  <si>
    <t>\\acsfs\profiles$\ALEXANDREMM\lu372433alo.tmp\META-INF\</t>
  </si>
  <si>
    <t>\\acsfs\profiles$\ALEXANDREMM\lu372433alo.tmp\Thumbnails\</t>
  </si>
  <si>
    <t>01/15/2020 14:02:18</t>
  </si>
  <si>
    <t>01/15/2020 14:03:48</t>
  </si>
  <si>
    <t>01/15/2020 13:59:39</t>
  </si>
  <si>
    <t>03ef4e0a-2326-4f80-bb7c-bdb25178c6c1.tmp</t>
  </si>
  <si>
    <t>\\acsfs\profiles$\esterasg\Downloads\03ef4e0a-2326-4f80-bb7c-bdb25178c6c1.tmp</t>
  </si>
  <si>
    <t>01/15/2020 13:58:42</t>
  </si>
  <si>
    <t>giovannapdjc</t>
  </si>
  <si>
    <t>https://udpwfmniceap02/web/guest/home?p_auth=nmprbc7p&amp;p_p_id=58&amp;p_p_lifecycle=1&amp;p_p_state=maximized&amp;p_p_mode=view&amp;savelastpath=0&amp;_58_struts_action=/login/forgot_password</t>
  </si>
  <si>
    <t>01/15/2020 14:01:04</t>
  </si>
  <si>
    <t>01/15/2020 14:04:48</t>
  </si>
  <si>
    <t>01/15/2020 14:01:14</t>
  </si>
  <si>
    <t>leticiaadof</t>
  </si>
  <si>
    <t>https://udpwfmniceap02/web/guest/home?p_auth=e7gpyu3x&amp;p_p_id=58&amp;p_p_lifecycle=1&amp;p_p_state=maximized&amp;p_p_mode=view&amp;savelastpath=0&amp;_58_struts_action=/login/forgot_password</t>
  </si>
  <si>
    <t>01/15/2020 14:00:03</t>
  </si>
  <si>
    <t>01/15/2020 14:01:42</t>
  </si>
  <si>
    <t>7b0cec46-5518-43c5-8dbc-92f884308bd7.tmp</t>
  </si>
  <si>
    <t>\\acsfs\profiles$\felipetds\Downloads\7b0cec46-5518-43c5-8dbc-92f884308bd7.tmp</t>
  </si>
  <si>
    <t>69f18a2b-c003-4076-8d65-a9decb86ad42.tmp</t>
  </si>
  <si>
    <t>\\acsfs\profiles$\andrezacapf\Downloads\69f18a2b-c003-4076-8d65-a9decb86ad42.tmp</t>
  </si>
  <si>
    <t>01/15/2020 14:00:37</t>
  </si>
  <si>
    <t>5d349dee-822d-4d44-9338-6907e4ef6aa6.tmp</t>
  </si>
  <si>
    <t>\\acsfs\profiles$\andrezacapf\Downloads\5d349dee-822d-4d44-9338-6907e4ef6aa6.tmp</t>
  </si>
  <si>
    <t>01/15/2020 14:00:53</t>
  </si>
  <si>
    <t>cd7696b8-8b95-4c02-a1cf-0825b2a681e5.tmp</t>
  </si>
  <si>
    <t>\\acsfs\profiles$\andrezacapf\Downloads\cd7696b8-8b95-4c02-a1cf-0825b2a681e5.tmp</t>
  </si>
  <si>
    <t>01/15/2020 14:04:31</t>
  </si>
  <si>
    <t>01/15/2020 14:04:32</t>
  </si>
  <si>
    <t>01/15/2020 14:04:33</t>
  </si>
  <si>
    <t>01/15/2020 14:05:49</t>
  </si>
  <si>
    <t>01/15/2020 14:04:34</t>
  </si>
  <si>
    <t>01/15/2020 14:04:35</t>
  </si>
  <si>
    <t>01/15/2020 14:04:36</t>
  </si>
  <si>
    <t>01/15/2020 14:04:37</t>
  </si>
  <si>
    <t>01/15/2020 14:04:38</t>
  </si>
  <si>
    <t>01/15/2020 14:04:39</t>
  </si>
  <si>
    <t>01/15/2020 14:04:40</t>
  </si>
  <si>
    <t>01/15/2020 14:04:41</t>
  </si>
  <si>
    <t>01/15/2020 14:01:38</t>
  </si>
  <si>
    <t>10.200.67.118</t>
  </si>
  <si>
    <t>erikamcg</t>
  </si>
  <si>
    <t>https://udpwfmniceap02/web/guest/home?p_auth=en0o3tr9&amp;p_p_id=58&amp;p_p_lifecycle=1&amp;p_p_state=maximized&amp;p_p_mode=view&amp;savelastpath=0&amp;_58_struts_action=/login/forgot_password</t>
  </si>
  <si>
    <t>01/15/2020 14:02:37</t>
  </si>
  <si>
    <t>01/15/2020 14:01:11</t>
  </si>
  <si>
    <t>01/15/2020 14:01:24</t>
  </si>
  <si>
    <t>01/15/2020 14:01:34</t>
  </si>
  <si>
    <t>01/15/2020 14:02:14</t>
  </si>
  <si>
    <t>01/15/2020 14:06:48</t>
  </si>
  <si>
    <t>01/15/2020 14:02:32</t>
  </si>
  <si>
    <t>01/15/2020 14:06:08</t>
  </si>
  <si>
    <t>01/15/2020 14:04:04</t>
  </si>
  <si>
    <t>505c90d0-4714-4434-841d-2592af9b416f.tmp</t>
  </si>
  <si>
    <t>\\acsfs\profiles$\victorgl\Downloads\505c90d0-4714-4434-841d-2592af9b416f.tmp</t>
  </si>
  <si>
    <t>01/15/2020 14:04:08</t>
  </si>
  <si>
    <t>ece13f32-f528-4033-87d8-ae6b68b55ad7.tmp</t>
  </si>
  <si>
    <t>\\acsfs\profiles$\victorgl\Downloads\ece13f32-f528-4033-87d8-ae6b68b55ad7.tmp</t>
  </si>
  <si>
    <t>01/15/2020 14:05:46</t>
  </si>
  <si>
    <t>eb793c2a-c29b-4fa8-a1f2-a63adbc5ff38.tmp</t>
  </si>
  <si>
    <t>\\acsfs\profiles$\victorgl\Downloads\eb793c2a-c29b-4fa8-a1f2-a63adbc5ff38.tmp</t>
  </si>
  <si>
    <t>01/15/2020 14:03:44</t>
  </si>
  <si>
    <t>1a80882f-033c-459a-8e10-6841bd255ebe.tmp</t>
  </si>
  <si>
    <t>\\acsfs\profiles$\paulovadc\Downloads\1a80882f-033c-459a-8e10-6841bd255ebe.tmp</t>
  </si>
  <si>
    <t>01/15/2020 14:05:32</t>
  </si>
  <si>
    <t>01/15/2020 14:07:49</t>
  </si>
  <si>
    <t>01/15/2020 14:05:34</t>
  </si>
  <si>
    <t>01/15/2020 14:06:14</t>
  </si>
  <si>
    <t>bvcartes-supervisores@algarnet.onmicrosoft.com;bvs-centralcartoes@bv.com.br;thiagordu@algartech.com;</t>
  </si>
  <si>
    <t>bvcartes-supervisores@algarnet.onmicrosoft.com,bvs-centralcartoes@bv.com.br,thiagordu@algartech.com</t>
  </si>
  <si>
    <t>01/15/2020 14:06:24</t>
  </si>
  <si>
    <t>01/15/2020 14:06:42</t>
  </si>
  <si>
    <t>01/15/2020 14:06:00</t>
  </si>
  <si>
    <t>01/15/2020 14:08:48</t>
  </si>
  <si>
    <t>01/15/2020 14:09:48</t>
  </si>
  <si>
    <t>01/15/2020 14:06:58</t>
  </si>
  <si>
    <t>5c48908d-2029-4b0e-afbf-7e6db0f01dbd.tmp</t>
  </si>
  <si>
    <t>\\acsfs\profiles$\matheusmax\Downloads\5c48908d-2029-4b0e-afbf-7e6db0f01dbd.tmp</t>
  </si>
  <si>
    <t>01/15/2020 14:04:43</t>
  </si>
  <si>
    <t>01/15/2020 14:08:36</t>
  </si>
  <si>
    <t>01/15/2020 14:10:49</t>
  </si>
  <si>
    <t>01/15/2020 14:07:06</t>
  </si>
  <si>
    <t>4f783203-fbc2-49c2-a81a-f9007ffea6cd.tmp</t>
  </si>
  <si>
    <t>\\acsfs\profiles$\matheusmax\Downloads\4f783203-fbc2-49c2-a81a-f9007ffea6cd.tmp</t>
  </si>
  <si>
    <t>01/15/2020 14:11:49</t>
  </si>
  <si>
    <t>01/15/2020 14:06:22</t>
  </si>
  <si>
    <t>01/15/2020 14:06:49</t>
  </si>
  <si>
    <t>01/15/2020 14:06:56</t>
  </si>
  <si>
    <t>01/15/2020 14:04:42</t>
  </si>
  <si>
    <t>01/15/2020 14:07:15</t>
  </si>
  <si>
    <t>01/15/2020 14:07:08</t>
  </si>
  <si>
    <t>01/15/2020 14:07:56</t>
  </si>
  <si>
    <t>01/15/2020 14:07:59</t>
  </si>
  <si>
    <t>01/15/2020 14:07:20</t>
  </si>
  <si>
    <t>01/15/2020 14:08:15</t>
  </si>
  <si>
    <t>01/15/2020 14:08:23</t>
  </si>
  <si>
    <t>01/15/2020 14:08:28</t>
  </si>
  <si>
    <t>01/15/2020 14:08:11</t>
  </si>
  <si>
    <t>01/15/2020 14:08:43</t>
  </si>
  <si>
    <t>01/15/2020 14:08:50</t>
  </si>
  <si>
    <t>01/15/2020 14:09:09</t>
  </si>
  <si>
    <t>01/15/2020 14:04:44</t>
  </si>
  <si>
    <t>01/15/2020 14:09:12</t>
  </si>
  <si>
    <t>01/15/2020 14:08:16</t>
  </si>
  <si>
    <t>01/15/2020 14:09:17</t>
  </si>
  <si>
    <t>01/15/2020 14:09:21</t>
  </si>
  <si>
    <t>01/15/2020 14:04:45</t>
  </si>
  <si>
    <t>01/15/2020 14:08:18</t>
  </si>
  <si>
    <t>01/15/2020 14:09:25</t>
  </si>
  <si>
    <t>01/15/2020 14:09:35</t>
  </si>
  <si>
    <t>01/15/2020 14:08:20</t>
  </si>
  <si>
    <t>01/15/2020 14:09:39</t>
  </si>
  <si>
    <t>01/15/2020 14:04:46</t>
  </si>
  <si>
    <t>01/15/2020 14:10:17</t>
  </si>
  <si>
    <t>01/15/2020 14:08:24</t>
  </si>
  <si>
    <t>01/15/2020 14:08:56</t>
  </si>
  <si>
    <t>01/15/2020 14:09:11</t>
  </si>
  <si>
    <t>01/15/2020 14:09:22</t>
  </si>
  <si>
    <t>01/15/2020 14:09:27</t>
  </si>
  <si>
    <t>01/15/2020 14:09:33</t>
  </si>
  <si>
    <t>01/15/2020 14:06:51</t>
  </si>
  <si>
    <t>01/15/2020 14:12:48</t>
  </si>
  <si>
    <t>mail.google.com/sync/u/0/i/s?hl=pt-BR&amp;c=1069</t>
  </si>
  <si>
    <t>01/15/2020 14:07:36</t>
  </si>
  <si>
    <t>01/15/2020 14:07:42</t>
  </si>
  <si>
    <t>01/15/2020 14:08:01</t>
  </si>
  <si>
    <t>01/15/2020 14:09:03</t>
  </si>
  <si>
    <t>01/15/2020 14:09:18</t>
  </si>
  <si>
    <t>01/15/2020 14:10:05</t>
  </si>
  <si>
    <t>01/15/2020 14:10:19</t>
  </si>
  <si>
    <t>01/15/2020 14:10:38</t>
  </si>
  <si>
    <t>01/15/2020 14:10:52</t>
  </si>
  <si>
    <t>01/15/2020 14:10:57</t>
  </si>
  <si>
    <t>mail.google.com/sync/u/0/i/s?hl=pt-BR&amp;c=1108</t>
  </si>
  <si>
    <t>01/15/2020 14:11:07</t>
  </si>
  <si>
    <t>01/15/2020 14:11:24</t>
  </si>
  <si>
    <t>01/15/2020 14:11:34</t>
  </si>
  <si>
    <t>01/15/2020 14:08:44</t>
  </si>
  <si>
    <t>31ba6a15-573d-4346-a829-097904e9586c.tmp</t>
  </si>
  <si>
    <t>\\acsfs\profiles$\esterasg\Downloads\31ba6a15-573d-4346-a829-097904e9586c.tmp</t>
  </si>
  <si>
    <t>01/15/2020 14:10:55</t>
  </si>
  <si>
    <t>51255172-d0b8-4ad3-8c1f-98d191f2be99.tmp</t>
  </si>
  <si>
    <t>\\acsfs\profiles$\esterasg\Downloads\51255172-d0b8-4ad3-8c1f-98d191f2be99.tmp</t>
  </si>
  <si>
    <t>01/15/2020 14:11:44</t>
  </si>
  <si>
    <t>fbae5516-a928-4af0-9046-3ea8b12e9514.tmp</t>
  </si>
  <si>
    <t>\\acsfs\profiles$\esterasg\Downloads\fbae5516-a928-4af0-9046-3ea8b12e9514.tmp</t>
  </si>
  <si>
    <t>01/15/2020 14:12:41</t>
  </si>
  <si>
    <t>01/15/2020 14:13:48</t>
  </si>
  <si>
    <t>01/15/2020 14:12:07</t>
  </si>
  <si>
    <t>01/15/2020 14:10:29</t>
  </si>
  <si>
    <t>01/15/2020 14:09:10</t>
  </si>
  <si>
    <t>01/15/2020 14:14:48</t>
  </si>
  <si>
    <t>lu117049zji.tmp</t>
  </si>
  <si>
    <t>\\acsfs\profiles$\jalilebds\Downloads\lu117049zji.tmp</t>
  </si>
  <si>
    <t>01/15/2020 14:13:25</t>
  </si>
  <si>
    <t>01/15/2020 14:13:33</t>
  </si>
  <si>
    <t>01/15/2020 14:13:39</t>
  </si>
  <si>
    <t>01/15/2020 14:13:44</t>
  </si>
  <si>
    <t>01/15/2020 14:14:00</t>
  </si>
  <si>
    <t>01/15/2020 14:13:32</t>
  </si>
  <si>
    <t>01/15/2020 14:15:48</t>
  </si>
  <si>
    <t>01/15/2020 14:15:46</t>
  </si>
  <si>
    <t>01/15/2020 14:16:48</t>
  </si>
  <si>
    <t>01/15/2020 14:10:42</t>
  </si>
  <si>
    <t>Ana Paula da Silva Borges_1_6778461830675236085_1_32.wav</t>
  </si>
  <si>
    <t>\\acsfs\Deptos\EDUCACAO EMPRESARIAL\FERNANDA MONIT\Fernanda\MONITORIA JANEIRO\Ligação para MUTANT segundo ciclo janeiro\Ana Paula da Silva Borges_1_6778461830675236085_1_32.wav</t>
  </si>
  <si>
    <t>01/15/2020 14:15:17</t>
  </si>
  <si>
    <t>01/15/2020 14:17:48</t>
  </si>
  <si>
    <t>01/15/2020 14:13:18</t>
  </si>
  <si>
    <t>01/15/2020 14:14:16</t>
  </si>
  <si>
    <t>mail.google.com/sync/u/0/i/s?hl=pt-BR&amp;c=1137</t>
  </si>
  <si>
    <t>01/15/2020 14:14:27</t>
  </si>
  <si>
    <t>01/15/2020 14:14:44</t>
  </si>
  <si>
    <t>01/15/2020 14:14:45</t>
  </si>
  <si>
    <t>01/15/2020 14:15:02</t>
  </si>
  <si>
    <t>01/15/2020 14:15:07</t>
  </si>
  <si>
    <t>01/15/2020 14:13:46</t>
  </si>
  <si>
    <t>01/15/2020 14:18:48</t>
  </si>
  <si>
    <t>21f3eee1-31b0-4c5b-bebb-56057e950bb1.tmp</t>
  </si>
  <si>
    <t>\\acsfs\profiles$\erichds\Downloads\21f3eee1-31b0-4c5b-bebb-56057e950bb1.tmp</t>
  </si>
  <si>
    <t>01/15/2020 14:15:53</t>
  </si>
  <si>
    <t>01/15/2020 14:17:17</t>
  </si>
  <si>
    <t>01/15/2020 14:15:03</t>
  </si>
  <si>
    <t>01/15/2020 14:19:48</t>
  </si>
  <si>
    <t>3a03d2fb-9a86-461a-8de2-ee0961db6842.tmp</t>
  </si>
  <si>
    <t>\\acsfs\profiles$\luanarda\Downloads\3a03d2fb-9a86-461a-8de2-ee0961db6842.tmp</t>
  </si>
  <si>
    <t>01/15/2020 14:18:57</t>
  </si>
  <si>
    <t>lu15564mz9ju.tmp</t>
  </si>
  <si>
    <t>\\acsfs\profiles$\luanarda\lu15564mz9ju.tmp</t>
  </si>
  <si>
    <t>\\acsfs\profiles$\luanarda\lu15564mz9ju.tmp\</t>
  </si>
  <si>
    <t>\\acsfs\profiles$\luanarda\lu15564mz9ju.tmp\META-INF\</t>
  </si>
  <si>
    <t>\\acsfs\profiles$\luanarda\lu15564mz9ju.tmp\Thumbnails\</t>
  </si>
  <si>
    <t>01/15/2020 14:18:22</t>
  </si>
  <si>
    <t>01/15/2020 14:20:48</t>
  </si>
  <si>
    <t>01/15/2020 14:19:32</t>
  </si>
  <si>
    <t>01/15/2020 14:19:16</t>
  </si>
  <si>
    <t>01/15/2020 14:21:48</t>
  </si>
  <si>
    <t>01/15/2020 14:20:16</t>
  </si>
  <si>
    <t>01/15/2020 14:19:43</t>
  </si>
  <si>
    <t>286699c3-589d-422a-a8a8-66232ed4be5b.tmp</t>
  </si>
  <si>
    <t>\\acsfs\profiles$\victorgl\Downloads\286699c3-589d-422a-a8a8-66232ed4be5b.tmp</t>
  </si>
  <si>
    <t>01/15/2020 14:17:47</t>
  </si>
  <si>
    <t>01/15/2020 14:22:48</t>
  </si>
  <si>
    <t>01/15/2020 14:22:36</t>
  </si>
  <si>
    <t>01/15/2020 14:23:49</t>
  </si>
  <si>
    <t>01/15/2020 14:20:36</t>
  </si>
  <si>
    <t>01/15/2020 14:22:55</t>
  </si>
  <si>
    <t>01/15/2020 14:24:48</t>
  </si>
  <si>
    <t>cff1313b-6201-42fe-b2c2-ed00b12d36aa.tmp</t>
  </si>
  <si>
    <t>\\acsfs\profiles$\lorenabmc\Downloads\cff1313b-6201-42fe-b2c2-ed00b12d36aa.tmp</t>
  </si>
  <si>
    <t>01/15/2020 14:20:57</t>
  </si>
  <si>
    <t>01/15/2020 14:21:16</t>
  </si>
  <si>
    <t>01/15/2020 14:21:33</t>
  </si>
  <si>
    <t>01/15/2020 14:21:42</t>
  </si>
  <si>
    <t>01/15/2020 14:21:44</t>
  </si>
  <si>
    <t>01/15/2020 14:22:53</t>
  </si>
  <si>
    <t>lu117049zjq.tmp</t>
  </si>
  <si>
    <t>\\acsfs\profiles$\jalilebds\Downloads\lu117049zjq.tmp</t>
  </si>
  <si>
    <t>01/15/2020 14:22:25</t>
  </si>
  <si>
    <t>01/15/2020 14:23:38</t>
  </si>
  <si>
    <t>b21fe7b1-36bc-4b8a-b074-3110d8561e5e.tmp</t>
  </si>
  <si>
    <t>\\acsfs\profiles$\philipegsf\Downloads\b21fe7b1-36bc-4b8a-b074-3110d8561e5e.tmp</t>
  </si>
  <si>
    <t>01/15/2020 14:24:06</t>
  </si>
  <si>
    <t>0b19feff-a3a6-4001-94e6-cc72815b0510.tmp</t>
  </si>
  <si>
    <t>\\acsfs\profiles$\philipegsf\Downloads\0b19feff-a3a6-4001-94e6-cc72815b0510.tmp</t>
  </si>
  <si>
    <t>01/15/2020 14:23:45</t>
  </si>
  <si>
    <t>01/15/2020 14:25:49</t>
  </si>
  <si>
    <t>01/15/2020 14:23:48</t>
  </si>
  <si>
    <t>01/15/2020 14:26:48</t>
  </si>
  <si>
    <t>01/15/2020 14:24:18</t>
  </si>
  <si>
    <t>01/15/2020 14:26:11</t>
  </si>
  <si>
    <t>01/15/2020 14:25:25</t>
  </si>
  <si>
    <t>01/15/2020 14:23:23</t>
  </si>
  <si>
    <t>01/15/2020 14:23:53</t>
  </si>
  <si>
    <t>01/15/2020 14:23:56</t>
  </si>
  <si>
    <t>01/15/2020 14:27:41</t>
  </si>
  <si>
    <t>01/15/2020 14:28:47</t>
  </si>
  <si>
    <t>01/15/2020 14:24:52</t>
  </si>
  <si>
    <t>01/15/2020 14:25:15</t>
  </si>
  <si>
    <t>01/15/2020 14:27:08</t>
  </si>
  <si>
    <t>7c996aa9-8709-4a15-ae6c-a5fd1719b1c4.tmp</t>
  </si>
  <si>
    <t>\\acsfs\profiles$\henriquehmdo\Downloads\7c996aa9-8709-4a15-ae6c-a5fd1719b1c4.tmp</t>
  </si>
  <si>
    <t>01/15/2020 14:29:48</t>
  </si>
  <si>
    <t>01/15/2020 14:25:41</t>
  </si>
  <si>
    <t>6c1ab358-09ea-4628-91cf-e8a14ac7c967.tmp</t>
  </si>
  <si>
    <t>\\acsfs\profiles$\brendadsl\Downloads\6c1ab358-09ea-4628-91cf-e8a14ac7c967.tmp</t>
  </si>
  <si>
    <t>lu117049zjt.tmp</t>
  </si>
  <si>
    <t>\\acsfs\profiles$\jalilebds\Downloads\lu117049zjt.tmp</t>
  </si>
  <si>
    <t>01/15/2020 14:28:01</t>
  </si>
  <si>
    <t>lu117049zjw.tmp</t>
  </si>
  <si>
    <t>\\acsfs\profiles$\jalilebds\Downloads\lu117049zjw.tmp</t>
  </si>
  <si>
    <t>01/15/2020 14:26:19</t>
  </si>
  <si>
    <t>e4ea0ee3-f841-4d23-bac7-2dad582a5a23.tmp</t>
  </si>
  <si>
    <t>\\acsfs\profiles$\philipegsf\Downloads\e4ea0ee3-f841-4d23-bac7-2dad582a5a23.tmp</t>
  </si>
  <si>
    <t>01/15/2020 14:29:52</t>
  </si>
  <si>
    <t>01/15/2020 14:31:48</t>
  </si>
  <si>
    <t>01/15/2020 14:30:22</t>
  </si>
  <si>
    <t>01/15/2020 14:30:52</t>
  </si>
  <si>
    <t>01/15/2020 14:30:29</t>
  </si>
  <si>
    <t>01/15/2020 14:28:40</t>
  </si>
  <si>
    <t>01/15/2020 14:28:41</t>
  </si>
  <si>
    <t>01/15/2020 14:28:43</t>
  </si>
  <si>
    <t>01/15/2020 14:28:46</t>
  </si>
  <si>
    <t>01/15/2020 14:28:57</t>
  </si>
  <si>
    <t>01/15/2020 14:29:21</t>
  </si>
  <si>
    <t>01/15/2020 14:29:26</t>
  </si>
  <si>
    <t>01/15/2020 14:29:07</t>
  </si>
  <si>
    <t>e0dc9b32-7665-42d1-bf8e-67f44b1a8274.tmp</t>
  </si>
  <si>
    <t>\\acsfs\profiles$\victorgl\Downloads\e0dc9b32-7665-42d1-bf8e-67f44b1a8274.tmp</t>
  </si>
  <si>
    <t>01/15/2020 14:30:39</t>
  </si>
  <si>
    <t>01/15/2020 14:32:48</t>
  </si>
  <si>
    <t>814d12cf-6361-4052-8c14-7d31b63b2ed9.tmp</t>
  </si>
  <si>
    <t>\\acsfs\profiles$\alinesv\Downloads\814d12cf-6361-4052-8c14-7d31b63b2ed9.tmp</t>
  </si>
  <si>
    <t>01/15/2020 14:32:15</t>
  </si>
  <si>
    <t>01/15/2020 14:32:16</t>
  </si>
  <si>
    <t>01/15/2020 14:30:19</t>
  </si>
  <si>
    <t>LUCAS QUITONIO DE SOUZA SILVA_1_6777302275404676357_1_32.wav</t>
  </si>
  <si>
    <t>\\acsfs\Deptos\EDUCACAO EMPRESARIAL\KÉSIA\Ligações 2º ciclo - Janeiro 2020\LUCAS QUITONIO DE SOUZA SILVA_1_6777302275404676357_1_32.wav</t>
  </si>
  <si>
    <t>01/15/2020 14:31:02</t>
  </si>
  <si>
    <t>01/15/2020 14:34:48</t>
  </si>
  <si>
    <t>6283976b-b216-409f-800c-38962dc1b261.tmp</t>
  </si>
  <si>
    <t>\\acsfs\profiles$\brendadsl\Downloads\6283976b-b216-409f-800c-38962dc1b261.tmp</t>
  </si>
  <si>
    <t>01/15/2020 14:34:10</t>
  </si>
  <si>
    <t>b4faa207-0bc9-4f26-8004-263b6f126980.tmp</t>
  </si>
  <si>
    <t>\\acsfs\profiles$\lorraynevam\Downloads\b4faa207-0bc9-4f26-8004-263b6f126980.tmp</t>
  </si>
  <si>
    <t>01/15/2020 14:32:35</t>
  </si>
  <si>
    <t>lu117049zjz.tmp</t>
  </si>
  <si>
    <t>\\acsfs\profiles$\jalilebds\Downloads\lu117049zjz.tmp</t>
  </si>
  <si>
    <t>01/15/2020 14:33:14</t>
  </si>
  <si>
    <t>01/15/2020 14:35:48</t>
  </si>
  <si>
    <t>01/15/2020 14:33:19</t>
  </si>
  <si>
    <t>01/15/2020 14:36:48</t>
  </si>
  <si>
    <t>d840a347-485d-4314-9e35-b55de55b7344.tmp</t>
  </si>
  <si>
    <t>\\acsfs\profiles$\sarahbal\Downloads\d840a347-485d-4314-9e35-b55de55b7344.tmp</t>
  </si>
  <si>
    <t>01/15/2020 14:31:23</t>
  </si>
  <si>
    <t>01/15/2020 14:31:53</t>
  </si>
  <si>
    <t>01/15/2020 14:32:53</t>
  </si>
  <si>
    <t>01/15/2020 14:34:55</t>
  </si>
  <si>
    <t>01/15/2020 14:35:25</t>
  </si>
  <si>
    <t>01/15/2020 14:31:52</t>
  </si>
  <si>
    <t>01/15/2020 14:35:38</t>
  </si>
  <si>
    <t>Andrea Paula da Silva Gomes_1_6777847482848198597_1_32.wav</t>
  </si>
  <si>
    <t>\\acsfs\Deptos\EDUCACAO EMPRESARIAL\FERNANDA MONIT\Fernanda\MONITORIA JANEIRO\Ligação para MUTANT segundo ciclo janeiro\Andrea Paula da Silva Gomes_1_6777847482848198597_1_32.wav</t>
  </si>
  <si>
    <t>01/15/2020 14:34:00</t>
  </si>
  <si>
    <t>45ef1708-8c02-4b0a-9e78-2ef13566daa7.tmp</t>
  </si>
  <si>
    <t>\\acsfs\profiles$\paulovadc\Downloads\45ef1708-8c02-4b0a-9e78-2ef13566daa7.tmp</t>
  </si>
  <si>
    <t>01/15/2020 14:34:11</t>
  </si>
  <si>
    <t>01/15/2020 14:37:48</t>
  </si>
  <si>
    <t>01/15/2020 14:33:03</t>
  </si>
  <si>
    <t>7479e746-2938-42d3-8d42-50f40c27893f.tmp</t>
  </si>
  <si>
    <t>\\acsfs\profiles$\gabrielafs\Downloads\7479e746-2938-42d3-8d42-50f40c27893f.tmp</t>
  </si>
  <si>
    <t>01/15/2020 14:36:38</t>
  </si>
  <si>
    <t>f208aeae-67bc-4ce5-b7e5-8df3ca5d6ab8.tmp</t>
  </si>
  <si>
    <t>\\acsfs\profiles$\laylaams\Downloads\f208aeae-67bc-4ce5-b7e5-8df3ca5d6ab8.tmp</t>
  </si>
  <si>
    <t>01/15/2020 14:33:16</t>
  </si>
  <si>
    <t>01/15/2020 14:38:48</t>
  </si>
  <si>
    <t>01/15/2020 14:35:33</t>
  </si>
  <si>
    <t>d20b5d1b-ede7-4c72-83d3-46e8772314ff.tmp</t>
  </si>
  <si>
    <t>\\acsfs\profiles$\wenderbnm\Downloads\d20b5d1b-ede7-4c72-83d3-46e8772314ff.tmp</t>
  </si>
  <si>
    <t>01/15/2020 14:38:37</t>
  </si>
  <si>
    <t>01/15/2020 14:39:49</t>
  </si>
  <si>
    <t>XLOG_anakcs_15012020_130702.log</t>
  </si>
  <si>
    <t>\\acsfs\profiles$\anakcs\My Documents\xworkcenter\logs\XLOG_anakcs_15012020_130702.log</t>
  </si>
  <si>
    <t>01/15/2020 14:36:08</t>
  </si>
  <si>
    <t>01/15/2020 14:39:28</t>
  </si>
  <si>
    <t>01/15/2020 14:41:48</t>
  </si>
  <si>
    <t>01/15/2020 14:39:58</t>
  </si>
  <si>
    <t>01/15/2020 14:40:59</t>
  </si>
  <si>
    <t>01/15/2020 14:40:43</t>
  </si>
  <si>
    <t>01/15/2020 14:40:48</t>
  </si>
  <si>
    <t>01/15/2020 14:41:25</t>
  </si>
  <si>
    <t>01/15/2020 14:41:30</t>
  </si>
  <si>
    <t>01/15/2020 14:40:26</t>
  </si>
  <si>
    <t>5189df8c-a759-41e3-8e0a-206e2168c4bc.tmp</t>
  </si>
  <si>
    <t>\\acsfs\profiles$\victorgl\Downloads\5189df8c-a759-41e3-8e0a-206e2168c4bc.tmp</t>
  </si>
  <si>
    <t>01/15/2020 14:37:54</t>
  </si>
  <si>
    <t>01/15/2020 14:42:48</t>
  </si>
  <si>
    <t>MARILIA FERNANDES PAES LEME BORGES_1_6777390309349336333_1_32.wav</t>
  </si>
  <si>
    <t>\\acsfs\Deptos\EDUCACAO EMPRESARIAL\KÉSIA\Ligações 2º ciclo - Janeiro 2020\MARILIA FERNANDES PAES LEME BORGES_1_6777390309349336333_1_32.wav</t>
  </si>
  <si>
    <t>01/15/2020 14:38:47</t>
  </si>
  <si>
    <t>01/15/2020 14:43:48</t>
  </si>
  <si>
    <t>01/15/2020 14:39:22</t>
  </si>
  <si>
    <t>9e071c81-3d60-483c-9e17-374a29a3c0de.tmp</t>
  </si>
  <si>
    <t>\\acsfs\profiles$\henriquehmdo\Downloads\9e071c81-3d60-483c-9e17-374a29a3c0de.tmp</t>
  </si>
  <si>
    <t>01/15/2020 14:42:32</t>
  </si>
  <si>
    <t>01/15/2020 14:44:48</t>
  </si>
  <si>
    <t>01/15/2020 14:40:54</t>
  </si>
  <si>
    <t>01/15/2020 14:45:48</t>
  </si>
  <si>
    <t>01/15/2020 14:42:56</t>
  </si>
  <si>
    <t>01/15/2020 14:43:09</t>
  </si>
  <si>
    <t>0f7c9291-eb0f-4a78-b4b0-f46ab1c92a39.tmp</t>
  </si>
  <si>
    <t>\\acsfs\profiles$\lucasgpe\Downloads\0f7c9291-eb0f-4a78-b4b0-f46ab1c92a39.tmp</t>
  </si>
  <si>
    <t>01/15/2020 14:44:12</t>
  </si>
  <si>
    <t>01/15/2020 14:46:48</t>
  </si>
  <si>
    <t>andrelpsa@algartech.com;leonardoao@algartech.com;</t>
  </si>
  <si>
    <t>andrelpsa@algartech.com,leonardoao@algartech.com</t>
  </si>
  <si>
    <t>01/15/2020 14:44:38</t>
  </si>
  <si>
    <t>01/15/2020 14:45:00</t>
  </si>
  <si>
    <t>01/15/2020 14:45:21</t>
  </si>
  <si>
    <t>01/15/2020 14:45:30</t>
  </si>
  <si>
    <t>01/15/2020 14:45:36</t>
  </si>
  <si>
    <t>01/15/2020 14:42:00</t>
  </si>
  <si>
    <t>01/15/2020 14:42:30</t>
  </si>
  <si>
    <t>01/15/2020 14:44:37</t>
  </si>
  <si>
    <t>01/15/2020 14:42:29</t>
  </si>
  <si>
    <t>01/15/2020 14:42:43</t>
  </si>
  <si>
    <t>01/15/2020 14:43:10</t>
  </si>
  <si>
    <t>01/15/2020 14:43:12</t>
  </si>
  <si>
    <t>01/15/2020 14:43:22</t>
  </si>
  <si>
    <t>01/15/2020 14:43:28</t>
  </si>
  <si>
    <t>01/15/2020 14:43:34</t>
  </si>
  <si>
    <t>01/15/2020 14:43:37</t>
  </si>
  <si>
    <t>01/15/2020 14:43:41</t>
  </si>
  <si>
    <t>01/15/2020 14:43:47</t>
  </si>
  <si>
    <t>01/15/2020 14:44:16</t>
  </si>
  <si>
    <t>01/15/2020 14:46:21</t>
  </si>
  <si>
    <t>01/15/2020 14:43:49</t>
  </si>
  <si>
    <t>01/15/2020 14:47:48</t>
  </si>
  <si>
    <t>01/15/2020 14:43:54</t>
  </si>
  <si>
    <t>01/15/2020 14:46:26</t>
  </si>
  <si>
    <t>01/15/2020 14:43:32</t>
  </si>
  <si>
    <t>01/15/2020 14:43:33</t>
  </si>
  <si>
    <t>01/15/2020 14:47:24</t>
  </si>
  <si>
    <t>01/15/2020 14:48:48</t>
  </si>
  <si>
    <t>01/15/2020 14:47:38</t>
  </si>
  <si>
    <t>01/15/2020 14:47:08</t>
  </si>
  <si>
    <t>01/15/2020 14:49:48</t>
  </si>
  <si>
    <t>01/15/2020 14:45:22</t>
  </si>
  <si>
    <t>lu117049zk2.tmp</t>
  </si>
  <si>
    <t>\\acsfs\profiles$\jalilebds\Downloads\lu117049zk2.tmp</t>
  </si>
  <si>
    <t>01/14/2020 21:18:55</t>
  </si>
  <si>
    <t>01/14/2020 21:18:56</t>
  </si>
  <si>
    <t>lu217722bgtoi.tmp</t>
  </si>
  <si>
    <t>\\acsfs\profiles$\rafaelacdoc\lu217722bgtoi.tmp</t>
  </si>
  <si>
    <t>\\acsfs\profiles$\rafaelacdoc\lu217722bgtoi.tmp\</t>
  </si>
  <si>
    <t>\\acsfs\profiles$\rafaelacdoc\lu217722bgtoi.tmp\META-INF\</t>
  </si>
  <si>
    <t>\\acsfs\profiles$\rafaelacdoc\lu217722bgtoi.tmp\Thumbnails\</t>
  </si>
  <si>
    <t>01/15/2020 14:44:59</t>
  </si>
  <si>
    <t>01/15/2020 14:50:49</t>
  </si>
  <si>
    <t>15650be0-5bfb-4ab6-89a0-d18afbff586f.tmp</t>
  </si>
  <si>
    <t>\\acsfs\profiles$\fabianobmf\Downloads\15650be0-5bfb-4ab6-89a0-d18afbff586f.tmp</t>
  </si>
  <si>
    <t>01/15/2020 14:45:12</t>
  </si>
  <si>
    <t>8192210a-c982-4eb0-89ea-93e2605cc358.tmp</t>
  </si>
  <si>
    <t>\\acsfs\profiles$\fabianobmf\Downloads\8192210a-c982-4eb0-89ea-93e2605cc358.tmp</t>
  </si>
  <si>
    <t>01/15/2020 14:47:02</t>
  </si>
  <si>
    <t>9315ff0a-440a-4878-8ba2-8aafc69f32b6.tmp</t>
  </si>
  <si>
    <t>\\acsfs\profiles$\fabianobmf\Downloads\9315ff0a-440a-4878-8ba2-8aafc69f32b6.tmp</t>
  </si>
  <si>
    <t>01/15/2020 14:47:33</t>
  </si>
  <si>
    <t>01/15/2020 14:51:48</t>
  </si>
  <si>
    <t>01/15/2020 14:49:04</t>
  </si>
  <si>
    <t>01/15/2020 14:47:57</t>
  </si>
  <si>
    <t>01/15/2020 14:49:30</t>
  </si>
  <si>
    <t>01/15/2020 14:47:34</t>
  </si>
  <si>
    <t>4b2d78c4-c35e-4345-8418-9f9ec9f4cdc0.tmp</t>
  </si>
  <si>
    <t>\\acsfs\profiles$\LUISPLS\Downloads\4b2d78c4-c35e-4345-8418-9f9ec9f4cdc0.tmp</t>
  </si>
  <si>
    <t>01/15/2020 14:50:20</t>
  </si>
  <si>
    <t>01/15/2020 14:50:45</t>
  </si>
  <si>
    <t>01/15/2020 14:51:10</t>
  </si>
  <si>
    <t>01/15/2020 14:51:22</t>
  </si>
  <si>
    <t>01/15/2020 14:48:09</t>
  </si>
  <si>
    <t>01/15/2020 14:48:17</t>
  </si>
  <si>
    <t>01/15/2020 14:52:48</t>
  </si>
  <si>
    <t>1027bbc8-79e3-4f34-8a33-1d662e0bb5cf.tmp</t>
  </si>
  <si>
    <t>\\acsfs\profiles$\jhonatadss\Downloads\1027bbc8-79e3-4f34-8a33-1d662e0bb5cf.tmp</t>
  </si>
  <si>
    <t>01/15/2020 14:52:16</t>
  </si>
  <si>
    <t>barbarasilva@parla.com.br;camila@callink.com.br;cielo.reportcenter@flexcontact.com.br;dayane.sousa@bpm.tivit.com.br;eduardo.santos@vikstar.com.br;edy.pereira@flexcontact.com.br;ingridsilva@parla.com.br;leonardo.marques@callink.com.br;luan.lima@cielo.com.br;lucas.ferreira@vikstar.com.br;lucio.souza@callink.com.br;monitoria.ciclo@flexcontact.com.br;polianna.favero@callink.com.br;qualidadecielogv@parla.com.br;qualidadecielotlv@parla.com.br;reclamacoescielo@algartech.com;resgateligacao@vikstar.com.br;resgatequalidade@atento.com.br;rosanarodrigues@parla.com.br;silvania.nascimento@bpo.tivit.com.br;tratativacielo@callink.com.br;</t>
  </si>
  <si>
    <t>barbarasilva@parla.com.br,camila@callink.com.br,cielo.reportcenter@flexcontact.com.br,dayane.sousa@bpm.tivit.com.br,eduardo.santos@vikstar.com.br,edy.pereira@flexcontact.com.br,ingridsilva@parla.com.br,leonardo.marques@callink.com.br,luan.lima@cielo.com.br,lucas.ferreira@vikstar.com.br,lucio.souza@callink.com.br,monitoria.ciclo@flexcontact.com.br,polianna.favero@callink.com.br,qualidadecielogv@parla.com.br,qualidadecielotlv@parla.com.br,reclamacoescielo@algartech.com,resgateligacao@vikstar.com.br,resgatequalidade@atento.com.br,rosanarodrigues@parla.com.br,silvania.nascimento@bpo.tivit.com.br,tratativacielo@callink.com.br</t>
  </si>
  <si>
    <t>01/15/2020 14:47:53</t>
  </si>
  <si>
    <t>ef99a16e-30b6-4c09-9ad8-afc679a9597d.tmp</t>
  </si>
  <si>
    <t>\\acsfs\profiles$\isabellegtds\Downloads\ef99a16e-30b6-4c09-9ad8-afc679a9597d.tmp</t>
  </si>
  <si>
    <t>01/15/2020 14:53:48</t>
  </si>
  <si>
    <t>01/15/2020 14:48:23</t>
  </si>
  <si>
    <t>722464d8-d4bb-4602-b6e0-2cf6c58b8727.tmp</t>
  </si>
  <si>
    <t>\\acsfs\profiles$\cintiadjl\Downloads\722464d8-d4bb-4602-b6e0-2cf6c58b8727.tmp</t>
  </si>
  <si>
    <t>01/15/2020 14:48:26</t>
  </si>
  <si>
    <t>43c928e6-d739-457d-bd0c-fb53c1b3f663.tmp</t>
  </si>
  <si>
    <t>\\acsfs\profiles$\cintiadjl\Downloads\43c928e6-d739-457d-bd0c-fb53c1b3f663.tmp</t>
  </si>
  <si>
    <t>01/15/2020 14:50:18</t>
  </si>
  <si>
    <t>df5cc8be-fbbd-469b-a35c-3ca05e684d55.tmp</t>
  </si>
  <si>
    <t>\\acsfs\profiles$\erichds\Downloads\df5cc8be-fbbd-469b-a35c-3ca05e684d55.tmp</t>
  </si>
  <si>
    <t>01/15/2020 14:50:40</t>
  </si>
  <si>
    <t>8cf71a9c-6e04-4003-8d52-7bb17cb886ae.tmp</t>
  </si>
  <si>
    <t>\\acsfs\profiles$\erichds\Downloads\8cf71a9c-6e04-4003-8d52-7bb17cb886ae.tmp</t>
  </si>
  <si>
    <t>f60807b6-aafc-4f8f-9ac0-1442f4cb6e26.tmp</t>
  </si>
  <si>
    <t>\\acsfs\profiles$\KARENJSS\Downloads\f60807b6-aafc-4f8f-9ac0-1442f4cb6e26.tmp</t>
  </si>
  <si>
    <t>01/15/2020 14:49:44</t>
  </si>
  <si>
    <t>7f1753ac-6d5a-4f79-aa8e-014d064f7ea5.tmp</t>
  </si>
  <si>
    <t>\\acsfs\profiles$\gabrielsma\Downloads\7f1753ac-6d5a-4f79-aa8e-014d064f7ea5.tmp</t>
  </si>
  <si>
    <t>01/15/2020 14:49:58</t>
  </si>
  <si>
    <t>01/15/2020 14:51:06</t>
  </si>
  <si>
    <t>35e14cdb-4a4a-497a-aff5-9322adaee33d.tmp</t>
  </si>
  <si>
    <t>\\acsfs\profiles$\gabrielsma\Downloads\35e14cdb-4a4a-497a-aff5-9322adaee33d.tmp</t>
  </si>
  <si>
    <t>01/15/2020 14:51:13</t>
  </si>
  <si>
    <t>01/15/2020 14:52:12</t>
  </si>
  <si>
    <t>c72ec9a7-4cca-465a-b464-894ab157c4c5.tmp</t>
  </si>
  <si>
    <t>\\acsfs\profiles$\gabrielsma\Downloads\c72ec9a7-4cca-465a-b464-894ab157c4c5.tmp</t>
  </si>
  <si>
    <t>01/15/2020 14:52:31</t>
  </si>
  <si>
    <t>01/15/2020 14:54:49</t>
  </si>
  <si>
    <t>01/15/2020 14:49:45</t>
  </si>
  <si>
    <t>01/15/2020 14:50:16</t>
  </si>
  <si>
    <t>8f72d182-0404-40d9-a18f-eb30e743c094.tmp</t>
  </si>
  <si>
    <t>\\acsfs\profiles$\rafaelacdoc\Downloads\8f72d182-0404-40d9-a18f-eb30e743c094.tmp</t>
  </si>
  <si>
    <t>01/15/2020 14:51:32</t>
  </si>
  <si>
    <t>dc7fc812-49e3-4131-8d1f-14ee8cdd975c.tmp</t>
  </si>
  <si>
    <t>\\acsfs\profiles$\rafaelacdoc\Downloads\dc7fc812-49e3-4131-8d1f-14ee8cdd975c.tmp</t>
  </si>
  <si>
    <t>01/15/2020 14:52:45</t>
  </si>
  <si>
    <t>01/15/2020 14:49:41</t>
  </si>
  <si>
    <t>01/15/2020 14:50:28</t>
  </si>
  <si>
    <t>511c49f8-d1d9-4383-bad8-6e188626774d.tmp</t>
  </si>
  <si>
    <t>\\acsfs\profiles$\fernandofs\Downloads\511c49f8-d1d9-4383-bad8-6e188626774d.tmp</t>
  </si>
  <si>
    <t>01/15/2020 14:50:51</t>
  </si>
  <si>
    <t>6983b477-856d-415d-a91f-a3eb5a5c8eb1.tmp</t>
  </si>
  <si>
    <t>\\acsfs\profiles$\fernandofs\Downloads\6983b477-856d-415d-a91f-a3eb5a5c8eb1.tmp</t>
  </si>
  <si>
    <t>01/15/2020 14:52:21</t>
  </si>
  <si>
    <t>01/15/2020 14:52:36</t>
  </si>
  <si>
    <t>01/15/2020 14:52:47</t>
  </si>
  <si>
    <t>01/15/2020 14:51:34</t>
  </si>
  <si>
    <t>01/15/2020 14:55:49</t>
  </si>
  <si>
    <t>a320c95e-2318-4a13-abd1-72e285f4b4ad.tmp</t>
  </si>
  <si>
    <t>\\acsfs\profiles$\fabianobmf\Downloads\a320c95e-2318-4a13-abd1-72e285f4b4ad.tmp</t>
  </si>
  <si>
    <t>01/15/2020 14:54:38</t>
  </si>
  <si>
    <t>01/15/2020 14:56:49</t>
  </si>
  <si>
    <t>01/15/2020 14:54:48</t>
  </si>
  <si>
    <t>01/15/2020 14:55:03</t>
  </si>
  <si>
    <t>01/15/2020 14:55:25</t>
  </si>
  <si>
    <t>01/15/2020 14:55:28</t>
  </si>
  <si>
    <t>01/15/2020 14:53:38</t>
  </si>
  <si>
    <t>01/15/2020 14:54:08</t>
  </si>
  <si>
    <t>01/15/2020 14:55:15</t>
  </si>
  <si>
    <t>01/15/2020 14:52:07</t>
  </si>
  <si>
    <t>01/15/2020 14:52:19</t>
  </si>
  <si>
    <t>01/15/2020 14:54:26</t>
  </si>
  <si>
    <t>01/15/2020 14:54:30</t>
  </si>
  <si>
    <t>01/15/2020 14:54:33</t>
  </si>
  <si>
    <t>01/15/2020 14:52:24</t>
  </si>
  <si>
    <t>43f69f1e-0a77-4e1f-87f5-a4242d2a632a.tmp</t>
  </si>
  <si>
    <t>\\acsfs\profiles$\paulovadc\Downloads\43f69f1e-0a77-4e1f-87f5-a4242d2a632a.tmp</t>
  </si>
  <si>
    <t>01/15/2020 14:54:10</t>
  </si>
  <si>
    <t>01/15/2020 14:57:49</t>
  </si>
  <si>
    <t>kit_pre_deslig_disp_sem_justa_causa_ind_95758_nathane alves da silva.pdf</t>
  </si>
  <si>
    <t>01/15/2020 14:52:35</t>
  </si>
  <si>
    <t>01/15/2020 14:57:17</t>
  </si>
  <si>
    <t>01/15/2020 14:58:49</t>
  </si>
  <si>
    <t>01/15/2020 14:54:14</t>
  </si>
  <si>
    <t>17c7354b-2fc4-4886-8a44-33e09f84802f.tmp</t>
  </si>
  <si>
    <t>\\acsfs\profiles$\gabrielsma\Downloads\17c7354b-2fc4-4886-8a44-33e09f84802f.tmp</t>
  </si>
  <si>
    <t>01/15/2020 14:54:32</t>
  </si>
  <si>
    <t>01/15/2020 14:55:18</t>
  </si>
  <si>
    <t>01/15/2020 14:56:02</t>
  </si>
  <si>
    <t>01/15/2020 14:59:49</t>
  </si>
  <si>
    <t>01/15/2020 14:59:25</t>
  </si>
  <si>
    <t>01/15/2020 15:01:49</t>
  </si>
  <si>
    <t>01/15/2020 14:59:43</t>
  </si>
  <si>
    <t>01/15/2020 15:00:01</t>
  </si>
  <si>
    <t>01/15/2020 15:00:11</t>
  </si>
  <si>
    <t>01/15/2020 15:00:28</t>
  </si>
  <si>
    <t>01/15/2020 15:00:31</t>
  </si>
  <si>
    <t>01/15/2020 15:00:59</t>
  </si>
  <si>
    <t>01/15/2020 15:01:00</t>
  </si>
  <si>
    <t>01/15/2020 14:58:14</t>
  </si>
  <si>
    <t>01/15/2020 14:58:29</t>
  </si>
  <si>
    <t>01/15/2020 15:02:49</t>
  </si>
  <si>
    <t>01/15/2020 15:01:02</t>
  </si>
  <si>
    <t>01/15/2020 15:03:49</t>
  </si>
  <si>
    <t>01/15/2020 15:00:21</t>
  </si>
  <si>
    <t>c7b12d94-62b3-4e00-91ac-3ff327e69f5a.tmp</t>
  </si>
  <si>
    <t>\\acsfs\profiles$\brunalas\Downloads\c7b12d94-62b3-4e00-91ac-3ff327e69f5a.tmp</t>
  </si>
  <si>
    <t>01/15/2020 15:01:41</t>
  </si>
  <si>
    <t>34e40946-8de5-4e03-8e8d-e12d28a22e60.tmp</t>
  </si>
  <si>
    <t>\\acsfs\profiles$\brunalas\Downloads\34e40946-8de5-4e03-8e8d-e12d28a22e60.tmp</t>
  </si>
  <si>
    <t>01/15/2020 15:02:09</t>
  </si>
  <si>
    <t>c0c0cec0-0ad0-4917-934f-6617809acad6.tmp</t>
  </si>
  <si>
    <t>\\acsfs\profiles$\vivianealda\Downloads\c0c0cec0-0ad0-4917-934f-6617809acad6.tmp</t>
  </si>
  <si>
    <t>01/15/2020 15:01:48</t>
  </si>
  <si>
    <t>01/15/2020 15:04:49</t>
  </si>
  <si>
    <t>FLAVIA CRISTINE DA SILVA TEIXEIRA (16).contact</t>
  </si>
  <si>
    <t>\\acsfs\profiles$\flaviacdst\Contacts\FLAVIA CRISTINE DA SILVA TEIXEIRA (16).contact</t>
  </si>
  <si>
    <t>01/15/2020 15:01:54</t>
  </si>
  <si>
    <t>01/15/2020 15:01:55</t>
  </si>
  <si>
    <t>01/15/2020 15:01:56</t>
  </si>
  <si>
    <t>01/15/2020 15:01:57</t>
  </si>
  <si>
    <t>01/15/2020 15:01:58</t>
  </si>
  <si>
    <t>01/15/2020 15:01:59</t>
  </si>
  <si>
    <t>01/15/2020 15:02:00</t>
  </si>
  <si>
    <t>01/15/2020 15:02:01</t>
  </si>
  <si>
    <t>01/15/2020 15:02:02</t>
  </si>
  <si>
    <t>01/15/2020 15:02:03</t>
  </si>
  <si>
    <t>\\acsfs\profiles$\flaviacdst\Saved Games\</t>
  </si>
  <si>
    <t>01/15/2020 15:02:04</t>
  </si>
  <si>
    <t>01/15/2020 15:02:16</t>
  </si>
  <si>
    <t>\\acsfs\profiles$\flaviacdst\Favorites\Links for Brasil\</t>
  </si>
  <si>
    <t>\\acsfs\profiles$\flaviacdst\Favorites\Links for Brasil\desktop.ini</t>
  </si>
  <si>
    <t>\\acsfs\profiles$\flaviacdst\Favorites\Links for Brasil\Microsoft Brasil.url</t>
  </si>
  <si>
    <t>01/15/2020 15:02:17</t>
  </si>
  <si>
    <t>\\acsfs\profiles$\flaviacdst\Favorites\Links for Brasil\Windows Brasil.url</t>
  </si>
  <si>
    <t>01/15/2020 15:02:18</t>
  </si>
  <si>
    <t>\\acsfs\profiles$\flaviacdst\Favorites\Links for Brasil\MSN Brasil.url</t>
  </si>
  <si>
    <t>01/15/2020 15:03:03</t>
  </si>
  <si>
    <t>01/15/2020 15:02:35</t>
  </si>
  <si>
    <t>01/15/2020 15:04:09</t>
  </si>
  <si>
    <t>01/15/2020 15:05:49</t>
  </si>
  <si>
    <t>01/15/2020 15:03:07</t>
  </si>
  <si>
    <t>01/15/2020 15:03:08</t>
  </si>
  <si>
    <t>01/15/2020 15:03:09</t>
  </si>
  <si>
    <t>01/15/2020 15:03:10</t>
  </si>
  <si>
    <t>01/15/2020 15:03:11</t>
  </si>
  <si>
    <t>01/15/2020 15:03:12</t>
  </si>
  <si>
    <t>01/15/2020 15:03:13</t>
  </si>
  <si>
    <t>01/15/2020 15:03:14</t>
  </si>
  <si>
    <t>01/15/2020 15:03:15</t>
  </si>
  <si>
    <t>01/15/2020 15:03:16</t>
  </si>
  <si>
    <t>01/15/2020 15:03:17</t>
  </si>
  <si>
    <t>01/15/2020 15:03:18</t>
  </si>
  <si>
    <t>01/15/2020 15:03:19</t>
  </si>
  <si>
    <t>01/15/2020 15:03:20</t>
  </si>
  <si>
    <t>01/15/2020 15:03:21</t>
  </si>
  <si>
    <t>01/15/2020 15:03:22</t>
  </si>
  <si>
    <t>01/15/2020 15:03:23</t>
  </si>
  <si>
    <t>01/15/2020 15:03:24</t>
  </si>
  <si>
    <t>01/15/2020 15:04:03</t>
  </si>
  <si>
    <t>01/15/2020 15:05:14</t>
  </si>
  <si>
    <t>01/15/2020 15:05:27</t>
  </si>
  <si>
    <t>XLOG_ellencds_15012020_070423.log</t>
  </si>
  <si>
    <t>\\acsfs\profiles$\ellencds\My Documents\xworkcenter\logs\XLOG_ellencds_15012020_070423.log</t>
  </si>
  <si>
    <t>01/15/2020 15:01:08</t>
  </si>
  <si>
    <t>01/15/2020 15:06:49</t>
  </si>
  <si>
    <t>01/15/2020 15:02:14</t>
  </si>
  <si>
    <t>01/15/2020 15:04:15</t>
  </si>
  <si>
    <t>01/15/2020 15:04:46</t>
  </si>
  <si>
    <t>01/15/2020 15:01:19</t>
  </si>
  <si>
    <t>01/15/2020 15:05:16</t>
  </si>
  <si>
    <t>01/15/2020 15:01:52</t>
  </si>
  <si>
    <t>01/15/2020 15:02:24</t>
  </si>
  <si>
    <t>01/15/2020 15:03:00</t>
  </si>
  <si>
    <t>01/15/2020 15:03:36</t>
  </si>
  <si>
    <t>01/15/2020 15:04:18</t>
  </si>
  <si>
    <t>01/15/2020 15:05:19</t>
  </si>
  <si>
    <t>01/15/2020 15:06:21</t>
  </si>
  <si>
    <t>01/15/2020 15:03:05</t>
  </si>
  <si>
    <t>608ff7ae-4501-4d4e-a8e3-629fa6bbbadd.tmp</t>
  </si>
  <si>
    <t>\\acsfs\profiles$\geovannasm\Downloads\608ff7ae-4501-4d4e-a8e3-629fa6bbbadd.tmp</t>
  </si>
  <si>
    <t>124f78cd-a93a-490d-a263-dd453c8b6600.tmp</t>
  </si>
  <si>
    <t>\\acsfs\profiles$\geovannasm\Downloads\124f78cd-a93a-490d-a263-dd453c8b6600.tmp</t>
  </si>
  <si>
    <t>01/15/2020 15:02:57</t>
  </si>
  <si>
    <t>01/15/2020 15:07:48</t>
  </si>
  <si>
    <t>01/15/2020 15:04:52</t>
  </si>
  <si>
    <t>4b3da39a-0c10-4810-8752-b4e951fade6f.tmp</t>
  </si>
  <si>
    <t>\\acsfs\profiles$\laurandos\Downloads\4b3da39a-0c10-4810-8752-b4e951fade6f.tmp</t>
  </si>
  <si>
    <t>01/15/2020 15:05:58</t>
  </si>
  <si>
    <t>dad71ef7-f7c9-4448-8e3c-96d6429f7c03.tmp</t>
  </si>
  <si>
    <t>\\acsfs\profiles$\laurandos\Downloads\dad71ef7-f7c9-4448-8e3c-96d6429f7c03.tmp</t>
  </si>
  <si>
    <t>01/15/2020 15:04:21</t>
  </si>
  <si>
    <t>01/15/2020 15:04:36</t>
  </si>
  <si>
    <t>01/15/2020 15:08:49</t>
  </si>
  <si>
    <t>https://joaogvc@algartech.com,leonardoao@algartech.com,paulacn@algartech.com,ricardodfm@algartech.com.br,robsonams@algartech.com,taysdss@algartech.com,viniciussg@algartech.com</t>
  </si>
  <si>
    <t>01/15/2020 15:07:21</t>
  </si>
  <si>
    <t>89605c8e-7e4e-454e-a663-a2c31ae1b8d4.tmp</t>
  </si>
  <si>
    <t>\\acsfs\profiles$\Flaviojmm\Downloads\89605c8e-7e4e-454e-a663-a2c31ae1b8d4.tmp</t>
  </si>
  <si>
    <t>01/15/2020 15:04:06</t>
  </si>
  <si>
    <t>01/15/2020 15:09:48</t>
  </si>
  <si>
    <t>0e5a25e9-d019-4618-b878-fab7ac48ae62.tmp</t>
  </si>
  <si>
    <t>\\acsfs\profiles$\KARENDSR\Downloads\0e5a25e9-d019-4618-b878-fab7ac48ae62.tmp</t>
  </si>
  <si>
    <t>01/15/2020 15:07:32</t>
  </si>
  <si>
    <t>a399b643-1ffe-4b01-a5db-3c97e9ed64d6.tmp</t>
  </si>
  <si>
    <t>\\acsfs\profiles$\fabianafv\Downloads\a399b643-1ffe-4b01-a5db-3c97e9ed64d6.tmp</t>
  </si>
  <si>
    <t>01/15/2020 15:08:47</t>
  </si>
  <si>
    <t>01/15/2020 15:10:49</t>
  </si>
  <si>
    <t>feb68fdd-16fa-4b32-9995-b023d9a1a6a3.tmp</t>
  </si>
  <si>
    <t>\\acsfs\profiles$\nayarasds\Downloads\feb68fdd-16fa-4b32-9995-b023d9a1a6a3.tmp</t>
  </si>
  <si>
    <t>01/15/2020 15:08:52</t>
  </si>
  <si>
    <t>266f1403-dd6a-46cf-a82b-8c29904dbddf.tmp</t>
  </si>
  <si>
    <t>\\acsfs\profiles$\nayarasds\Downloads\266f1403-dd6a-46cf-a82b-8c29904dbddf.tmp</t>
  </si>
  <si>
    <t>01/15/2020 15:09:08</t>
  </si>
  <si>
    <t>9527240c-3f5b-4953-99af-c15e22aeb51b.tmp</t>
  </si>
  <si>
    <t>\\acsfs\profiles$\nayarasds\Downloads\9527240c-3f5b-4953-99af-c15e22aeb51b.tmp</t>
  </si>
  <si>
    <t>01/15/2020 15:07:42</t>
  </si>
  <si>
    <t>https://algar.folhasinergyrh.com.br/dependente/upload?id=0&amp;idsolicitacao=21372&amp;nomedependente=rafael marques janini</t>
  </si>
  <si>
    <t>DOCUMENTOS CARLA.zip</t>
  </si>
  <si>
    <t>C:\Users\luizffn\Downloads\DOCUMENTOS CARLA.zip\</t>
  </si>
  <si>
    <t>DOCUMENTOS CARLA.pdf</t>
  </si>
  <si>
    <t>01/15/2020 15:06:53</t>
  </si>
  <si>
    <t>01/15/2020 15:11:49</t>
  </si>
  <si>
    <t>01/15/2020 15:07:03</t>
  </si>
  <si>
    <t>01/15/2020 15:07:09</t>
  </si>
  <si>
    <t>01/15/2020 15:07:17</t>
  </si>
  <si>
    <t>01/15/2020 15:08:34</t>
  </si>
  <si>
    <t>01/15/2020 15:07:58</t>
  </si>
  <si>
    <t>01/15/2020 15:08:56</t>
  </si>
  <si>
    <t>XLOG_anacdos_15012020_065734.log</t>
  </si>
  <si>
    <t>\\acsfs\profiles$\anacdos\My Documents\xworkcenter\logs\XLOG_anacdos_15012020_065734.log</t>
  </si>
  <si>
    <t>01/15/2020 15:07:11</t>
  </si>
  <si>
    <t>7e439ab7-3922-4789-bed9-a57eff8f8710.tmp</t>
  </si>
  <si>
    <t>\\acsfs\profiles$\geovannasm\Downloads\7e439ab7-3922-4789-bed9-a57eff8f8710.tmp</t>
  </si>
  <si>
    <t>01/15/2020 15:10:48</t>
  </si>
  <si>
    <t>01/15/2020 15:11:02</t>
  </si>
  <si>
    <t>01/15/2020 15:07:55</t>
  </si>
  <si>
    <t>3ae23244-e4de-4e68-81fb-70a839711c2b.tmp</t>
  </si>
  <si>
    <t>\\acsfs\profiles$\paulovadc\Downloads\3ae23244-e4de-4e68-81fb-70a839711c2b.tmp</t>
  </si>
  <si>
    <t>01/15/2020 15:07:53</t>
  </si>
  <si>
    <t>01/15/2020 15:12:49</t>
  </si>
  <si>
    <t>01/15/2020 15:11:11</t>
  </si>
  <si>
    <t>01/15/2020 15:13:48</t>
  </si>
  <si>
    <t>4eba274e-8d0e-4012-87c5-485b0670040c.tmp</t>
  </si>
  <si>
    <t>\\acsfs\profiles$\rafaelahpn\Downloads\4eba274e-8d0e-4012-87c5-485b0670040c.tmp</t>
  </si>
  <si>
    <t>01/15/2020 15:11:24</t>
  </si>
  <si>
    <t>a31af3ab-ec39-4e02-889d-20fd2457e800.tmp</t>
  </si>
  <si>
    <t>\\acsfs\profiles$\rafaelahpn\Downloads\a31af3ab-ec39-4e02-889d-20fd2457e800.tmp</t>
  </si>
  <si>
    <t>01/15/2020 15:12:14</t>
  </si>
  <si>
    <t>ce801bec-20a7-4a88-88de-0243c45dcee4.tmp</t>
  </si>
  <si>
    <t>\\acsfs\profiles$\rafaelahpn\Downloads\ce801bec-20a7-4a88-88de-0243c45dcee4.tmp</t>
  </si>
  <si>
    <t>01/15/2020 15:09:15</t>
  </si>
  <si>
    <t>01/15/2020 15:14:49</t>
  </si>
  <si>
    <t>01/15/2020 15:11:21</t>
  </si>
  <si>
    <t>2e4e3e03-4e9b-44e3-83ef-13d8d17da8a5.tmp</t>
  </si>
  <si>
    <t>\\acsfs\profiles$\brendadsl\Downloads\2e4e3e03-4e9b-44e3-83ef-13d8d17da8a5.tmp</t>
  </si>
  <si>
    <t>01/15/2020 15:13:42</t>
  </si>
  <si>
    <t>01/15/2020 15:09:46</t>
  </si>
  <si>
    <t>01/15/2020 15:09:47</t>
  </si>
  <si>
    <t>lu117049zka.tmp</t>
  </si>
  <si>
    <t>\\acsfs\profiles$\jalilebds\Downloads\lu117049zka.tmp</t>
  </si>
  <si>
    <t>01/15/2020 15:14:12</t>
  </si>
  <si>
    <t>lu117049zkd.tmp</t>
  </si>
  <si>
    <t>\\acsfs\profiles$\jalilebds\Downloads\lu117049zkd.tmp</t>
  </si>
  <si>
    <t>01/15/2020 15:09:55</t>
  </si>
  <si>
    <t>01/15/2020 15:10:02</t>
  </si>
  <si>
    <t>01/15/2020 15:15:49</t>
  </si>
  <si>
    <t>e5e09a19-4b6f-44aa-b317-63c20a6d9c43.tmp</t>
  </si>
  <si>
    <t>\\acsfs\profiles$\nayarasds\Downloads\e5e09a19-4b6f-44aa-b317-63c20a6d9c43.tmp</t>
  </si>
  <si>
    <t>01/15/2020 15:11:10</t>
  </si>
  <si>
    <t>be98b24b-fc71-4251-bdce-fb361620356e.tmp</t>
  </si>
  <si>
    <t>\\acsfs\profiles$\nayarasds\Downloads\be98b24b-fc71-4251-bdce-fb361620356e.tmp</t>
  </si>
  <si>
    <t>01/15/2020 15:11:27</t>
  </si>
  <si>
    <t>09064991-e4af-4a4e-b16c-514d38949dab.tmp</t>
  </si>
  <si>
    <t>\\acsfs\profiles$\nayarasds\Downloads\09064991-e4af-4a4e-b16c-514d38949dab.tmp</t>
  </si>
  <si>
    <t>01/15/2020 15:12:30</t>
  </si>
  <si>
    <t>511856fb-e455-4e53-9d4f-f01213aa222c.tmp</t>
  </si>
  <si>
    <t>\\acsfs\profiles$\nayarasds\Downloads\511856fb-e455-4e53-9d4f-f01213aa222c.tmp</t>
  </si>
  <si>
    <t>01/15/2020 15:11:46</t>
  </si>
  <si>
    <t>8ee57262-51d0-41cf-a242-f529f30bb4b7.tmp</t>
  </si>
  <si>
    <t>\\acsfs\profiles$\lorrainerdl\Downloads\8ee57262-51d0-41cf-a242-f529f30bb4b7.tmp</t>
  </si>
  <si>
    <t>01/15/2020 15:14:04</t>
  </si>
  <si>
    <t>01/15/2020 15:14:07</t>
  </si>
  <si>
    <t>01/15/2020 15:14:24</t>
  </si>
  <si>
    <t>01/15/2020 15:16:49</t>
  </si>
  <si>
    <t>01/15/2020 15:13:07</t>
  </si>
  <si>
    <t>01/15/2020 15:16:09</t>
  </si>
  <si>
    <t>01/15/2020 15:16:37</t>
  </si>
  <si>
    <t>01/15/2020 15:16:30</t>
  </si>
  <si>
    <t>01/15/2020 15:17:49</t>
  </si>
  <si>
    <t>be0522eb-c733-4b0a-91eb-8afe41fc5788.tmp</t>
  </si>
  <si>
    <t>\\acsfs\profiles$\adelvinsonle\Downloads\be0522eb-c733-4b0a-91eb-8afe41fc5788.tmp</t>
  </si>
  <si>
    <t>01/15/2020 15:12:33</t>
  </si>
  <si>
    <t>XLOG_tiagosno_15012020_071758.log</t>
  </si>
  <si>
    <t>\\acsfs\profiles$\tiagosno\My Documents\xworkcenter\logs\XLOG_tiagosno_15012020_071758.log</t>
  </si>
  <si>
    <t>01/15/2020 15:13:02</t>
  </si>
  <si>
    <t>Fernando Freitas Silva_1_6778199562792279455_1_32.wav</t>
  </si>
  <si>
    <t>\\acsfs\Deptos\EDUCACAO EMPRESARIAL\FERNANDA MONIT\Fernanda\MONITORIA JANEIRO\Ligação para MUTANT segundo ciclo janeiro\Fernando Freitas Silva_1_6778199562792279455_1_32.wav</t>
  </si>
  <si>
    <t>01/15/2020 15:17:02</t>
  </si>
  <si>
    <t>01/15/2020 15:17:03</t>
  </si>
  <si>
    <t>01/15/2020 15:17:37</t>
  </si>
  <si>
    <t>01/15/2020 15:18:49</t>
  </si>
  <si>
    <t>01/15/2020 15:17:01</t>
  </si>
  <si>
    <t>b17bbfe9-12af-4c37-8b4f-cc082e395ca3.tmp</t>
  </si>
  <si>
    <t>\\acsfs\profiles$\henriquehmdo\Downloads\b17bbfe9-12af-4c37-8b4f-cc082e395ca3.tmp</t>
  </si>
  <si>
    <t>01/15/2020 15:15:19</t>
  </si>
  <si>
    <t>01/15/2020 15:15:17</t>
  </si>
  <si>
    <t>01/15/2020 15:19:49</t>
  </si>
  <si>
    <t>01/15/2020 15:18:35</t>
  </si>
  <si>
    <t>3b8596b9-148f-4b69-86b8-dac3a2eac10e.tmp</t>
  </si>
  <si>
    <t>\\acsfs\profiles$\brendadsl\Downloads\3b8596b9-148f-4b69-86b8-dac3a2eac10e.tmp</t>
  </si>
  <si>
    <t>01/15/2020 15:15:34</t>
  </si>
  <si>
    <t>01/15/2020 15:15:35</t>
  </si>
  <si>
    <t>lu117049zkg.tmp</t>
  </si>
  <si>
    <t>\\acsfs\profiles$\jalilebds\Downloads\lu117049zkg.tmp</t>
  </si>
  <si>
    <t>01/15/2020 15:18:30</t>
  </si>
  <si>
    <t>01/15/2020 15:18:33</t>
  </si>
  <si>
    <t>01/15/2020 15:20:49</t>
  </si>
  <si>
    <t>01/15/2020 15:19:23</t>
  </si>
  <si>
    <t>PENDENCIAS VALORES-CHAMADOS (1).xlsx</t>
  </si>
  <si>
    <t>\\acsfs\DEPTOS\EDUCACAO EMPRESARIAL\2 - Operações\0 - BV\1 - TREINADORES\PENDENCIAS VALORES-CHAMADOS (1).xlsx</t>
  </si>
  <si>
    <t>01/15/2020 15:16:25</t>
  </si>
  <si>
    <t>01/15/2020 15:21:49</t>
  </si>
  <si>
    <t>01/15/2020 15:16:55</t>
  </si>
  <si>
    <t>01/15/2020 15:17:25</t>
  </si>
  <si>
    <t>01/15/2020 15:18:26</t>
  </si>
  <si>
    <t>01/15/2020 15:18:56</t>
  </si>
  <si>
    <t>01/15/2020 15:21:33</t>
  </si>
  <si>
    <t>8481d974-d570-4a5b-9a40-d97f741c3ce4.tmp</t>
  </si>
  <si>
    <t>\\acsfs\profiles$\victorgl\Downloads\8481d974-d570-4a5b-9a40-d97f741c3ce4.tmp</t>
  </si>
  <si>
    <t>01/15/2020 15:18:58</t>
  </si>
  <si>
    <t>01/15/2020 15:19:05</t>
  </si>
  <si>
    <t>01/15/2020 15:19:25</t>
  </si>
  <si>
    <t>01/15/2020 15:19:43</t>
  </si>
  <si>
    <t>01/15/2020 15:19:44</t>
  </si>
  <si>
    <t>01/15/2020 15:20:40</t>
  </si>
  <si>
    <t>01/15/2020 15:22:49</t>
  </si>
  <si>
    <t>01/15/2020 15:17:50</t>
  </si>
  <si>
    <t>af485a87-c8b8-4623-869d-7487b5a74bdb.tmp</t>
  </si>
  <si>
    <t>\\acsfs\profiles$\websondsa\Downloads\af485a87-c8b8-4623-869d-7487b5a74bdb.tmp</t>
  </si>
  <si>
    <t>01/15/2020 15:18:28</t>
  </si>
  <si>
    <t>01/15/2020 15:23:50</t>
  </si>
  <si>
    <t>01/15/2020 15:21:45</t>
  </si>
  <si>
    <t>01/15/2020 15:24:49</t>
  </si>
  <si>
    <t>ANDREA PAULA DA SILVA GOMES (15).contact</t>
  </si>
  <si>
    <t>\\acsfs\profiles$\andreapdsg\Contacts\ANDREA PAULA DA SILVA GOMES (15).contact</t>
  </si>
  <si>
    <t>01/15/2020 15:21:46</t>
  </si>
  <si>
    <t>01/15/2020 15:21:50</t>
  </si>
  <si>
    <t>01/15/2020 15:21:51</t>
  </si>
  <si>
    <t>01/15/2020 15:21:52</t>
  </si>
  <si>
    <t>01/15/2020 15:21:53</t>
  </si>
  <si>
    <t>01/15/2020 15:21:54</t>
  </si>
  <si>
    <t>01/15/2020 15:21:55</t>
  </si>
  <si>
    <t>01/15/2020 15:21:56</t>
  </si>
  <si>
    <t>01/15/2020 15:21:57</t>
  </si>
  <si>
    <t>01/15/2020 15:21:58</t>
  </si>
  <si>
    <t>01/15/2020 15:21:59</t>
  </si>
  <si>
    <t>\\acsfs\profiles$\andreapdsg\Saved Games\</t>
  </si>
  <si>
    <t>01/15/2020 15:22:05</t>
  </si>
  <si>
    <t>\\acsfs\profiles$\ANDREAPDSG\Favorites\Links for Brasil\</t>
  </si>
  <si>
    <t>\\acsfs\profiles$\ANDREAPDSG\Favorites\Links for Brasil\desktop.ini</t>
  </si>
  <si>
    <t>\\acsfs\profiles$\ANDREAPDSG\Favorites\Links for Brasil\Microsoft Brasil.url</t>
  </si>
  <si>
    <t>\\acsfs\profiles$\ANDREAPDSG\Favorites\Links for Brasil\Windows Brasil.url</t>
  </si>
  <si>
    <t>01/15/2020 15:22:06</t>
  </si>
  <si>
    <t>\\acsfs\profiles$\ANDREAPDSG\Favorites\Links for Brasil\MSN Brasil.url</t>
  </si>
  <si>
    <t>01/15/2020 15:23:07</t>
  </si>
  <si>
    <t>cf2d722a-dad3-427e-bd21-bc9bec0bba85.tmp</t>
  </si>
  <si>
    <t>\\acsfs\profiles$\andreapdsg\Downloads\cf2d722a-dad3-427e-bd21-bc9bec0bba85.tmp</t>
  </si>
  <si>
    <t>01/15/2020 15:20:33</t>
  </si>
  <si>
    <t>d2f83698-a027-4863-a38c-561856dd0b72.tmp</t>
  </si>
  <si>
    <t>\\acsfs\profiles$\lorraynevam\Downloads\d2f83698-a027-4863-a38c-561856dd0b72.tmp</t>
  </si>
  <si>
    <t>01/15/2020 15:25:50</t>
  </si>
  <si>
    <t>01/15/2020 15:25:12</t>
  </si>
  <si>
    <t>keziasgd</t>
  </si>
  <si>
    <t>01/15/2020 15:24:50</t>
  </si>
  <si>
    <t>01/15/2020 15:24:51</t>
  </si>
  <si>
    <t>01/15/2020 15:24:58</t>
  </si>
  <si>
    <t>01/15/2020 15:24:06</t>
  </si>
  <si>
    <t>01/15/2020 15:25:31</t>
  </si>
  <si>
    <t>01/15/2020 15:26:49</t>
  </si>
  <si>
    <t>01/15/2020 15:26:02</t>
  </si>
  <si>
    <t>01/15/2020 15:24:39</t>
  </si>
  <si>
    <t>01/15/2020 15:26:03</t>
  </si>
  <si>
    <t>01/15/2020 15:27:50</t>
  </si>
  <si>
    <t>01/15/2020 15:23:49</t>
  </si>
  <si>
    <t>01/15/2020 15:24:42</t>
  </si>
  <si>
    <t>01/15/2020 15:28:49</t>
  </si>
  <si>
    <t>91be29de-8612-4a85-ae2a-2f4eb9b3ae18.tmp</t>
  </si>
  <si>
    <t>\\acsfs\profiles$\cintiadjl\Downloads\91be29de-8612-4a85-ae2a-2f4eb9b3ae18.tmp</t>
  </si>
  <si>
    <t>01/15/2020 15:26:08</t>
  </si>
  <si>
    <t>01/15/2020 15:29:50</t>
  </si>
  <si>
    <t>01/15/2020 15:26:09</t>
  </si>
  <si>
    <t>01/15/2020 15:26:13</t>
  </si>
  <si>
    <t>01/15/2020 15:26:15</t>
  </si>
  <si>
    <t>01/15/2020 15:26:18</t>
  </si>
  <si>
    <t>01/15/2020 15:26:21</t>
  </si>
  <si>
    <t>01/15/2020 15:26:22</t>
  </si>
  <si>
    <t>01/15/2020 15:26:25</t>
  </si>
  <si>
    <t>01/15/2020 15:26:27</t>
  </si>
  <si>
    <t>01/15/2020 15:26:29</t>
  </si>
  <si>
    <t>01/15/2020 15:26:47</t>
  </si>
  <si>
    <t>01/15/2020 15:26:51</t>
  </si>
  <si>
    <t>01/15/2020 15:26:52</t>
  </si>
  <si>
    <t>01/15/2020 15:26:53</t>
  </si>
  <si>
    <t>01/15/2020 15:26:54</t>
  </si>
  <si>
    <t>01/15/2020 15:26:59</t>
  </si>
  <si>
    <t>01/15/2020 15:27:02</t>
  </si>
  <si>
    <t>01/15/2020 15:27:03</t>
  </si>
  <si>
    <t>01/15/2020 15:27:11</t>
  </si>
  <si>
    <t>01/15/2020 15:27:13</t>
  </si>
  <si>
    <t>01/15/2020 15:27:14</t>
  </si>
  <si>
    <t>01/15/2020 15:27:15</t>
  </si>
  <si>
    <t>01/15/2020 15:27:21</t>
  </si>
  <si>
    <t>01/15/2020 15:27:24</t>
  </si>
  <si>
    <t>01/15/2020 15:27:27</t>
  </si>
  <si>
    <t>01/15/2020 15:27:28</t>
  </si>
  <si>
    <t>01/15/2020 15:27:29</t>
  </si>
  <si>
    <t>01/15/2020 15:27:31</t>
  </si>
  <si>
    <t>01/15/2020 15:27:32</t>
  </si>
  <si>
    <t>01/15/2020 15:27:33</t>
  </si>
  <si>
    <t>01/15/2020 15:27:36</t>
  </si>
  <si>
    <t>01/15/2020 15:27:37</t>
  </si>
  <si>
    <t>01/15/2020 15:27:39</t>
  </si>
  <si>
    <t>01/15/2020 15:27:40</t>
  </si>
  <si>
    <t>01/15/2020 15:27:41</t>
  </si>
  <si>
    <t>01/15/2020 15:27:42</t>
  </si>
  <si>
    <t>01/15/2020 15:27:44</t>
  </si>
  <si>
    <t>01/15/2020 15:27:46</t>
  </si>
  <si>
    <t>01/15/2020 15:27:48</t>
  </si>
  <si>
    <t>01/15/2020 15:28:12</t>
  </si>
  <si>
    <t>01/15/2020 15:25:22</t>
  </si>
  <si>
    <t>01/15/2020 15:30:49</t>
  </si>
  <si>
    <t>01/15/2020 15:25:41</t>
  </si>
  <si>
    <t>01/15/2020 15:29:54</t>
  </si>
  <si>
    <t>01/15/2020 15:26:01</t>
  </si>
  <si>
    <t>b5b55946-577c-434f-8fa6-b0135b1fd279.tmp</t>
  </si>
  <si>
    <t>\\acsfs\profiles$\henriqueco\Downloads\b5b55946-577c-434f-8fa6-b0135b1fd279.tmp</t>
  </si>
  <si>
    <t>01/15/2020 15:29:40</t>
  </si>
  <si>
    <t>01/15/2020 15:31:49</t>
  </si>
  <si>
    <t>5209a013-edcf-4bd7-8fba-b571b90a09ea.tmp</t>
  </si>
  <si>
    <t>\\acsfs\profiles$\welidicdj\Downloads\5209a013-edcf-4bd7-8fba-b571b90a09ea.tmp</t>
  </si>
  <si>
    <t>01/15/2020 15:29:46</t>
  </si>
  <si>
    <t>01/15/2020 15:30:13</t>
  </si>
  <si>
    <t>01/15/2020 15:30:35</t>
  </si>
  <si>
    <t>01/15/2020 15:29:43</t>
  </si>
  <si>
    <t>01/15/2020 15:31:50</t>
  </si>
  <si>
    <t>01/15/2020 15:31:31</t>
  </si>
  <si>
    <t>a0ed5a7f-a5e2-4718-89fe-474510a81b98.tmp</t>
  </si>
  <si>
    <t>\\acsfs\profiles$\inarajst\Downloads\a0ed5a7f-a5e2-4718-89fe-474510a81b98.tmp</t>
  </si>
  <si>
    <t>01/15/2020 15:29:35</t>
  </si>
  <si>
    <t>01/15/2020 15:30:26</t>
  </si>
  <si>
    <t>\\udpavonfs01\AVON\00 - ACOMPANHAMENTO AVON\04 - BACKOFFICE CORNERSTONE\2020\01.2020\RELATORIO\13.01.2020\</t>
  </si>
  <si>
    <t>01/15/2020 15:30:04</t>
  </si>
  <si>
    <t>01/15/2020 15:32:48</t>
  </si>
  <si>
    <t>d8505d8d-09f4-497a-82ba-265d98cc4aee.tmp</t>
  </si>
  <si>
    <t>\\acsfs\profiles$\ingridsm\Downloads\d8505d8d-09f4-497a-82ba-265d98cc4aee.tmp</t>
  </si>
  <si>
    <t>01/15/2020 15:29:01</t>
  </si>
  <si>
    <t>01/15/2020 15:29:32</t>
  </si>
  <si>
    <t>01/15/2020 15:33:49</t>
  </si>
  <si>
    <t>01/15/2020 15:33:07</t>
  </si>
  <si>
    <t>01/15/2020 15:34:49</t>
  </si>
  <si>
    <t>b010e561-3937-4f1c-9676-54e54f593670.tmp</t>
  </si>
  <si>
    <t>\\acsfs\profiles$\myllenardl\Downloads\b010e561-3937-4f1c-9676-54e54f593670.tmp</t>
  </si>
  <si>
    <t>01/15/2020 15:31:34</t>
  </si>
  <si>
    <t>24d4cbd2-876d-4e22-8a78-921c0bf3a32e.tmp</t>
  </si>
  <si>
    <t>\\acsfs\profiles$\andreapdsg\Downloads\24d4cbd2-876d-4e22-8a78-921c0bf3a32e.tmp</t>
  </si>
  <si>
    <t>01/15/2020 15:31:15</t>
  </si>
  <si>
    <t>01/15/2020 15:35:49</t>
  </si>
  <si>
    <t>01/15/2020 15:30:36</t>
  </si>
  <si>
    <t>c7cc2e15-6ab1-427b-898f-e51ac0040213.tmp</t>
  </si>
  <si>
    <t>\\acsfs\profiles$\lucasgpe\Downloads\c7cc2e15-6ab1-427b-898f-e51ac0040213.tmp</t>
  </si>
  <si>
    <t>01/15/2020 15:30:50</t>
  </si>
  <si>
    <t>af5c8aed-5831-427d-933a-4c92ae820d7b.tmp</t>
  </si>
  <si>
    <t>\\acsfs\profiles$\henriqueco\Downloads\af5c8aed-5831-427d-933a-4c92ae820d7b.tmp</t>
  </si>
  <si>
    <t>01/15/2020 15:31:19</t>
  </si>
  <si>
    <t>01/15/2020 15:36:49</t>
  </si>
  <si>
    <t>7693b1ce-46ad-450f-9a26-0e1840d187cd.tmp</t>
  </si>
  <si>
    <t>\\acsfs\profiles$\welidicdj\Downloads\7693b1ce-46ad-450f-9a26-0e1840d187cd.tmp</t>
  </si>
  <si>
    <t>01/15/2020 15:35:39</t>
  </si>
  <si>
    <t>01/15/2020 15:35:44</t>
  </si>
  <si>
    <t>01/15/2020 15:32:29</t>
  </si>
  <si>
    <t>bbb94a71-b3a0-4af8-ab4f-8f7d7a39d0b4.tmp</t>
  </si>
  <si>
    <t>\\acsfs\profiles$\quindaizaagds\Downloads\bbb94a71-b3a0-4af8-ab4f-8f7d7a39d0b4.tmp</t>
  </si>
  <si>
    <t>01/15/2020 15:35:41</t>
  </si>
  <si>
    <t>01/15/2020 15:36:50</t>
  </si>
  <si>
    <t>01/15/2020 15:33:21</t>
  </si>
  <si>
    <t>01/15/2020 15:34:25</t>
  </si>
  <si>
    <t>01/15/2020 15:34:52</t>
  </si>
  <si>
    <t>01/15/2020 15:35:17</t>
  </si>
  <si>
    <t>01/15/2020 15:35:36</t>
  </si>
  <si>
    <t>01/15/2020 15:35:45</t>
  </si>
  <si>
    <t>01/15/2020 15:35:58</t>
  </si>
  <si>
    <t>01/15/2020 15:37:49</t>
  </si>
  <si>
    <t>1f19952b-47cd-44a0-b09c-3e4660284b44.tmp</t>
  </si>
  <si>
    <t>\\acsfs\profiles$\ingridsm\Downloads\1f19952b-47cd-44a0-b09c-3e4660284b44.tmp</t>
  </si>
  <si>
    <t>01/15/2020 15:36:03</t>
  </si>
  <si>
    <t>89961ef8-c6bf-4e0f-8891-4b2502186f94.tmp</t>
  </si>
  <si>
    <t>\\acsfs\profiles$\ingridsm\Downloads\89961ef8-c6bf-4e0f-8891-4b2502186f94.tmp</t>
  </si>
  <si>
    <t>01/15/2020 15:37:23</t>
  </si>
  <si>
    <t>CINTIA DA COSTA FERREIRA_1_6777372420810542759_1_32.wav</t>
  </si>
  <si>
    <t>\\acsfs\Deptos\EDUCACAO EMPRESARIAL\KÉSIA\Ligações 2º ciclo - Janeiro 2020\CINTIA DA COSTA FERREIRA_1_6777372420810542759_1_32.wav</t>
  </si>
  <si>
    <t>01/15/2020 15:33:02</t>
  </si>
  <si>
    <t>01/15/2020 15:38:49</t>
  </si>
  <si>
    <t>01/15/2020 15:33:46</t>
  </si>
  <si>
    <t>01/15/2020 15:37:17</t>
  </si>
  <si>
    <t>01/15/2020 15:39:49</t>
  </si>
  <si>
    <t>01/15/2020 15:35:47</t>
  </si>
  <si>
    <t>01/15/2020 15:40:50</t>
  </si>
  <si>
    <t>b4cf7743-243c-40e5-8fdf-16752eac4662.tmp</t>
  </si>
  <si>
    <t>\\acsfs\profiles$\nayarasds\Downloads\b4cf7743-243c-40e5-8fdf-16752eac4662.tmp</t>
  </si>
  <si>
    <t>01/15/2020 15:40:17</t>
  </si>
  <si>
    <t>01/15/2020 15:40:26</t>
  </si>
  <si>
    <t>01/15/2020 15:40:45</t>
  </si>
  <si>
    <t>01/15/2020 15:41:49</t>
  </si>
  <si>
    <t>01/15/2020 15:38:45</t>
  </si>
  <si>
    <t>01/15/2020 15:41:14</t>
  </si>
  <si>
    <t>a5023faf-e0b7-4add-b8b6-29d4380bd329.tmp</t>
  </si>
  <si>
    <t>\\acsfs\profiles$\quindaizaagds\Downloads\a5023faf-e0b7-4add-b8b6-29d4380bd329.tmp</t>
  </si>
  <si>
    <t>01/15/2020 15:36:52</t>
  </si>
  <si>
    <t>01/15/2020 15:38:17</t>
  </si>
  <si>
    <t>01/15/2020 15:42:50</t>
  </si>
  <si>
    <t>1fcfb8be-0a90-4978-9835-5d9d097f8054.tmp</t>
  </si>
  <si>
    <t>\\acsfs\profiles$\nycolleemdj\Downloads\1fcfb8be-0a90-4978-9835-5d9d097f8054.tmp</t>
  </si>
  <si>
    <t>01/15/2020 15:39:31</t>
  </si>
  <si>
    <t>ba124c4c-52a3-4ae9-a743-b545a36ec5e1.tmp</t>
  </si>
  <si>
    <t>\\acsfs\profiles$\nycolleemdj\Downloads\ba124c4c-52a3-4ae9-a743-b545a36ec5e1.tmp</t>
  </si>
  <si>
    <t>01/15/2020 15:37:40</t>
  </si>
  <si>
    <t>01/15/2020 15:41:43</t>
  </si>
  <si>
    <t>01/15/2020 15:41:59</t>
  </si>
  <si>
    <t>01/15/2020 15:42:04</t>
  </si>
  <si>
    <t>01/15/2020 15:41:56</t>
  </si>
  <si>
    <t>01/15/2020 15:41:15</t>
  </si>
  <si>
    <t>fernandaab@algartech.com;lilianls@algartech.com;talmaiardo@algartech.com;tatiane.biassi@mutantbr.com;</t>
  </si>
  <si>
    <t>fernandaab@algartech.com,lilianls@algartech.com,talmaiardo@algartech.com,tatiane.biassi@mutantbr.com</t>
  </si>
  <si>
    <t>01/15/2020 15:40:33</t>
  </si>
  <si>
    <t>01/15/2020 15:40:24</t>
  </si>
  <si>
    <t>01/15/2020 15:45:50</t>
  </si>
  <si>
    <t>f900ab19-d115-4d95-bb37-d9504b4e504d.tmp</t>
  </si>
  <si>
    <t>\\acsfs\profiles$\fabianobmf\Downloads\f900ab19-d115-4d95-bb37-d9504b4e504d.tmp</t>
  </si>
  <si>
    <t>01/15/2020 15:40:42</t>
  </si>
  <si>
    <t>01/15/2020 15:42:46</t>
  </si>
  <si>
    <t>01/15/2020 15:42:47</t>
  </si>
  <si>
    <t>lu11608y3zjb.tmp</t>
  </si>
  <si>
    <t>\\acsfs\profiles$\VIVIANALDS\My Documents\lu11608y3zjb.tmp</t>
  </si>
  <si>
    <t>\\acsfs\profiles$\VIVIANALDS\My Documents\lu11608y3zjb.tmp\</t>
  </si>
  <si>
    <t>\\acsfs\profiles$\VIVIANALDS\My Documents\lu11608y3zjb.tmp\META-INF\</t>
  </si>
  <si>
    <t>\\acsfs\profiles$\VIVIANALDS\My Documents\lu11608y3zjb.tmp\Thumbnails\</t>
  </si>
  <si>
    <t>01/15/2020 15:42:54</t>
  </si>
  <si>
    <t>lu11608y3zjf.tmp</t>
  </si>
  <si>
    <t>\\acsfs\profiles$\VIVIANALDS\My Documents\lu11608y3zjf.tmp</t>
  </si>
  <si>
    <t>\\acsfs\profiles$\VIVIANALDS\My Documents\lu11608y3zjf.tmp\</t>
  </si>
  <si>
    <t>\\acsfs\profiles$\VIVIANALDS\My Documents\lu11608y3zjf.tmp\META-INF\</t>
  </si>
  <si>
    <t>\\acsfs\profiles$\VIVIANALDS\My Documents\lu11608y3zjf.tmp\Thumbnails\</t>
  </si>
  <si>
    <t>01/15/2020 15:42:12</t>
  </si>
  <si>
    <t>01/15/2020 15:46:49</t>
  </si>
  <si>
    <t>01/15/2020 15:41:39</t>
  </si>
  <si>
    <t>91820701-3b35-4723-8d26-03d7dce0ea53.tmp</t>
  </si>
  <si>
    <t>\\acsfs\profiles$\quindaizaagds\Downloads\91820701-3b35-4723-8d26-03d7dce0ea53.tmp</t>
  </si>
  <si>
    <t>01/15/2020 15:42:36</t>
  </si>
  <si>
    <t>58e88807-4992-4f40-99d5-211c35ec7fcf.tmp</t>
  </si>
  <si>
    <t>\\acsfs\profiles$\quindaizaagds\Downloads\58e88807-4992-4f40-99d5-211c35ec7fcf.tmp</t>
  </si>
  <si>
    <t>01/15/2020 15:44:22</t>
  </si>
  <si>
    <t>01/15/2020 15:46:31</t>
  </si>
  <si>
    <t>3fc739be-5a71-4084-b966-ae03ff7c837f.tmp</t>
  </si>
  <si>
    <t>\\acsfs\profiles$\geovannasm\Downloads\3fc739be-5a71-4084-b966-ae03ff7c837f.tmp</t>
  </si>
  <si>
    <t>01/15/2020 15:45:21</t>
  </si>
  <si>
    <t>https://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5/2020 15:45:40</t>
  </si>
  <si>
    <t>01/15/2020 15:45:43</t>
  </si>
  <si>
    <t>01/15/2020 15:46:01</t>
  </si>
  <si>
    <t>01/15/2020 15:46:06</t>
  </si>
  <si>
    <t>01/15/2020 15:46:22</t>
  </si>
  <si>
    <t>01/15/2020 15:42:56</t>
  </si>
  <si>
    <t>01/15/2020 15:47:49</t>
  </si>
  <si>
    <t>01/15/2020 15:43:48</t>
  </si>
  <si>
    <t>mail.google.com/sync/u/0/i/s?hl=pt-BR&amp;c=1303</t>
  </si>
  <si>
    <t>01/15/2020 15:43:58</t>
  </si>
  <si>
    <t>mail.google.com/sync/u/0/i/s?hl=pt-BR&amp;c=1306</t>
  </si>
  <si>
    <t>01/15/2020 15:46:42</t>
  </si>
  <si>
    <t>01/15/2020 15:43:39</t>
  </si>
  <si>
    <t>f21cdb79-f7c9-4e5a-beeb-e5788075f1f6.tmp</t>
  </si>
  <si>
    <t>\\acsfs\profiles$\nycolleemdj\Downloads\f21cdb79-f7c9-4e5a-beeb-e5788075f1f6.tmp</t>
  </si>
  <si>
    <t>01/15/2020 15:44:46</t>
  </si>
  <si>
    <t>01/15/2020 15:44:57</t>
  </si>
  <si>
    <t>01/15/2020 15:45:02</t>
  </si>
  <si>
    <t>01/15/2020 15:45:35</t>
  </si>
  <si>
    <t>01/15/2020 15:45:54</t>
  </si>
  <si>
    <t>01/15/2020 15:45:58</t>
  </si>
  <si>
    <t>01/15/2020 15:47:17</t>
  </si>
  <si>
    <t>bbb665d3-3d6d-4bbe-818f-49e3a789e4e1.tmp</t>
  </si>
  <si>
    <t>\\acsfs\profiles$\laylaams\Downloads\bbb665d3-3d6d-4bbe-818f-49e3a789e4e1.tmp</t>
  </si>
  <si>
    <t>01/15/2020 15:48:35</t>
  </si>
  <si>
    <t>01/15/2020 15:49:49</t>
  </si>
  <si>
    <t>01/15/2020 15:49:21</t>
  </si>
  <si>
    <t>01/15/2020 15:47:22</t>
  </si>
  <si>
    <t>01/15/2020 15:50:50</t>
  </si>
  <si>
    <t>063274d5-5d75-4b3e-b581-cd17bcef19dc.tmp</t>
  </si>
  <si>
    <t>\\acsfs\profiles$\fabianobmf\Downloads\063274d5-5d75-4b3e-b581-cd17bcef19dc.tmp</t>
  </si>
  <si>
    <t>01/15/2020 15:46:09</t>
  </si>
  <si>
    <t>f97f0029-2d20-4573-8857-77de3914bfad.tmp</t>
  </si>
  <si>
    <t>\\acsfs\profiles$\regisedsj\Downloads\f97f0029-2d20-4573-8857-77de3914bfad.tmp</t>
  </si>
  <si>
    <t>01/15/2020 15:49:08</t>
  </si>
  <si>
    <t>01/15/2020 15:51:49</t>
  </si>
  <si>
    <t>40c6e6e7-cc08-4b36-a18e-051b184029b8.tmp</t>
  </si>
  <si>
    <t>\\acsfs\profiles$\paulohaf\Downloads\40c6e6e7-cc08-4b36-a18e-051b184029b8.tmp</t>
  </si>
  <si>
    <t>01/15/2020 15:50:23</t>
  </si>
  <si>
    <t>0cc3a5b6-7474-4f65-a721-5a5bcecdfe10.tmp</t>
  </si>
  <si>
    <t>\\acsfs\profiles$\paulohaf\Downloads\0cc3a5b6-7474-4f65-a721-5a5bcecdfe10.tmp</t>
  </si>
  <si>
    <t>01/15/2020 15:46:59</t>
  </si>
  <si>
    <t>01/15/2020 15:52:49</t>
  </si>
  <si>
    <t>01/15/2020 15:47:04</t>
  </si>
  <si>
    <t>01/15/2020 15:47:24</t>
  </si>
  <si>
    <t>01/15/2020 15:47:42</t>
  </si>
  <si>
    <t>01/15/2020 15:47:57</t>
  </si>
  <si>
    <t>mail.google.com/sync/u/0/i/s?hl=pt-BR&amp;c=1332</t>
  </si>
  <si>
    <t>01/15/2020 15:48:14</t>
  </si>
  <si>
    <t>mail.google.com/sync/u/0/i/s?hl=pt-BR&amp;c=1334</t>
  </si>
  <si>
    <t>01/15/2020 15:48:22</t>
  </si>
  <si>
    <t>01/15/2020 15:48:37</t>
  </si>
  <si>
    <t>01/15/2020 15:48:57</t>
  </si>
  <si>
    <t>01/15/2020 15:49:09</t>
  </si>
  <si>
    <t>mail.google.com/sync/u/0/i/s?hl=pt-BR&amp;c=1348</t>
  </si>
  <si>
    <t>01/15/2020 15:49:12</t>
  </si>
  <si>
    <t>mail.google.com/sync/u/0/i/s?hl=pt-BR&amp;c=1350</t>
  </si>
  <si>
    <t>01/15/2020 15:49:19</t>
  </si>
  <si>
    <t>01/15/2020 15:49:40</t>
  </si>
  <si>
    <t>mail.google.com/sync/u/0/i/s?hl=pt-BR&amp;c=1358</t>
  </si>
  <si>
    <t>01/15/2020 15:49:43</t>
  </si>
  <si>
    <t>01/15/2020 15:50:03</t>
  </si>
  <si>
    <t>mail.google.com/sync/u/0/i/s?hl=pt-BR&amp;c=1363</t>
  </si>
  <si>
    <t>01/15/2020 15:50:14</t>
  </si>
  <si>
    <t>mail.google.com/sync/u/0/i/s?hl=pt-BR&amp;c=1365</t>
  </si>
  <si>
    <t>01/15/2020 15:50:19</t>
  </si>
  <si>
    <t>mail.google.com/sync/u/0/i/s?hl=pt-BR&amp;c=1367</t>
  </si>
  <si>
    <t>01/15/2020 15:50:31</t>
  </si>
  <si>
    <t>mail.google.com/sync/u/0/i/s?hl=pt-BR&amp;c=1370</t>
  </si>
  <si>
    <t>01/15/2020 15:50:49</t>
  </si>
  <si>
    <t>01/15/2020 15:51:05</t>
  </si>
  <si>
    <t>01/15/2020 15:51:21</t>
  </si>
  <si>
    <t>01/15/2020 15:51:26</t>
  </si>
  <si>
    <t>mail.google.com/sync/u/0/i/s?hl=pt-BR&amp;c=1381</t>
  </si>
  <si>
    <t>01/15/2020 15:51:39</t>
  </si>
  <si>
    <t>01/15/2020 15:51:53</t>
  </si>
  <si>
    <t>01/15/2020 15:46:46</t>
  </si>
  <si>
    <t>01/15/2020 15:46:50</t>
  </si>
  <si>
    <t>01/15/2020 15:46:53</t>
  </si>
  <si>
    <t>01/15/2020 15:46:57</t>
  </si>
  <si>
    <t>01/15/2020 15:47:03</t>
  </si>
  <si>
    <t>01/15/2020 15:47:07</t>
  </si>
  <si>
    <t>01/15/2020 15:47:11</t>
  </si>
  <si>
    <t>01/15/2020 15:47:15</t>
  </si>
  <si>
    <t>01/15/2020 15:47:20</t>
  </si>
  <si>
    <t>01/15/2020 15:47:28</t>
  </si>
  <si>
    <t>01/15/2020 15:47:34</t>
  </si>
  <si>
    <t>01/15/2020 15:47:36</t>
  </si>
  <si>
    <t>01/15/2020 15:47:59</t>
  </si>
  <si>
    <t>01/15/2020 15:48:21</t>
  </si>
  <si>
    <t>01/15/2020 15:48:29</t>
  </si>
  <si>
    <t>01/15/2020 15:49:30</t>
  </si>
  <si>
    <t>01/15/2020 15:50:01</t>
  </si>
  <si>
    <t>01/15/2020 15:50:11</t>
  </si>
  <si>
    <t>01/15/2020 15:47:14</t>
  </si>
  <si>
    <t>01/15/2020 15:49:13</t>
  </si>
  <si>
    <t>01/15/2020 15:49:16</t>
  </si>
  <si>
    <t>01/15/2020 15:49:28</t>
  </si>
  <si>
    <t>01/15/2020 15:50:07</t>
  </si>
  <si>
    <t>01/15/2020 15:50:28</t>
  </si>
  <si>
    <t>01/15/2020 15:50:35</t>
  </si>
  <si>
    <t>01/15/2020 15:51:19</t>
  </si>
  <si>
    <t>01/15/2020 15:50:09</t>
  </si>
  <si>
    <t>33778247-6b99-4c1f-8d64-3dbdcbf0641c.tmp</t>
  </si>
  <si>
    <t>\\acsfs\profiles$\laylaams\Downloads\33778247-6b99-4c1f-8d64-3dbdcbf0641c.tmp</t>
  </si>
  <si>
    <t>01/15/2020 15:53:16</t>
  </si>
  <si>
    <t>01/15/2020 15:53:49</t>
  </si>
  <si>
    <t>01/15/2020 15:50:59</t>
  </si>
  <si>
    <t>01/15/2020 15:51:02</t>
  </si>
  <si>
    <t>01/15/2020 15:51:03</t>
  </si>
  <si>
    <t>01/15/2020 15:54:49</t>
  </si>
  <si>
    <t>01/15/2020 15:53:07</t>
  </si>
  <si>
    <t>01/15/2020 15:50:55</t>
  </si>
  <si>
    <t>817ff071-ee38-4b98-9b74-24eaa3f0f4d4.tmp</t>
  </si>
  <si>
    <t>\\acsfs\profiles$\myllenardl\Downloads\817ff071-ee38-4b98-9b74-24eaa3f0f4d4.tmp</t>
  </si>
  <si>
    <t>01/15/2020 15:50:40</t>
  </si>
  <si>
    <t>04cda608-4d82-46f7-a2a5-32b6c32c3eaa.tmp</t>
  </si>
  <si>
    <t>\\acsfs\profiles$\leticiala\Downloads\04cda608-4d82-46f7-a2a5-32b6c32c3eaa.tmp</t>
  </si>
  <si>
    <t>01/15/2020 15:52:39</t>
  </si>
  <si>
    <t>01/15/2020 15:55:50</t>
  </si>
  <si>
    <t>01/15/2020 15:52:53</t>
  </si>
  <si>
    <t>f4121ef3-3a76-4cb4-8239-cb89fe765a36.tmp</t>
  </si>
  <si>
    <t>\\acsfs\profiles$\regisedsj\Downloads\f4121ef3-3a76-4cb4-8239-cb89fe765a36.tmp</t>
  </si>
  <si>
    <t>01/15/2020 15:55:01</t>
  </si>
  <si>
    <t>2c93a866-9db3-4ecf-a0e9-b2a967b17e8c.tmp</t>
  </si>
  <si>
    <t>\\acsfs\profiles$\regisedsj\Downloads\2c93a866-9db3-4ecf-a0e9-b2a967b17e8c.tmp</t>
  </si>
  <si>
    <t>01/15/2020 15:51:32</t>
  </si>
  <si>
    <t>01/15/2020 15:56:49</t>
  </si>
  <si>
    <t>3a56954c-b679-48f8-a6c3-ec9426c2c821.tmp</t>
  </si>
  <si>
    <t>\\acsfs\profiles$\paulohaf\Downloads\3a56954c-b679-48f8-a6c3-ec9426c2c821.tmp</t>
  </si>
  <si>
    <t>01/15/2020 15:51:33</t>
  </si>
  <si>
    <t>63094b14-9d59-43e6-80cd-f00a57c9084c.tmp</t>
  </si>
  <si>
    <t>\\acsfs\profiles$\paulohaf\Downloads\63094b14-9d59-43e6-80cd-f00a57c9084c.tmp</t>
  </si>
  <si>
    <t>01/15/2020 15:52:00</t>
  </si>
  <si>
    <t>01/15/2020 15:57:49</t>
  </si>
  <si>
    <t>01/15/2020 15:52:21</t>
  </si>
  <si>
    <t>01/15/2020 15:52:43</t>
  </si>
  <si>
    <t>mail.google.com/sync/u/0/i/s?hl=pt-BR&amp;c=1395</t>
  </si>
  <si>
    <t>01/15/2020 15:52:59</t>
  </si>
  <si>
    <t>mail.google.com/sync/u/0/i/s?hl=pt-BR&amp;c=1398</t>
  </si>
  <si>
    <t>mail.google.com/sync/u/0/i/s?hl=pt-BR&amp;c=1401</t>
  </si>
  <si>
    <t>01/15/2020 15:53:21</t>
  </si>
  <si>
    <t>mail.google.com/sync/u/0/i/s?hl=pt-BR&amp;c=1403</t>
  </si>
  <si>
    <t>01/15/2020 15:53:46</t>
  </si>
  <si>
    <t>mail.google.com/sync/u/0/i/s?hl=pt-BR&amp;c=1406</t>
  </si>
  <si>
    <t>01/15/2020 15:53:56</t>
  </si>
  <si>
    <t>01/15/2020 15:54:03</t>
  </si>
  <si>
    <t>01/15/2020 15:54:26</t>
  </si>
  <si>
    <t>01/15/2020 15:54:42</t>
  </si>
  <si>
    <t>01/15/2020 15:54:48</t>
  </si>
  <si>
    <t>mail.google.com/sync/u/0/i/s?hl=pt-BR&amp;c=1421</t>
  </si>
  <si>
    <t>01/15/2020 15:55:30</t>
  </si>
  <si>
    <t>01/15/2020 15:55:33</t>
  </si>
  <si>
    <t>01/15/2020 15:56:42</t>
  </si>
  <si>
    <t>mail.google.com/sync/u/0/i/s?hl=pt-BR&amp;c=1431</t>
  </si>
  <si>
    <t>01/15/2020 15:57:39</t>
  </si>
  <si>
    <t>01/15/2020 15:59:49</t>
  </si>
  <si>
    <t>01/15/2020 15:57:50</t>
  </si>
  <si>
    <t>01/15/2020 16:00:48</t>
  </si>
  <si>
    <t>3452fbee-51b9-41ab-943b-2bb3f94bda0a.tmp</t>
  </si>
  <si>
    <t>\\acsfs\profiles$\fabianafv\Downloads\3452fbee-51b9-41ab-943b-2bb3f94bda0a.tmp</t>
  </si>
  <si>
    <t>01/15/2020 15:56:54</t>
  </si>
  <si>
    <t>01/15/2020 16:01:49</t>
  </si>
  <si>
    <t>01/15/2020 15:57:03</t>
  </si>
  <si>
    <t>01/15/2020 16:02:50</t>
  </si>
  <si>
    <t>Ligação Marcelle 14.01_1_6781770248278321231_1_32.wav</t>
  </si>
  <si>
    <t>01/15/2020 16:00:00</t>
  </si>
  <si>
    <t>01/15/2020 15:57:57</t>
  </si>
  <si>
    <t>lu2733221pjtt.tmp</t>
  </si>
  <si>
    <t>\\acsfs\profiles$\RAFAELRF\meu\lu2733221pjtt.tmp</t>
  </si>
  <si>
    <t>01/15/2020 15:58:35</t>
  </si>
  <si>
    <t>Layla Aparecida Macedo Silveira_1_6777758203363013867_1_32.wav</t>
  </si>
  <si>
    <t>\\acsfs\Deptos\EDUCACAO EMPRESARIAL\FERNANDA MONIT\Fernanda\MONITORIA JANEIRO\Ligação para MUTANT segundo ciclo janeiro\Layla Aparecida Macedo Silveira_1_6777758203363013867_1_32.wav</t>
  </si>
  <si>
    <t>01/15/2020 16:00:39</t>
  </si>
  <si>
    <t>01/15/2020 16:02:15</t>
  </si>
  <si>
    <t>01/15/2020 16:03:50</t>
  </si>
  <si>
    <t>01/15/2020 15:59:00</t>
  </si>
  <si>
    <t>01/15/2020 16:04:51</t>
  </si>
  <si>
    <t>01/15/2020 16:01:28</t>
  </si>
  <si>
    <t>0845ea20-fdf6-49f5-99b5-337748949ac4.tmp</t>
  </si>
  <si>
    <t>\\acsfs\profiles$\rafaelacdoc\Downloads\0845ea20-fdf6-49f5-99b5-337748949ac4.tmp</t>
  </si>
  <si>
    <t>01/15/2020 16:01:31</t>
  </si>
  <si>
    <t>01/15/2020 16:00:28</t>
  </si>
  <si>
    <t>01/15/2020 16:00:36</t>
  </si>
  <si>
    <t>01/15/2020 16:05:50</t>
  </si>
  <si>
    <t>01/15/2020 16:01:47</t>
  </si>
  <si>
    <t>1f05f20c-94da-4669-b919-6c102502a062.tmp</t>
  </si>
  <si>
    <t>\\acsfs\profiles$\fabianafv\Downloads\1f05f20c-94da-4669-b919-6c102502a062.tmp</t>
  </si>
  <si>
    <t>01/15/2020 16:01:08</t>
  </si>
  <si>
    <t>e428ed7a-64af-4a34-a0d2-f4ee0c98b38c.tmp</t>
  </si>
  <si>
    <t>\\acsfs\profiles$\regisedsj\Downloads\e428ed7a-64af-4a34-a0d2-f4ee0c98b38c.tmp</t>
  </si>
  <si>
    <t>01/15/2020 16:06:51</t>
  </si>
  <si>
    <t>01/15/2020 16:05:59</t>
  </si>
  <si>
    <t>01/15/2020 16:07:50</t>
  </si>
  <si>
    <t>a58e6064-0b13-4067-9c4e-fb3eb9b7c58d.tmp</t>
  </si>
  <si>
    <t>\\acsfs\profiles$\nycolleemdj\Downloads\a58e6064-0b13-4067-9c4e-fb3eb9b7c58d.tmp</t>
  </si>
  <si>
    <t>01/15/2020 16:02:59</t>
  </si>
  <si>
    <t>01/15/2020 16:04:17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5/2020 16:04:37</t>
  </si>
  <si>
    <t>andrelpsa@algartech.com;catianalv@algartech.com;cpc-controldeskavon@algartech.com;joaogvc@algartech.com;joseasn@algartech.com;josiascdsj@algartech.com;leonardoao@algartech.com;lucianarsantos@algartech.com;luiz.henriquesantos@avon.com;marianadjc@algartech.com;maristelavodq@bv.algartech.com;paulacn@algartech.com;qualidadealgarbv@algartech.com;senildapdo@algartecnologia.com.br;supervisaobancovotorantim@algartech.com;taysdss@algartech.com;thiagolrc@bv.algartech.com;</t>
  </si>
  <si>
    <t>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senildapdo@algartecnologia.com.br,supervisaobancovotorantim@algartech.com,taysdss@algartech.com,thiagolrc@bv.algartech.com</t>
  </si>
  <si>
    <t>01/15/2020 16:05:00</t>
  </si>
  <si>
    <t>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</t>
  </si>
  <si>
    <t>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</t>
  </si>
  <si>
    <t>01/15/2020 16:05:02</t>
  </si>
  <si>
    <t>01/15/2020 16:05:13</t>
  </si>
  <si>
    <t>01/15/2020 16:05:21</t>
  </si>
  <si>
    <t>01/15/2020 16:05:46</t>
  </si>
  <si>
    <t>01/15/2020 16:05:54</t>
  </si>
  <si>
    <t>01/15/2020 16:05:55</t>
  </si>
  <si>
    <t>01/15/2020 16:06:04</t>
  </si>
  <si>
    <t>01/15/2020 16:06:09</t>
  </si>
  <si>
    <t>01/15/2020 16:06:16</t>
  </si>
  <si>
    <t>01/15/2020 16:06:20</t>
  </si>
  <si>
    <t>01/15/2020 16:06:21</t>
  </si>
  <si>
    <t>01/15/2020 16:03:21</t>
  </si>
  <si>
    <t>01/15/2020 16:08:51</t>
  </si>
  <si>
    <t>01/15/2020 16:04:16</t>
  </si>
  <si>
    <t>01/15/2020 16:04:13</t>
  </si>
  <si>
    <t>01/15/2020 16:09:50</t>
  </si>
  <si>
    <t>01/15/2020 16:07:02</t>
  </si>
  <si>
    <t>01/15/2020 16:10:50</t>
  </si>
  <si>
    <t>3ac04799-2298-4681-b557-a15132466c6f.tmp</t>
  </si>
  <si>
    <t>\\acsfs\profiles$\regisedsj\Downloads\3ac04799-2298-4681-b557-a15132466c6f.tmp</t>
  </si>
  <si>
    <t>01/15/2020 16:10:30</t>
  </si>
  <si>
    <t>01/15/2020 16:10:31</t>
  </si>
  <si>
    <t>lu11608y3zjm.tmp</t>
  </si>
  <si>
    <t>\\acsfs\profiles$\VIVIANALDS\My Documents\lu11608y3zjm.tmp</t>
  </si>
  <si>
    <t>\\acsfs\profiles$\VIVIANALDS\My Documents\lu11608y3zjm.tmp\</t>
  </si>
  <si>
    <t>\\acsfs\profiles$\VIVIANALDS\My Documents\lu11608y3zjm.tmp\META-INF\</t>
  </si>
  <si>
    <t>\\acsfs\profiles$\VIVIANALDS\My Documents\lu11608y3zjm.tmp\Thumbnails\</t>
  </si>
  <si>
    <t>01/15/2020 16:11:50</t>
  </si>
  <si>
    <t>01/15/2020 16:07:12</t>
  </si>
  <si>
    <t>01/15/2020 16:12:51</t>
  </si>
  <si>
    <t>01/15/2020 16:07:55</t>
  </si>
  <si>
    <t>14-01 RELATORIO DE LOGIN AVON - Cópia.xlsm</t>
  </si>
  <si>
    <t>\\acsfs\deptos\Operacao\PCP\5 - Comum\CONTROL DESK\2 - DAC2\Control Desk AVON\Relatorios\Status de login\2020\14-01 RELATORIO DE LOGIN AVON - Cópia.xlsm</t>
  </si>
  <si>
    <t>01/15/2020 16:11:32</t>
  </si>
  <si>
    <t>01/15/2020 16:11:40</t>
  </si>
  <si>
    <t>01/15/2020 16:08:25</t>
  </si>
  <si>
    <t>11d5363f-0f0d-4e02-9bee-9dc7e3f51491.tmp</t>
  </si>
  <si>
    <t>\\acsfs\profiles$\laylaams\Downloads\11d5363f-0f0d-4e02-9bee-9dc7e3f51491.tmp</t>
  </si>
  <si>
    <t>01/15/2020 16:08:24</t>
  </si>
  <si>
    <t>01/15/2020 16:13:50</t>
  </si>
  <si>
    <t>01/15/2020 16:11:47</t>
  </si>
  <si>
    <t>01/15/2020 16:12:00</t>
  </si>
  <si>
    <t>01/15/2020 16:12:44</t>
  </si>
  <si>
    <t>01/15/2020 16:13:09</t>
  </si>
  <si>
    <t>01/15/2020 16:14:51</t>
  </si>
  <si>
    <t>01/15/2020 16:13:45</t>
  </si>
  <si>
    <t>d313ea14-79c4-46c5-9b45-7e9fefd82d53.tmp</t>
  </si>
  <si>
    <t>\\acsfs\profiles$\fernandofs\Downloads\d313ea14-79c4-46c5-9b45-7e9fefd82d53.tmp</t>
  </si>
  <si>
    <t>01/15/2020 16:14:25</t>
  </si>
  <si>
    <t>01/15/2020 16:15:50</t>
  </si>
  <si>
    <t>ulog_AcroARM2_ARM2Update_3b8210f9-3618-47e4-b9cc-5aaaba62831a_6f75bdc0-a72b-41d3-a68f-4d61efd5eb13_0.log</t>
  </si>
  <si>
    <t>C:\Users\flaviacno\AppData\Roaming\Adobe\LogTransport2\Logs\ulog_AcroARM2_ARM2Update_3b8210f9-3618-47e4-b9cc-5aaaba62831a_6f75bdc0-a72b-41d3-a68f-4d61efd5eb13_0.log\</t>
  </si>
  <si>
    <t>ulog_AcroARM2_Reader_3b8210f9-3618-47e4-b9cc-5aaaba62831a_442dfaf9-6fca-40d1-9507-a7635be75fdc_0.log</t>
  </si>
  <si>
    <t>C:\Users\flaviacno\AppData\Roaming\Adobe\LogTransport2\Logs\ulog_AcroARM2_Reader_3b8210f9-3618-47e4-b9cc-5aaaba62831a_442dfaf9-6fca-40d1-9507-a7635be75fdc_0.log\</t>
  </si>
  <si>
    <t>ulog_AcroARM2_Reader_3b8210f9-3618-47e4-b9cc-5aaaba62831a_49e1ed28-b100-4855-b0a0-7b1239d39320_0.log</t>
  </si>
  <si>
    <t>C:\Users\flaviacno\AppData\Roaming\Adobe\LogTransport2\Logs\ulog_AcroARM2_Reader_3b8210f9-3618-47e4-b9cc-5aaaba62831a_49e1ed28-b100-4855-b0a0-7b1239d39320_0.log\</t>
  </si>
  <si>
    <t>01/15/2020 16:14:26</t>
  </si>
  <si>
    <t>ulog_AcroARM2_Reader_3b8210f9-3618-47e4-b9cc-5aaaba62831a_cb4c6584-826b-453d-89b2-771b67b0b47a_0.log</t>
  </si>
  <si>
    <t>C:\Users\flaviacno\AppData\Roaming\Adobe\LogTransport2\Logs\ulog_AcroARM2_Reader_3b8210f9-3618-47e4-b9cc-5aaaba62831a_cb4c6584-826b-453d-89b2-771b67b0b47a_0.log\</t>
  </si>
  <si>
    <t>01/15/2020 16:13:46</t>
  </si>
  <si>
    <t>01/15/2020 16:16:50</t>
  </si>
  <si>
    <t>01/15/2020 16:13:55</t>
  </si>
  <si>
    <t>01/15/2020 16:15:35</t>
  </si>
  <si>
    <t>\\acsfs\Deptos\Operacao\Banco_Votorantim\Supervisao\ROBSON ÁLVARES MEDEIROS\</t>
  </si>
  <si>
    <t>\\acsfs\Deptos\Operacao\Banco_Votorantim\Supervisao\ROBSON ÁLVARES MEDEIROS\Thumbs.db</t>
  </si>
  <si>
    <t>01/15/2020 16:12:05</t>
  </si>
  <si>
    <t>01/15/2020 16:17:50</t>
  </si>
  <si>
    <t>Escala de FDS - Supers e Apoios.xlsx</t>
  </si>
  <si>
    <t>\\acsfs\DEPTOS\Operacao\Banco_Votorantim\Supervisao\SUPERS BV CARTÕES\Escala de FDS - Supers e Apoios.xlsx</t>
  </si>
  <si>
    <t>01/15/2020 16:12:12</t>
  </si>
  <si>
    <t>01/15/2020 16:12:23</t>
  </si>
  <si>
    <t>01/15/2020 16:12:33</t>
  </si>
  <si>
    <t>01/15/2020 16:12:41</t>
  </si>
  <si>
    <t>01/15/2020 16:12:46</t>
  </si>
  <si>
    <t>01/15/2020 16:14:27</t>
  </si>
  <si>
    <t>01/15/2020 16:15:45</t>
  </si>
  <si>
    <t>01/15/2020 16:15:48</t>
  </si>
  <si>
    <t>01/15/2020 16:15:51</t>
  </si>
  <si>
    <t>01/15/2020 16:15:52</t>
  </si>
  <si>
    <t>01/15/2020 16:15:55</t>
  </si>
  <si>
    <t>01/15/2020 16:16:17</t>
  </si>
  <si>
    <t>01/15/2020 16:13:59</t>
  </si>
  <si>
    <t>01/15/2020 16:14:00</t>
  </si>
  <si>
    <t>01/15/2020 16:14:06</t>
  </si>
  <si>
    <t>01/15/2020 16:14:07</t>
  </si>
  <si>
    <t>01/15/2020 16:13:15</t>
  </si>
  <si>
    <t>01/15/2020 16:13:58</t>
  </si>
  <si>
    <t>01/15/2020 16:18:50</t>
  </si>
  <si>
    <t>01/15/2020 16:19:50</t>
  </si>
  <si>
    <t>01/15/2020 16:17:29</t>
  </si>
  <si>
    <t>01/15/2020 16:17:32</t>
  </si>
  <si>
    <t>01/15/2020 16:16:57</t>
  </si>
  <si>
    <t>01/15/2020 16:20:50</t>
  </si>
  <si>
    <t>01/15/2020 16:19:33</t>
  </si>
  <si>
    <t>2db66563-1c9b-4211-92e7-0616e48ce895.tmp</t>
  </si>
  <si>
    <t>\\acsfs\profiles$\lucasgpe\Downloads\2db66563-1c9b-4211-92e7-0616e48ce895.tmp</t>
  </si>
  <si>
    <t>01/15/2020 16:21:50</t>
  </si>
  <si>
    <t>01/15/2020 16:16:59</t>
  </si>
  <si>
    <t>01/15/2020 16:22:50</t>
  </si>
  <si>
    <t>mail.google.com/sync/u/0/i/s?hl=pt-BR&amp;c=1567</t>
  </si>
  <si>
    <t>01/15/2020 16:17:08</t>
  </si>
  <si>
    <t>mail.google.com/sync/u/0/i/s?hl=pt-BR&amp;c=1569</t>
  </si>
  <si>
    <t>01/15/2020 16:17:38</t>
  </si>
  <si>
    <t>mail.google.com/sync/u/0/i/s?hl=pt-BR&amp;c=1575</t>
  </si>
  <si>
    <t>01/15/2020 16:17:54</t>
  </si>
  <si>
    <t>mail.google.com/sync/u/0/i/s?hl=pt-BR&amp;c=1578</t>
  </si>
  <si>
    <t>01/15/2020 16:18:29</t>
  </si>
  <si>
    <t>mail.google.com/sync/u/0/i/s?hl=pt-BR&amp;c=1585</t>
  </si>
  <si>
    <t>01/15/2020 16:18:49</t>
  </si>
  <si>
    <t>mail.google.com/sync/u/0/i/s?hl=pt-BR&amp;c=1588</t>
  </si>
  <si>
    <t>01/15/2020 16:18:53</t>
  </si>
  <si>
    <t>mail.google.com/sync/u/0/i/s?hl=pt-BR&amp;c=1590</t>
  </si>
  <si>
    <t>01/15/2020 16:19:02</t>
  </si>
  <si>
    <t>mail.google.com/sync/u/0/i/s?hl=pt-BR&amp;c=1592</t>
  </si>
  <si>
    <t>01/15/2020 16:19:22</t>
  </si>
  <si>
    <t>mail.google.com/sync/u/0/i/s?hl=pt-BR&amp;c=1594</t>
  </si>
  <si>
    <t>01/15/2020 16:19:28</t>
  </si>
  <si>
    <t>mail.google.com/sync/u/0/i/s?hl=pt-BR&amp;c=1597</t>
  </si>
  <si>
    <t>01/15/2020 16:19:47</t>
  </si>
  <si>
    <t>mail.google.com/sync/u/0/i/s?hl=pt-BR&amp;c=1601</t>
  </si>
  <si>
    <t>01/15/2020 16:20:01</t>
  </si>
  <si>
    <t>mail.google.com/sync/u/0/i/s?hl=pt-BR&amp;c=1603</t>
  </si>
  <si>
    <t>01/15/2020 16:20:13</t>
  </si>
  <si>
    <t>01/15/2020 16:20:21</t>
  </si>
  <si>
    <t>01/15/2020 16:20:58</t>
  </si>
  <si>
    <t>mail.google.com/sync/u/0/i/s?hl=pt-BR&amp;c=1613</t>
  </si>
  <si>
    <t>01/15/2020 16:21:12</t>
  </si>
  <si>
    <t>mail.google.com/sync/u/0/i/s?hl=pt-BR&amp;c=1616</t>
  </si>
  <si>
    <t>01/15/2020 16:21:35</t>
  </si>
  <si>
    <t>mail.google.com/sync/u/0/i/s?hl=pt-BR&amp;c=1619</t>
  </si>
  <si>
    <t>01/15/2020 16:21:40</t>
  </si>
  <si>
    <t>mail.google.com/sync/u/0/i/s?hl=pt-BR&amp;c=1621</t>
  </si>
  <si>
    <t>01/15/2020 16:17:25</t>
  </si>
  <si>
    <t>01/15/2020 16:17:30</t>
  </si>
  <si>
    <t>01/15/2020 16:17:46</t>
  </si>
  <si>
    <t>01/15/2020 16:17:51</t>
  </si>
  <si>
    <t>01/15/2020 16:18:06</t>
  </si>
  <si>
    <t>01/15/2020 16:18:38</t>
  </si>
  <si>
    <t>01/15/2020 16:19:13</t>
  </si>
  <si>
    <t>100014122394468;andrelpsa@algartech.com;cpc-controldeskavon@algartech.com;joaogvc@algartech.com;joseasn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14122394468,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5/2020 16:19:42</t>
  </si>
  <si>
    <t>01/15/2020 16:19:51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5/2020 16:19:54</t>
  </si>
  <si>
    <t>01/15/2020 16:19:56</t>
  </si>
  <si>
    <t>01/15/2020 16:20:03</t>
  </si>
  <si>
    <t>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5/2020 16:20:05</t>
  </si>
  <si>
    <t>01/15/2020 16:20:10</t>
  </si>
  <si>
    <t>01/15/2020 16:20:16</t>
  </si>
  <si>
    <t>01/15/2020 16:20:20</t>
  </si>
  <si>
    <t>01/15/2020 16:20:22</t>
  </si>
  <si>
    <t>01/15/2020 16:20:52</t>
  </si>
  <si>
    <t>15-01 RELATORIO DE LOGIN AVON.xlsm</t>
  </si>
  <si>
    <t>\\acsfs\deptos\Operacao\PCP\5 - Comum\CONTROL DESK\2 - DAC2\Control Desk AVON\Relatorios\Status de login\2020\15-01 RELATORIO DE LOGIN AVON.xlsm</t>
  </si>
  <si>
    <t>01/15/2020 16:20:15</t>
  </si>
  <si>
    <t>76f53889-c8a8-4fcd-a3e7-965f983655b6.tmp</t>
  </si>
  <si>
    <t>\\acsfs\profiles$\marcosvnds\Downloads\76f53889-c8a8-4fcd-a3e7-965f983655b6.tmp</t>
  </si>
  <si>
    <t>01/15/2020 16:21:16</t>
  </si>
  <si>
    <t>01/15/2020 16:21:32</t>
  </si>
  <si>
    <t>01/15/2020 16:22:44</t>
  </si>
  <si>
    <t>01/15/2020 16:23:50</t>
  </si>
  <si>
    <t>01/15/2020 16:21:52</t>
  </si>
  <si>
    <t>01/15/2020 16:25:50</t>
  </si>
  <si>
    <t>01/15/2020 16:22:06</t>
  </si>
  <si>
    <t>01/15/2020 16:22:26</t>
  </si>
  <si>
    <t>01/15/2020 16:22:41</t>
  </si>
  <si>
    <t>01/15/2020 16:23:02</t>
  </si>
  <si>
    <t>01/15/2020 16:23:16</t>
  </si>
  <si>
    <t>01/15/2020 16:23:18</t>
  </si>
  <si>
    <t>01/15/2020 16:24:16</t>
  </si>
  <si>
    <t>c629c2f2-0df1-410a-949c-6d4e111916a8.tmp</t>
  </si>
  <si>
    <t>\\acsfs\profiles$\lucasgpe\Downloads\c629c2f2-0df1-410a-949c-6d4e111916a8.tmp</t>
  </si>
  <si>
    <t>01/15/2020 16:25:47</t>
  </si>
  <si>
    <t>01/15/2020 16:26:51</t>
  </si>
  <si>
    <t>01/15/2020 16:24:04</t>
  </si>
  <si>
    <t>650df2b8-60ee-4a28-9415-1554b29b2794.tmp</t>
  </si>
  <si>
    <t>\\acsfs\profiles$\quindaizaagds\Downloads\650df2b8-60ee-4a28-9415-1554b29b2794.tmp</t>
  </si>
  <si>
    <t>01/15/2020 16:24:20</t>
  </si>
  <si>
    <t>01/15/2020 16:27:50</t>
  </si>
  <si>
    <t>0e360170-deca-42cf-9e47-f1b61cbf1145.tmp</t>
  </si>
  <si>
    <t>\\acsfs\profiles$\adelvinsonle\Downloads\0e360170-deca-42cf-9e47-f1b61cbf1145.tmp</t>
  </si>
  <si>
    <t>01/15/2020 16:22:46</t>
  </si>
  <si>
    <t>mail.google.com/sync/u/0/i/s?hl=pt-BR&amp;c=1625</t>
  </si>
  <si>
    <t>01/15/2020 16:23:09</t>
  </si>
  <si>
    <t>mail.google.com/sync/u/0/i/s?hl=pt-BR&amp;c=1627</t>
  </si>
  <si>
    <t>01/15/2020 16:23:31</t>
  </si>
  <si>
    <t>mail.google.com/sync/u/0/i/s?hl=pt-BR&amp;c=1629</t>
  </si>
  <si>
    <t>01/15/2020 16:23:37</t>
  </si>
  <si>
    <t>mail.google.com/sync/u/0/i/s?hl=pt-BR&amp;c=1632</t>
  </si>
  <si>
    <t>01/15/2020 16:23:45</t>
  </si>
  <si>
    <t>mail.google.com/sync/u/0/i/s?hl=pt-BR&amp;c=1634</t>
  </si>
  <si>
    <t>01/15/2020 16:24:00</t>
  </si>
  <si>
    <t>mail.google.com/sync/u/0/i/s?hl=pt-BR&amp;c=1636</t>
  </si>
  <si>
    <t>01/15/2020 16:24:10</t>
  </si>
  <si>
    <t>mail.google.com/sync/u/0/i/s?hl=pt-BR&amp;c=1638</t>
  </si>
  <si>
    <t>01/15/2020 16:24:21</t>
  </si>
  <si>
    <t>mail.google.com/sync/u/0/i/s?hl=pt-BR&amp;c=1641</t>
  </si>
  <si>
    <t>01/15/2020 16:24:23</t>
  </si>
  <si>
    <t>mail.google.com/sync/u/0/i/s?hl=pt-BR&amp;c=1643</t>
  </si>
  <si>
    <t>01/15/2020 16:24:28</t>
  </si>
  <si>
    <t>mail.google.com/sync/u/0/i/s?hl=pt-BR&amp;c=1645</t>
  </si>
  <si>
    <t>01/15/2020 16:24:32</t>
  </si>
  <si>
    <t>mail.google.com/sync/u/0/i/s?hl=pt-BR&amp;c=1648</t>
  </si>
  <si>
    <t>01/15/2020 16:24:38</t>
  </si>
  <si>
    <t>mail.google.com/sync/u/0/i/s?hl=pt-BR&amp;c=1651</t>
  </si>
  <si>
    <t>01/15/2020 16:25:02</t>
  </si>
  <si>
    <t>mail.google.com/sync/u/0/i/s?hl=pt-BR&amp;c=1653</t>
  </si>
  <si>
    <t>01/15/2020 16:25:06</t>
  </si>
  <si>
    <t>mail.google.com/sync/u/0/i/s?hl=pt-BR&amp;c=1655</t>
  </si>
  <si>
    <t>01/15/2020 16:25:13</t>
  </si>
  <si>
    <t>mail.google.com/sync/u/0/i/s?hl=pt-BR&amp;c=1657</t>
  </si>
  <si>
    <t>01/15/2020 16:25:19</t>
  </si>
  <si>
    <t>mail.google.com/sync/u/0/i/s?hl=pt-BR&amp;c=1659</t>
  </si>
  <si>
    <t>01/15/2020 16:25:24</t>
  </si>
  <si>
    <t>mail.google.com/sync/u/0/i/s?hl=pt-BR&amp;c=1661</t>
  </si>
  <si>
    <t>01/15/2020 16:25:49</t>
  </si>
  <si>
    <t>mail.google.com/sync/u/0/i/s?hl=pt-BR&amp;c=1665</t>
  </si>
  <si>
    <t>01/15/2020 16:26:07</t>
  </si>
  <si>
    <t>mail.google.com/sync/u/0/i/s?hl=pt-BR&amp;c=1667</t>
  </si>
  <si>
    <t>01/15/2020 16:26:17</t>
  </si>
  <si>
    <t>mail.google.com/sync/u/0/i/s?hl=pt-BR&amp;c=1669</t>
  </si>
  <si>
    <t>01/15/2020 16:26:24</t>
  </si>
  <si>
    <t>mail.google.com/sync/u/0/i/s?hl=pt-BR&amp;c=1672</t>
  </si>
  <si>
    <t>01/15/2020 16:24:35</t>
  </si>
  <si>
    <t>ac115754-209b-460e-8b96-45c1b82a9ad5.tmp</t>
  </si>
  <si>
    <t>\\acsfs\profiles$\ingridsm\Downloads\ac115754-209b-460e-8b96-45c1b82a9ad5.tmp</t>
  </si>
  <si>
    <t>01/15/2020 16:25:29</t>
  </si>
  <si>
    <t>01/15/2020 16:28:50</t>
  </si>
  <si>
    <t>11feb1ad-84a8-41d8-8d01-964a39ce1962.tmp</t>
  </si>
  <si>
    <t>\\acsfs\profiles$\cintiadjl\Downloads\11feb1ad-84a8-41d8-8d01-964a39ce1962.tmp</t>
  </si>
  <si>
    <t>01/15/2020 16:25:16</t>
  </si>
  <si>
    <t>01/15/2020 16:25:58</t>
  </si>
  <si>
    <t>b4213b70-56bc-4c7b-b7a8-ccbdc00375b4.tmp</t>
  </si>
  <si>
    <t>\\acsfs\profiles$\gabrielsma\Downloads\b4213b70-56bc-4c7b-b7a8-ccbdc00375b4.tmp</t>
  </si>
  <si>
    <t>01/15/2020 16:26:04</t>
  </si>
  <si>
    <t>01/15/2020 16:25:26</t>
  </si>
  <si>
    <t>01/15/2020 16:29:50</t>
  </si>
  <si>
    <t>01/15/2020 16:28:34</t>
  </si>
  <si>
    <t>1e436a16-b1de-48c3-b1d7-82be213701ea.tmp</t>
  </si>
  <si>
    <t>\\acsfs\profiles$\leticiala\Downloads\1e436a16-b1de-48c3-b1d7-82be213701ea.tmp</t>
  </si>
  <si>
    <t>01/15/2020 16:26:35</t>
  </si>
  <si>
    <t>01/15/2020 16:30:50</t>
  </si>
  <si>
    <t>0e9382af-e7d0-48a3-a547-88836c58b7db.tmp</t>
  </si>
  <si>
    <t>\\acsfs\profiles$\regisedsj\Downloads\0e9382af-e7d0-48a3-a547-88836c58b7db.tmp</t>
  </si>
  <si>
    <t>01/15/2020 16:27:16</t>
  </si>
  <si>
    <t>01/15/2020 16:31:50</t>
  </si>
  <si>
    <t>22958311-672f-440b-a3c5-583e8e2d0207.tmp</t>
  </si>
  <si>
    <t>\\acsfs\profiles$\quindaizaagds\Downloads\22958311-672f-440b-a3c5-583e8e2d0207.tmp</t>
  </si>
  <si>
    <t>01/15/2020 16:27:26</t>
  </si>
  <si>
    <t>9251f170-2a4d-4740-8b33-6637e23a5104.tmp</t>
  </si>
  <si>
    <t>\\acsfs\profiles$\quindaizaagds\Downloads\9251f170-2a4d-4740-8b33-6637e23a5104.tmp</t>
  </si>
  <si>
    <t>01/15/2020 16:26:58</t>
  </si>
  <si>
    <t>01/15/2020 16:32:51</t>
  </si>
  <si>
    <t>mail.google.com/sync/u/0/i/s?hl=pt-BR&amp;c=1677</t>
  </si>
  <si>
    <t>01/15/2020 16:27:06</t>
  </si>
  <si>
    <t>mail.google.com/sync/u/0/i/s?hl=pt-BR&amp;c=1679</t>
  </si>
  <si>
    <t>01/15/2020 16:27:15</t>
  </si>
  <si>
    <t>mail.google.com/sync/u/0/i/s?hl=pt-BR&amp;c=1681</t>
  </si>
  <si>
    <t>01/15/2020 16:27:45</t>
  </si>
  <si>
    <t>mail.google.com/sync/u/0/i/s?hl=pt-BR&amp;c=1685</t>
  </si>
  <si>
    <t>01/15/2020 16:28:13</t>
  </si>
  <si>
    <t>mail.google.com/sync/u/0/i/s?hl=pt-BR&amp;c=1687</t>
  </si>
  <si>
    <t>01/15/2020 16:29:22</t>
  </si>
  <si>
    <t>01/15/2020 16:31:13</t>
  </si>
  <si>
    <t>01/15/2020 16:30:16</t>
  </si>
  <si>
    <t>Maria Gabriela Silva Gomes_1_6778115235404391814_1_32.wav</t>
  </si>
  <si>
    <t>\\acsfs\Deptos\EDUCACAO EMPRESARIAL\FERNANDA MONIT\Fernanda\MONITORIA JANEIRO\Ligação para MUTANT segundo ciclo janeiro\Maria Gabriela Silva Gomes_1_6778115235404391814_1_32.wav</t>
  </si>
  <si>
    <t>01/15/2020 16:29:23</t>
  </si>
  <si>
    <t>lu12164xmeiu.tmp</t>
  </si>
  <si>
    <t>\\acsfs\profiles$\victoriaksr\My Documents\lu12164xmeiu.tmp</t>
  </si>
  <si>
    <t>01/15/2020 16:33:50</t>
  </si>
  <si>
    <t>01/15/2020 16:28:21</t>
  </si>
  <si>
    <t>01/15/2020 16:31:36</t>
  </si>
  <si>
    <t>ad87a743-2a02-4a25-a9e8-4c50bbe3a22e.tmp</t>
  </si>
  <si>
    <t>\\acsfs\profiles$\gabrielsma\Downloads\ad87a743-2a02-4a25-a9e8-4c50bbe3a22e.tmp</t>
  </si>
  <si>
    <t>01/15/2020 16:31:46</t>
  </si>
  <si>
    <t>resultadosSupersDezembro.csv.crdownload</t>
  </si>
  <si>
    <t>\\acsfs\ACS\Gabriel da Silva\Contemporânea\Gen\resultadosSupersDezembro.csv.crdownload</t>
  </si>
  <si>
    <t>01/15/2020 16:29:10</t>
  </si>
  <si>
    <t>01/15/2020 16:34:50</t>
  </si>
  <si>
    <t>46b37f8c-545e-4290-bfef-52455da84ef8.tmp</t>
  </si>
  <si>
    <t>\\acsfs\profiles$\leticiala\Downloads\46b37f8c-545e-4290-bfef-52455da84ef8.tmp</t>
  </si>
  <si>
    <t>01/15/2020 16:33:44</t>
  </si>
  <si>
    <t>01/15/2020 16:31:49</t>
  </si>
  <si>
    <t>01/15/2020 16:35:50</t>
  </si>
  <si>
    <t>b203f41b-b3b1-4676-bcfe-bec6cac2ae85.tmp</t>
  </si>
  <si>
    <t>\\acsfs\profiles$\lorrainerdl\Downloads\b203f41b-b3b1-4676-bcfe-bec6cac2ae85.tmp</t>
  </si>
  <si>
    <t>01/15/2020 16:31:04</t>
  </si>
  <si>
    <t>lu115168bv7.tmp</t>
  </si>
  <si>
    <t>\\acsfs\profiles$\lucasgpe\Desktop\lu115168bv7.tmp</t>
  </si>
  <si>
    <t>\\acsfs\profiles$\lucasgpe\Desktop\lu115168bv7.tmp\</t>
  </si>
  <si>
    <t>\\acsfs\profiles$\lucasgpe\Desktop\lu115168bv7.tmp\META-INF\</t>
  </si>
  <si>
    <t>\\acsfs\profiles$\lucasgpe\Desktop\lu115168bv7.tmp\Thumbnails\</t>
  </si>
  <si>
    <t>01/15/2020 16:33:29</t>
  </si>
  <si>
    <t>01/15/2020 16:36:50</t>
  </si>
  <si>
    <t>01/15/2020 16:32:42</t>
  </si>
  <si>
    <t>01/15/2020 16:36:26</t>
  </si>
  <si>
    <t>01/15/2020 16:34:05</t>
  </si>
  <si>
    <t>9fdba09e-dc80-407e-9355-2a930bc3099b.tmp</t>
  </si>
  <si>
    <t>\\acsfs\profiles$\geovannasm\Downloads\9fdba09e-dc80-407e-9355-2a930bc3099b.tmp</t>
  </si>
  <si>
    <t>01/15/2020 16:34:17</t>
  </si>
  <si>
    <t>efd91875-4ce2-4006-b112-4c5783a674bd.tmp</t>
  </si>
  <si>
    <t>\\acsfs\profiles$\geovannasm\Downloads\efd91875-4ce2-4006-b112-4c5783a674bd.tmp</t>
  </si>
  <si>
    <t>01/15/2020 16:37:50</t>
  </si>
  <si>
    <t>01/15/2020 16:32:17</t>
  </si>
  <si>
    <t>mail.google.com/sync/u/0/i/s?hl=pt-BR&amp;c=1707</t>
  </si>
  <si>
    <t>01/15/2020 16:32:29</t>
  </si>
  <si>
    <t>01/15/2020 16:32:32</t>
  </si>
  <si>
    <t>01/15/2020 16:32:33</t>
  </si>
  <si>
    <t>01/15/2020 16:34:21</t>
  </si>
  <si>
    <t>01/15/2020 16:29:47</t>
  </si>
  <si>
    <t>01/15/2020 16:38:50</t>
  </si>
  <si>
    <t>dff0facb-0e07-4737-9c51-5e154e8c104a.tmp</t>
  </si>
  <si>
    <t>\\acsfs\profiles$\gabrielsma\Downloads\dff0facb-0e07-4737-9c51-5e154e8c104a.tmp</t>
  </si>
  <si>
    <t>01/15/2020 16:30:00</t>
  </si>
  <si>
    <t>resultadosSupersSetembro.csv.crdownload</t>
  </si>
  <si>
    <t>\\acsfs\ACS\Gabriel da Silva\Contemporânea\Gen\resultadosSupersSetembro.csv.crdownload</t>
  </si>
  <si>
    <t>01/15/2020 16:30:14</t>
  </si>
  <si>
    <t>9f0ec435-fed4-46c5-9042-bc2c426f0baa.tmp</t>
  </si>
  <si>
    <t>\\acsfs\profiles$\gabrielsma\Downloads\9f0ec435-fed4-46c5-9042-bc2c426f0baa.tmp</t>
  </si>
  <si>
    <t>01/15/2020 16:30:26</t>
  </si>
  <si>
    <t>ce378e46-4c97-429f-a8d4-7f50f3b5b4b2.tmp</t>
  </si>
  <si>
    <t>\\acsfs\profiles$\gabrielsma\Downloads\ce378e46-4c97-429f-a8d4-7f50f3b5b4b2.tmp</t>
  </si>
  <si>
    <t>01/15/2020 16:30:45</t>
  </si>
  <si>
    <t>resultadosSupersOutubro.csv.crdownload</t>
  </si>
  <si>
    <t>\\acsfs\ACS\Gabriel da Silva\Contemporânea\Gen\resultadosSupersOutubro.csv.crdownload</t>
  </si>
  <si>
    <t>01/15/2020 16:31:09</t>
  </si>
  <si>
    <t>1e8e3ac9-7207-4047-a4d1-09d4b97f5a0d.tmp</t>
  </si>
  <si>
    <t>\\acsfs\profiles$\gabrielsma\Downloads\1e8e3ac9-7207-4047-a4d1-09d4b97f5a0d.tmp</t>
  </si>
  <si>
    <t>01/15/2020 16:31:25</t>
  </si>
  <si>
    <t>resultadosSupersNovembro.csv.crdownload</t>
  </si>
  <si>
    <t>\\acsfs\ACS\Gabriel da Silva\Contemporânea\Gen\resultadosSupersNovembro.csv.crdownload</t>
  </si>
  <si>
    <t>01/15/2020 16:37:36</t>
  </si>
  <si>
    <t>01/15/2020 16:39:50</t>
  </si>
  <si>
    <t>01/15/2020 16:39:00</t>
  </si>
  <si>
    <t>01/15/2020 16:35:09</t>
  </si>
  <si>
    <t>01/15/2020 16:40:50</t>
  </si>
  <si>
    <t>0f3693ca-3931-4d87-b488-85ebef7605af.tmp</t>
  </si>
  <si>
    <t>\\acsfs\profiles$\fabianafv\Downloads\0f3693ca-3931-4d87-b488-85ebef7605af.tmp</t>
  </si>
  <si>
    <t>01/15/2020 16:40:15</t>
  </si>
  <si>
    <t>dd27acf4-3add-4e58-8cbc-b8836f8e398d.tmp</t>
  </si>
  <si>
    <t>\\acsfs\profiles$\lorrainerdl\Downloads\dd27acf4-3add-4e58-8cbc-b8836f8e398d.tmp</t>
  </si>
  <si>
    <t>01/15/2020 16:41:50</t>
  </si>
  <si>
    <t>01/15/2020 16:42:50</t>
  </si>
  <si>
    <t>01/15/2020 16:40:02</t>
  </si>
  <si>
    <t>ec6fe078-099c-44b6-83b9-1159c70ffff0.tmp</t>
  </si>
  <si>
    <t>\\acsfs\profiles$\paulohaf\Downloads\ec6fe078-099c-44b6-83b9-1159c70ffff0.tmp</t>
  </si>
  <si>
    <t>01/15/2020 16:40:35</t>
  </si>
  <si>
    <t>3da4cd76-1121-4d53-95ff-d2ddcc526728.tmp</t>
  </si>
  <si>
    <t>\\acsfs\profiles$\paulohaf\Downloads\3da4cd76-1121-4d53-95ff-d2ddcc526728.tmp</t>
  </si>
  <si>
    <t>01/15/2020 16:40:26</t>
  </si>
  <si>
    <t>01/15/2020 16:43:50</t>
  </si>
  <si>
    <t>01/15/2020 16:40:28</t>
  </si>
  <si>
    <t>01/15/2020 16:39:54</t>
  </si>
  <si>
    <t>01/15/2020 16:39:58</t>
  </si>
  <si>
    <t>01/15/2020 16:42:53</t>
  </si>
  <si>
    <t>01/15/2020 16:44:50</t>
  </si>
  <si>
    <t>11fe0f2e-6744-436f-ad26-489f720ec652.tmp</t>
  </si>
  <si>
    <t>\\acsfs\profiles$\andreapdsg\Downloads\11fe0f2e-6744-436f-ad26-489f720ec652.tmp</t>
  </si>
  <si>
    <t>01/15/2020 16:44:18</t>
  </si>
  <si>
    <t>01/15/2020 16:45:50</t>
  </si>
  <si>
    <t>01/15/2020 16:42:03</t>
  </si>
  <si>
    <t>01/15/2020 16:46:50</t>
  </si>
  <si>
    <t>01/15/2020 16:42:41</t>
  </si>
  <si>
    <t>01/15/2020 16:42:47</t>
  </si>
  <si>
    <t>01/15/2020 16:43:10</t>
  </si>
  <si>
    <t>01/15/2020 16:43:14</t>
  </si>
  <si>
    <t>01/15/2020 16:43:18</t>
  </si>
  <si>
    <t>01/15/2020 16:43:24</t>
  </si>
  <si>
    <t>01/15/2020 16:43:27</t>
  </si>
  <si>
    <t>01/15/2020 16:41:54</t>
  </si>
  <si>
    <t>01/15/2020 16:44:03</t>
  </si>
  <si>
    <t>01/15/2020 16:47:50</t>
  </si>
  <si>
    <t>1c585864-7ac0-4ad0-a742-f14ed52edebd.tmp</t>
  </si>
  <si>
    <t>\\acsfs\profiles$\gabrielamdp\Downloads\1c585864-7ac0-4ad0-a742-f14ed52edebd.tmp</t>
  </si>
  <si>
    <t>cc8fdc84-2dc4-4fb8-935e-e7e4a48e7c37.tmp</t>
  </si>
  <si>
    <t>\\acsfs\profiles$\gabrielamdp\Downloads\cc8fdc84-2dc4-4fb8-935e-e7e4a48e7c37.tmp</t>
  </si>
  <si>
    <t>d917f26e-ce1c-4a5b-a22b-ff6b3ce84638.tmp</t>
  </si>
  <si>
    <t>\\acsfs\profiles$\gabrielamdp\Downloads\d917f26e-ce1c-4a5b-a22b-ff6b3ce84638.tmp</t>
  </si>
  <si>
    <t>01/15/2020 16:46:10</t>
  </si>
  <si>
    <t>1970f150-3d66-4c7d-9f81-7dba5b1d03fd.tmp</t>
  </si>
  <si>
    <t>\\acsfs\profiles$\gabrielamdp\Downloads\1970f150-3d66-4c7d-9f81-7dba5b1d03fd.tmp</t>
  </si>
  <si>
    <t>01/15/2020 16:44:30</t>
  </si>
  <si>
    <t>01/15/2020 16:47:43</t>
  </si>
  <si>
    <t>01/15/2020 16:48:50</t>
  </si>
  <si>
    <t>01/15/2020 16:46:44</t>
  </si>
  <si>
    <t>01/15/2020 16:49:50</t>
  </si>
  <si>
    <t>01/15/2020 16:48:17</t>
  </si>
  <si>
    <t>01/15/2020 16:48:18</t>
  </si>
  <si>
    <t>lu421204vjwiy.tmp</t>
  </si>
  <si>
    <t>\\acsfs\profiles$\LORRAYNEVAM\lu421204vjwiy.tmp</t>
  </si>
  <si>
    <t>\\acsfs\profiles$\LORRAYNEVAM\lu421204vjwiy.tmp\</t>
  </si>
  <si>
    <t>\\acsfs\profiles$\LORRAYNEVAM\lu421204vjwiy.tmp\META-INF\</t>
  </si>
  <si>
    <t>\\acsfs\profiles$\LORRAYNEVAM\lu421204vjwiy.tmp\Thumbnails\</t>
  </si>
  <si>
    <t>01/15/2020 16:49:15</t>
  </si>
  <si>
    <t>01/15/2020 16:50:49</t>
  </si>
  <si>
    <t>01/15/2020 16:50:14</t>
  </si>
  <si>
    <t>01/15/2020 16:51:50</t>
  </si>
  <si>
    <t>01/15/2020 16:47:23</t>
  </si>
  <si>
    <t>01/15/2020 16:52:50</t>
  </si>
  <si>
    <t>mail.google.com/sync/u/0/i/s?hl=pt-BR&amp;c=1808</t>
  </si>
  <si>
    <t>01/15/2020 16:47:29</t>
  </si>
  <si>
    <t>mail.google.com/sync/u/0/i/s?hl=pt-BR&amp;c=1810</t>
  </si>
  <si>
    <t>01/15/2020 16:47:32</t>
  </si>
  <si>
    <t>mail.google.com/sync/u/0/i/s?hl=pt-BR&amp;c=1812</t>
  </si>
  <si>
    <t>01/15/2020 16:47:48</t>
  </si>
  <si>
    <t>mail.google.com/sync/u/0/i/s?hl=pt-BR&amp;c=1815</t>
  </si>
  <si>
    <t>01/15/2020 16:47:52</t>
  </si>
  <si>
    <t>01/15/2020 16:51:24</t>
  </si>
  <si>
    <t>01/15/2020 16:54:50</t>
  </si>
  <si>
    <t>01/15/2020 16:52:39</t>
  </si>
  <si>
    <t>efc4d062-c88c-496d-a219-16a3cc183ead.tmp</t>
  </si>
  <si>
    <t>\\acsfs\profiles$\brendadsl\Downloads\efc4d062-c88c-496d-a219-16a3cc183ead.tmp</t>
  </si>
  <si>
    <t>01/15/2020 16:51:46</t>
  </si>
  <si>
    <t>01/15/2020 16:55:50</t>
  </si>
  <si>
    <t>d0bc1c1a-c27b-4915-a280-25cef9184a77.tmp</t>
  </si>
  <si>
    <t>\\acsfs\profiles$\fabianobmf\Downloads\d0bc1c1a-c27b-4915-a280-25cef9184a77.tmp</t>
  </si>
  <si>
    <t>01/15/2020 16:55:17</t>
  </si>
  <si>
    <t>01/15/2020 16:56:50</t>
  </si>
  <si>
    <t>kit_pre_deslig_ant_term_contrato_empregado_124231_rayane rosilene santos.pdf</t>
  </si>
  <si>
    <t>01/15/2020 16:52:35</t>
  </si>
  <si>
    <t>lu393321o1y9w.tmp</t>
  </si>
  <si>
    <t>\\acsfs\profiles$\LUISPLS\My Documents\Nova pasta\lu393321o1y9w.tmp</t>
  </si>
  <si>
    <t>\\acsfs\profiles$\LUISPLS\My Documents\Nova pasta\lu393321o1y9w.tmp\</t>
  </si>
  <si>
    <t>\\acsfs\profiles$\LUISPLS\My Documents\Nova pasta\lu393321o1y9w.tmp\META-INF\</t>
  </si>
  <si>
    <t>\\acsfs\profiles$\LUISPLS\My Documents\Nova pasta\lu393321o1y9w.tmp\Thumbnails\</t>
  </si>
  <si>
    <t>01/15/2020 16:52:45</t>
  </si>
  <si>
    <t>01/15/2020 16:57:49</t>
  </si>
  <si>
    <t>mail.google.com/sync/u/0/i/s?hl=pt-BR&amp;c=1854</t>
  </si>
  <si>
    <t>01/15/2020 16:53:16</t>
  </si>
  <si>
    <t>mail.google.com/sync/u/0/i/s?hl=pt-BR&amp;c=1856</t>
  </si>
  <si>
    <t>01/15/2020 16:53:24</t>
  </si>
  <si>
    <t>mail.google.com/sync/u/0/i/s?hl=pt-BR&amp;c=1858</t>
  </si>
  <si>
    <t>01/15/2020 16:53:27</t>
  </si>
  <si>
    <t>mail.google.com/sync/u/0/i/s?hl=pt-BR&amp;c=1860</t>
  </si>
  <si>
    <t>01/15/2020 16:53:29</t>
  </si>
  <si>
    <t>mail.google.com/sync/u/0/i/s?hl=pt-BR&amp;c=1862</t>
  </si>
  <si>
    <t>01/15/2020 16:53:57</t>
  </si>
  <si>
    <t>mail.google.com/sync/u/0/i/s?hl=pt-BR&amp;c=1867</t>
  </si>
  <si>
    <t>01/15/2020 16:54:13</t>
  </si>
  <si>
    <t>mail.google.com/sync/u/0/i/s?hl=pt-BR&amp;c=1871</t>
  </si>
  <si>
    <t>01/15/2020 16:54:18</t>
  </si>
  <si>
    <t>mail.google.com/sync/u/0/i/s?hl=pt-BR&amp;c=1873</t>
  </si>
  <si>
    <t>01/15/2020 16:55:27</t>
  </si>
  <si>
    <t>mail.google.com/sync/u/0/i/s?hl=pt-BR&amp;c=1883</t>
  </si>
  <si>
    <t>01/15/2020 16:55:44</t>
  </si>
  <si>
    <t>mail.google.com/sync/u/0/i/s?hl=pt-BR&amp;c=1888</t>
  </si>
  <si>
    <t>mail.google.com/sync/u/0/i/s?hl=pt-BR&amp;c=1891</t>
  </si>
  <si>
    <t>01/15/2020 16:55:59</t>
  </si>
  <si>
    <t>mail.google.com/sync/u/0/i/s?hl=pt-BR&amp;c=1895</t>
  </si>
  <si>
    <t>01/15/2020 16:56:06</t>
  </si>
  <si>
    <t>mail.google.com/sync/u/0/i/s?hl=pt-BR&amp;c=1897</t>
  </si>
  <si>
    <t>01/15/2020 16:56:09</t>
  </si>
  <si>
    <t>mail.google.com/sync/u/0/i/s?hl=pt-BR&amp;c=1899</t>
  </si>
  <si>
    <t>01/15/2020 16:56:22</t>
  </si>
  <si>
    <t>mail.google.com/sync/u/0/i/s?hl=pt-BR&amp;c=1901</t>
  </si>
  <si>
    <t>01/15/2020 16:56:28</t>
  </si>
  <si>
    <t>mail.google.com/sync/u/0/i/s?hl=pt-BR&amp;c=1907</t>
  </si>
  <si>
    <t>01/15/2020 16:56:32</t>
  </si>
  <si>
    <t>mail.google.com/sync/u/0/i/s?hl=pt-BR&amp;c=1910</t>
  </si>
  <si>
    <t>01/15/2020 16:56:36</t>
  </si>
  <si>
    <t>mail.google.com/sync/u/0/i/s?hl=pt-BR&amp;c=1913</t>
  </si>
  <si>
    <t>01/15/2020 16:56:39</t>
  </si>
  <si>
    <t>mail.google.com/sync/u/0/i/s?hl=pt-BR&amp;c=1916</t>
  </si>
  <si>
    <t>01/15/2020 16:56:49</t>
  </si>
  <si>
    <t>mail.google.com/sync/u/0/i/s?hl=pt-BR&amp;c=1922</t>
  </si>
  <si>
    <t>01/15/2020 16:56:58</t>
  </si>
  <si>
    <t>mail.google.com/sync/u/0/i/s?hl=pt-BR&amp;c=1926</t>
  </si>
  <si>
    <t>01/15/2020 16:54:10</t>
  </si>
  <si>
    <t>01/15/2020 16:55:26</t>
  </si>
  <si>
    <t>01/15/2020 16:55:35</t>
  </si>
  <si>
    <t>01/15/2020 16:55:42</t>
  </si>
  <si>
    <t>01/15/2020 16:55:46</t>
  </si>
  <si>
    <t>01/15/2020 16:56:10</t>
  </si>
  <si>
    <t>01/15/2020 16:56:14</t>
  </si>
  <si>
    <t>01/15/2020 16:56:41</t>
  </si>
  <si>
    <t>01/15/2020 16:56:42</t>
  </si>
  <si>
    <t>01/15/2020 16:56:47</t>
  </si>
  <si>
    <t>01/15/2020 16:56:54</t>
  </si>
  <si>
    <t>01/15/2020 16:57:46</t>
  </si>
  <si>
    <t>01/15/2020 16:58:50</t>
  </si>
  <si>
    <t>01/15/2020 16:57:01</t>
  </si>
  <si>
    <t>01/15/2020 16:59:03</t>
  </si>
  <si>
    <t>01/15/2020 17:00:50</t>
  </si>
  <si>
    <t>01/15/2020 16:56:01</t>
  </si>
  <si>
    <t>01/15/2020 16:57:58</t>
  </si>
  <si>
    <t>01/15/2020 17:01:51</t>
  </si>
  <si>
    <t>01/15/2020 17:00:16</t>
  </si>
  <si>
    <t>01/15/2020 17:02:50</t>
  </si>
  <si>
    <t>0d5e8d79-384a-4c34-9943-d1373df8ad88.tmp</t>
  </si>
  <si>
    <t>\\acsfs\profiles$\gabrielamdp\Downloads\0d5e8d79-384a-4c34-9943-d1373df8ad88.tmp</t>
  </si>
  <si>
    <t>01/15/2020 16:57:14</t>
  </si>
  <si>
    <t>mail.google.com/sync/u/0/i/s?hl=pt-BR&amp;c=1928</t>
  </si>
  <si>
    <t>01/15/2020 16:57:26</t>
  </si>
  <si>
    <t>mail.google.com/sync/u/0/i/s?hl=pt-BR&amp;c=1932</t>
  </si>
  <si>
    <t>01/15/2020 16:57:35</t>
  </si>
  <si>
    <t>mail.google.com/sync/u/0/i/s?hl=pt-BR&amp;c=1936</t>
  </si>
  <si>
    <t>01/15/2020 16:57:54</t>
  </si>
  <si>
    <t>mail.google.com/sync/u/0/i/s?hl=pt-BR&amp;c=1941</t>
  </si>
  <si>
    <t>01/15/2020 16:58:10</t>
  </si>
  <si>
    <t>mail.google.com/sync/u/0/i/s?hl=pt-BR&amp;c=1943</t>
  </si>
  <si>
    <t>01/15/2020 16:58:16</t>
  </si>
  <si>
    <t>mail.google.com/sync/u/0/i/s?hl=pt-BR&amp;c=1945</t>
  </si>
  <si>
    <t>01/15/2020 16:58:21</t>
  </si>
  <si>
    <t>mail.google.com/sync/u/0/i/s?hl=pt-BR&amp;c=1947</t>
  </si>
  <si>
    <t>01/15/2020 16:58:28</t>
  </si>
  <si>
    <t>mail.google.com/sync/u/0/i/s?hl=pt-BR&amp;c=1949</t>
  </si>
  <si>
    <t>01/15/2020 16:58:32</t>
  </si>
  <si>
    <t>mail.google.com/sync/u/0/i/s?hl=pt-BR&amp;c=1951</t>
  </si>
  <si>
    <t>01/15/2020 16:58:35</t>
  </si>
  <si>
    <t>mail.google.com/sync/u/0/i/s?hl=pt-BR&amp;c=1956</t>
  </si>
  <si>
    <t>01/15/2020 16:58:57</t>
  </si>
  <si>
    <t>mail.google.com/sync/u/0/i/s?hl=pt-BR&amp;c=1960</t>
  </si>
  <si>
    <t>15/01/2020;thiagordu@algartech.com;</t>
  </si>
  <si>
    <t>15/01/2020,thiagordu@algartech.com</t>
  </si>
  <si>
    <t>mail.google.com/sync/u/0/i/s?hl=pt-BR&amp;c=1962</t>
  </si>
  <si>
    <t>01/15/2020 16:59:39</t>
  </si>
  <si>
    <t>mail.google.com/sync/u/0/i/s?hl=pt-BR&amp;c=1970</t>
  </si>
  <si>
    <t>01/15/2020 16:59:53</t>
  </si>
  <si>
    <t>mail.google.com/sync/u/0/i/s?hl=pt-BR&amp;c=1972</t>
  </si>
  <si>
    <t>01/15/2020 17:00:03</t>
  </si>
  <si>
    <t>mail.google.com/sync/u/0/i/s?hl=pt-BR&amp;c=1974</t>
  </si>
  <si>
    <t>01/15/2020 17:00:26</t>
  </si>
  <si>
    <t>mail.google.com/sync/u/0/i/s?hl=pt-BR&amp;c=1977</t>
  </si>
  <si>
    <t>01/15/2020 17:00:29</t>
  </si>
  <si>
    <t>mail.google.com/sync/u/0/i/s?hl=pt-BR&amp;c=1979</t>
  </si>
  <si>
    <t>01/15/2020 17:00:30</t>
  </si>
  <si>
    <t>01/15/2020 17:00:33</t>
  </si>
  <si>
    <t>mail.google.com/sync/u/0/i/s?hl=pt-BR&amp;c=1982</t>
  </si>
  <si>
    <t>mail.google.com/sync/u/0/i/s?hl=pt-BR&amp;c=1986</t>
  </si>
  <si>
    <t>01/15/2020 17:00:55</t>
  </si>
  <si>
    <t>mail.google.com/sync/u/0/i/s?hl=pt-BR&amp;c=1988</t>
  </si>
  <si>
    <t>01/15/2020 17:00:59</t>
  </si>
  <si>
    <t>mail.google.com/sync/u/0/i/s?hl=pt-BR&amp;c=1990</t>
  </si>
  <si>
    <t>01/15/2020 17:01:05</t>
  </si>
  <si>
    <t>mail.google.com/sync/u/0/i/s?hl=pt-BR&amp;c=1992</t>
  </si>
  <si>
    <t>01/15/2020 17:01:10</t>
  </si>
  <si>
    <t>mail.google.com/sync/u/0/i/s?hl=pt-BR&amp;c=1994</t>
  </si>
  <si>
    <t>01/15/2020 17:01:13</t>
  </si>
  <si>
    <t>mail.google.com/sync/u/0/i/s?hl=pt-BR&amp;c=1996</t>
  </si>
  <si>
    <t>01/15/2020 17:01:20</t>
  </si>
  <si>
    <t>mail.google.com/sync/u/0/i/s?hl=pt-BR&amp;c=1998</t>
  </si>
  <si>
    <t>01/15/2020 17:01:24</t>
  </si>
  <si>
    <t>mail.google.com/sync/u/0/i/s?hl=pt-BR&amp;c=2000</t>
  </si>
  <si>
    <t>01/15/2020 17:01:34</t>
  </si>
  <si>
    <t>mail.google.com/sync/u/0/i/s?hl=pt-BR&amp;c=2005</t>
  </si>
  <si>
    <t>01/15/2020 17:01:47</t>
  </si>
  <si>
    <t>mail.google.com/sync/u/0/i/s?hl=pt-BR&amp;c=2009</t>
  </si>
  <si>
    <t>01/15/2020 17:00:23</t>
  </si>
  <si>
    <t>01/15/2020 17:02:11</t>
  </si>
  <si>
    <t>01/15/2020 16:57:43</t>
  </si>
  <si>
    <t>01/15/2020 16:58:20</t>
  </si>
  <si>
    <t>01/15/2020 16:59:31</t>
  </si>
  <si>
    <t>01/15/2020 17:00:57</t>
  </si>
  <si>
    <t>01/15/2020 17:04:50</t>
  </si>
  <si>
    <t>01/15/2020 17:02:34</t>
  </si>
  <si>
    <t>01/15/2020 17:02:46</t>
  </si>
  <si>
    <t>01/15/2020 17:02:59</t>
  </si>
  <si>
    <t>01/15/2020 17:03:09</t>
  </si>
  <si>
    <t>01/15/2020 17:03:16</t>
  </si>
  <si>
    <t>01/15/2020 17:03:21</t>
  </si>
  <si>
    <t>01/15/2020 17:03:25</t>
  </si>
  <si>
    <t>01/15/2020 17:03:26</t>
  </si>
  <si>
    <t>01/15/2020 17:04:48</t>
  </si>
  <si>
    <t>01/15/2020 17:06:50</t>
  </si>
  <si>
    <t>01/15/2020 17:06:44</t>
  </si>
  <si>
    <t>01/15/2020 17:07:50</t>
  </si>
  <si>
    <t>9cfeda68-497b-4f66-ab15-4f3c63dc9313.tmp</t>
  </si>
  <si>
    <t>\\acsfs\profiles$\gabrielamdp\Downloads\9cfeda68-497b-4f66-ab15-4f3c63dc9313.tmp</t>
  </si>
  <si>
    <t>01/15/2020 17:06:31</t>
  </si>
  <si>
    <t>01/15/2020 17:06:19</t>
  </si>
  <si>
    <t>01/15/2020 17:06:14</t>
  </si>
  <si>
    <t>https://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5/2020 17:02:37</t>
  </si>
  <si>
    <t>01/15/2020 17:02:58</t>
  </si>
  <si>
    <t>01/15/2020 17:03:03</t>
  </si>
  <si>
    <t>01/15/2020 17:03:35</t>
  </si>
  <si>
    <t>01/15/2020 17:03:47</t>
  </si>
  <si>
    <t>01/15/2020 17:03:55</t>
  </si>
  <si>
    <t>01/15/2020 17:04:11</t>
  </si>
  <si>
    <t>01/15/2020 17:05:46</t>
  </si>
  <si>
    <t>01/15/2020 17:06:25</t>
  </si>
  <si>
    <t>01/15/2020 17:02:42</t>
  </si>
  <si>
    <t>01/15/2020 17:04:39</t>
  </si>
  <si>
    <t>01/15/2020 17:08:49</t>
  </si>
  <si>
    <t>01/15/2020 17:03:36</t>
  </si>
  <si>
    <t>Cartão Brunna.pdf</t>
  </si>
  <si>
    <t>01/15/2020 17:05:54</t>
  </si>
  <si>
    <t>01/15/2020 17:07:15</t>
  </si>
  <si>
    <t>01/15/2020 17:09:50</t>
  </si>
  <si>
    <t>01/15/2020 17:05:37</t>
  </si>
  <si>
    <t>7b4ad674-020c-4023-8a47-27046c2957be.tmp</t>
  </si>
  <si>
    <t>\\acsfs\profiles$\philipegsf\Downloads\7b4ad674-020c-4023-8a47-27046c2957be.tmp</t>
  </si>
  <si>
    <t>01/15/2020 17:08:34</t>
  </si>
  <si>
    <t>01/15/2020 17:10:50</t>
  </si>
  <si>
    <t>01/15/2020 17:11:50</t>
  </si>
  <si>
    <t>84919e8b-b005-403d-a171-29e3f2fa9f94.tmp</t>
  </si>
  <si>
    <t>\\acsfs\profiles$\gabrielhca\Downloads\84919e8b-b005-403d-a171-29e3f2fa9f94.tmp</t>
  </si>
  <si>
    <t>01/15/2020 17:08:19</t>
  </si>
  <si>
    <t>01/15/2020 17:08:33</t>
  </si>
  <si>
    <t>01/15/2020 17:12:51</t>
  </si>
  <si>
    <t>C:\Users\adilsonloj\Desktop\RENEG Encaminhado Validação\</t>
  </si>
  <si>
    <t>\\acsfs\DEPTOS\Operacao\Banco_Votorantim\Comum\00 - COMUM - BV CARTÕES\RENEG\RENEG Encaminhado Validação\Reneg - Vcto 01-01-20.xlsx</t>
  </si>
  <si>
    <t>01/15/2020 17:09:35</t>
  </si>
  <si>
    <t>\\acsfs\DEPTOS\Operacao\Banco_Votorantim\Comum\00 - COMUM - BV CARTÕES\EQUIPE ADILSON\Reneg\RENEG Encaminhado Validação\Reneg - Vcto 01-01-20.xlsx</t>
  </si>
  <si>
    <t>01/15/2020 17:09:44</t>
  </si>
  <si>
    <t>\\acsfs\DEPTOS\Operacao\Banco_Votorantim\Comum\00 - COMUM - BV CARTÕES\EQUIPE ADILSON\Reneg\RENEG Encaminhado Validação\Reneg - Vcto 20-12-19.xlsx</t>
  </si>
  <si>
    <t>01/15/2020 17:09:53</t>
  </si>
  <si>
    <t>\\acsfs\DEPTOS\Operacao\Banco_Votorantim\Comum\00 - COMUM - BV CARTÕES\EQUIPE ADILSON\Reneg\RENEG Encaminhado Validação\Reneg - Vcto 26-12-19.xlsx</t>
  </si>
  <si>
    <t>01/15/2020 17:10:02</t>
  </si>
  <si>
    <t>\\acsfs\DEPTOS\Operacao\Banco_Votorantim\Comum\00 - COMUM - BV CARTÕES\EQUIPE ADILSON\Reneg\RENEG Encaminhado Validação\Reneg - Vcto 28-12-19.xlsx</t>
  </si>
  <si>
    <t>01/15/2020 17:10:07</t>
  </si>
  <si>
    <t>01/15/2020 17:10:16</t>
  </si>
  <si>
    <t>01/15/2020 17:10:25</t>
  </si>
  <si>
    <t>01/15/2020 17:10:34</t>
  </si>
  <si>
    <t>01/15/2020 17:10:39</t>
  </si>
  <si>
    <t>\\acsfs\DEPTOS\Operacao\Banco_Votorantim\Comum\00 - COMUM - BV CARTÕES\RENEG Encaminhado Validação\Reneg - Vcto 01-01-20.xlsx</t>
  </si>
  <si>
    <t>01/15/2020 17:10:48</t>
  </si>
  <si>
    <t>\\acsfs\DEPTOS\Operacao\Banco_Votorantim\Comum\00 - COMUM - BV CARTÕES\RENEG Encaminhado Validação\Reneg - Vcto 20-12-19.xlsx</t>
  </si>
  <si>
    <t>01/15/2020 17:10:57</t>
  </si>
  <si>
    <t>\\acsfs\DEPTOS\Operacao\Banco_Votorantim\Comum\00 - COMUM - BV CARTÕES\RENEG Encaminhado Validação\Reneg - Vcto 26-12-19.xlsx</t>
  </si>
  <si>
    <t>01/15/2020 17:11:06</t>
  </si>
  <si>
    <t>\\acsfs\DEPTOS\Operacao\Banco_Votorantim\Comum\00 - COMUM - BV CARTÕES\RENEG Encaminhado Validação\Reneg - Vcto 28-12-19.xlsx</t>
  </si>
  <si>
    <t>01/15/2020 17:07:24</t>
  </si>
  <si>
    <t>6e683413-cf9a-400e-ae03-b7d6f0dd3872.tmp</t>
  </si>
  <si>
    <t>\\acsfs\profiles$\ingridsm\Downloads\6e683413-cf9a-400e-ae03-b7d6f0dd3872.tmp</t>
  </si>
  <si>
    <t>01/15/2020 17:08:08</t>
  </si>
  <si>
    <t>cartao</t>
  </si>
  <si>
    <t>01/15/2020 17:09:48</t>
  </si>
  <si>
    <t>01/15/2020 17:10:11</t>
  </si>
  <si>
    <t>01/15/2020 17:10:27</t>
  </si>
  <si>
    <t>01/15/2020 17:10:33</t>
  </si>
  <si>
    <t>01/15/2020 17:10:43</t>
  </si>
  <si>
    <t>01/15/2020 17:10:46</t>
  </si>
  <si>
    <t>01/15/2020 17:10:49</t>
  </si>
  <si>
    <t>01/15/2020 17:11:14</t>
  </si>
  <si>
    <t>01/15/2020 17:11:29</t>
  </si>
  <si>
    <t>01/15/2020 17:10:59</t>
  </si>
  <si>
    <t>01/15/2020 17:15:50</t>
  </si>
  <si>
    <t>048b19cd-6437-4a88-a9f9-52f1f33939b3.tmp</t>
  </si>
  <si>
    <t>\\acsfs\profiles$\fabianobmf\Downloads\048b19cd-6437-4a88-a9f9-52f1f33939b3.tmp</t>
  </si>
  <si>
    <t>01/15/2020 17:11:01</t>
  </si>
  <si>
    <t>01/15/2020 17:16:51</t>
  </si>
  <si>
    <t>01/15/2020 17:14:59</t>
  </si>
  <si>
    <t>01/15/2020 17:17:49</t>
  </si>
  <si>
    <t>01/15/2020 17:14:41</t>
  </si>
  <si>
    <t>\\acsfs\DEPTOS\Operacao\Banco_Votorantim\Comum\00 - COMUM - BV CARTÕES\RENEG Validação\</t>
  </si>
  <si>
    <t>\\acsfs\DEPTOS\Operacao\Banco_Votorantim\Comum\00 - COMUM - BV CARTÕES\RENEG Validação\Reneg - Vcto 20-12-19.xlsx</t>
  </si>
  <si>
    <t>01/15/2020 17:12:31</t>
  </si>
  <si>
    <t>01/15/2020 17:14:40</t>
  </si>
  <si>
    <t>01/15/2020 17:14:42</t>
  </si>
  <si>
    <t>01/15/2020 17:15:19</t>
  </si>
  <si>
    <t>01/15/2020 17:15:45</t>
  </si>
  <si>
    <t>01/15/2020 17:15:51</t>
  </si>
  <si>
    <t>01/15/2020 17:15:57</t>
  </si>
  <si>
    <t>01/15/2020 17:16:16</t>
  </si>
  <si>
    <t>01/15/2020 17:16:22</t>
  </si>
  <si>
    <t>01/15/2020 17:16:24</t>
  </si>
  <si>
    <t>01/15/2020 17:16:39</t>
  </si>
  <si>
    <t>01/15/2020 17:16:44</t>
  </si>
  <si>
    <t>01/15/2020 17:17:02</t>
  </si>
  <si>
    <t>01/15/2020 17:17:07</t>
  </si>
  <si>
    <t>01/15/2020 17:17:11</t>
  </si>
  <si>
    <t>01/15/2020 17:17:15</t>
  </si>
  <si>
    <t>01/15/2020 17:17:18</t>
  </si>
  <si>
    <t>01/15/2020 17:17:50</t>
  </si>
  <si>
    <t>01/15/2020 17:17:21</t>
  </si>
  <si>
    <t>01/15/2020 17:17:33</t>
  </si>
  <si>
    <t>01/15/2020 17:18:50</t>
  </si>
  <si>
    <t>01/15/2020 17:18:34</t>
  </si>
  <si>
    <t>01/15/2020 17:19:49</t>
  </si>
  <si>
    <t>01/15/2020 17:15:12</t>
  </si>
  <si>
    <t>9d91adb1-28f6-4a79-883b-b9b5b549a45a.tmp</t>
  </si>
  <si>
    <t>\\acsfs\profiles$\nathaliarmr\Downloads\9d91adb1-28f6-4a79-883b-b9b5b549a45a.tmp</t>
  </si>
  <si>
    <t>01/15/2020 17:15:26</t>
  </si>
  <si>
    <t>3bb65f14-0dc8-4591-8ee1-2a0e202228e1.tmp</t>
  </si>
  <si>
    <t>\\acsfs\profiles$\nathaliarmr\Downloads\3bb65f14-0dc8-4591-8ee1-2a0e202228e1.tmp</t>
  </si>
  <si>
    <t>01/15/2020 17:15:36</t>
  </si>
  <si>
    <t>c3bafd5c-0b6e-462d-a994-08317c3bf533.tmp</t>
  </si>
  <si>
    <t>\\acsfs\profiles$\nathaliarmr\Downloads\c3bafd5c-0b6e-462d-a994-08317c3bf533.tmp</t>
  </si>
  <si>
    <t>01/15/2020 17:15:48</t>
  </si>
  <si>
    <t>01/15/2020 17:20:50</t>
  </si>
  <si>
    <t>3da9cfbd-7657-4df8-997d-b293d0b0a86d.tmp</t>
  </si>
  <si>
    <t>\\acsfs\profiles$\fabianobmf\Downloads\3da9cfbd-7657-4df8-997d-b293d0b0a86d.tmp</t>
  </si>
  <si>
    <t>01/15/2020 17:15:53</t>
  </si>
  <si>
    <t>01/15/2020 17:20:23</t>
  </si>
  <si>
    <t>01/15/2020 17:21:51</t>
  </si>
  <si>
    <t>01/15/2020 17:17:14</t>
  </si>
  <si>
    <t>01/15/2020 17:22:50</t>
  </si>
  <si>
    <t>01/15/2020 17:17:12</t>
  </si>
  <si>
    <t>\\acsfs\DEPTOS\Operacao\Banco_Votorantim\Comum\00 - COMUM - BV CARTÕES\RENEG Validação\Reneg - Vcto 26-12-19.xlsx</t>
  </si>
  <si>
    <t>01/15/2020 17:17:38</t>
  </si>
  <si>
    <t>mail.google.com/sync/u/0/i/s?hl=pt-BR&amp;c=2119</t>
  </si>
  <si>
    <t>01/15/2020 17:17:44</t>
  </si>
  <si>
    <t>mail.google.com/sync/u/0/i/s?hl=pt-BR&amp;c=2121</t>
  </si>
  <si>
    <t>01/15/2020 17:22:56</t>
  </si>
  <si>
    <t>01/15/2020 17:23:50</t>
  </si>
  <si>
    <t>01/15/2020 17:19:33</t>
  </si>
  <si>
    <t>01/15/2020 17:24:50</t>
  </si>
  <si>
    <t>01/15/2020 17:22:04</t>
  </si>
  <si>
    <t>01/15/2020 17:25:50</t>
  </si>
  <si>
    <t>01/15/2020 17:22:19</t>
  </si>
  <si>
    <t>9c8ae07f-bff8-4e9a-8ff4-f303861f24b3.tmp</t>
  </si>
  <si>
    <t>\\acsfs\profiles$\matheusmax\Downloads\9c8ae07f-bff8-4e9a-8ff4-f303861f24b3.tmp</t>
  </si>
  <si>
    <t>01/15/2020 17:26:50</t>
  </si>
  <si>
    <t>01/15/2020 17:23:31</t>
  </si>
  <si>
    <t>01/15/2020 17:27:50</t>
  </si>
  <si>
    <t>ca2c262c-44d8-401d-9d00-183db5169aa3.tmp</t>
  </si>
  <si>
    <t>\\acsfs\profiles$\adelvinsonle\Downloads\ca2c262c-44d8-401d-9d00-183db5169aa3.tmp</t>
  </si>
  <si>
    <t>01/15/2020 17:26:11</t>
  </si>
  <si>
    <t>01/15/2020 17:26:22</t>
  </si>
  <si>
    <t>01/15/2020 17:28:50</t>
  </si>
  <si>
    <t>01/15/2020 17:26:48</t>
  </si>
  <si>
    <t>01/15/2020 17:27:40</t>
  </si>
  <si>
    <t>01/15/2020 17:28:27</t>
  </si>
  <si>
    <t>e2d4c2a3-e4c3-4018-9f58-27cb999d8e94.tmp</t>
  </si>
  <si>
    <t>\\acsfs\profiles$\gabrielsma\Downloads\e2d4c2a3-e4c3-4018-9f58-27cb999d8e94.tmp</t>
  </si>
  <si>
    <t>01/15/2020 17:28:29</t>
  </si>
  <si>
    <t>01/15/2020 17:28:57</t>
  </si>
  <si>
    <t>01/15/2020 17:29:51</t>
  </si>
  <si>
    <t>01/15/2020 17:29:37</t>
  </si>
  <si>
    <t>01/15/2020 17:30:50</t>
  </si>
  <si>
    <t>ef8a6042-a151-49b0-b92a-9e18de5b80fe.tmp</t>
  </si>
  <si>
    <t>\\acsfs\profiles$\Adrieledgc\Downloads\ef8a6042-a151-49b0-b92a-9e18de5b80fe.tmp</t>
  </si>
  <si>
    <t>01/15/2020 17:27:30</t>
  </si>
  <si>
    <t>01/15/2020 17:31:50</t>
  </si>
  <si>
    <t>01/15/2020 17:32:50</t>
  </si>
  <si>
    <t>01/15/2020 17:28:05</t>
  </si>
  <si>
    <t>01/15/2020 17:32:01</t>
  </si>
  <si>
    <t>01/15/2020 17:33:50</t>
  </si>
  <si>
    <t>01/14/2020 16:10:04</t>
  </si>
  <si>
    <t>01/15/2020 17:34:24</t>
  </si>
  <si>
    <t>01/15/2020 17:35:50</t>
  </si>
  <si>
    <t>2227d0ae-4810-410d-afc7-6bba647ace2f.tmp</t>
  </si>
  <si>
    <t>\\acsfs\profiles$\fabianobmf\Downloads\2227d0ae-4810-410d-afc7-6bba647ace2f.tmp</t>
  </si>
  <si>
    <t>01/15/2020 17:34:41</t>
  </si>
  <si>
    <t>83bce4b6-b41d-431b-9adf-35524058c06a.tmp</t>
  </si>
  <si>
    <t>\\acsfs\profiles$\fabianafv\Downloads\83bce4b6-b41d-431b-9adf-35524058c06a.tmp</t>
  </si>
  <si>
    <t>01/15/2020 17:36:50</t>
  </si>
  <si>
    <t>01/15/2020 17:36:51</t>
  </si>
  <si>
    <t>01/15/2020 17:35:27</t>
  </si>
  <si>
    <t>01/15/2020 17:37:50</t>
  </si>
  <si>
    <t>01/15/2020 17:35:48</t>
  </si>
  <si>
    <t>01/15/2020 17:35:51</t>
  </si>
  <si>
    <t>01/15/2020 17:36:18</t>
  </si>
  <si>
    <t>01/15/2020 17:36:22</t>
  </si>
  <si>
    <t>01/15/2020 17:32:25</t>
  </si>
  <si>
    <t>f740400e-ff61-458e-942c-7e138b6970e9.tmp</t>
  </si>
  <si>
    <t>\\acsfs\profiles$\nycolleemdj\Downloads\f740400e-ff61-458e-942c-7e138b6970e9.tmp</t>
  </si>
  <si>
    <t>01/15/2020 17:34:53</t>
  </si>
  <si>
    <t>\\acsfs\Deptos\Operacao\Banco_Votorantim\Supervisao\SUPERS BV CARTÕES\ADILSON\LAYOUT BV Cartoes Equipe.xlsx</t>
  </si>
  <si>
    <t>01/15/2020 17:36:28</t>
  </si>
  <si>
    <t>01/15/2020 17:38:50</t>
  </si>
  <si>
    <t>01/15/2020 17:34:45</t>
  </si>
  <si>
    <t>01/15/2020 17:35:18</t>
  </si>
  <si>
    <t>01/15/2020 17:35:29</t>
  </si>
  <si>
    <t>01/15/2020 17:35:43</t>
  </si>
  <si>
    <t>01/15/2020 17:35:52</t>
  </si>
  <si>
    <t>01/15/2020 17:36:08</t>
  </si>
  <si>
    <t>01/15/2020 17:36:09</t>
  </si>
  <si>
    <t>01/15/2020 17:36:20</t>
  </si>
  <si>
    <t>01/15/2020 17:36:23</t>
  </si>
  <si>
    <t>01/15/2020 17:36:25</t>
  </si>
  <si>
    <t>01/15/2020 17:36:26</t>
  </si>
  <si>
    <t>01/15/2020 17:36:27</t>
  </si>
  <si>
    <t>01/15/2020 17:36:29</t>
  </si>
  <si>
    <t>01/15/2020 17:36:30</t>
  </si>
  <si>
    <t>01/15/2020 17:36:31</t>
  </si>
  <si>
    <t>01/15/2020 17:36:37</t>
  </si>
  <si>
    <t>01/15/2020 17:36:38</t>
  </si>
  <si>
    <t>01/15/2020 17:36:40</t>
  </si>
  <si>
    <t>01/15/2020 17:36:41</t>
  </si>
  <si>
    <t>01/15/2020 17:36:43</t>
  </si>
  <si>
    <t>01/15/2020 17:36:46</t>
  </si>
  <si>
    <t>01/15/2020 17:36:48</t>
  </si>
  <si>
    <t>01/15/2020 17:36:56</t>
  </si>
  <si>
    <t>01/15/2020 17:36:58</t>
  </si>
  <si>
    <t>01/15/2020 17:36:59</t>
  </si>
  <si>
    <t>01/15/2020 17:37:03</t>
  </si>
  <si>
    <t>01/15/2020 17:37:04</t>
  </si>
  <si>
    <t>01/15/2020 17:37:11</t>
  </si>
  <si>
    <t>01/15/2020 17:37:13</t>
  </si>
  <si>
    <t>01/15/2020 17:37:14</t>
  </si>
  <si>
    <t>01/15/2020 17:37:16</t>
  </si>
  <si>
    <t>01/15/2020 17:37:18</t>
  </si>
  <si>
    <t>01/15/2020 17:37:49</t>
  </si>
  <si>
    <t>01/15/2020 17:39:08</t>
  </si>
  <si>
    <t>01/15/2020 17:39:50</t>
  </si>
  <si>
    <t>01/15/2020 17:41:50</t>
  </si>
  <si>
    <t>01/15/2020 17:42:50</t>
  </si>
  <si>
    <t>Apuração.xlsx</t>
  </si>
  <si>
    <t>01/15/2020 17:40:33</t>
  </si>
  <si>
    <t>01/15/2020 17:40:49</t>
  </si>
  <si>
    <t>01/13/2020 17:46:47</t>
  </si>
  <si>
    <t>01/15/2020 17:43:50</t>
  </si>
  <si>
    <t>01/15/2020 17:39:11</t>
  </si>
  <si>
    <t>01/15/2020 17:39:17</t>
  </si>
  <si>
    <t>b020ee6b-f9d8-454f-aadf-b28299efe3f0.tmp</t>
  </si>
  <si>
    <t>\\acsfs\profiles$\mariajaf\Downloads\b020ee6b-f9d8-454f-aadf-b28299efe3f0.tmp</t>
  </si>
  <si>
    <t>fb2343cf-36ce-4737-84f3-9cb62b8b17a5.tmp</t>
  </si>
  <si>
    <t>\\acsfs\profiles$\mariajaf\Downloads\fb2343cf-36ce-4737-84f3-9cb62b8b17a5.tmp</t>
  </si>
  <si>
    <t>01/15/2020 17:44:03</t>
  </si>
  <si>
    <t>01/15/2020 17:45:51</t>
  </si>
  <si>
    <t>01/15/2020 17:46:18</t>
  </si>
  <si>
    <t>01/15/2020 17:46:50</t>
  </si>
  <si>
    <t>01/15/2020 17:47:49</t>
  </si>
  <si>
    <t>01/15/2020 17:42:42</t>
  </si>
  <si>
    <t>01/15/2020 17:43:03</t>
  </si>
  <si>
    <t>01/15/2020 17:44:00</t>
  </si>
  <si>
    <t>01/15/2020 17:44:53</t>
  </si>
  <si>
    <t>01/15/2020 17:45:04</t>
  </si>
  <si>
    <t>01/15/2020 17:45:05</t>
  </si>
  <si>
    <t>01/15/2020 17:45:08</t>
  </si>
  <si>
    <t>01/15/2020 17:45:10</t>
  </si>
  <si>
    <t>01/15/2020 17:45:11</t>
  </si>
  <si>
    <t>01/15/2020 17:45:15</t>
  </si>
  <si>
    <t>01/15/2020 17:45:30</t>
  </si>
  <si>
    <t>01/15/2020 17:47:50</t>
  </si>
  <si>
    <t>01/15/2020 17:46:16</t>
  </si>
  <si>
    <t>01/15/2020 17:46:17</t>
  </si>
  <si>
    <t>01/15/2020 17:46:19</t>
  </si>
  <si>
    <t>01/15/2020 17:46:20</t>
  </si>
  <si>
    <t>01/15/2020 17:46:33</t>
  </si>
  <si>
    <t>01/15/2020 17:46:42</t>
  </si>
  <si>
    <t>0c3bfd66-e942-460f-bd06-bdb30092d647.tmp</t>
  </si>
  <si>
    <t>\\acsfs\profiles$\ingridsm\Downloads\0c3bfd66-e942-460f-bd06-bdb30092d647.tmp</t>
  </si>
  <si>
    <t>01/15/2020 17:44:59</t>
  </si>
  <si>
    <t>01/15/2020 17:45:16</t>
  </si>
  <si>
    <t>01/15/2020 17:45:28</t>
  </si>
  <si>
    <t>01/15/2020 17:45:39</t>
  </si>
  <si>
    <t>01/15/2020 17:45:41</t>
  </si>
  <si>
    <t>01/15/2020 17:45:42</t>
  </si>
  <si>
    <t>01/15/2020 17:45:43</t>
  </si>
  <si>
    <t>01/15/2020 17:46:32</t>
  </si>
  <si>
    <t>01/15/2020 17:46:34</t>
  </si>
  <si>
    <t>01/15/2020 17:46:36</t>
  </si>
  <si>
    <t>01/15/2020 17:46:38</t>
  </si>
  <si>
    <t>01/15/2020 17:46:40</t>
  </si>
  <si>
    <t>01/15/2020 17:46:55</t>
  </si>
  <si>
    <t>01/15/2020 17:46:58</t>
  </si>
  <si>
    <t>01/15/2020 17:47:00</t>
  </si>
  <si>
    <t>01/15/2020 17:47:02</t>
  </si>
  <si>
    <t>01/15/2020 17:47:04</t>
  </si>
  <si>
    <t>01/15/2020 17:48:50</t>
  </si>
  <si>
    <t>01/15/2020 17:47:05</t>
  </si>
  <si>
    <t>01/15/2020 17:47:08</t>
  </si>
  <si>
    <t>01/15/2020 17:47:09</t>
  </si>
  <si>
    <t>01/15/2020 17:47:12</t>
  </si>
  <si>
    <t>01/15/2020 17:47:14</t>
  </si>
  <si>
    <t>01/15/2020 17:47:16</t>
  </si>
  <si>
    <t>01/15/2020 17:47:18</t>
  </si>
  <si>
    <t>01/15/2020 17:47:20</t>
  </si>
  <si>
    <t>01/15/2020 17:47:22</t>
  </si>
  <si>
    <t>\\acsfs\profiles$\leonardocb\Saved Games\</t>
  </si>
  <si>
    <t>75c259bd-3867-4773-a649-78c686a93983.tmp</t>
  </si>
  <si>
    <t>\\acsfs\profiles$\nathaliaos\Downloads\75c259bd-3867-4773-a649-78c686a93983.tmp</t>
  </si>
  <si>
    <t>01/15/2020 17:47:32</t>
  </si>
  <si>
    <t>01/15/2020 17:49:51</t>
  </si>
  <si>
    <t>01/15/2020 17:46:48</t>
  </si>
  <si>
    <t>487a074d-e16b-4c1a-932b-a0a246d3248b.tmp</t>
  </si>
  <si>
    <t>\\acsfs\profiles$\myllenardl\Downloads\487a074d-e16b-4c1a-932b-a0a246d3248b.tmp</t>
  </si>
  <si>
    <t>01/15/2020 17:50:45</t>
  </si>
  <si>
    <t>01/15/2020 17:51:50</t>
  </si>
  <si>
    <t>679b722f-c4b7-4c61-b236-63583ae6591f.tmp</t>
  </si>
  <si>
    <t>\\acsfs\profiles$\andrezacapf\Downloads\679b722f-c4b7-4c61-b236-63583ae6591f.tmp</t>
  </si>
  <si>
    <t>01/15/2020 17:51:51</t>
  </si>
  <si>
    <t>01/15/2020 17:52:50</t>
  </si>
  <si>
    <t>01/15/2020 17:48:02</t>
  </si>
  <si>
    <t>01/15/2020 17:49:47</t>
  </si>
  <si>
    <t>01/15/2020 17:50:12</t>
  </si>
  <si>
    <t>01/15/2020 17:50:27</t>
  </si>
  <si>
    <t>01/15/2020 17:50:30</t>
  </si>
  <si>
    <t>01/15/2020 17:50:34</t>
  </si>
  <si>
    <t>01/15/2020 17:50:44</t>
  </si>
  <si>
    <t>01/15/2020 17:50:47</t>
  </si>
  <si>
    <t>01/15/2020 17:51:52</t>
  </si>
  <si>
    <t>01/15/2020 17:51:55</t>
  </si>
  <si>
    <t>01/15/2020 17:50:18</t>
  </si>
  <si>
    <t>01/15/2020 17:53:50</t>
  </si>
  <si>
    <t>c93c7a76-796a-4e3c-9dfb-6e7e9d3c65d1.tmp</t>
  </si>
  <si>
    <t>\\acsfs\profiles$\leonardocb\Downloads\c93c7a76-796a-4e3c-9dfb-6e7e9d3c65d1.tmp</t>
  </si>
  <si>
    <t>9390c116-67e4-45d6-aa33-6f5075b997f6.tmp</t>
  </si>
  <si>
    <t>\\acsfs\profiles$\leonardocb\Downloads\9390c116-67e4-45d6-aa33-6f5075b997f6.tmp</t>
  </si>
  <si>
    <t>01/15/2020 17:49:06</t>
  </si>
  <si>
    <t>01/15/2020 17:48:21</t>
  </si>
  <si>
    <t>01/15/2020 17:53:08</t>
  </si>
  <si>
    <t>01/15/2020 17:49:40</t>
  </si>
  <si>
    <t>01/15/2020 17:49:45</t>
  </si>
  <si>
    <t>01/15/2020 17:50:05</t>
  </si>
  <si>
    <t>01/15/2020 17:50:42</t>
  </si>
  <si>
    <t>01/15/2020 17:52:23</t>
  </si>
  <si>
    <t>01/15/2020 17:54:25</t>
  </si>
  <si>
    <t>01/15/2020 17:55:50</t>
  </si>
  <si>
    <t>876a430c-5dc2-4e73-a6ca-e1d80c9fed12.tmp</t>
  </si>
  <si>
    <t>\\acsfs\profiles$\taylaedoa\Downloads\876a430c-5dc2-4e73-a6ca-e1d80c9fed12.tmp</t>
  </si>
  <si>
    <t>01/15/2020 17:55:11</t>
  </si>
  <si>
    <t>01/15/2020 17:56:50</t>
  </si>
  <si>
    <t>01/15/2020 17:54:23</t>
  </si>
  <si>
    <t>01/15/2020 17:57:50</t>
  </si>
  <si>
    <t>70ca2c46-4b93-4f31-85dd-2d080095a0d0.tmp</t>
  </si>
  <si>
    <t>\\acsfs\profiles$\laurandos\Downloads\70ca2c46-4b93-4f31-85dd-2d080095a0d0.tmp</t>
  </si>
  <si>
    <t>01/15/2020 17:53:25</t>
  </si>
  <si>
    <t>01/15/2020 17:54:22</t>
  </si>
  <si>
    <t>01/15/2020 17:55:26</t>
  </si>
  <si>
    <t>01/15/2020 17:56:10</t>
  </si>
  <si>
    <t>01/15/2020 17:56:53</t>
  </si>
  <si>
    <t>01/15/2020 17:57:00</t>
  </si>
  <si>
    <t>01/15/2020 17:55:55</t>
  </si>
  <si>
    <t>01/15/2020 17:53:53</t>
  </si>
  <si>
    <t>586c022f-a8c9-4699-93e4-9873dddae883.tmp</t>
  </si>
  <si>
    <t>\\acsfs\profiles$\ciceraads\Downloads\586c022f-a8c9-4699-93e4-9873dddae883.tmp</t>
  </si>
  <si>
    <t>01/15/2020 17:54:14</t>
  </si>
  <si>
    <t>567ace28-494f-4973-9dca-f76b1a0ec49f.tmp</t>
  </si>
  <si>
    <t>\\acsfs\profiles$\ciceraads\Downloads\567ace28-494f-4973-9dca-f76b1a0ec49f.tmp</t>
  </si>
  <si>
    <t>01/15/2020 17:54:24</t>
  </si>
  <si>
    <t>129b1795-6d80-4bc1-8f3f-6c62394ebb3b.tmp</t>
  </si>
  <si>
    <t>\\acsfs\profiles$\ciceraads\Downloads\129b1795-6d80-4bc1-8f3f-6c62394ebb3b.tmp</t>
  </si>
  <si>
    <t>01/15/2020 17:56:46</t>
  </si>
  <si>
    <t>Não confirmado 916928.crdownload</t>
  </si>
  <si>
    <t>\\acsfs\profiles$\ciceraads\Downloads\Não confirmado 916928.crdownload</t>
  </si>
  <si>
    <t>01/15/2020 17:56:49</t>
  </si>
  <si>
    <t>4a800751-3adc-4050-ba88-adb9ccd9e9ce.tmp</t>
  </si>
  <si>
    <t>\\acsfs\profiles$\joycemmdl\Downloads\4a800751-3adc-4050-ba88-adb9ccd9e9ce.tmp</t>
  </si>
  <si>
    <t>5d5e6675-3cd2-42fa-829c-12128b6b95f6.tmp</t>
  </si>
  <si>
    <t>\\acsfs\profiles$\joycemmdl\Downloads\5d5e6675-3cd2-42fa-829c-12128b6b95f6.tmp</t>
  </si>
  <si>
    <t>01/15/2020 17:58:50</t>
  </si>
  <si>
    <t>01/15/2020 17:58:10</t>
  </si>
  <si>
    <t>thaisyms</t>
  </si>
  <si>
    <t>https://udpwfmniceap02/web/guest/home?p_auth=pdr81ncs&amp;p_p_id=58&amp;p_p_lifecycle=1&amp;p_p_state=maximized&amp;p_p_mode=view&amp;savelastpath=0&amp;_58_struts_action=/login/forgot_password</t>
  </si>
  <si>
    <t>01/15/2020 17:57:51</t>
  </si>
  <si>
    <t>01/15/2020 17:58:02</t>
  </si>
  <si>
    <t>01/15/2020 17:58:14</t>
  </si>
  <si>
    <t>01/15/2020 18:00:50</t>
  </si>
  <si>
    <t>01/15/2020 18:01:50</t>
  </si>
  <si>
    <t>01/15/2020 18:02:50</t>
  </si>
  <si>
    <t>01/15/2020 18:01:20</t>
  </si>
  <si>
    <t>01/15/2020 18:01:31</t>
  </si>
  <si>
    <t>01/15/2020 18:01:32</t>
  </si>
  <si>
    <t>01/15/2020 18:02:03</t>
  </si>
  <si>
    <t>01/15/2020 18:01:00</t>
  </si>
  <si>
    <t>4fe19ef0-246d-4d47-a038-e2aca21b6092.tmp</t>
  </si>
  <si>
    <t>\\acsfs\profiles$\laylaams\Downloads\4fe19ef0-246d-4d47-a038-e2aca21b6092.tmp</t>
  </si>
  <si>
    <t>01/15/2020 17:58:22</t>
  </si>
  <si>
    <t>01/15/2020 18:03:50</t>
  </si>
  <si>
    <t>01/15/2020 18:01:45</t>
  </si>
  <si>
    <t>01/15/2020 18:02:08</t>
  </si>
  <si>
    <t>01/15/2020 18:02:09</t>
  </si>
  <si>
    <t>01/15/2020 17:59:16</t>
  </si>
  <si>
    <t>01/15/2020 18:02:49</t>
  </si>
  <si>
    <t>01/15/2020 18:04:50</t>
  </si>
  <si>
    <t>3d50a7f5-4204-495c-819e-6c1be494ab71.tmp</t>
  </si>
  <si>
    <t>\\acsfs\profiles$\fernandofs\Downloads\3d50a7f5-4204-495c-819e-6c1be494ab71.tmp</t>
  </si>
  <si>
    <t>01/15/2020 18:04:53</t>
  </si>
  <si>
    <t>01/15/2020 18:05:50</t>
  </si>
  <si>
    <t>4fa90895-0476-49e6-a0a5-d3da61264794.tmp</t>
  </si>
  <si>
    <t>\\acsfs\profiles$\taylaedoa\Downloads\4fa90895-0476-49e6-a0a5-d3da61264794.tmp</t>
  </si>
  <si>
    <t>01/15/2020 18:06:50</t>
  </si>
  <si>
    <t>01/15/2020 18:07:50</t>
  </si>
  <si>
    <t>01/15/2020 18:02:54</t>
  </si>
  <si>
    <t>01/15/2020 18:04:30</t>
  </si>
  <si>
    <t>01/15/2020 18:05:02</t>
  </si>
  <si>
    <t>01/15/2020 18:05:13</t>
  </si>
  <si>
    <t>01/15/2020 18:05:31</t>
  </si>
  <si>
    <t>01/15/2020 18:05:34</t>
  </si>
  <si>
    <t>01/15/2020 18:05:38</t>
  </si>
  <si>
    <t>01/15/2020 18:06:16</t>
  </si>
  <si>
    <t>8047f8c5-8781-40cb-b3f7-44fd16185731.tmp</t>
  </si>
  <si>
    <t>\\acsfs\profiles$\ciceraads\Downloads\8047f8c5-8781-40cb-b3f7-44fd16185731.tmp</t>
  </si>
  <si>
    <t>01/15/2020 18:07:08</t>
  </si>
  <si>
    <t>a633f040-9d1e-4e64-8655-3d11318faa1d.tmp</t>
  </si>
  <si>
    <t>\\acsfs\profiles$\laylaams\Downloads\a633f040-9d1e-4e64-8655-3d11318faa1d.tmp</t>
  </si>
  <si>
    <t>01/15/2020 18:08:50</t>
  </si>
  <si>
    <t>01/15/2020 18:06:06</t>
  </si>
  <si>
    <t>01/15/2020 18:04:33</t>
  </si>
  <si>
    <t>01/15/2020 18:04:39</t>
  </si>
  <si>
    <t>01/15/2020 18:05:33</t>
  </si>
  <si>
    <t>01/15/2020 18:05:58</t>
  </si>
  <si>
    <t>01/15/2020 18:06:31</t>
  </si>
  <si>
    <t>01/15/2020 18:06:45</t>
  </si>
  <si>
    <t>01/15/2020 18:06:49</t>
  </si>
  <si>
    <t>01/15/2020 18:07:12</t>
  </si>
  <si>
    <t>01/15/2020 18:07:27</t>
  </si>
  <si>
    <t>01/15/2020 18:07:55</t>
  </si>
  <si>
    <t>01/15/2020 18:08:11</t>
  </si>
  <si>
    <t>01/15/2020 18:08:14</t>
  </si>
  <si>
    <t>01/15/2020 18:08:22</t>
  </si>
  <si>
    <t>01/15/2020 18:07:52</t>
  </si>
  <si>
    <t>01/15/2020 18:09:49</t>
  </si>
  <si>
    <t>01/15/2020 18:09:25</t>
  </si>
  <si>
    <t>01/15/2020 18:10:50</t>
  </si>
  <si>
    <t>01/15/2020 18:08:41</t>
  </si>
  <si>
    <t>01/15/2020 18:09:43</t>
  </si>
  <si>
    <t>01/15/2020 18:11:50</t>
  </si>
  <si>
    <t>01/15/2020 18:09:46</t>
  </si>
  <si>
    <t>01/15/2020 18:09:47</t>
  </si>
  <si>
    <t>01/15/2020 18:09:48</t>
  </si>
  <si>
    <t>01/15/2020 18:09:50</t>
  </si>
  <si>
    <t>01/15/2020 18:09:51</t>
  </si>
  <si>
    <t>01/15/2020 18:09:52</t>
  </si>
  <si>
    <t>01/15/2020 18:09:53</t>
  </si>
  <si>
    <t>01/15/2020 18:09:54</t>
  </si>
  <si>
    <t>01/15/2020 18:09:56</t>
  </si>
  <si>
    <t>01/15/2020 18:09:57</t>
  </si>
  <si>
    <t>01/15/2020 18:09:58</t>
  </si>
  <si>
    <t>01/15/2020 18:09:59</t>
  </si>
  <si>
    <t>01/15/2020 18:10:00</t>
  </si>
  <si>
    <t>01/15/2020 18:10:02</t>
  </si>
  <si>
    <t>01/15/2020 18:10:03</t>
  </si>
  <si>
    <t>01/15/2020 18:10:05</t>
  </si>
  <si>
    <t>01/15/2020 18:10:07</t>
  </si>
  <si>
    <t>01/15/2020 18:10:08</t>
  </si>
  <si>
    <t>01/15/2020 18:10:09</t>
  </si>
  <si>
    <t>01/15/2020 18:10:10</t>
  </si>
  <si>
    <t>01/15/2020 18:10:11</t>
  </si>
  <si>
    <t>01/15/2020 18:10:13</t>
  </si>
  <si>
    <t>01/15/2020 18:10:15</t>
  </si>
  <si>
    <t>01/15/2020 18:10:16</t>
  </si>
  <si>
    <t>01/15/2020 18:10:17</t>
  </si>
  <si>
    <t>01/15/2020 18:10:18</t>
  </si>
  <si>
    <t>01/15/2020 18:10:19</t>
  </si>
  <si>
    <t>01/15/2020 18:10:20</t>
  </si>
  <si>
    <t>01/15/2020 18:10:21</t>
  </si>
  <si>
    <t>01/15/2020 18:10:22</t>
  </si>
  <si>
    <t>01/15/2020 18:10:24</t>
  </si>
  <si>
    <t>01/15/2020 18:10:25</t>
  </si>
  <si>
    <t>01/15/2020 18:10:40</t>
  </si>
  <si>
    <t>01/15/2020 18:11:06</t>
  </si>
  <si>
    <t>01/15/2020 18:12:50</t>
  </si>
  <si>
    <t>01/15/2020 18:11:15</t>
  </si>
  <si>
    <t>a7731c44-698e-445a-8eaa-245afe723de8.tmp</t>
  </si>
  <si>
    <t>\\acsfs\profiles$\nycolleemdj\Downloads\a7731c44-698e-445a-8eaa-245afe723de8.tmp</t>
  </si>
  <si>
    <t>01/15/2020 18:08:23</t>
  </si>
  <si>
    <t>01/15/2020 18:13:50</t>
  </si>
  <si>
    <t>01/15/2020 18:13:52</t>
  </si>
  <si>
    <t>01/15/2020 18:14:50</t>
  </si>
  <si>
    <t>0bb1fcee-ad58-48ea-a262-208bdb2e5c43.tmp</t>
  </si>
  <si>
    <t>\\acsfs\profiles$\brendadsl\Downloads\0bb1fcee-ad58-48ea-a262-208bdb2e5c43.tmp</t>
  </si>
  <si>
    <t>01/15/2020 18:13:06</t>
  </si>
  <si>
    <t>01/15/2020 18:16:50</t>
  </si>
  <si>
    <t>397aee90-ad92-4f96-9f99-ae0276ea4ea8.tmp</t>
  </si>
  <si>
    <t>\\acsfs\profiles$\nathaliaos\Downloads\397aee90-ad92-4f96-9f99-ae0276ea4ea8.tmp</t>
  </si>
  <si>
    <t>01/15/2020 18:14:37</t>
  </si>
  <si>
    <t>4c1eee2e-efb7-476e-8386-b68a5be6bfdc.tmp</t>
  </si>
  <si>
    <t>\\acsfs\profiles$\nathaliaos\Downloads\4c1eee2e-efb7-476e-8386-b68a5be6bfdc.tmp</t>
  </si>
  <si>
    <t>01/15/2020 18:17:49</t>
  </si>
  <si>
    <t>01/15/2020 18:13:54</t>
  </si>
  <si>
    <t>01/15/2020 18:13:58</t>
  </si>
  <si>
    <t>01/15/2020 18:13:57</t>
  </si>
  <si>
    <t>image2020-01-15-171638.zip</t>
  </si>
  <si>
    <t>\\acsfs\Deptos\Operacao\Banco_Votorantim\Supervisao\Maristela\CRBV vendas\Desligamento\image2020-01-15-171638.zip\</t>
  </si>
  <si>
    <t>image2020-01-15-171638.pdf</t>
  </si>
  <si>
    <t>01/15/2020 18:15:07</t>
  </si>
  <si>
    <t>https://algar.folhasinergyrh.com.br/rescisao/upload?id=0&amp;idsolicitacao=21537&amp;idprerescisao=0</t>
  </si>
  <si>
    <t>15/01/2020;</t>
  </si>
  <si>
    <t>https://15/01/2020</t>
  </si>
  <si>
    <t>01/15/2020 18:14:22</t>
  </si>
  <si>
    <t>01/15/2020 18:18:50</t>
  </si>
  <si>
    <t>0da86dcb-275d-4a47-85cd-acef2809c1d2.tmp</t>
  </si>
  <si>
    <t>\\acsfs\profiles$\erichds\Downloads\0da86dcb-275d-4a47-85cd-acef2809c1d2.tmp</t>
  </si>
  <si>
    <t>Advertência Cinthia.pdf</t>
  </si>
  <si>
    <t>01/15/2020 18:18:28</t>
  </si>
  <si>
    <t>01/15/2020 18:20:50</t>
  </si>
  <si>
    <t>306e214d-0b08-416c-86be-c9f4add2be82.tmp</t>
  </si>
  <si>
    <t>\\acsfs\profiles$\Adrieledgc\Downloads\306e214d-0b08-416c-86be-c9f4add2be82.tmp</t>
  </si>
  <si>
    <t>01/15/2020 18:21:50</t>
  </si>
  <si>
    <t>01/15/2020 18:22:47</t>
  </si>
  <si>
    <t>01/15/2020 18:23:50</t>
  </si>
  <si>
    <t>01/15/2020 18:23:08</t>
  </si>
  <si>
    <t>bfe1d287-5c6d-49c1-89ff-c39f21a334e4.tmp</t>
  </si>
  <si>
    <t>\\acsfs\profiles$\nycolleemdj\Downloads\bfe1d287-5c6d-49c1-89ff-c39f21a334e4.tmp</t>
  </si>
  <si>
    <t>01/15/2020 18:23:43</t>
  </si>
  <si>
    <t>81473b98-842c-4b7d-81de-674d7280b4a9.tmp</t>
  </si>
  <si>
    <t>\\acsfs\profiles$\nycolleemdj\Downloads\81473b98-842c-4b7d-81de-674d7280b4a9.tmp</t>
  </si>
  <si>
    <t>01/15/2020 18:24:50</t>
  </si>
  <si>
    <t>01/15/2020 18:24:45</t>
  </si>
  <si>
    <t>01/15/2020 18:22:48</t>
  </si>
  <si>
    <t>01/15/2020 18:25:50</t>
  </si>
  <si>
    <t>01/15/2020 18:24:19</t>
  </si>
  <si>
    <t>01/15/2020 18:26:50</t>
  </si>
  <si>
    <t>01/15/2020 18:23:00</t>
  </si>
  <si>
    <t>01/15/2020 18:26:15</t>
  </si>
  <si>
    <t>01/15/2020 18:27:13</t>
  </si>
  <si>
    <t>01/15/2020 18:27:15</t>
  </si>
  <si>
    <t>01/15/2020 18:28:50</t>
  </si>
  <si>
    <t>01/15/2020 18:27:44</t>
  </si>
  <si>
    <t>01/15/2020 18:24:34</t>
  </si>
  <si>
    <t>b27955f0-4b40-4d20-9b34-30c433b3628c.tmp</t>
  </si>
  <si>
    <t>\\acsfs\profiles$\nycolleemdj\Downloads\b27955f0-4b40-4d20-9b34-30c433b3628c.tmp</t>
  </si>
  <si>
    <t>01/15/2020 18:27:23</t>
  </si>
  <si>
    <t>01/15/2020 18:29:49</t>
  </si>
  <si>
    <t>261e99e1-4b7c-4dbd-aad1-f7daf02d39b2.tmp</t>
  </si>
  <si>
    <t>\\acsfs\profiles$\rafaelacdoc\Downloads\261e99e1-4b7c-4dbd-aad1-f7daf02d39b2.tmp</t>
  </si>
  <si>
    <t>01/15/2020 18:26:24</t>
  </si>
  <si>
    <t>01/15/2020 18:30:50</t>
  </si>
  <si>
    <t>01/15/2020 18:29:25</t>
  </si>
  <si>
    <t>01/15/2020 18:31:50</t>
  </si>
  <si>
    <t>01/15/2020 18:29:39</t>
  </si>
  <si>
    <t>811793dd-a320-4b24-9399-3f2a31e66838.tmp</t>
  </si>
  <si>
    <t>\\acsfs\profiles$\myllenardl\Downloads\811793dd-a320-4b24-9399-3f2a31e66838.tmp</t>
  </si>
  <si>
    <t>01/15/2020 18:29:45</t>
  </si>
  <si>
    <t>78d5077f-d674-462e-8974-7c9e967e62a0.tmp</t>
  </si>
  <si>
    <t>\\acsfs\profiles$\myllenardl\Downloads\78d5077f-d674-462e-8974-7c9e967e62a0.tmp</t>
  </si>
  <si>
    <t>01/15/2020 18:31:06</t>
  </si>
  <si>
    <t>66652bfd-a581-4faf-987c-d8c90002df18.tmp</t>
  </si>
  <si>
    <t>\\acsfs\profiles$\myllenardl\Downloads\66652bfd-a581-4faf-987c-d8c90002df18.tmp</t>
  </si>
  <si>
    <t>01/15/2020 18:28:38</t>
  </si>
  <si>
    <t>01/15/2020 18:29:38</t>
  </si>
  <si>
    <t>01/15/2020 18:32:50</t>
  </si>
  <si>
    <t>e05c3adf-2345-4bf9-8fdd-c358f2768339.tmp</t>
  </si>
  <si>
    <t>\\acsfs\profiles$\laurandos\Downloads\e05c3adf-2345-4bf9-8fdd-c358f2768339.tmp</t>
  </si>
  <si>
    <t>01/15/2020 18:30:19</t>
  </si>
  <si>
    <t>01/15/2020 18:31:11</t>
  </si>
  <si>
    <t>01/15/2020 18:32:45</t>
  </si>
  <si>
    <t>01/15/2020 18:33:50</t>
  </si>
  <si>
    <t>01/15/2020 18:34:49</t>
  </si>
  <si>
    <t>01/15/2020 18:31:20</t>
  </si>
  <si>
    <t>01/15/2020 18:31:22</t>
  </si>
  <si>
    <t>01/15/2020 18:34:00</t>
  </si>
  <si>
    <t>01/15/2020 18:35:50</t>
  </si>
  <si>
    <t>01/15/2020 18:31:38</t>
  </si>
  <si>
    <t>01/15/2020 18:36:50</t>
  </si>
  <si>
    <t>dc60c754-249a-4f89-a91c-fa7e9cea42f8.tmp</t>
  </si>
  <si>
    <t>\\acsfs\profiles$\nathaliaos\Downloads\dc60c754-249a-4f89-a91c-fa7e9cea42f8.tmp</t>
  </si>
  <si>
    <t>01/15/2020 18:36:51</t>
  </si>
  <si>
    <t>01/15/2020 18:35:14</t>
  </si>
  <si>
    <t>01/15/2020 18:39:50</t>
  </si>
  <si>
    <t>13186c40-f1f8-4b0b-ac72-0f7f7113f696.tmp</t>
  </si>
  <si>
    <t>\\acsfs\profiles$\rafaelacdoc\Downloads\13186c40-f1f8-4b0b-ac72-0f7f7113f696.tmp</t>
  </si>
  <si>
    <t>01/15/2020 18:36:45</t>
  </si>
  <si>
    <t>765d282e-5036-4050-aef8-b9207e9091e1.tmp</t>
  </si>
  <si>
    <t>\\acsfs\profiles$\rafaelacdoc\Downloads\765d282e-5036-4050-aef8-b9207e9091e1.tmp</t>
  </si>
  <si>
    <t>01/15/2020 18:41:50</t>
  </si>
  <si>
    <t>01/15/2020 18:42:50</t>
  </si>
  <si>
    <t>01/15/2020 18:39:45</t>
  </si>
  <si>
    <t>a332781d-6135-4962-b70b-cd1c8da03e84.tmp</t>
  </si>
  <si>
    <t>\\acsfs\profiles$\victorgl\Downloads\a332781d-6135-4962-b70b-cd1c8da03e84.tmp</t>
  </si>
  <si>
    <t>01/15/2020 18:40:41</t>
  </si>
  <si>
    <t>e3d16961-0e96-4318-8f49-12e178498c78.tmp</t>
  </si>
  <si>
    <t>\\acsfs\profiles$\victorgl\Downloads\e3d16961-0e96-4318-8f49-12e178498c78.tmp</t>
  </si>
  <si>
    <t>01/15/2020 18:40:46</t>
  </si>
  <si>
    <t>01/15/2020 18:43:50</t>
  </si>
  <si>
    <t>5658cebe-253d-467a-b3e3-33e1925f97d4.tmp</t>
  </si>
  <si>
    <t>\\acsfs\profiles$\cintiadjl\Downloads\5658cebe-253d-467a-b3e3-33e1925f97d4.tmp</t>
  </si>
  <si>
    <t>01/15/2020 18:43:17</t>
  </si>
  <si>
    <t>01/15/2020 18:44:50</t>
  </si>
  <si>
    <t>8fd0bac7-33c6-4bcf-836f-3172b18212da.tmp</t>
  </si>
  <si>
    <t>\\acsfs\profiles$\brendadsl\Downloads\8fd0bac7-33c6-4bcf-836f-3172b18212da.tmp</t>
  </si>
  <si>
    <t>01/15/2020 18:41:40</t>
  </si>
  <si>
    <t>01/15/2020 18:43:32</t>
  </si>
  <si>
    <t>01/15/2020 18:46:50</t>
  </si>
  <si>
    <t>01/15/2020 18:47:49</t>
  </si>
  <si>
    <t>01/15/2020 18:45:41</t>
  </si>
  <si>
    <t>01/15/2020 18:43:30</t>
  </si>
  <si>
    <t>01/15/2020 18:44:38</t>
  </si>
  <si>
    <t>01/15/2020 18:45:46</t>
  </si>
  <si>
    <t>01/15/2020 18:48:50</t>
  </si>
  <si>
    <t>01/15/2020 18:46:52</t>
  </si>
  <si>
    <t>84e0ac62-8343-4db2-8f7a-bdf934aa44aa.tmp</t>
  </si>
  <si>
    <t>\\acsfs\profiles$\cintiadjl\Downloads\84e0ac62-8343-4db2-8f7a-bdf934aa44aa.tmp</t>
  </si>
  <si>
    <t>01/15/2020 18:47:40</t>
  </si>
  <si>
    <t>4e8c0553-9d8d-42ed-8d8b-7483f346ba73.tmp</t>
  </si>
  <si>
    <t>\\acsfs\profiles$\cintiadjl\Downloads\4e8c0553-9d8d-42ed-8d8b-7483f346ba73.tmp</t>
  </si>
  <si>
    <t>01/15/2020 18:46:55</t>
  </si>
  <si>
    <t>01/15/2020 18:50:50</t>
  </si>
  <si>
    <t>01/15/2020 18:51:50</t>
  </si>
  <si>
    <t>01/15/2020 18:52:50</t>
  </si>
  <si>
    <t>01/15/2020 18:48:01</t>
  </si>
  <si>
    <t>01/15/2020 18:48:02</t>
  </si>
  <si>
    <t>01/15/2020 18:48:09</t>
  </si>
  <si>
    <t>01/15/2020 18:48:21</t>
  </si>
  <si>
    <t>01/15/2020 18:48:25</t>
  </si>
  <si>
    <t>01/15/2020 18:48:28</t>
  </si>
  <si>
    <t>01/15/2020 18:48:40</t>
  </si>
  <si>
    <t>01/15/2020 18:48:44</t>
  </si>
  <si>
    <t>01/15/2020 18:48:47</t>
  </si>
  <si>
    <t>01/15/2020 18:48:55</t>
  </si>
  <si>
    <t>01/15/2020 18:52:45</t>
  </si>
  <si>
    <t>01/15/2020 18:53:50</t>
  </si>
  <si>
    <t>01/15/2020 18:51:53</t>
  </si>
  <si>
    <t>01/15/2020 18:54:50</t>
  </si>
  <si>
    <t>10.200.66.197</t>
  </si>
  <si>
    <t>otaidesadsj</t>
  </si>
  <si>
    <t>https://udpwfmniceap02/web/guest/home?p_auth=mloh4far&amp;p_p_id=58&amp;p_p_lifecycle=1&amp;p_p_state=maximized&amp;p_p_mode=view&amp;savelastpath=0&amp;_58_struts_action=/login/forgot_password</t>
  </si>
  <si>
    <t>01/15/2020 18:52:35</t>
  </si>
  <si>
    <t>01/15/2020 18:55:50</t>
  </si>
  <si>
    <t>01/15/2020 18:53:24</t>
  </si>
  <si>
    <t>01/15/2020 18:51:57</t>
  </si>
  <si>
    <t>01/15/2020 18:56:51</t>
  </si>
  <si>
    <t>26d21527-56ff-4bb4-ba56-dc1697244f52.tmp</t>
  </si>
  <si>
    <t>\\acsfs\profiles$\myllenardl\Downloads\26d21527-56ff-4bb4-ba56-dc1697244f52.tmp</t>
  </si>
  <si>
    <t>01/15/2020 18:55:57</t>
  </si>
  <si>
    <t>01/15/2020 18:57:50</t>
  </si>
  <si>
    <t>01/15/2020 18:55:37</t>
  </si>
  <si>
    <t>01/15/2020 18:58:50</t>
  </si>
  <si>
    <t>01/15/2020 18:57:18</t>
  </si>
  <si>
    <t>01/15/2020 18:55:54</t>
  </si>
  <si>
    <t>01/15/2020 18:59:50</t>
  </si>
  <si>
    <t>41cd1bc0-3f63-49b2-8b70-a94d58a89ae8.tmp</t>
  </si>
  <si>
    <t>\\acsfs\profiles$\brendadsl\Downloads\41cd1bc0-3f63-49b2-8b70-a94d58a89ae8.tmp</t>
  </si>
  <si>
    <t>01/15/2020 18:56:37</t>
  </si>
  <si>
    <t>4cbd7f4f-59cf-4bb9-bd58-6653ff53b220.tmp</t>
  </si>
  <si>
    <t>\\acsfs\profiles$\brendadsl\Downloads\4cbd7f4f-59cf-4bb9-bd58-6653ff53b220.tmp</t>
  </si>
  <si>
    <t>01/15/2020 18:56:47</t>
  </si>
  <si>
    <t>5299a72e-1ccd-4127-a848-469caea53572.tmp</t>
  </si>
  <si>
    <t>\\acsfs\profiles$\brendadsl\Downloads\5299a72e-1ccd-4127-a848-469caea53572.tmp</t>
  </si>
  <si>
    <t>01/15/2020 18:59:41</t>
  </si>
  <si>
    <t>01/15/2020 19:00:50</t>
  </si>
  <si>
    <t>1e899643-d58f-40be-9fa6-c752b0de2a06.tmp</t>
  </si>
  <si>
    <t>\\acsfs\profiles$\matheusmax\Downloads\1e899643-d58f-40be-9fa6-c752b0de2a06.tmp</t>
  </si>
  <si>
    <t>01/15/2020 19:00:07</t>
  </si>
  <si>
    <t>62196a97-87b7-4943-b7db-d128b619fd5f.tmp</t>
  </si>
  <si>
    <t>\\acsfs\profiles$\matheusmax\Downloads\62196a97-87b7-4943-b7db-d128b619fd5f.tmp</t>
  </si>
  <si>
    <t>01/15/2020 18:56:00</t>
  </si>
  <si>
    <t>7c4b89fc-4160-478c-b1f5-d528c8bf590f.tmp</t>
  </si>
  <si>
    <t>\\acsfs\profiles$\taylaedoa\Downloads\7c4b89fc-4160-478c-b1f5-d528c8bf590f.tmp</t>
  </si>
  <si>
    <t>01/15/2020 18:59:39</t>
  </si>
  <si>
    <t>86e24f20-c16e-4dad-924a-fc4e29946100.tmp</t>
  </si>
  <si>
    <t>\\acsfs\profiles$\cintiadjl\Downloads\86e24f20-c16e-4dad-924a-fc4e29946100.tmp</t>
  </si>
  <si>
    <t>01/15/2020 19:00:27</t>
  </si>
  <si>
    <t>01/15/2020 19:01:50</t>
  </si>
  <si>
    <t>01/15/2020 19:00:45</t>
  </si>
  <si>
    <t>01/15/2020 19:01:03</t>
  </si>
  <si>
    <t>01/15/2020 19:01:09</t>
  </si>
  <si>
    <t>01/15/2020 18:58:57</t>
  </si>
  <si>
    <t>01/15/2020 19:02:50</t>
  </si>
  <si>
    <t>01/15/2020 18:59:19</t>
  </si>
  <si>
    <t>01/15/2020 19:03:50</t>
  </si>
  <si>
    <t>01/15/2020 19:00:35</t>
  </si>
  <si>
    <t>01/15/2020 19:04:50</t>
  </si>
  <si>
    <t>01/15/2020 19:00:59</t>
  </si>
  <si>
    <t>01/15/2020 19:05:50</t>
  </si>
  <si>
    <t>31cf3e57-59ba-4672-931b-2f52905e0dd7.tmp</t>
  </si>
  <si>
    <t>\\acsfs\profiles$\cintiadjl\Downloads\31cf3e57-59ba-4672-931b-2f52905e0dd7.tmp</t>
  </si>
  <si>
    <t>01/15/2020 19:02:27</t>
  </si>
  <si>
    <t>01/15/2020 19:04:26</t>
  </si>
  <si>
    <t>01/15/2020 19:06:50</t>
  </si>
  <si>
    <t>01/15/2020 19:02:23</t>
  </si>
  <si>
    <t>C:\Users\robsonams\Documents\Diario de bordo - DEZEMBRO.pptx\</t>
  </si>
  <si>
    <t>C:\Users\robsonams\Documents\</t>
  </si>
  <si>
    <t>Diario de bordo - DEZEMBRO.pptx</t>
  </si>
  <si>
    <t>01/15/2020 19:02:26</t>
  </si>
  <si>
    <t>01/15/2020 19:02:36</t>
  </si>
  <si>
    <t>01/15/2020 19:07:50</t>
  </si>
  <si>
    <t>01/15/2020 19:05:41</t>
  </si>
  <si>
    <t>01/15/2020 19:08:50</t>
  </si>
  <si>
    <t>01/15/2020 19:04:34</t>
  </si>
  <si>
    <t>01/15/2020 19:09:50</t>
  </si>
  <si>
    <t>01/15/2020 19:12:50</t>
  </si>
  <si>
    <t>01/15/2020 19:09:47</t>
  </si>
  <si>
    <t>01/15/2020 19:08:42</t>
  </si>
  <si>
    <t>01/15/2020 19:13:51</t>
  </si>
  <si>
    <t>01/15/2020 19:10:59</t>
  </si>
  <si>
    <t>01/15/2020 19:11:58</t>
  </si>
  <si>
    <t>01/15/2020 19:15:50</t>
  </si>
  <si>
    <t>d3637d94-9846-438b-b593-332ce7038e8e.tmp</t>
  </si>
  <si>
    <t>\\acsfs\profiles$\fabianafv\Downloads\d3637d94-9846-438b-b593-332ce7038e8e.tmp</t>
  </si>
  <si>
    <t>01/15/2020 19:13:59</t>
  </si>
  <si>
    <t>01/15/2020 19:14:26</t>
  </si>
  <si>
    <t>01/15/2020 19:17:50</t>
  </si>
  <si>
    <t>01/15/2020 19:15:18</t>
  </si>
  <si>
    <t>01/15/2020 19:18:51</t>
  </si>
  <si>
    <t>f2261d68-6270-43ea-9601-ed8faafa5eb1.tmp</t>
  </si>
  <si>
    <t>\\acsfs\profiles$\erichds\Downloads\f2261d68-6270-43ea-9601-ed8faafa5eb1.tmp</t>
  </si>
  <si>
    <t>01/15/2020 19:19:47</t>
  </si>
  <si>
    <t>01/15/2020 19:20:50</t>
  </si>
  <si>
    <t>01/15/2020 19:22:50</t>
  </si>
  <si>
    <t>01/15/2020 19:18:17</t>
  </si>
  <si>
    <t>01/15/2020 19:18:55</t>
  </si>
  <si>
    <t>01/15/2020 19:23:27</t>
  </si>
  <si>
    <t>01/15/2020 19:25:50</t>
  </si>
  <si>
    <t>bc26887e-a979-48d5-b75a-8537b2ccd3ff.tmp</t>
  </si>
  <si>
    <t>\\acsfs\profiles$\matheusmax\Downloads\bc26887e-a979-48d5-b75a-8537b2ccd3ff.tmp</t>
  </si>
  <si>
    <t>01/15/2020 19:27:50</t>
  </si>
  <si>
    <t>01/15/2020 19:24:46</t>
  </si>
  <si>
    <t>01/15/2020 19:26:33</t>
  </si>
  <si>
    <t>01/15/2020 19:29:51</t>
  </si>
  <si>
    <t>01/15/2020 19:32:50</t>
  </si>
  <si>
    <t>01/15/2020 19:32:09</t>
  </si>
  <si>
    <t>01/15/2020 19:34:50</t>
  </si>
  <si>
    <t>2ca6e92e-a403-4745-9b4f-f7d26eed7682.tmp</t>
  </si>
  <si>
    <t>\\acsfs\profiles$\brendadsl\Downloads\2ca6e92e-a403-4745-9b4f-f7d26eed7682.tmp</t>
  </si>
  <si>
    <t>01/15/2020 19:32:07</t>
  </si>
  <si>
    <t>01/15/2020 19:30:28</t>
  </si>
  <si>
    <t>01/15/2020 19:35:50</t>
  </si>
  <si>
    <t>01/15/2020 19:30:34</t>
  </si>
  <si>
    <t>01/15/2020 19:33:29</t>
  </si>
  <si>
    <t>01/15/2020 19:37:49</t>
  </si>
  <si>
    <t>01/15/2020 19:38:03</t>
  </si>
  <si>
    <t>01/15/2020 19:38:49</t>
  </si>
  <si>
    <t>01/15/2020 19:36:12</t>
  </si>
  <si>
    <t>01/15/2020 19:40:49</t>
  </si>
  <si>
    <t>01/15/2020 19:42:49</t>
  </si>
  <si>
    <t>01/15/2020 19:38:07</t>
  </si>
  <si>
    <t>01/15/2020 19:43:49</t>
  </si>
  <si>
    <t>01/15/2020 19:41:01</t>
  </si>
  <si>
    <t>01/15/2020 19:45:49</t>
  </si>
  <si>
    <t>01/15/2020 19:44:48</t>
  </si>
  <si>
    <t>01/15/2020 19:43:31</t>
  </si>
  <si>
    <t>01/15/2020 19:46:50</t>
  </si>
  <si>
    <t>01/15/2020 19:47:49</t>
  </si>
  <si>
    <t>01/15/2020 19:44:22</t>
  </si>
  <si>
    <t>01/15/2020 19:46:16</t>
  </si>
  <si>
    <t>01/15/2020 19:49:50</t>
  </si>
  <si>
    <t>01/15/2020 19:48:02</t>
  </si>
  <si>
    <t>01/15/2020 19:52:49</t>
  </si>
  <si>
    <t>01/15/2020 19:51:46</t>
  </si>
  <si>
    <t>01/15/2020 19:53:49</t>
  </si>
  <si>
    <t>01/15/2020 19:50:03</t>
  </si>
  <si>
    <t>01/15/2020 19:50:31</t>
  </si>
  <si>
    <t>01/15/2020 19:54:49</t>
  </si>
  <si>
    <t>01/15/2020 19:54:59</t>
  </si>
  <si>
    <t>01/15/2020 19:55:49</t>
  </si>
  <si>
    <t>01/15/2020 19:57:49</t>
  </si>
  <si>
    <t>01/15/2020 19:52:51</t>
  </si>
  <si>
    <t>b9bf050a-b8b7-4b64-a8a6-a91145e3ae95.tmp</t>
  </si>
  <si>
    <t>\\acsfs\profiles$\ingridsm\Downloads\b9bf050a-b8b7-4b64-a8a6-a91145e3ae95.tmp</t>
  </si>
  <si>
    <t>01/15/2020 19:58:14</t>
  </si>
  <si>
    <t>01/15/2020 20:00:49</t>
  </si>
  <si>
    <t>01/15/2020 19:58:24</t>
  </si>
  <si>
    <t>01/15/2020 19:58:35</t>
  </si>
  <si>
    <t>01/15/2020 19:58:36</t>
  </si>
  <si>
    <t>lu1572819c09c.tmp</t>
  </si>
  <si>
    <t>\\acsfs\profiles$\regisedsj\My Documents\lu1572819c09c.tmp</t>
  </si>
  <si>
    <t>\\acsfs\profiles$\regisedsj\My Documents\lu1572819c09c.tmp\</t>
  </si>
  <si>
    <t>\\acsfs\profiles$\regisedsj\My Documents\lu1572819c09c.tmp\META-INF\</t>
  </si>
  <si>
    <t>\\acsfs\profiles$\regisedsj\My Documents\lu1572819c09c.tmp\Thumbnails\</t>
  </si>
  <si>
    <t>01/15/2020 19:58:40</t>
  </si>
  <si>
    <t>01/15/2020 19:59:24</t>
  </si>
  <si>
    <t>01/15/2020 20:01:49</t>
  </si>
  <si>
    <t>01/15/2020 20:02:49</t>
  </si>
  <si>
    <t>01/15/2020 20:01:37</t>
  </si>
  <si>
    <t>01/15/2020 20:03:49</t>
  </si>
  <si>
    <t>01/15/2020 19:59:55</t>
  </si>
  <si>
    <t>01/15/2020 20:04:49</t>
  </si>
  <si>
    <t>01/15/2020 20:03:14</t>
  </si>
  <si>
    <t>01/15/2020 20:05:50</t>
  </si>
  <si>
    <t>lu1572819c09h.tmp</t>
  </si>
  <si>
    <t>\\acsfs\profiles$\regisedsj\My Documents\lu1572819c09h.tmp</t>
  </si>
  <si>
    <t>\\acsfs\profiles$\regisedsj\My Documents\lu1572819c09h.tmp\</t>
  </si>
  <si>
    <t>\\acsfs\profiles$\regisedsj\My Documents\lu1572819c09h.tmp\META-INF\</t>
  </si>
  <si>
    <t>\\acsfs\profiles$\regisedsj\My Documents\lu1572819c09h.tmp\Thumbnails\</t>
  </si>
  <si>
    <t>01/15/2020 20:03:31</t>
  </si>
  <si>
    <t>.~lock.VENDAS ATUALIZADAS JANEIRO.ods#</t>
  </si>
  <si>
    <t>\\acsfs\profiles$\regisedsj\My Documents\.~lock.VENDAS ATUALIZADAS JANEIRO.ods#</t>
  </si>
  <si>
    <t>01/15/2020 20:03:32</t>
  </si>
  <si>
    <t>lu1572819c09m.tmp</t>
  </si>
  <si>
    <t>\\acsfs\profiles$\regisedsj\My Documents\lu1572819c09m.tmp</t>
  </si>
  <si>
    <t>\\acsfs\profiles$\regisedsj\My Documents\lu1572819c09m.tmp\</t>
  </si>
  <si>
    <t>\\acsfs\profiles$\regisedsj\My Documents\lu1572819c09m.tmp\META-INF\</t>
  </si>
  <si>
    <t>\\acsfs\profiles$\regisedsj\My Documents\lu1572819c09m.tmp\Thumbnails\</t>
  </si>
  <si>
    <t>01/15/2020 20:04:44</t>
  </si>
  <si>
    <t>01/15/2020 20:06:03</t>
  </si>
  <si>
    <t>01/15/2020 20:06:49</t>
  </si>
  <si>
    <t>01/15/2020 20:07:49</t>
  </si>
  <si>
    <t>01/15/2020 20:06:53</t>
  </si>
  <si>
    <t>01/15/2020 20:06:54</t>
  </si>
  <si>
    <t>01/15/2020 20:06:55</t>
  </si>
  <si>
    <t>01/15/2020 20:06:56</t>
  </si>
  <si>
    <t>01/15/2020 20:07:00</t>
  </si>
  <si>
    <t>01/15/2020 20:07:01</t>
  </si>
  <si>
    <t>01/15/2020 20:07:02</t>
  </si>
  <si>
    <t>01/15/2020 20:07:03</t>
  </si>
  <si>
    <t>01/15/2020 20:07:04</t>
  </si>
  <si>
    <t>01/15/2020 20:07:05</t>
  </si>
  <si>
    <t>01/15/2020 20:07:06</t>
  </si>
  <si>
    <t>01/15/2020 20:07:07</t>
  </si>
  <si>
    <t>01/15/2020 20:07:13</t>
  </si>
  <si>
    <t>01/15/2020 20:07:17</t>
  </si>
  <si>
    <t>01/15/2020 20:07:22</t>
  </si>
  <si>
    <t>01/15/2020 20:07:23</t>
  </si>
  <si>
    <t>01/15/2020 20:07:24</t>
  </si>
  <si>
    <t>01/15/2020 20:07:26</t>
  </si>
  <si>
    <t>01/15/2020 20:07:28</t>
  </si>
  <si>
    <t>01/15/2020 20:07:33</t>
  </si>
  <si>
    <t>01/15/2020 20:06:16</t>
  </si>
  <si>
    <t>01/15/2020 20:08:49</t>
  </si>
  <si>
    <t>01/15/2020 20:04:16</t>
  </si>
  <si>
    <t>https://joaogvc@algartech.com,leonardoao@algartech.com,marianacds@algartech.com,marianadjc@algartech.com,paulacn@algartech.com,ricardodfm@algartech.com.br,robsonams@algartech.com,taysdss@algartech.com,thiagordu@algartech.com,viniciussg@algartech.com</t>
  </si>
  <si>
    <t>01/15/2020 20:05:13</t>
  </si>
  <si>
    <t>01/15/2020 20:09:50</t>
  </si>
  <si>
    <t>44dbbdb2-cc44-4fd7-baf5-2d9f3a735902.tmp</t>
  </si>
  <si>
    <t>\\acsfs\profiles$\brendadsl\Downloads\44dbbdb2-cc44-4fd7-baf5-2d9f3a735902.tmp</t>
  </si>
  <si>
    <t>01/15/2020 20:08:37</t>
  </si>
  <si>
    <t>01/15/2020 20:10:50</t>
  </si>
  <si>
    <t>7ab58068-3fb0-4d51-a994-247038008b03.tmp</t>
  </si>
  <si>
    <t>\\acsfs\profiles$\fabianobmf\Downloads\7ab58068-3fb0-4d51-a994-247038008b03.tmp</t>
  </si>
  <si>
    <t>01/15/2020 20:12:49</t>
  </si>
  <si>
    <t>01/15/2020 20:07:51</t>
  </si>
  <si>
    <t>01/15/2020 20:08:03</t>
  </si>
  <si>
    <t>01/15/2020 20:08:07</t>
  </si>
  <si>
    <t>01/15/2020 20:08:08</t>
  </si>
  <si>
    <t>01/15/2020 20:08:09</t>
  </si>
  <si>
    <t>01/15/2020 20:08:10</t>
  </si>
  <si>
    <t>01/15/2020 20:08:13</t>
  </si>
  <si>
    <t>01/15/2020 20:08:15</t>
  </si>
  <si>
    <t>01/15/2020 20:08:36</t>
  </si>
  <si>
    <t>01/15/2020 20:08:38</t>
  </si>
  <si>
    <t>01/15/2020 20:08:39</t>
  </si>
  <si>
    <t>01/15/2020 20:08:40</t>
  </si>
  <si>
    <t>01/15/2020 20:08:45</t>
  </si>
  <si>
    <t>01/15/2020 20:08:47</t>
  </si>
  <si>
    <t>01/15/2020 20:08:50</t>
  </si>
  <si>
    <t>01/15/2020 20:08:51</t>
  </si>
  <si>
    <t>01/15/2020 20:08:54</t>
  </si>
  <si>
    <t>01/15/2020 20:08:57</t>
  </si>
  <si>
    <t>01/15/2020 20:08:58</t>
  </si>
  <si>
    <t>01/15/2020 20:09:00</t>
  </si>
  <si>
    <t>01/15/2020 20:09:01</t>
  </si>
  <si>
    <t>01/15/2020 20:13:50</t>
  </si>
  <si>
    <t>01/15/2020 20:09:02</t>
  </si>
  <si>
    <t>01/15/2020 20:09:05</t>
  </si>
  <si>
    <t>01/15/2020 20:09:06</t>
  </si>
  <si>
    <t>01/15/2020 20:09:07</t>
  </si>
  <si>
    <t>01/15/2020 20:09:16</t>
  </si>
  <si>
    <t>01/15/2020 20:09:19</t>
  </si>
  <si>
    <t>01/15/2020 20:09:20</t>
  </si>
  <si>
    <t>01/15/2020 20:09:21</t>
  </si>
  <si>
    <t>01/15/2020 20:09:25</t>
  </si>
  <si>
    <t>01/15/2020 20:09:26</t>
  </si>
  <si>
    <t>01/15/2020 20:09:28</t>
  </si>
  <si>
    <t>01/15/2020 20:09:32</t>
  </si>
  <si>
    <t>01/15/2020 20:09:33</t>
  </si>
  <si>
    <t>01/15/2020 20:09:34</t>
  </si>
  <si>
    <t>01/15/2020 20:09:35</t>
  </si>
  <si>
    <t>01/15/2020 20:09:36</t>
  </si>
  <si>
    <t>01/15/2020 20:09:38</t>
  </si>
  <si>
    <t>01/15/2020 20:09:39</t>
  </si>
  <si>
    <t>01/15/2020 20:09:40</t>
  </si>
  <si>
    <t>01/15/2020 20:09:43</t>
  </si>
  <si>
    <t>01/15/2020 20:09:44</t>
  </si>
  <si>
    <t>01/15/2020 20:09:46</t>
  </si>
  <si>
    <t>01/15/2020 20:09:48</t>
  </si>
  <si>
    <t>01/15/2020 20:09:51</t>
  </si>
  <si>
    <t>01/15/2020 20:09:55</t>
  </si>
  <si>
    <t>01/15/2020 20:10:00</t>
  </si>
  <si>
    <t>01/15/2020 20:10:25</t>
  </si>
  <si>
    <t>01/15/2020 20:14:14</t>
  </si>
  <si>
    <t>01/15/2020 20:14:50</t>
  </si>
  <si>
    <t>01/15/2020 20:10:51</t>
  </si>
  <si>
    <t>01/15/2020 20:15:49</t>
  </si>
  <si>
    <t>01/15/2020 20:10:27</t>
  </si>
  <si>
    <t>01/15/2020 20:16:07</t>
  </si>
  <si>
    <t>01/15/2020 20:16:49</t>
  </si>
  <si>
    <t>01/15/2020 20:14:29</t>
  </si>
  <si>
    <t>01/15/2020 20:17:50</t>
  </si>
  <si>
    <t>01/15/2020 20:13:04</t>
  </si>
  <si>
    <t>01/15/2020 20:18:50</t>
  </si>
  <si>
    <t>01/15/2020 20:13:08</t>
  </si>
  <si>
    <t>01/15/2020 20:13:14</t>
  </si>
  <si>
    <t>01/15/2020 20:13:24</t>
  </si>
  <si>
    <t>01/15/2020 20:13:26</t>
  </si>
  <si>
    <t>01/15/2020 20:13:27</t>
  </si>
  <si>
    <t>01/15/2020 20:13:28</t>
  </si>
  <si>
    <t>01/15/2020 20:13:32</t>
  </si>
  <si>
    <t>01/15/2020 20:13:37</t>
  </si>
  <si>
    <t>01/15/2020 20:13:48</t>
  </si>
  <si>
    <t>01/15/2020 20:13:54</t>
  </si>
  <si>
    <t>01/15/2020 20:13:55</t>
  </si>
  <si>
    <t>01/15/2020 20:13:57</t>
  </si>
  <si>
    <t>01/15/2020 20:13:58</t>
  </si>
  <si>
    <t>01/15/2020 20:14:01</t>
  </si>
  <si>
    <t>01/15/2020 20:15:48</t>
  </si>
  <si>
    <t>01/15/2020 20:19:50</t>
  </si>
  <si>
    <t>01/15/2020 20:14:37</t>
  </si>
  <si>
    <t>01/15/2020 20:15:32</t>
  </si>
  <si>
    <t>01/15/2020 20:20:49</t>
  </si>
  <si>
    <t>01/15/2020 20:15:36</t>
  </si>
  <si>
    <t>01/15/2020 20:20:34</t>
  </si>
  <si>
    <t>01/15/2020 20:19:00</t>
  </si>
  <si>
    <t>01/15/2020 20:22:49</t>
  </si>
  <si>
    <t>01/15/2020 20:17:19</t>
  </si>
  <si>
    <t>01/15/2020 20:20:40</t>
  </si>
  <si>
    <t>01/15/2020 20:23:50</t>
  </si>
  <si>
    <t>01/15/2020 20:21:16</t>
  </si>
  <si>
    <t>01/15/2020 20:23:23</t>
  </si>
  <si>
    <t>01/15/2020 20:19:42</t>
  </si>
  <si>
    <t>01/15/2020 20:24:49</t>
  </si>
  <si>
    <t>01/15/2020 20:20:47</t>
  </si>
  <si>
    <t>01/15/2020 20:20:56</t>
  </si>
  <si>
    <t>01/15/2020 20:21:03</t>
  </si>
  <si>
    <t>01/15/2020 20:21:08</t>
  </si>
  <si>
    <t>01/15/2020 20:21:42</t>
  </si>
  <si>
    <t>01/15/2020 20:21:47</t>
  </si>
  <si>
    <t>01/15/2020 20:22:10</t>
  </si>
  <si>
    <t>01/15/2020 20:22:15</t>
  </si>
  <si>
    <t>01/15/2020 20:22:43</t>
  </si>
  <si>
    <t>01/15/2020 20:22:59</t>
  </si>
  <si>
    <t>01/15/2020 20:23:09</t>
  </si>
  <si>
    <t>01/15/2020 20:23:49</t>
  </si>
  <si>
    <t>01/15/2020 20:25:49</t>
  </si>
  <si>
    <t>01/15/2020 20:22:56</t>
  </si>
  <si>
    <t>01/15/2020 20:23:27</t>
  </si>
  <si>
    <t>01/15/2020 20:27:49</t>
  </si>
  <si>
    <t>be5580d0-6491-4297-aae1-251e0781732c.tmp</t>
  </si>
  <si>
    <t>\\acsfs\profiles$\gabrielamdp\Downloads\be5580d0-6491-4297-aae1-251e0781732c.tmp</t>
  </si>
  <si>
    <t>01/15/2020 20:24:42</t>
  </si>
  <si>
    <t>01/15/2020 20:25:36</t>
  </si>
  <si>
    <t>01/15/2020 20:28:50</t>
  </si>
  <si>
    <t>01/15/2020 20:25:38</t>
  </si>
  <si>
    <t>01/15/2020 20:25:41</t>
  </si>
  <si>
    <t>01/15/2020 20:25:42</t>
  </si>
  <si>
    <t>01/15/2020 20:25:45</t>
  </si>
  <si>
    <t>01/15/2020 20:25:48</t>
  </si>
  <si>
    <t>01/15/2020 20:26:05</t>
  </si>
  <si>
    <t>01/15/2020 20:26:07</t>
  </si>
  <si>
    <t>01/15/2020 20:26:08</t>
  </si>
  <si>
    <t>01/15/2020 20:26:09</t>
  </si>
  <si>
    <t>01/15/2020 20:26:10</t>
  </si>
  <si>
    <t>01/15/2020 20:26:15</t>
  </si>
  <si>
    <t>01/15/2020 20:26:16</t>
  </si>
  <si>
    <t>01/15/2020 20:26:29</t>
  </si>
  <si>
    <t>01/15/2020 20:26:33</t>
  </si>
  <si>
    <t>01/15/2020 20:26:34</t>
  </si>
  <si>
    <t>01/15/2020 20:26:35</t>
  </si>
  <si>
    <t>01/15/2020 20:26:41</t>
  </si>
  <si>
    <t>01/15/2020 20:26:48</t>
  </si>
  <si>
    <t>01/15/2020 20:26:53</t>
  </si>
  <si>
    <t>01/15/2020 20:26:54</t>
  </si>
  <si>
    <t>01/15/2020 20:26:59</t>
  </si>
  <si>
    <t>01/15/2020 20:27:02</t>
  </si>
  <si>
    <t>01/15/2020 20:27:04</t>
  </si>
  <si>
    <t>01/15/2020 20:27:05</t>
  </si>
  <si>
    <t>01/15/2020 20:27:07</t>
  </si>
  <si>
    <t>01/15/2020 20:27:10</t>
  </si>
  <si>
    <t>01/15/2020 20:27:11</t>
  </si>
  <si>
    <t>01/15/2020 20:27:18</t>
  </si>
  <si>
    <t>01/15/2020 20:27:19</t>
  </si>
  <si>
    <t>01/15/2020 20:27:20</t>
  </si>
  <si>
    <t>01/15/2020 20:27:24</t>
  </si>
  <si>
    <t>01/15/2020 20:27:25</t>
  </si>
  <si>
    <t>01/15/2020 20:27:48</t>
  </si>
  <si>
    <t>01/15/2020 20:27:50</t>
  </si>
  <si>
    <t>01/15/2020 20:29:47</t>
  </si>
  <si>
    <t>01/15/2020 20:29:50</t>
  </si>
  <si>
    <t>01/15/2020 20:25:44</t>
  </si>
  <si>
    <t>01/15/2020 20:30:50</t>
  </si>
  <si>
    <t>01/15/2020 20:26:12</t>
  </si>
  <si>
    <t>01/15/2020 20:29:03</t>
  </si>
  <si>
    <t>01/15/2020 20:30:45</t>
  </si>
  <si>
    <t>01/15/2020 20:31:50</t>
  </si>
  <si>
    <t>01/15/2020 20:32:50</t>
  </si>
  <si>
    <t>01/15/2020 20:27:51</t>
  </si>
  <si>
    <t>01/15/2020 20:33:50</t>
  </si>
  <si>
    <t>01/15/2020 20:27:52</t>
  </si>
  <si>
    <t>01/15/2020 20:27:55</t>
  </si>
  <si>
    <t>01/15/2020 20:27:57</t>
  </si>
  <si>
    <t>01/15/2020 20:28:04</t>
  </si>
  <si>
    <t>01/15/2020 20:28:09</t>
  </si>
  <si>
    <t>01/15/2020 20:28:10</t>
  </si>
  <si>
    <t>01/15/2020 20:28:11</t>
  </si>
  <si>
    <t>01/15/2020 20:28:14</t>
  </si>
  <si>
    <t>01/15/2020 20:28:16</t>
  </si>
  <si>
    <t>01/15/2020 20:28:40</t>
  </si>
  <si>
    <t>01/15/2020 20:28:43</t>
  </si>
  <si>
    <t>01/15/2020 20:28:44</t>
  </si>
  <si>
    <t>01/15/2020 20:28:45</t>
  </si>
  <si>
    <t>01/15/2020 20:28:51</t>
  </si>
  <si>
    <t>01/15/2020 20:30:39</t>
  </si>
  <si>
    <t>01/15/2020 20:30:41</t>
  </si>
  <si>
    <t>01/15/2020 20:30:42</t>
  </si>
  <si>
    <t>01/15/2020 20:30:43</t>
  </si>
  <si>
    <t>01/15/2020 20:30:44</t>
  </si>
  <si>
    <t>01/15/2020 20:30:47</t>
  </si>
  <si>
    <t>01/15/2020 20:30:49</t>
  </si>
  <si>
    <t>01/15/2020 20:30:51</t>
  </si>
  <si>
    <t>01/15/2020 20:30:52</t>
  </si>
  <si>
    <t>01/15/2020 20:30:53</t>
  </si>
  <si>
    <t>01/15/2020 20:30:54</t>
  </si>
  <si>
    <t>01/15/2020 20:30:58</t>
  </si>
  <si>
    <t>01/15/2020 20:28:13</t>
  </si>
  <si>
    <t>01/15/2020 20:32:06</t>
  </si>
  <si>
    <t>01/15/2020 20:34:50</t>
  </si>
  <si>
    <t>01/15/2020 20:33:42</t>
  </si>
  <si>
    <t>efb59477-c859-4262-9aba-fc133de8b1a7.tmp</t>
  </si>
  <si>
    <t>\\acsfs\profiles$\rafaelacdoc\Downloads\efb59477-c859-4262-9aba-fc133de8b1a7.tmp</t>
  </si>
  <si>
    <t>01/15/2020 20:33:22</t>
  </si>
  <si>
    <t>01/15/2020 20:35:50</t>
  </si>
  <si>
    <t>01/15/2020 20:33:14</t>
  </si>
  <si>
    <t>01/15/2020 20:33:19</t>
  </si>
  <si>
    <t>01/15/2020 20:31:34</t>
  </si>
  <si>
    <t>ea0d262f-959b-4aad-8f9d-6f12500f79e1.tmp</t>
  </si>
  <si>
    <t>\\acsfs\profiles$\taylaedoa\Downloads\ea0d262f-959b-4aad-8f9d-6f12500f79e1.tmp</t>
  </si>
  <si>
    <t>01/15/2020 20:37:50</t>
  </si>
  <si>
    <t>01/15/2020 20:34:54</t>
  </si>
  <si>
    <t>01/15/2020 20:38:50</t>
  </si>
  <si>
    <t>01/15/2020 20:34:56</t>
  </si>
  <si>
    <t>01/15/2020 20:35:15</t>
  </si>
  <si>
    <t>01/15/2020 20:35:19</t>
  </si>
  <si>
    <t>01/15/2020 20:35:20</t>
  </si>
  <si>
    <t>01/15/2020 20:35:21</t>
  </si>
  <si>
    <t>01/15/2020 20:35:26</t>
  </si>
  <si>
    <t>01/15/2020 20:35:27</t>
  </si>
  <si>
    <t>01/15/2020 20:35:29</t>
  </si>
  <si>
    <t>01/15/2020 20:35:30</t>
  </si>
  <si>
    <t>01/15/2020 20:35:31</t>
  </si>
  <si>
    <t>01/15/2020 20:35:32</t>
  </si>
  <si>
    <t>01/15/2020 20:35:37</t>
  </si>
  <si>
    <t>01/15/2020 20:35:59</t>
  </si>
  <si>
    <t>01/15/2020 20:36:18</t>
  </si>
  <si>
    <t>01/15/2020 20:36:20</t>
  </si>
  <si>
    <t>01/15/2020 20:36:21</t>
  </si>
  <si>
    <t>01/15/2020 20:36:22</t>
  </si>
  <si>
    <t>01/15/2020 20:36:24</t>
  </si>
  <si>
    <t>01/15/2020 20:36:27</t>
  </si>
  <si>
    <t>01/15/2020 20:36:29</t>
  </si>
  <si>
    <t>01/15/2020 20:36:32</t>
  </si>
  <si>
    <t>01/15/2020 20:36:33</t>
  </si>
  <si>
    <t>01/15/2020 20:36:35</t>
  </si>
  <si>
    <t>01/15/2020 20:36:36</t>
  </si>
  <si>
    <t>01/15/2020 20:36:41</t>
  </si>
  <si>
    <t>01/15/2020 20:36:47</t>
  </si>
  <si>
    <t>01/15/2020 20:36:48</t>
  </si>
  <si>
    <t>01/15/2020 20:36:49</t>
  </si>
  <si>
    <t>01/15/2020 20:37:24</t>
  </si>
  <si>
    <t>01/15/2020 20:37:25</t>
  </si>
  <si>
    <t>01/15/2020 20:37:26</t>
  </si>
  <si>
    <t>01/15/2020 20:37:27</t>
  </si>
  <si>
    <t>01/15/2020 20:37:41</t>
  </si>
  <si>
    <t>01/15/2020 20:37:44</t>
  </si>
  <si>
    <t>01/15/2020 20:37:46</t>
  </si>
  <si>
    <t>01/15/2020 20:37:48</t>
  </si>
  <si>
    <t>01/15/2020 20:35:22</t>
  </si>
  <si>
    <t>01/15/2020 20:40:50</t>
  </si>
  <si>
    <t>5ec84fae-c305-4b48-8c39-b18fbfa920b8.tmp</t>
  </si>
  <si>
    <t>\\acsfs\profiles$\fabianafv\Downloads\5ec84fae-c305-4b48-8c39-b18fbfa920b8.tmp</t>
  </si>
  <si>
    <t>01/15/2020 20:41:27</t>
  </si>
  <si>
    <t>01/15/2020 20:42:51</t>
  </si>
  <si>
    <t>01/15/2020 20:40:03</t>
  </si>
  <si>
    <t>01/15/2020 20:42:42</t>
  </si>
  <si>
    <t>01/15/2020 20:44:50</t>
  </si>
  <si>
    <t>01/15/2020 20:41:59</t>
  </si>
  <si>
    <t>01/15/2020 20:45:50</t>
  </si>
  <si>
    <t>01/15/2020 20:42:59</t>
  </si>
  <si>
    <t>01/15/2020 20:45:59</t>
  </si>
  <si>
    <t>01/15/2020 20:46:50</t>
  </si>
  <si>
    <t>01/15/2020 20:47:50</t>
  </si>
  <si>
    <t>01/15/2020 20:44:16</t>
  </si>
  <si>
    <t>01/15/2020 20:48:50</t>
  </si>
  <si>
    <t>01/15/2020 20:47:48</t>
  </si>
  <si>
    <t>01/15/2020 20:47:51</t>
  </si>
  <si>
    <t>01/15/2020 20:47:52</t>
  </si>
  <si>
    <t>01/15/2020 20:47:56</t>
  </si>
  <si>
    <t>01/15/2020 20:47:57</t>
  </si>
  <si>
    <t>01/15/2020 20:45:21</t>
  </si>
  <si>
    <t>01/15/2020 20:49:50</t>
  </si>
  <si>
    <t>01/15/2020 20:47:29</t>
  </si>
  <si>
    <t>01/15/2020 20:48:58</t>
  </si>
  <si>
    <t>672a4c03-3efe-4b5a-8c0e-1b4d78b9fea9.tmp</t>
  </si>
  <si>
    <t>\\acsfs\profiles$\andressamf\Downloads\672a4c03-3efe-4b5a-8c0e-1b4d78b9fea9.tmp</t>
  </si>
  <si>
    <t>01/15/2020 20:48:40</t>
  </si>
  <si>
    <t>01/15/2020 20:48:44</t>
  </si>
  <si>
    <t>lu117049zky.tmp</t>
  </si>
  <si>
    <t>\\acsfs\profiles$\jalilebds\Downloads\lu117049zky.tmp</t>
  </si>
  <si>
    <t>01/15/2020 20:52:50</t>
  </si>
  <si>
    <t>01/15/2020 20:48:00</t>
  </si>
  <si>
    <t>01/15/2020 20:53:50</t>
  </si>
  <si>
    <t>01/15/2020 20:48:01</t>
  </si>
  <si>
    <t>01/15/2020 20:48:02</t>
  </si>
  <si>
    <t>01/15/2020 20:48:07</t>
  </si>
  <si>
    <t>bgrayenywbdwabdfxvdoe0fctvkjgasmw1dktlxrqljcc0c=;</t>
  </si>
  <si>
    <t>https://bgrayenywbdwabdfxvdoe0fctvkjgasmw1dktlxrqljcc0c=</t>
  </si>
  <si>
    <t>01/15/2020 20:48:12</t>
  </si>
  <si>
    <t>01/15/2020 20:48:23</t>
  </si>
  <si>
    <t>01/15/2020 20:48:26</t>
  </si>
  <si>
    <t>01/15/2020 20:48:29</t>
  </si>
  <si>
    <t>01/15/2020 20:48:30</t>
  </si>
  <si>
    <t>01/15/2020 20:48:31</t>
  </si>
  <si>
    <t>01/15/2020 20:48:37</t>
  </si>
  <si>
    <t>01/15/2020 20:48:42</t>
  </si>
  <si>
    <t>01/15/2020 20:48:59</t>
  </si>
  <si>
    <t>01/15/2020 20:49:12</t>
  </si>
  <si>
    <t>01/15/2020 20:50:56</t>
  </si>
  <si>
    <t>01/15/2020 20:54:50</t>
  </si>
  <si>
    <t>01/15/2020 20:51:04</t>
  </si>
  <si>
    <t>01/15/2020 20:51:13</t>
  </si>
  <si>
    <t>01/15/2020 20:51:46</t>
  </si>
  <si>
    <t>01/15/2020 20:51:50</t>
  </si>
  <si>
    <t>01/15/2020 20:52:30</t>
  </si>
  <si>
    <t>01/15/2020 20:52:44</t>
  </si>
  <si>
    <t>01/15/2020 20:52:45</t>
  </si>
  <si>
    <t>01/15/2020 20:52:49</t>
  </si>
  <si>
    <t>01/15/2020 20:52:52</t>
  </si>
  <si>
    <t>01/15/2020 20:52:46</t>
  </si>
  <si>
    <t>01/15/2020 20:52:47</t>
  </si>
  <si>
    <t>lu117049zl1.tmp</t>
  </si>
  <si>
    <t>\\acsfs\profiles$\jalilebds\Downloads\lu117049zl1.tmp</t>
  </si>
  <si>
    <t>01/15/2020 20:53:48</t>
  </si>
  <si>
    <t>01/15/2020 20:55:18</t>
  </si>
  <si>
    <t>01/15/2020 20:56:50</t>
  </si>
  <si>
    <t>301b95a2-296e-4399-9c41-8e13fcee8a53.tmp</t>
  </si>
  <si>
    <t>\\acsfs\profiles$\regisadsa\Downloads\301b95a2-296e-4399-9c41-8e13fcee8a53.tmp</t>
  </si>
  <si>
    <t>01/15/2020 20:57:50</t>
  </si>
  <si>
    <t>01/15/2020 20:53:06</t>
  </si>
  <si>
    <t>01/15/2020 20:55:55</t>
  </si>
  <si>
    <t>01/15/2020 20:58:50</t>
  </si>
  <si>
    <t>01/15/2020 20:55:56</t>
  </si>
  <si>
    <t>01/15/2020 20:55:57</t>
  </si>
  <si>
    <t>01/15/2020 20:55:59</t>
  </si>
  <si>
    <t>01/15/2020 20:56:00</t>
  </si>
  <si>
    <t>01/15/2020 20:56:05</t>
  </si>
  <si>
    <t>01/15/2020 20:56:32</t>
  </si>
  <si>
    <t>01/15/2020 20:56:38</t>
  </si>
  <si>
    <t>01/15/2020 20:56:39</t>
  </si>
  <si>
    <t>01/15/2020 20:56:40</t>
  </si>
  <si>
    <t>01/15/2020 20:56:45</t>
  </si>
  <si>
    <t>01/15/2020 20:56:46</t>
  </si>
  <si>
    <t>01/15/2020 20:56:47</t>
  </si>
  <si>
    <t>01/15/2020 20:56:49</t>
  </si>
  <si>
    <t>01/15/2020 20:56:52</t>
  </si>
  <si>
    <t>01/15/2020 20:56:54</t>
  </si>
  <si>
    <t>01/15/2020 20:56:55</t>
  </si>
  <si>
    <t>01/15/2020 20:56:56</t>
  </si>
  <si>
    <t>01/15/2020 20:56:57</t>
  </si>
  <si>
    <t>01/15/2020 20:56:58</t>
  </si>
  <si>
    <t>01/15/2020 20:57:00</t>
  </si>
  <si>
    <t>01/15/2020 20:57:01</t>
  </si>
  <si>
    <t>01/15/2020 20:57:06</t>
  </si>
  <si>
    <t>01/15/2020 20:57:08</t>
  </si>
  <si>
    <t>01/15/2020 20:57:09</t>
  </si>
  <si>
    <t>01/15/2020 20:57:11</t>
  </si>
  <si>
    <t>01/15/2020 20:57:13</t>
  </si>
  <si>
    <t>01/15/2020 20:57:15</t>
  </si>
  <si>
    <t>01/15/2020 20:57:16</t>
  </si>
  <si>
    <t>01/15/2020 20:57:17</t>
  </si>
  <si>
    <t>01/15/2020 20:57:18</t>
  </si>
  <si>
    <t>01/15/2020 20:57:19</t>
  </si>
  <si>
    <t>01/15/2020 20:57:20</t>
  </si>
  <si>
    <t>01/15/2020 20:57:22</t>
  </si>
  <si>
    <t>01/15/2020 20:57:25</t>
  </si>
  <si>
    <t>01/15/2020 20:57:39</t>
  </si>
  <si>
    <t>01/15/2020 20:57:40</t>
  </si>
  <si>
    <t>01/15/2020 20:56:04</t>
  </si>
  <si>
    <t>01/15/2020 20:59:50</t>
  </si>
  <si>
    <t>01/15/2020 20:58:46</t>
  </si>
  <si>
    <t>01/15/2020 21:00:50</t>
  </si>
  <si>
    <t>01/15/2020 21:00:14</t>
  </si>
  <si>
    <t>01/15/2020 20:57:47</t>
  </si>
  <si>
    <t>01/15/2020 21:01:49</t>
  </si>
  <si>
    <t>01/15/2020 21:02:50</t>
  </si>
  <si>
    <t>01/15/2020 21:01:46</t>
  </si>
  <si>
    <t>01/15/2020 21:03:50</t>
  </si>
  <si>
    <t>01/15/2020 20:58:09</t>
  </si>
  <si>
    <t>01/15/2020 20:58:44</t>
  </si>
  <si>
    <t>01/15/2020 20:58:47</t>
  </si>
  <si>
    <t>01/15/2020 20:58:48</t>
  </si>
  <si>
    <t>01/15/2020 20:58:49</t>
  </si>
  <si>
    <t>01/15/2020 20:58:52</t>
  </si>
  <si>
    <t>01/15/2020 20:58:57</t>
  </si>
  <si>
    <t>01/15/2020 21:01:19</t>
  </si>
  <si>
    <t>01/15/2020 21:01:20</t>
  </si>
  <si>
    <t>01/15/2020 21:02:17</t>
  </si>
  <si>
    <t>01/15/2020 21:04:50</t>
  </si>
  <si>
    <t>01/15/2020 21:03:11</t>
  </si>
  <si>
    <t>324f461b-79e4-4b18-9259-fa91b1c7d16d.tmp</t>
  </si>
  <si>
    <t>\\acsfs\profiles$\regisadsa\Downloads\324f461b-79e4-4b18-9259-fa91b1c7d16d.tmp</t>
  </si>
  <si>
    <t>01/15/2020 21:04:28</t>
  </si>
  <si>
    <t>01/15/2020 21:05:50</t>
  </si>
  <si>
    <t>67d7ce4b-a577-49bb-90a6-dfa298cb1ec2.tmp</t>
  </si>
  <si>
    <t>\\acsfs\profiles$\fabianafv\Downloads\67d7ce4b-a577-49bb-90a6-dfa298cb1ec2.tmp</t>
  </si>
  <si>
    <t>01/15/2020 21:07:50</t>
  </si>
  <si>
    <t>01/15/2020 21:08:49</t>
  </si>
  <si>
    <t>b1cc2509-535b-4e85-9b8b-f6c0ff3d1d5f.tmp</t>
  </si>
  <si>
    <t>\\acsfs\profiles$\victorgl\Downloads\b1cc2509-535b-4e85-9b8b-f6c0ff3d1d5f.tmp</t>
  </si>
  <si>
    <t>01/15/2020 21:07:04</t>
  </si>
  <si>
    <t>01/15/2020 21:09:49</t>
  </si>
  <si>
    <t>01/15/2020 21:07:13</t>
  </si>
  <si>
    <t>f3fe99f4-f69d-4d27-bb4d-5420ebc894a2.tmp</t>
  </si>
  <si>
    <t>\\acsfs\profiles$\regisadsa\Downloads\f3fe99f4-f69d-4d27-bb4d-5420ebc894a2.tmp</t>
  </si>
  <si>
    <t>01/15/2020 21:07:18</t>
  </si>
  <si>
    <t>6eb07ce2-d01a-4213-8514-8c3ceb7744b7.tmp</t>
  </si>
  <si>
    <t>\\acsfs\profiles$\regisadsa\Downloads\6eb07ce2-d01a-4213-8514-8c3ceb7744b7.tmp</t>
  </si>
  <si>
    <t>01/15/2020 21:07:40</t>
  </si>
  <si>
    <t>8dea7690-6979-4c2d-bb84-956b2ebdea24.tmp</t>
  </si>
  <si>
    <t>\\acsfs\profiles$\regisadsa\Downloads\8dea7690-6979-4c2d-bb84-956b2ebdea24.tmp</t>
  </si>
  <si>
    <t>01/15/2020 21:08:44</t>
  </si>
  <si>
    <t>a7d12280-dee4-4d22-a305-bf955c1c9d28.tmp</t>
  </si>
  <si>
    <t>\\acsfs\profiles$\regisadsa\Downloads\a7d12280-dee4-4d22-a305-bf955c1c9d28.tmp</t>
  </si>
  <si>
    <t>01/15/2020 21:09:04</t>
  </si>
  <si>
    <t>01/15/2020 21:12:50</t>
  </si>
  <si>
    <t>e7d21023-2eb7-4bd8-8bf8-c634fb10e50c.tmp</t>
  </si>
  <si>
    <t>\\acsfs\profiles$\gabrielamdp\Downloads\e7d21023-2eb7-4bd8-8bf8-c634fb10e50c.tmp</t>
  </si>
  <si>
    <t>01/15/2020 21:09:06</t>
  </si>
  <si>
    <t>3dcee751-7710-4944-b7f5-eb7fd7d597f5.tmp</t>
  </si>
  <si>
    <t>\\acsfs\profiles$\gabrielamdp\Downloads\3dcee751-7710-4944-b7f5-eb7fd7d597f5.tmp</t>
  </si>
  <si>
    <t>01/15/2020 21:08:52</t>
  </si>
  <si>
    <t>01/15/2020 21:13:49</t>
  </si>
  <si>
    <t>01/15/2020 21:10:16</t>
  </si>
  <si>
    <t>01/15/2020 21:14:50</t>
  </si>
  <si>
    <t>be0209c9-cb9e-4a39-864b-f9990cbac029.tmp</t>
  </si>
  <si>
    <t>\\acsfs\profiles$\andressamf\Downloads\be0209c9-cb9e-4a39-864b-f9990cbac029.tmp</t>
  </si>
  <si>
    <t>01/15/2020 21:11:16</t>
  </si>
  <si>
    <t>a2c265f1-4057-4897-af03-dca9371e7fef.tmp</t>
  </si>
  <si>
    <t>\\acsfs\profiles$\andressamf\Downloads\a2c265f1-4057-4897-af03-dca9371e7fef.tmp</t>
  </si>
  <si>
    <t>01/15/2020 21:12:55</t>
  </si>
  <si>
    <t>01/15/2020 21:15:49</t>
  </si>
  <si>
    <t>01/15/2020 21:12:54</t>
  </si>
  <si>
    <t>XLOG_anakcs_15012020_150301.log</t>
  </si>
  <si>
    <t>\\acsfs\profiles$\anakcs\My Documents\xworkcenter\logs\XLOG_anakcs_15012020_150301.log</t>
  </si>
  <si>
    <t>01/15/2020 21:14:28</t>
  </si>
  <si>
    <t>01/15/2020 21:14:29</t>
  </si>
  <si>
    <t>01/15/2020 21:14:30</t>
  </si>
  <si>
    <t>01/15/2020 21:14:31</t>
  </si>
  <si>
    <t>01/15/2020 21:14:32</t>
  </si>
  <si>
    <t>01/15/2020 21:14:33</t>
  </si>
  <si>
    <t>01/15/2020 21:14:34</t>
  </si>
  <si>
    <t>01/15/2020 21:14:35</t>
  </si>
  <si>
    <t>01/15/2020 21:14:36</t>
  </si>
  <si>
    <t>01/15/2020 21:14:37</t>
  </si>
  <si>
    <t>01/15/2020 21:14:38</t>
  </si>
  <si>
    <t>01/15/2020 21:14:39</t>
  </si>
  <si>
    <t>01/15/2020 21:14:40</t>
  </si>
  <si>
    <t>01/15/2020 21:14:41</t>
  </si>
  <si>
    <t>01/15/2020 21:14:42</t>
  </si>
  <si>
    <t>01/15/2020 21:14:43</t>
  </si>
  <si>
    <t>01/15/2020 21:14:44</t>
  </si>
  <si>
    <t>01/15/2020 21:14:45</t>
  </si>
  <si>
    <t>01/15/2020 21:14:46</t>
  </si>
  <si>
    <t>01/15/2020 21:15:59</t>
  </si>
  <si>
    <t>01/15/2020 21:16:50</t>
  </si>
  <si>
    <t>01/15/2020 21:17:50</t>
  </si>
  <si>
    <t>01/15/2020 21:18:18</t>
  </si>
  <si>
    <t>01/15/2020 21:18:49</t>
  </si>
  <si>
    <t>3ad243b8-323d-4f3a-8674-7d287bb23ec6.tmp</t>
  </si>
  <si>
    <t>\\acsfs\profiles$\KARENJSS\Downloads\3ad243b8-323d-4f3a-8674-7d287bb23ec6.tmp</t>
  </si>
  <si>
    <t>01/15/2020 21:19:58</t>
  </si>
  <si>
    <t>01/15/2020 21:20:50</t>
  </si>
  <si>
    <t>XLOG_anakcs_15012020_211421.log</t>
  </si>
  <si>
    <t>\\acsfs\profiles$\anakcs\My Documents\xworkcenter\logs\XLOG_anakcs_15012020_211421.log</t>
  </si>
  <si>
    <t>01/15/2020 21:16:36</t>
  </si>
  <si>
    <t>01/15/2020 21:19:39</t>
  </si>
  <si>
    <t>01/15/2020 21:21:50</t>
  </si>
  <si>
    <t>01/15/2020 21:22:50</t>
  </si>
  <si>
    <t>01/15/2020 21:20:28</t>
  </si>
  <si>
    <t>01/15/2020 21:19:11</t>
  </si>
  <si>
    <t>01/15/2020 21:22:57</t>
  </si>
  <si>
    <t>01/15/2020 21:23:50</t>
  </si>
  <si>
    <t>01/15/2020 21:27:50</t>
  </si>
  <si>
    <t>01/15/2020 21:32:51</t>
  </si>
  <si>
    <t>01/15/2020 21:32:24</t>
  </si>
  <si>
    <t>01/15/2020 21:34:50</t>
  </si>
  <si>
    <t>lu117049zl9.tmp</t>
  </si>
  <si>
    <t>\\acsfs\profiles$\jalilebds\Downloads\lu117049zl9.tmp</t>
  </si>
  <si>
    <t>01/15/2020 21:34:10</t>
  </si>
  <si>
    <t>01/15/2020 21:37:51</t>
  </si>
  <si>
    <t>b4b7da65-87dd-4c14-aa41-4326feff3904.tmp</t>
  </si>
  <si>
    <t>\\acsfs\profiles$\gabrielamdp\Downloads\b4b7da65-87dd-4c14-aa41-4326feff3904.tmp</t>
  </si>
  <si>
    <t>01/15/2020 21:37:23</t>
  </si>
  <si>
    <t>01/15/2020 21:36:18</t>
  </si>
  <si>
    <t>01/15/2020 21:38:50</t>
  </si>
  <si>
    <t>01/15/2020 21:36:19</t>
  </si>
  <si>
    <t>01/15/2020 21:36:22</t>
  </si>
  <si>
    <t>01/15/2020 21:36:23</t>
  </si>
  <si>
    <t>01/15/2020 21:36:28</t>
  </si>
  <si>
    <t>01/15/2020 21:36:29</t>
  </si>
  <si>
    <t>01/15/2020 21:35:18</t>
  </si>
  <si>
    <t>01/15/2020 21:39:50</t>
  </si>
  <si>
    <t>01/15/2020 21:42:51</t>
  </si>
  <si>
    <t>01/15/2020 21:41:51</t>
  </si>
  <si>
    <t>01/15/2020 21:41:45</t>
  </si>
  <si>
    <t>01/15/2020 21:43:50</t>
  </si>
  <si>
    <t>01/15/2020 21:41:52</t>
  </si>
  <si>
    <t>01/15/2020 21:41:53</t>
  </si>
  <si>
    <t>01/15/2020 21:41:54</t>
  </si>
  <si>
    <t>01/15/2020 21:41:56</t>
  </si>
  <si>
    <t>01/15/2020 21:42:01</t>
  </si>
  <si>
    <t>01/15/2020 21:42:15</t>
  </si>
  <si>
    <t>01/15/2020 21:42:16</t>
  </si>
  <si>
    <t>01/15/2020 21:42:22</t>
  </si>
  <si>
    <t>01/15/2020 21:42:34</t>
  </si>
  <si>
    <t>01/15/2020 21:42:37</t>
  </si>
  <si>
    <t>01/15/2020 21:42:43</t>
  </si>
  <si>
    <t>01/15/2020 21:42:56</t>
  </si>
  <si>
    <t>01/15/2020 21:43:00</t>
  </si>
  <si>
    <t>01/15/2020 21:43:01</t>
  </si>
  <si>
    <t>01/15/2020 21:43:02</t>
  </si>
  <si>
    <t>01/15/2020 21:43:03</t>
  </si>
  <si>
    <t>01/15/2020 21:43:05</t>
  </si>
  <si>
    <t>01/15/2020 21:43:07</t>
  </si>
  <si>
    <t>01/15/2020 21:43:10</t>
  </si>
  <si>
    <t>01/15/2020 21:44:39</t>
  </si>
  <si>
    <t>01/15/2020 21:45:50</t>
  </si>
  <si>
    <t>AVON SAC</t>
  </si>
  <si>
    <t>10.200.67.21</t>
  </si>
  <si>
    <t>78-2B-CB-C1-05-9D</t>
  </si>
  <si>
    <t>VOTORANT-AFB010</t>
  </si>
  <si>
    <t>franciellerss</t>
  </si>
  <si>
    <t>https://sb-ssl.google.com/safebrowsing/clientreport/download?key=aizasyboti4mm-6x9wdnzijieyeu21opbxqwbgw</t>
  </si>
  <si>
    <t>01/15/2020 21:47:50</t>
  </si>
  <si>
    <t>01/15/2020 21:46:00</t>
  </si>
  <si>
    <t>01/15/2020 21:48:50</t>
  </si>
  <si>
    <t>01/15/2020 21:43:17</t>
  </si>
  <si>
    <t>01/15/2020 21:43:19</t>
  </si>
  <si>
    <t>01/15/2020 21:43:21</t>
  </si>
  <si>
    <t>01/15/2020 21:43:22</t>
  </si>
  <si>
    <t>01/15/2020 21:43:26</t>
  </si>
  <si>
    <t>01/15/2020 21:43:27</t>
  </si>
  <si>
    <t>01/15/2020 21:43:33</t>
  </si>
  <si>
    <t>01/15/2020 21:43:35</t>
  </si>
  <si>
    <t>01/15/2020 21:43:37</t>
  </si>
  <si>
    <t>01/15/2020 21:43:38</t>
  </si>
  <si>
    <t>01/15/2020 21:43:39</t>
  </si>
  <si>
    <t>01/15/2020 21:43:42</t>
  </si>
  <si>
    <t>01/15/2020 21:43:44</t>
  </si>
  <si>
    <t>01/15/2020 21:43:55</t>
  </si>
  <si>
    <t>01/15/2020 21:43:58</t>
  </si>
  <si>
    <t>01/15/2020 21:43:59</t>
  </si>
  <si>
    <t>01/15/2020 21:44:00</t>
  </si>
  <si>
    <t>01/15/2020 21:44:03</t>
  </si>
  <si>
    <t>01/15/2020 21:44:04</t>
  </si>
  <si>
    <t>01/15/2020 21:44:05</t>
  </si>
  <si>
    <t>01/15/2020 21:44:33</t>
  </si>
  <si>
    <t>01/15/2020 21:44:35</t>
  </si>
  <si>
    <t>01/15/2020 21:44:36</t>
  </si>
  <si>
    <t>01/15/2020 21:44:37</t>
  </si>
  <si>
    <t>01/15/2020 21:44:38</t>
  </si>
  <si>
    <t>01/15/2020 21:44:40</t>
  </si>
  <si>
    <t>01/15/2020 21:44:42</t>
  </si>
  <si>
    <t>01/15/2020 21:44:43</t>
  </si>
  <si>
    <t>01/15/2020 21:44:45</t>
  </si>
  <si>
    <t>01/15/2020 21:44:54</t>
  </si>
  <si>
    <t>01/15/2020 21:44:57</t>
  </si>
  <si>
    <t>01/15/2020 21:44:58</t>
  </si>
  <si>
    <t>01/15/2020 21:44:59</t>
  </si>
  <si>
    <t>01/15/2020 21:45:00</t>
  </si>
  <si>
    <t>01/15/2020 21:45:04</t>
  </si>
  <si>
    <t>01/15/2020 21:45:14</t>
  </si>
  <si>
    <t>01/15/2020 21:45:18</t>
  </si>
  <si>
    <t>01/15/2020 21:45:19</t>
  </si>
  <si>
    <t>01/15/2020 21:45:20</t>
  </si>
  <si>
    <t>01/15/2020 21:45:25</t>
  </si>
  <si>
    <t>01/15/2020 21:45:43</t>
  </si>
  <si>
    <t>01/15/2020 21:45:44</t>
  </si>
  <si>
    <t>01/15/2020 21:45:45</t>
  </si>
  <si>
    <t>01/15/2020 21:45:46</t>
  </si>
  <si>
    <t>01/15/2020 21:45:47</t>
  </si>
  <si>
    <t>01/15/2020 21:45:51</t>
  </si>
  <si>
    <t>01/15/2020 21:45:54</t>
  </si>
  <si>
    <t>01/15/2020 21:45:58</t>
  </si>
  <si>
    <t>01/15/2020 21:45:59</t>
  </si>
  <si>
    <t>01/15/2020 21:46:01</t>
  </si>
  <si>
    <t>01/15/2020 21:46:02</t>
  </si>
  <si>
    <t>01/15/2020 21:46:06</t>
  </si>
  <si>
    <t>01/15/2020 21:46:12</t>
  </si>
  <si>
    <t>01/15/2020 21:46:14</t>
  </si>
  <si>
    <t>01/15/2020 21:46:15</t>
  </si>
  <si>
    <t>01/15/2020 21:46:16</t>
  </si>
  <si>
    <t>01/15/2020 21:46:18</t>
  </si>
  <si>
    <t>01/15/2020 21:46:19</t>
  </si>
  <si>
    <t>01/15/2020 21:46:24</t>
  </si>
  <si>
    <t>01/15/2020 21:46:34</t>
  </si>
  <si>
    <t>01/15/2020 21:48:17</t>
  </si>
  <si>
    <t>01/15/2020 21:48:18</t>
  </si>
  <si>
    <t>01/15/2020 21:48:19</t>
  </si>
  <si>
    <t>01/15/2020 21:51:14</t>
  </si>
  <si>
    <t>01/15/2020 21:51:50</t>
  </si>
  <si>
    <t>01/15/2020 21:52:50</t>
  </si>
  <si>
    <t>01/15/2020 21:48:35</t>
  </si>
  <si>
    <t>01/15/2020 21:48:25</t>
  </si>
  <si>
    <t>01/15/2020 21:53:50</t>
  </si>
  <si>
    <t>01/15/2020 21:48:26</t>
  </si>
  <si>
    <t>01/15/2020 21:48:42</t>
  </si>
  <si>
    <t>01/15/2020 21:48:43</t>
  </si>
  <si>
    <t>01/15/2020 21:48:44</t>
  </si>
  <si>
    <t>01/15/2020 21:48:45</t>
  </si>
  <si>
    <t>01/15/2020 21:48:48</t>
  </si>
  <si>
    <t>01/15/2020 21:52:48</t>
  </si>
  <si>
    <t>01/15/2020 21:52:56</t>
  </si>
  <si>
    <t>01/15/2020 21:52:58</t>
  </si>
  <si>
    <t>01/15/2020 21:52:59</t>
  </si>
  <si>
    <t>01/15/2020 21:53:00</t>
  </si>
  <si>
    <t>01/15/2020 21:53:02</t>
  </si>
  <si>
    <t>01/15/2020 21:53:03</t>
  </si>
  <si>
    <t>01/15/2020 21:53:05</t>
  </si>
  <si>
    <t>01/15/2020 21:53:09</t>
  </si>
  <si>
    <t>01/15/2020 21:53:11</t>
  </si>
  <si>
    <t>01/15/2020 21:53:19</t>
  </si>
  <si>
    <t>01/15/2020 21:53:24</t>
  </si>
  <si>
    <t>01/15/2020 21:54:49</t>
  </si>
  <si>
    <t>0b2301e5-5d90-415a-ab94-89ce2196fc3d.tmp</t>
  </si>
  <si>
    <t>\\acsfs\profiles$\brendadsl\Downloads\0b2301e5-5d90-415a-ab94-89ce2196fc3d.tmp</t>
  </si>
  <si>
    <t>01/15/2020 21:53:20</t>
  </si>
  <si>
    <t>588863cc-7ffe-4f40-9c62-1982581b9939.tmp</t>
  </si>
  <si>
    <t>\\acsfs\profiles$\brendadsl\Downloads\588863cc-7ffe-4f40-9c62-1982581b9939.tmp</t>
  </si>
  <si>
    <t>01/15/2020 21:55:11</t>
  </si>
  <si>
    <t>01/15/2020 21:56:50</t>
  </si>
  <si>
    <t>01/15/2020 21:57:50</t>
  </si>
  <si>
    <t>01/15/2020 21:56:51</t>
  </si>
  <si>
    <t>281c01a5-f391-4fff-bb91-6d0a3ea7826a.tmp</t>
  </si>
  <si>
    <t>\\acsfs\profiles$\rogeriofd\Downloads\281c01a5-f391-4fff-bb91-6d0a3ea7826a.tmp</t>
  </si>
  <si>
    <t>01/15/2020 21:55:05</t>
  </si>
  <si>
    <t>01/15/2020 21:57:37</t>
  </si>
  <si>
    <t>01/15/2020 21:58:49</t>
  </si>
  <si>
    <t>01/15/2020 21:53:27</t>
  </si>
  <si>
    <t>01/15/2020 21:53:28</t>
  </si>
  <si>
    <t>01/15/2020 21:53:29</t>
  </si>
  <si>
    <t>01/15/2020 21:53:34</t>
  </si>
  <si>
    <t>01/15/2020 21:53:42</t>
  </si>
  <si>
    <t>01/15/2020 21:53:45</t>
  </si>
  <si>
    <t>01/15/2020 21:53:46</t>
  </si>
  <si>
    <t>01/15/2020 21:53:47</t>
  </si>
  <si>
    <t>01/15/2020 21:53:52</t>
  </si>
  <si>
    <t>01/15/2020 21:53:53</t>
  </si>
  <si>
    <t>01/15/2020 21:53:56</t>
  </si>
  <si>
    <t>01/15/2020 21:53:57</t>
  </si>
  <si>
    <t>01/15/2020 21:53:58</t>
  </si>
  <si>
    <t>01/15/2020 21:53:59</t>
  </si>
  <si>
    <t>01/15/2020 21:54:01</t>
  </si>
  <si>
    <t>01/15/2020 21:54:06</t>
  </si>
  <si>
    <t>01/15/2020 21:54:09</t>
  </si>
  <si>
    <t>01/15/2020 21:54:13</t>
  </si>
  <si>
    <t>01/15/2020 21:54:14</t>
  </si>
  <si>
    <t>01/15/2020 21:54:15</t>
  </si>
  <si>
    <t>01/15/2020 21:54:21</t>
  </si>
  <si>
    <t>01/15/2020 21:54:28</t>
  </si>
  <si>
    <t>01/15/2020 21:54:33</t>
  </si>
  <si>
    <t>01/15/2020 21:54:36</t>
  </si>
  <si>
    <t>01/15/2020 21:54:40</t>
  </si>
  <si>
    <t>01/15/2020 21:54:54</t>
  </si>
  <si>
    <t>01/15/2020 21:54:55</t>
  </si>
  <si>
    <t>01/15/2020 21:54:56</t>
  </si>
  <si>
    <t>01/15/2020 21:55:00</t>
  </si>
  <si>
    <t>01/15/2020 21:55:01</t>
  </si>
  <si>
    <t>01/15/2020 21:55:21</t>
  </si>
  <si>
    <t>01/15/2020 21:55:25</t>
  </si>
  <si>
    <t>01/15/2020 21:55:26</t>
  </si>
  <si>
    <t>01/15/2020 21:55:27</t>
  </si>
  <si>
    <t>01/15/2020 21:55:32</t>
  </si>
  <si>
    <t>01/15/2020 21:55:43</t>
  </si>
  <si>
    <t>01/15/2020 21:55:46</t>
  </si>
  <si>
    <t>01/15/2020 21:55:47</t>
  </si>
  <si>
    <t>01/15/2020 21:55:48</t>
  </si>
  <si>
    <t>01/15/2020 21:55:54</t>
  </si>
  <si>
    <t>01/15/2020 21:55:55</t>
  </si>
  <si>
    <t>01/15/2020 21:59:04</t>
  </si>
  <si>
    <t>01/15/2020 21:59:50</t>
  </si>
  <si>
    <t>01/15/2020 21:54:34</t>
  </si>
  <si>
    <t>01/15/2020 21:54:35</t>
  </si>
  <si>
    <t>lu117049zlh.tmp</t>
  </si>
  <si>
    <t>\\acsfs\profiles$\jalilebds\Downloads\lu117049zlh.tmp</t>
  </si>
  <si>
    <t>01/15/2020 21:58:39</t>
  </si>
  <si>
    <t>01/15/2020 22:01:50</t>
  </si>
  <si>
    <t>d3fa824d-4706-4bc9-acd2-b50118a42bc1.tmp</t>
  </si>
  <si>
    <t>\\acsfs\profiles$\ROBERTM\Downloads\d3fa824d-4706-4bc9-acd2-b50118a42bc1.tmp</t>
  </si>
  <si>
    <t>01/15/2020 22:00:22</t>
  </si>
  <si>
    <t>205b4275-327c-4996-b670-3cd170824e1d.tmp</t>
  </si>
  <si>
    <t>\\acsfs\profiles$\ROBERTM\Downloads\205b4275-327c-4996-b670-3cd170824e1d.tmp</t>
  </si>
  <si>
    <t>01/15/2020 22:00:33</t>
  </si>
  <si>
    <t>XLOG_andrezacapf_15012020_140425.log</t>
  </si>
  <si>
    <t>\\acsfs\profiles$\andrezacapf\My Documents\xworkcenter\logs\XLOG_andrezacapf_15012020_140425.log</t>
  </si>
  <si>
    <t>01/15/2020 22:02:50</t>
  </si>
  <si>
    <t>01/15/2020 21:59:53</t>
  </si>
  <si>
    <t>f0dd92d1-a4a3-4d92-b627-4c56cadf6374.tmp</t>
  </si>
  <si>
    <t>\\acsfs\profiles$\rogeriofd\Downloads\f0dd92d1-a4a3-4d92-b627-4c56cadf6374.tmp</t>
  </si>
  <si>
    <t>01/15/2020 22:00:25</t>
  </si>
  <si>
    <t>01/15/2020 22:03:50</t>
  </si>
  <si>
    <t>01/15/2020 22:04:53</t>
  </si>
  <si>
    <t>01/15/2020 22:05:50</t>
  </si>
  <si>
    <t>01/15/2020 22:05:15</t>
  </si>
  <si>
    <t>0353413a-60af-4ffd-bf74-7df373145de4.tmp</t>
  </si>
  <si>
    <t>\\acsfs\profiles$\Adrieledgc\Downloads\0353413a-60af-4ffd-bf74-7df373145de4.tmp</t>
  </si>
  <si>
    <t>01/15/2020 22:07:50</t>
  </si>
  <si>
    <t>01/15/2020 22:05:53</t>
  </si>
  <si>
    <t>01/15/2020 22:04:50</t>
  </si>
  <si>
    <t>01/15/2020 22:09:50</t>
  </si>
  <si>
    <t>01/15/2020 22:06:50</t>
  </si>
  <si>
    <t>01/15/2020 22:11:50</t>
  </si>
  <si>
    <t>54a2a45b-1c7a-4b17-8756-54037c75178e.tmp</t>
  </si>
  <si>
    <t>\\acsfs\profiles$\ROBERTM\Downloads\54a2a45b-1c7a-4b17-8756-54037c75178e.tmp</t>
  </si>
  <si>
    <t>01/15/2020 22:12:50</t>
  </si>
  <si>
    <t>01/15/2020 22:14:20</t>
  </si>
  <si>
    <t>01/15/2020 22:17:31</t>
  </si>
  <si>
    <t>01/15/2020 22:15:40</t>
  </si>
  <si>
    <t>01/15/2020 22:14:55</t>
  </si>
  <si>
    <t>01/15/2020 22:18:30</t>
  </si>
  <si>
    <t>01/15/2020 22:18:39</t>
  </si>
  <si>
    <t>01/15/2020 22:19:31</t>
  </si>
  <si>
    <t>01/15/2020 22:18:26</t>
  </si>
  <si>
    <t>104b5c01-9f56-439d-affa-94fa5a279da6.tmp</t>
  </si>
  <si>
    <t>\\acsfs\profiles$\andressamf\Downloads\104b5c01-9f56-439d-affa-94fa5a279da6.tmp</t>
  </si>
  <si>
    <t>01/15/2020 22:22:30</t>
  </si>
  <si>
    <t>01/15/2020 22:27:30</t>
  </si>
  <si>
    <t>01/15/2020 22:32:30</t>
  </si>
  <si>
    <t>01/15/2020 22:32:36</t>
  </si>
  <si>
    <t>01/15/2020 22:34:30</t>
  </si>
  <si>
    <t>01/15/2020 22:34:20</t>
  </si>
  <si>
    <t>01/15/2020 22:36:30</t>
  </si>
  <si>
    <t>01/15/2020 22:37:30</t>
  </si>
  <si>
    <t>01/15/2020 22:37:19</t>
  </si>
  <si>
    <t>01/15/2020 22:38:31</t>
  </si>
  <si>
    <t>01/15/2020 22:35:36</t>
  </si>
  <si>
    <t>01/15/2020 22:40:31</t>
  </si>
  <si>
    <t>01/15/2020 22:37:56</t>
  </si>
  <si>
    <t>01/15/2020 22:41:30</t>
  </si>
  <si>
    <t>01/15/2020 22:42:30</t>
  </si>
  <si>
    <t>01/15/2020 22:39:50</t>
  </si>
  <si>
    <t>01/15/2020 22:43:31</t>
  </si>
  <si>
    <t>01/15/2020 22:47:30</t>
  </si>
  <si>
    <t>01/15/2020 22:52:07</t>
  </si>
  <si>
    <t>01/15/2020 22:52:30</t>
  </si>
  <si>
    <t>1b6cd839-caae-4dc6-9f74-2c732baed6f7.tmp</t>
  </si>
  <si>
    <t>\\acsfs\profiles$\rogeriofd\Downloads\1b6cd839-caae-4dc6-9f74-2c732baed6f7.tmp</t>
  </si>
  <si>
    <t>01/15/2020 22:53:59</t>
  </si>
  <si>
    <t>01/15/2020 22:56:30</t>
  </si>
  <si>
    <t>01/15/2020 22:55:50</t>
  </si>
  <si>
    <t>01/15/2020 22:57:30</t>
  </si>
  <si>
    <t>01/15/2020 22:56:27</t>
  </si>
  <si>
    <t>01/15/2020 22:59:30</t>
  </si>
  <si>
    <t>fffdf48f-374e-4f3f-841f-f99ff48fb365.tmp</t>
  </si>
  <si>
    <t>\\acsfs\profiles$\andressamf\Downloads\fffdf48f-374e-4f3f-841f-f99ff48fb365.tmp</t>
  </si>
  <si>
    <t>01/15/2020 22:59:31</t>
  </si>
  <si>
    <t>01/15/2020 23:01:30</t>
  </si>
  <si>
    <t>bf860bb6-151d-447e-9129-747bb82e563f.tmp</t>
  </si>
  <si>
    <t>\\acsfs\profiles$\ROBERTM\Downloads\bf860bb6-151d-447e-9129-747bb82e563f.tmp</t>
  </si>
  <si>
    <t>01/15/2020 22:59:18</t>
  </si>
  <si>
    <t>01/15/2020 23:02:30</t>
  </si>
  <si>
    <t>02e3fd46-3313-494c-8daf-43118e7e4f0b.tmp</t>
  </si>
  <si>
    <t>\\acsfs\profiles$\marlyannegdls\Downloads\02e3fd46-3313-494c-8daf-43118e7e4f0b.tmp</t>
  </si>
  <si>
    <t>01/15/2020 23:01:03</t>
  </si>
  <si>
    <t>01/15/2020 23:03:30</t>
  </si>
  <si>
    <t>74b1a789-34c5-49bb-a457-e5866bd70fce.tmp</t>
  </si>
  <si>
    <t>\\acsfs\profiles$\joycemmdl\Downloads\74b1a789-34c5-49bb-a457-e5866bd70fce.tmp</t>
  </si>
  <si>
    <t>01/15/2020 23:03:15</t>
  </si>
  <si>
    <t>01/15/2020 23:02:28</t>
  </si>
  <si>
    <t>01/15/2020 23:06:30</t>
  </si>
  <si>
    <t>01/15/2020 23:03:27</t>
  </si>
  <si>
    <t>01/15/2020 23:01:54</t>
  </si>
  <si>
    <t>01/15/2020 23:07:30</t>
  </si>
  <si>
    <t>96984132-ac10-430b-b915-601415da6919.tmp</t>
  </si>
  <si>
    <t>\\acsfs\profiles$\marlyannegdls\Downloads\96984132-ac10-430b-b915-601415da6919.tmp</t>
  </si>
  <si>
    <t>01/15/2020 23:12:30</t>
  </si>
  <si>
    <t>01/15/2020 23:09:17</t>
  </si>
  <si>
    <t>01/15/2020 23:13:29</t>
  </si>
  <si>
    <t>01/15/2020 23:11:25</t>
  </si>
  <si>
    <t>01/15/2020 23:17:31</t>
  </si>
  <si>
    <t>01/15/2020 23:13:26</t>
  </si>
  <si>
    <t>01/15/2020 23:16:08</t>
  </si>
  <si>
    <t>01/15/2020 23:18:30</t>
  </si>
  <si>
    <t>01/15/2020 23:13:59</t>
  </si>
  <si>
    <t>01/15/2020 23:17:57</t>
  </si>
  <si>
    <t>01/15/2020 23:19:31</t>
  </si>
  <si>
    <t>64101151-5492-43fd-b7f3-67020e8b21e4.tmp</t>
  </si>
  <si>
    <t>\\acsfs\profiles$\andressamf\Downloads\64101151-5492-43fd-b7f3-67020e8b21e4.tmp</t>
  </si>
  <si>
    <t>01/15/2020 23:18:41</t>
  </si>
  <si>
    <t>44af3926-c580-4376-a968-e11b200537dc.tmp</t>
  </si>
  <si>
    <t>\\acsfs\profiles$\andressamf\Downloads\44af3926-c580-4376-a968-e11b200537dc.tmp</t>
  </si>
  <si>
    <t>01/15/2020 23:22:30</t>
  </si>
  <si>
    <t>01/15/2020 23:20:53</t>
  </si>
  <si>
    <t>01/15/2020 23:24:30</t>
  </si>
  <si>
    <t>01/15/2020 23:22:24</t>
  </si>
  <si>
    <t>c6edee61-ae01-4cea-bd98-747bf8c70a87.tmp</t>
  </si>
  <si>
    <t>\\acsfs\profiles$\andressamf\Downloads\c6edee61-ae01-4cea-bd98-747bf8c70a87.tmp</t>
  </si>
  <si>
    <t>01/15/2020 23:20:31</t>
  </si>
  <si>
    <t>01/15/2020 23:25:30</t>
  </si>
  <si>
    <t>01/15/2020 23:22:04</t>
  </si>
  <si>
    <t>01/15/2020 23:27:30</t>
  </si>
  <si>
    <t>01/15/2020 23:25:53</t>
  </si>
  <si>
    <t>01/15/2020 23:28:30</t>
  </si>
  <si>
    <t>01/15/2020 23:28:21</t>
  </si>
  <si>
    <t>01/15/2020 23:32:30</t>
  </si>
  <si>
    <t>2f3e4808-40b0-46f7-87c5-96841fda80b9.tmp</t>
  </si>
  <si>
    <t>\\acsfs\profiles$\marlyannegdls\Downloads\2f3e4808-40b0-46f7-87c5-96841fda80b9.tmp</t>
  </si>
  <si>
    <t>01/15/2020 23:30:23</t>
  </si>
  <si>
    <t>d8671d20-3119-4a75-89cf-6d4c70c1edf7.tmp</t>
  </si>
  <si>
    <t>\\acsfs\profiles$\marlyannegdls\Downloads\d8671d20-3119-4a75-89cf-6d4c70c1edf7.tmp</t>
  </si>
  <si>
    <t>01/15/2020 23:32:05</t>
  </si>
  <si>
    <t>01/15/2020 23:35:30</t>
  </si>
  <si>
    <t>01/15/2020 23:34:01</t>
  </si>
  <si>
    <t>072c4021-e418-4ccd-8db7-8aa6d3c6d9c9.tmp</t>
  </si>
  <si>
    <t>\\acsfs\profiles$\rogeriofd\Downloads\072c4021-e418-4ccd-8db7-8aa6d3c6d9c9.tmp</t>
  </si>
  <si>
    <t>01/15/2020 23:32:56</t>
  </si>
  <si>
    <t>01/15/2020 23:36:30</t>
  </si>
  <si>
    <t>01/15/2020 23:34:45</t>
  </si>
  <si>
    <t>01/15/2020 23:37:30</t>
  </si>
  <si>
    <t>01/15/2020 23:36:40</t>
  </si>
  <si>
    <t>01/15/2020 23:39:30</t>
  </si>
  <si>
    <t>01/15/2020 23:35:35</t>
  </si>
  <si>
    <t>01/15/2020 23:40:30</t>
  </si>
  <si>
    <t>6ff974cf-af9b-4c77-aa7d-84fc298b7fb1.tmp</t>
  </si>
  <si>
    <t>\\acsfs\profiles$\rogeriofd\Downloads\6ff974cf-af9b-4c77-aa7d-84fc298b7fb1.tmp</t>
  </si>
  <si>
    <t>01/15/2020 23:39:54</t>
  </si>
  <si>
    <t>01/15/2020 23:41:30</t>
  </si>
  <si>
    <t>01/15/2020 23:40:40</t>
  </si>
  <si>
    <t>01/15/2020 23:42:29</t>
  </si>
  <si>
    <t>\\acsfs\profiles$\MARLYANNEGDLS\Downloads\</t>
  </si>
  <si>
    <t>.~lock.Reneg - Vcto 28-12-19.ods#</t>
  </si>
  <si>
    <t>\\acsfs\profiles$\MARLYANNEGDLS\Downloads\.~lock.Reneg - Vcto 28-12-19.ods#</t>
  </si>
  <si>
    <t>01/15/2020 23:40:41</t>
  </si>
  <si>
    <t>lu16700v8p3x.tmp</t>
  </si>
  <si>
    <t>\\acsfs\profiles$\MARLYANNEGDLS\Downloads\lu16700v8p3x.tmp</t>
  </si>
  <si>
    <t>\\acsfs\profiles$\MARLYANNEGDLS\Downloads\lu16700v8p3x.tmp\</t>
  </si>
  <si>
    <t>\\acsfs\profiles$\MARLYANNEGDLS\Downloads\lu16700v8p3x.tmp\META-INF\</t>
  </si>
  <si>
    <t>\\acsfs\profiles$\MARLYANNEGDLS\Downloads\lu16700v8p3x.tmp\Thumbnails\</t>
  </si>
  <si>
    <t>01/15/2020 23:43:52</t>
  </si>
  <si>
    <t>01/15/2020 23:44:30</t>
  </si>
  <si>
    <t>01/15/2020 23:42:49</t>
  </si>
  <si>
    <t>01/15/2020 23:47:30</t>
  </si>
  <si>
    <t>lu16700v8p42.tmp</t>
  </si>
  <si>
    <t>\\acsfs\profiles$\MARLYANNEGDLS\Downloads\lu16700v8p42.tmp</t>
  </si>
  <si>
    <t>\\acsfs\profiles$\MARLYANNEGDLS\Downloads\lu16700v8p42.tmp\</t>
  </si>
  <si>
    <t>\\acsfs\profiles$\MARLYANNEGDLS\Downloads\lu16700v8p42.tmp\META-INF\</t>
  </si>
  <si>
    <t>01/15/2020 23:42:50</t>
  </si>
  <si>
    <t>\\acsfs\profiles$\MARLYANNEGDLS\Downloads\lu16700v8p42.tmp\Thumbnails\</t>
  </si>
  <si>
    <t>01/15/2020 23:43:57</t>
  </si>
  <si>
    <t>01/15/2020 23:43:58</t>
  </si>
  <si>
    <t>lu16700v8p47.tmp</t>
  </si>
  <si>
    <t>\\acsfs\profiles$\MARLYANNEGDLS\Downloads\lu16700v8p47.tmp</t>
  </si>
  <si>
    <t>\\acsfs\profiles$\MARLYANNEGDLS\Downloads\lu16700v8p47.tmp\</t>
  </si>
  <si>
    <t>\\acsfs\profiles$\MARLYANNEGDLS\Downloads\lu16700v8p47.tmp\META-INF\</t>
  </si>
  <si>
    <t>\\acsfs\profiles$\MARLYANNEGDLS\Downloads\lu16700v8p47.tmp\Thumbnails\</t>
  </si>
  <si>
    <t>01/15/2020 23:44:16</t>
  </si>
  <si>
    <t>lu16700v8p4c.tmp</t>
  </si>
  <si>
    <t>\\acsfs\profiles$\MARLYANNEGDLS\Downloads\lu16700v8p4c.tmp</t>
  </si>
  <si>
    <t>\\acsfs\profiles$\MARLYANNEGDLS\Downloads\lu16700v8p4c.tmp\</t>
  </si>
  <si>
    <t>\\acsfs\profiles$\MARLYANNEGDLS\Downloads\lu16700v8p4c.tmp\META-INF\</t>
  </si>
  <si>
    <t>\\acsfs\profiles$\MARLYANNEGDLS\Downloads\lu16700v8p4c.tmp\Thumbnails\</t>
  </si>
  <si>
    <t>01/15/2020 23:45:05</t>
  </si>
  <si>
    <t>lu16700v8p4h.tmp</t>
  </si>
  <si>
    <t>\\acsfs\profiles$\MARLYANNEGDLS\Downloads\lu16700v8p4h.tmp</t>
  </si>
  <si>
    <t>\\acsfs\profiles$\MARLYANNEGDLS\Downloads\lu16700v8p4h.tmp\</t>
  </si>
  <si>
    <t>\\acsfs\profiles$\MARLYANNEGDLS\Downloads\lu16700v8p4h.tmp\META-INF\</t>
  </si>
  <si>
    <t>\\acsfs\profiles$\MARLYANNEGDLS\Downloads\lu16700v8p4h.tmp\Thumbnails\</t>
  </si>
  <si>
    <t>01/15/2020 23:46:23</t>
  </si>
  <si>
    <t>01/15/2020 23:46:24</t>
  </si>
  <si>
    <t>lu16700v8p4m.tmp</t>
  </si>
  <si>
    <t>\\acsfs\profiles$\MARLYANNEGDLS\Downloads\lu16700v8p4m.tmp</t>
  </si>
  <si>
    <t>\\acsfs\profiles$\MARLYANNEGDLS\Downloads\lu16700v8p4m.tmp\</t>
  </si>
  <si>
    <t>\\acsfs\profiles$\MARLYANNEGDLS\Downloads\lu16700v8p4m.tmp\META-INF\</t>
  </si>
  <si>
    <t>\\acsfs\profiles$\MARLYANNEGDLS\Downloads\lu16700v8p4m.tmp\Thumbnails\</t>
  </si>
  <si>
    <t>01/15/2020 23:46:09</t>
  </si>
  <si>
    <t>01/15/2020 23:48:30</t>
  </si>
  <si>
    <t>01/15/2020 23:50:30</t>
  </si>
  <si>
    <t>01/15/2020 23:45:07</t>
  </si>
  <si>
    <t>01/15/2020 23:47:35</t>
  </si>
  <si>
    <t>01/15/2020 23:52:31</t>
  </si>
  <si>
    <t>01/15/2020 23:47:36</t>
  </si>
  <si>
    <t>lu16700v8p4r.tmp</t>
  </si>
  <si>
    <t>\\acsfs\profiles$\MARLYANNEGDLS\Downloads\lu16700v8p4r.tmp</t>
  </si>
  <si>
    <t>\\acsfs\profiles$\MARLYANNEGDLS\Downloads\lu16700v8p4r.tmp\</t>
  </si>
  <si>
    <t>\\acsfs\profiles$\MARLYANNEGDLS\Downloads\lu16700v8p4r.tmp\META-INF\</t>
  </si>
  <si>
    <t>\\acsfs\profiles$\MARLYANNEGDLS\Downloads\lu16700v8p4r.tmp\Thumbnails\</t>
  </si>
  <si>
    <t>01/15/2020 23:49:40</t>
  </si>
  <si>
    <t>01/15/2020 23:49:41</t>
  </si>
  <si>
    <t>lu16700v8p4w.tmp</t>
  </si>
  <si>
    <t>\\acsfs\profiles$\MARLYANNEGDLS\Downloads\lu16700v8p4w.tmp</t>
  </si>
  <si>
    <t>\\acsfs\profiles$\MARLYANNEGDLS\Downloads\lu16700v8p4w.tmp\</t>
  </si>
  <si>
    <t>\\acsfs\profiles$\MARLYANNEGDLS\Downloads\lu16700v8p4w.tmp\META-INF\</t>
  </si>
  <si>
    <t>\\acsfs\profiles$\MARLYANNEGDLS\Downloads\lu16700v8p4w.tmp\Thumbnails\</t>
  </si>
  <si>
    <t>01/15/2020 23:51:31</t>
  </si>
  <si>
    <t>01/15/2020 23:51:32</t>
  </si>
  <si>
    <t>lu16700v8p51.tmp</t>
  </si>
  <si>
    <t>\\acsfs\profiles$\MARLYANNEGDLS\Downloads\lu16700v8p51.tmp</t>
  </si>
  <si>
    <t>\\acsfs\profiles$\MARLYANNEGDLS\Downloads\lu16700v8p51.tmp\</t>
  </si>
  <si>
    <t>\\acsfs\profiles$\MARLYANNEGDLS\Downloads\lu16700v8p51.tmp\META-INF\</t>
  </si>
  <si>
    <t>\\acsfs\profiles$\MARLYANNEGDLS\Downloads\lu16700v8p51.tmp\Thumbnails\</t>
  </si>
  <si>
    <t>01/15/2020 23:48:26</t>
  </si>
  <si>
    <t>01/15/2020 23:53:30</t>
  </si>
  <si>
    <t>mariaavds</t>
  </si>
  <si>
    <t>\\acsfs\profiles$\mariaavds\Downloads\</t>
  </si>
  <si>
    <t>6ba7c86b-d7b6-48fb-9f05-bf28d5294269.tmp</t>
  </si>
  <si>
    <t>\\acsfs\profiles$\mariaavds\Downloads\6ba7c86b-d7b6-48fb-9f05-bf28d5294269.tmp</t>
  </si>
  <si>
    <t>01/15/2020 23:50:27</t>
  </si>
  <si>
    <t>cc634439-567c-497b-bc8f-d60bfb2d9fea.tmp</t>
  </si>
  <si>
    <t>\\acsfs\profiles$\mariaavds\Downloads\cc634439-567c-497b-bc8f-d60bfb2d9fea.tmp</t>
  </si>
  <si>
    <t>01/15/2020 23:50:43</t>
  </si>
  <si>
    <t>6a8693ed-93e2-49b4-bf35-19cc74c3b002.tmp</t>
  </si>
  <si>
    <t>\\acsfs\profiles$\mariaavds\Downloads\6a8693ed-93e2-49b4-bf35-19cc74c3b002.tmp</t>
  </si>
  <si>
    <t>01/15/2020 23:53:48</t>
  </si>
  <si>
    <t>01/15/2020 23:55:31</t>
  </si>
  <si>
    <t>01/15/2020 23:53:14</t>
  </si>
  <si>
    <t>01/15/2020 23:57:30</t>
  </si>
  <si>
    <t>lu16700v8p56.tmp</t>
  </si>
  <si>
    <t>\\acsfs\profiles$\MARLYANNEGDLS\Downloads\lu16700v8p56.tmp</t>
  </si>
  <si>
    <t>\\acsfs\profiles$\MARLYANNEGDLS\Downloads\lu16700v8p56.tmp\</t>
  </si>
  <si>
    <t>\\acsfs\profiles$\MARLYANNEGDLS\Downloads\lu16700v8p56.tmp\META-INF\</t>
  </si>
  <si>
    <t>\\acsfs\profiles$\MARLYANNEGDLS\Downloads\lu16700v8p56.tmp\Thumbnails\</t>
  </si>
  <si>
    <t>01/15/2020 23:54:58</t>
  </si>
  <si>
    <t>01/15/2020 23:58:30</t>
  </si>
  <si>
    <t>01/15/2020 23:59:40</t>
  </si>
  <si>
    <t>01/16/2020 00:03:30</t>
  </si>
  <si>
    <t>01/15/2020 23:59:41</t>
  </si>
  <si>
    <t>lu16700v8p5b.tmp</t>
  </si>
  <si>
    <t>\\acsfs\profiles$\MARLYANNEGDLS\Downloads\lu16700v8p5b.tmp</t>
  </si>
  <si>
    <t>\\acsfs\profiles$\MARLYANNEGDLS\Downloads\lu16700v8p5b.tmp\</t>
  </si>
  <si>
    <t>\\acsfs\profiles$\MARLYANNEGDLS\Downloads\lu16700v8p5b.tmp\META-INF\</t>
  </si>
  <si>
    <t>\\acsfs\profiles$\MARLYANNEGDLS\Downloads\lu16700v8p5b.tmp\Thumbnails\</t>
  </si>
  <si>
    <t>01/16/2020 00:01:15</t>
  </si>
  <si>
    <t>01/16/2020 00:01:16</t>
  </si>
  <si>
    <t>lu16700v8p5g.tmp</t>
  </si>
  <si>
    <t>\\acsfs\profiles$\MARLYANNEGDLS\Downloads\lu16700v8p5g.tmp</t>
  </si>
  <si>
    <t>\\acsfs\profiles$\MARLYANNEGDLS\Downloads\lu16700v8p5g.tmp\</t>
  </si>
  <si>
    <t>\\acsfs\profiles$\MARLYANNEGDLS\Downloads\lu16700v8p5g.tmp\META-INF\</t>
  </si>
  <si>
    <t>\\acsfs\profiles$\MARLYANNEGDLS\Downloads\lu16700v8p5g.tmp\Thumbnails\</t>
  </si>
  <si>
    <t>01/16/2020 00:01:29</t>
  </si>
  <si>
    <t>01/16/2020 00:01:30</t>
  </si>
  <si>
    <t>lu16700v8p5l.tmp</t>
  </si>
  <si>
    <t>\\acsfs\profiles$\MARLYANNEGDLS\Downloads\lu16700v8p5l.tmp</t>
  </si>
  <si>
    <t>\\acsfs\profiles$\MARLYANNEGDLS\Downloads\lu16700v8p5l.tmp\</t>
  </si>
  <si>
    <t>\\acsfs\profiles$\MARLYANNEGDLS\Downloads\lu16700v8p5l.tmp\META-INF\</t>
  </si>
  <si>
    <t>\\acsfs\profiles$\MARLYANNEGDLS\Downloads\lu16700v8p5l.tmp\Thumbnails\</t>
  </si>
  <si>
    <t>01/16/2020 00:02:53</t>
  </si>
  <si>
    <t>01/16/2020 00:04:30</t>
  </si>
  <si>
    <t>01/16/2020 00:03:42</t>
  </si>
  <si>
    <t>01/16/2020 00:05:30</t>
  </si>
  <si>
    <t>01/16/2020 00:02:31</t>
  </si>
  <si>
    <t>01/16/2020 00:04:50</t>
  </si>
  <si>
    <t>01/16/2020 00:06:30</t>
  </si>
  <si>
    <t>01/16/2020 00:03:08</t>
  </si>
  <si>
    <t>01/16/2020 00:01:38</t>
  </si>
  <si>
    <t>01/16/2020 00:01:23</t>
  </si>
  <si>
    <t>01/16/2020 00:03:16</t>
  </si>
  <si>
    <t>01/16/2020 00:07:30</t>
  </si>
  <si>
    <t>01/16/2020 00:04:00</t>
  </si>
  <si>
    <t>01/16/2020 00:03:32</t>
  </si>
  <si>
    <t>01/16/2020 00:05:52</t>
  </si>
  <si>
    <t>01/16/2020 00:07:18</t>
  </si>
  <si>
    <t>01/16/2020 00:08:30</t>
  </si>
  <si>
    <t>01/16/2020 00:06:31</t>
  </si>
  <si>
    <t>01/16/2020 00:06:28</t>
  </si>
  <si>
    <t>01/16/2020 00:07:37</t>
  </si>
  <si>
    <t>01/16/2020 00:02:24</t>
  </si>
  <si>
    <t>01/16/2020 00:02:25</t>
  </si>
  <si>
    <t>lu16700v8p5q.tmp</t>
  </si>
  <si>
    <t>\\acsfs\profiles$\MARLYANNEGDLS\Downloads\lu16700v8p5q.tmp</t>
  </si>
  <si>
    <t>\\acsfs\profiles$\MARLYANNEGDLS\Downloads\lu16700v8p5q.tmp\</t>
  </si>
  <si>
    <t>\\acsfs\profiles$\MARLYANNEGDLS\Downloads\lu16700v8p5q.tmp\META-INF\</t>
  </si>
  <si>
    <t>\\acsfs\profiles$\MARLYANNEGDLS\Downloads\lu16700v8p5q.tmp\Thumbnails\</t>
  </si>
  <si>
    <t>01/16/2020 00:06:19</t>
  </si>
  <si>
    <t>01/16/2020 00:08:05</t>
  </si>
  <si>
    <t>01/16/2020 00:07:11</t>
  </si>
  <si>
    <t>01/16/2020 00:09:30</t>
  </si>
  <si>
    <t>01/16/2020 00:05:51</t>
  </si>
  <si>
    <t>01/16/2020 00:04:51</t>
  </si>
  <si>
    <t>01/16/2020 00:05:36</t>
  </si>
  <si>
    <t>01/16/2020 00:10:30</t>
  </si>
  <si>
    <t>01/16/2020 00:09:04</t>
  </si>
  <si>
    <t>01/16/2020 00:11:30</t>
  </si>
  <si>
    <t>01/16/2020 00:07:25</t>
  </si>
  <si>
    <t>01/16/2020 00:08:09</t>
  </si>
  <si>
    <t>01/16/2020 00:13:30</t>
  </si>
  <si>
    <t>01/16/2020 00:11:29</t>
  </si>
  <si>
    <t>01/16/2020 00:12:11</t>
  </si>
  <si>
    <t>01/16/2020 00:11:59</t>
  </si>
  <si>
    <t>01/16/2020 00:13:33</t>
  </si>
  <si>
    <t>01/16/2020 00:15:30</t>
  </si>
  <si>
    <t>01/16/2020 00:14:54</t>
  </si>
  <si>
    <t>01/16/2020 00:14:47</t>
  </si>
  <si>
    <t>01/16/2020 00:16:30</t>
  </si>
  <si>
    <t>01/16/2020 00:15:34</t>
  </si>
  <si>
    <t>01/16/2020 00:13:51</t>
  </si>
  <si>
    <t>01/16/2020 00:14:55</t>
  </si>
  <si>
    <t>01/16/2020 00:17:30</t>
  </si>
  <si>
    <t>01/16/2020 00:18:30</t>
  </si>
  <si>
    <t>01/16/2020 00:14:48</t>
  </si>
  <si>
    <t>01/16/2020 00:14:49</t>
  </si>
  <si>
    <t>lu16700v8p5z.tmp</t>
  </si>
  <si>
    <t>\\acsfs\profiles$\MARLYANNEGDLS\Downloads\lu16700v8p5z.tmp</t>
  </si>
  <si>
    <t>\\acsfs\profiles$\MARLYANNEGDLS\Downloads\lu16700v8p5z.tmp\</t>
  </si>
  <si>
    <t>\\acsfs\profiles$\MARLYANNEGDLS\Downloads\lu16700v8p5z.tmp\META-INF\</t>
  </si>
  <si>
    <t>\\acsfs\profiles$\MARLYANNEGDLS\Downloads\lu16700v8p5z.tmp\Thumbnails\</t>
  </si>
  <si>
    <t>01/16/2020 00:17:04</t>
  </si>
  <si>
    <t>01/16/2020 00:17:05</t>
  </si>
  <si>
    <t>lu16700v8p64.tmp</t>
  </si>
  <si>
    <t>\\acsfs\profiles$\MARLYANNEGDLS\Downloads\lu16700v8p64.tmp</t>
  </si>
  <si>
    <t>\\acsfs\profiles$\MARLYANNEGDLS\Downloads\lu16700v8p64.tmp\</t>
  </si>
  <si>
    <t>\\acsfs\profiles$\MARLYANNEGDLS\Downloads\lu16700v8p64.tmp\META-INF\</t>
  </si>
  <si>
    <t>\\acsfs\profiles$\MARLYANNEGDLS\Downloads\lu16700v8p64.tmp\Thumbnails\</t>
  </si>
  <si>
    <t>01/16/2020 00:14:03</t>
  </si>
  <si>
    <t>01/16/2020 00:13:35</t>
  </si>
  <si>
    <t>01/16/2020 00:18:46</t>
  </si>
  <si>
    <t>01/16/2020 00:19:30</t>
  </si>
  <si>
    <t>01/16/2020 00:16:06</t>
  </si>
  <si>
    <t>01/16/2020 00:14:57</t>
  </si>
  <si>
    <t>01/16/2020 00:17:25</t>
  </si>
  <si>
    <t>01/16/2020 00:20:30</t>
  </si>
  <si>
    <t>01/16/2020 00:20:12</t>
  </si>
  <si>
    <t>01/16/2020 00:22:30</t>
  </si>
  <si>
    <t>01/16/2020 00:23:30</t>
  </si>
  <si>
    <t>01/16/2020 00:19:48</t>
  </si>
  <si>
    <t>01/16/2020 00:19:49</t>
  </si>
  <si>
    <t>lu16700v8p69.tmp</t>
  </si>
  <si>
    <t>\\acsfs\profiles$\MARLYANNEGDLS\Downloads\lu16700v8p69.tmp</t>
  </si>
  <si>
    <t>\\acsfs\profiles$\MARLYANNEGDLS\Downloads\lu16700v8p69.tmp\</t>
  </si>
  <si>
    <t>\\acsfs\profiles$\MARLYANNEGDLS\Downloads\lu16700v8p69.tmp\META-INF\</t>
  </si>
  <si>
    <t>\\acsfs\profiles$\MARLYANNEGDLS\Downloads\lu16700v8p69.tmp\Thumbnails\</t>
  </si>
  <si>
    <t>01/16/2020 00:20:31</t>
  </si>
  <si>
    <t>lu16700v8p6e.tmp</t>
  </si>
  <si>
    <t>\\acsfs\profiles$\MARLYANNEGDLS\Downloads\lu16700v8p6e.tmp</t>
  </si>
  <si>
    <t>\\acsfs\profiles$\MARLYANNEGDLS\Downloads\lu16700v8p6e.tmp\</t>
  </si>
  <si>
    <t>\\acsfs\profiles$\MARLYANNEGDLS\Downloads\lu16700v8p6e.tmp\META-INF\</t>
  </si>
  <si>
    <t>\\acsfs\profiles$\MARLYANNEGDLS\Downloads\lu16700v8p6e.tmp\Thumbnails\</t>
  </si>
  <si>
    <t>01/16/2020 00:21:50</t>
  </si>
  <si>
    <t>01/16/2020 00:21:51</t>
  </si>
  <si>
    <t>lu16700v8p6j.tmp</t>
  </si>
  <si>
    <t>\\acsfs\profiles$\MARLYANNEGDLS\Downloads\lu16700v8p6j.tmp</t>
  </si>
  <si>
    <t>\\acsfs\profiles$\MARLYANNEGDLS\Downloads\lu16700v8p6j.tmp\</t>
  </si>
  <si>
    <t>\\acsfs\profiles$\MARLYANNEGDLS\Downloads\lu16700v8p6j.tmp\META-INF\</t>
  </si>
  <si>
    <t>\\acsfs\profiles$\MARLYANNEGDLS\Downloads\lu16700v8p6j.tmp\Thumbnails\</t>
  </si>
  <si>
    <t>01/16/2020 00:18:54</t>
  </si>
  <si>
    <t>01/16/2020 00:22:14</t>
  </si>
  <si>
    <t>01/16/2020 00:25:30</t>
  </si>
  <si>
    <t>01/16/2020 00:23:51</t>
  </si>
  <si>
    <t>01/16/2020 00:26:31</t>
  </si>
  <si>
    <t>01/16/2020 00:28:30</t>
  </si>
  <si>
    <t>01/16/2020 00:22:55</t>
  </si>
  <si>
    <t>lu16700v8p6o.tmp</t>
  </si>
  <si>
    <t>\\acsfs\profiles$\MARLYANNEGDLS\Downloads\lu16700v8p6o.tmp</t>
  </si>
  <si>
    <t>\\acsfs\profiles$\MARLYANNEGDLS\Downloads\lu16700v8p6o.tmp\</t>
  </si>
  <si>
    <t>01/16/2020 00:22:56</t>
  </si>
  <si>
    <t>\\acsfs\profiles$\MARLYANNEGDLS\Downloads\lu16700v8p6o.tmp\META-INF\</t>
  </si>
  <si>
    <t>\\acsfs\profiles$\MARLYANNEGDLS\Downloads\lu16700v8p6o.tmp\Thumbnails\</t>
  </si>
  <si>
    <t>01/16/2020 00:24:59</t>
  </si>
  <si>
    <t>lu16700v8p6t.tmp</t>
  </si>
  <si>
    <t>\\acsfs\profiles$\MARLYANNEGDLS\Downloads\lu16700v8p6t.tmp</t>
  </si>
  <si>
    <t>\\acsfs\profiles$\MARLYANNEGDLS\Downloads\lu16700v8p6t.tmp\</t>
  </si>
  <si>
    <t>\\acsfs\profiles$\MARLYANNEGDLS\Downloads\lu16700v8p6t.tmp\META-INF\</t>
  </si>
  <si>
    <t>\\acsfs\profiles$\MARLYANNEGDLS\Downloads\lu16700v8p6t.tmp\Thumbnails\</t>
  </si>
  <si>
    <t>01/16/2020 00:26:48</t>
  </si>
  <si>
    <t>lu16700v8p6y.tmp</t>
  </si>
  <si>
    <t>\\acsfs\profiles$\MARLYANNEGDLS\Downloads\lu16700v8p6y.tmp</t>
  </si>
  <si>
    <t>\\acsfs\profiles$\MARLYANNEGDLS\Downloads\lu16700v8p6y.tmp\</t>
  </si>
  <si>
    <t>\\acsfs\profiles$\MARLYANNEGDLS\Downloads\lu16700v8p6y.tmp\META-INF\</t>
  </si>
  <si>
    <t>01/16/2020 00:26:49</t>
  </si>
  <si>
    <t>\\acsfs\profiles$\MARLYANNEGDLS\Downloads\lu16700v8p6y.tmp\Thumbnails\</t>
  </si>
  <si>
    <t>01/16/2020 00:26:15</t>
  </si>
  <si>
    <t>01/16/2020 00:33:30</t>
  </si>
  <si>
    <t>01/16/2020 00:28:08</t>
  </si>
  <si>
    <t>lu16700v8p73.tmp</t>
  </si>
  <si>
    <t>\\acsfs\profiles$\MARLYANNEGDLS\Downloads\lu16700v8p73.tmp</t>
  </si>
  <si>
    <t>\\acsfs\profiles$\MARLYANNEGDLS\Downloads\lu16700v8p73.tmp\</t>
  </si>
  <si>
    <t>\\acsfs\profiles$\MARLYANNEGDLS\Downloads\lu16700v8p73.tmp\META-INF\</t>
  </si>
  <si>
    <t>\\acsfs\profiles$\MARLYANNEGDLS\Downloads\lu16700v8p73.tmp\Thumbnails\</t>
  </si>
  <si>
    <t>01/16/2020 00:29:00</t>
  </si>
  <si>
    <t>01/16/2020 00:29:01</t>
  </si>
  <si>
    <t>lu16700v8p78.tmp</t>
  </si>
  <si>
    <t>\\acsfs\profiles$\MARLYANNEGDLS\Downloads\lu16700v8p78.tmp</t>
  </si>
  <si>
    <t>\\acsfs\profiles$\MARLYANNEGDLS\Downloads\lu16700v8p78.tmp\</t>
  </si>
  <si>
    <t>\\acsfs\profiles$\MARLYANNEGDLS\Downloads\lu16700v8p78.tmp\META-INF\</t>
  </si>
  <si>
    <t>\\acsfs\profiles$\MARLYANNEGDLS\Downloads\lu16700v8p78.tmp\Thumbnails\</t>
  </si>
  <si>
    <t>01/16/2020 00:31:36</t>
  </si>
  <si>
    <t>lu16700v8p7d.tmp</t>
  </si>
  <si>
    <t>\\acsfs\profiles$\MARLYANNEGDLS\Downloads\lu16700v8p7d.tmp</t>
  </si>
  <si>
    <t>\\acsfs\profiles$\MARLYANNEGDLS\Downloads\lu16700v8p7d.tmp\</t>
  </si>
  <si>
    <t>\\acsfs\profiles$\MARLYANNEGDLS\Downloads\lu16700v8p7d.tmp\META-INF\</t>
  </si>
  <si>
    <t>\\acsfs\profiles$\MARLYANNEGDLS\Downloads\lu16700v8p7d.tmp\Thumbnails\</t>
  </si>
  <si>
    <t>01/16/2020 00:35:58</t>
  </si>
  <si>
    <t>01/16/2020 00:37:31</t>
  </si>
  <si>
    <t>01/16/2020 00:38:30</t>
  </si>
  <si>
    <t>01/16/2020 00:35:45</t>
  </si>
  <si>
    <t>01/16/2020 00:35:46</t>
  </si>
  <si>
    <t>lu16700v8p7i.tmp</t>
  </si>
  <si>
    <t>\\acsfs\profiles$\MARLYANNEGDLS\Downloads\lu16700v8p7i.tmp</t>
  </si>
  <si>
    <t>\\acsfs\profiles$\MARLYANNEGDLS\Downloads\lu16700v8p7i.tmp\</t>
  </si>
  <si>
    <t>\\acsfs\profiles$\MARLYANNEGDLS\Downloads\lu16700v8p7i.tmp\META-INF\</t>
  </si>
  <si>
    <t>\\acsfs\profiles$\MARLYANNEGDLS\Downloads\lu16700v8p7i.tmp\Thumbnails\</t>
  </si>
  <si>
    <t>01/16/2020 00:36:42</t>
  </si>
  <si>
    <t>01/16/2020 00:37:11</t>
  </si>
  <si>
    <t>lu16700v8p7n.tmp</t>
  </si>
  <si>
    <t>\\acsfs\profiles$\MARLYANNEGDLS\Downloads\lu16700v8p7n.tmp</t>
  </si>
  <si>
    <t>\\acsfs\profiles$\MARLYANNEGDLS\Downloads\lu16700v8p7n.tmp\</t>
  </si>
  <si>
    <t>\\acsfs\profiles$\MARLYANNEGDLS\Downloads\lu16700v8p7n.tmp\META-INF\</t>
  </si>
  <si>
    <t>\\acsfs\profiles$\MARLYANNEGDLS\Downloads\lu16700v8p7n.tmp\Thumbnails\</t>
  </si>
  <si>
    <t>01/16/2020 00:40:54</t>
  </si>
  <si>
    <t>01/16/2020 00:41:31</t>
  </si>
  <si>
    <t>01/16/2020 00:42:25</t>
  </si>
  <si>
    <t>01/16/2020 00:43:31</t>
  </si>
  <si>
    <t>01/16/2020 00:41:13</t>
  </si>
  <si>
    <t>01/16/2020 00:41:14</t>
  </si>
  <si>
    <t>lu16700v8p7s.tmp</t>
  </si>
  <si>
    <t>\\acsfs\profiles$\MARLYANNEGDLS\Downloads\lu16700v8p7s.tmp</t>
  </si>
  <si>
    <t>\\acsfs\profiles$\MARLYANNEGDLS\Downloads\lu16700v8p7s.tmp\</t>
  </si>
  <si>
    <t>\\acsfs\profiles$\MARLYANNEGDLS\Downloads\lu16700v8p7s.tmp\META-INF\</t>
  </si>
  <si>
    <t>\\acsfs\profiles$\MARLYANNEGDLS\Downloads\lu16700v8p7s.tmp\Thumbnails\</t>
  </si>
  <si>
    <t>01/16/2020 00:42:13</t>
  </si>
  <si>
    <t>01/16/2020 00:42:14</t>
  </si>
  <si>
    <t>lu16700v8p7x.tmp</t>
  </si>
  <si>
    <t>\\acsfs\profiles$\MARLYANNEGDLS\Downloads\lu16700v8p7x.tmp</t>
  </si>
  <si>
    <t>\\acsfs\profiles$\MARLYANNEGDLS\Downloads\lu16700v8p7x.tmp\</t>
  </si>
  <si>
    <t>\\acsfs\profiles$\MARLYANNEGDLS\Downloads\lu16700v8p7x.tmp\META-INF\</t>
  </si>
  <si>
    <t>\\acsfs\profiles$\MARLYANNEGDLS\Downloads\lu16700v8p7x.tmp\Thumbnails\</t>
  </si>
  <si>
    <t>01/16/2020 00:48:31</t>
  </si>
  <si>
    <t>01/16/2020 00:44:57</t>
  </si>
  <si>
    <t>lu16700v8p82.tmp</t>
  </si>
  <si>
    <t>\\acsfs\profiles$\MARLYANNEGDLS\Downloads\lu16700v8p82.tmp</t>
  </si>
  <si>
    <t>\\acsfs\profiles$\MARLYANNEGDLS\Downloads\lu16700v8p82.tmp\</t>
  </si>
  <si>
    <t>\\acsfs\profiles$\MARLYANNEGDLS\Downloads\lu16700v8p82.tmp\META-INF\</t>
  </si>
  <si>
    <t>\\acsfs\profiles$\MARLYANNEGDLS\Downloads\lu16700v8p82.tmp\Thumbnails\</t>
  </si>
  <si>
    <t>01/16/2020 00:46:29</t>
  </si>
  <si>
    <t>01/16/2020 00:46:30</t>
  </si>
  <si>
    <t>lu16700v8p87.tmp</t>
  </si>
  <si>
    <t>\\acsfs\profiles$\MARLYANNEGDLS\Downloads\lu16700v8p87.tmp</t>
  </si>
  <si>
    <t>\\acsfs\profiles$\MARLYANNEGDLS\Downloads\lu16700v8p87.tmp\</t>
  </si>
  <si>
    <t>\\acsfs\profiles$\MARLYANNEGDLS\Downloads\lu16700v8p87.tmp\META-INF\</t>
  </si>
  <si>
    <t>\\acsfs\profiles$\MARLYANNEGDLS\Downloads\lu16700v8p87.tmp\Thumbnails\</t>
  </si>
  <si>
    <t>01/16/2020 00:44:06</t>
  </si>
  <si>
    <t>01/16/2020 00:47:57</t>
  </si>
  <si>
    <t>01/16/2020 00:48:10</t>
  </si>
  <si>
    <t>01/16/2020 00:50:30</t>
  </si>
  <si>
    <t>01/16/2020 00:47:18</t>
  </si>
  <si>
    <t>01/16/2020 00:51:31</t>
  </si>
  <si>
    <t>01/16/2020 00:50:22</t>
  </si>
  <si>
    <t>01/16/2020 00:53:30</t>
  </si>
  <si>
    <t>01/16/2020 00:48:20</t>
  </si>
  <si>
    <t>01/16/2020 00:48:21</t>
  </si>
  <si>
    <t>lu16700v8p8c.tmp</t>
  </si>
  <si>
    <t>\\acsfs\profiles$\MARLYANNEGDLS\Downloads\lu16700v8p8c.tmp</t>
  </si>
  <si>
    <t>\\acsfs\profiles$\MARLYANNEGDLS\Downloads\lu16700v8p8c.tmp\</t>
  </si>
  <si>
    <t>\\acsfs\profiles$\MARLYANNEGDLS\Downloads\lu16700v8p8c.tmp\META-INF\</t>
  </si>
  <si>
    <t>\\acsfs\profiles$\MARLYANNEGDLS\Downloads\lu16700v8p8c.tmp\Thumbnails\</t>
  </si>
  <si>
    <t>01/16/2020 00:49:59</t>
  </si>
  <si>
    <t>lu16700v8p8h.tmp</t>
  </si>
  <si>
    <t>\\acsfs\profiles$\MARLYANNEGDLS\Downloads\lu16700v8p8h.tmp</t>
  </si>
  <si>
    <t>\\acsfs\profiles$\MARLYANNEGDLS\Downloads\lu16700v8p8h.tmp\</t>
  </si>
  <si>
    <t>\\acsfs\profiles$\MARLYANNEGDLS\Downloads\lu16700v8p8h.tmp\META-INF\</t>
  </si>
  <si>
    <t>01/16/2020 00:53:31</t>
  </si>
  <si>
    <t>\\acsfs\profiles$\MARLYANNEGDLS\Downloads\lu16700v8p8h.tmp\Thumbnails\</t>
  </si>
  <si>
    <t>01/16/2020 00:52:27</t>
  </si>
  <si>
    <t>01/16/2020 00:52:28</t>
  </si>
  <si>
    <t>lu16700v8p8m.tmp</t>
  </si>
  <si>
    <t>\\acsfs\profiles$\MARLYANNEGDLS\Downloads\lu16700v8p8m.tmp</t>
  </si>
  <si>
    <t>\\acsfs\profiles$\MARLYANNEGDLS\Downloads\lu16700v8p8m.tmp\</t>
  </si>
  <si>
    <t>\\acsfs\profiles$\MARLYANNEGDLS\Downloads\lu16700v8p8m.tmp\META-INF\</t>
  </si>
  <si>
    <t>\\acsfs\profiles$\MARLYANNEGDLS\Downloads\lu16700v8p8m.tmp\Thumbnails\</t>
  </si>
  <si>
    <t>01/16/2020 00:53:22</t>
  </si>
  <si>
    <t>01/16/2020 00:56:30</t>
  </si>
  <si>
    <t>01/16/2020 00:55:19</t>
  </si>
  <si>
    <t>01/16/2020 00:58:31</t>
  </si>
  <si>
    <t>01/16/2020 00:53:35</t>
  </si>
  <si>
    <t>lu16700v8p8r.tmp</t>
  </si>
  <si>
    <t>\\acsfs\profiles$\MARLYANNEGDLS\Downloads\lu16700v8p8r.tmp</t>
  </si>
  <si>
    <t>\\acsfs\profiles$\MARLYANNEGDLS\Downloads\lu16700v8p8r.tmp\</t>
  </si>
  <si>
    <t>\\acsfs\profiles$\MARLYANNEGDLS\Downloads\lu16700v8p8r.tmp\META-INF\</t>
  </si>
  <si>
    <t>01/16/2020 00:53:36</t>
  </si>
  <si>
    <t>\\acsfs\profiles$\MARLYANNEGDLS\Downloads\lu16700v8p8r.tmp\Thumbnails\</t>
  </si>
  <si>
    <t>01/16/2020 00:54:09</t>
  </si>
  <si>
    <t>lu16700v8p8w.tmp</t>
  </si>
  <si>
    <t>\\acsfs\profiles$\MARLYANNEGDLS\Downloads\lu16700v8p8w.tmp</t>
  </si>
  <si>
    <t>\\acsfs\profiles$\MARLYANNEGDLS\Downloads\lu16700v8p8w.tmp\</t>
  </si>
  <si>
    <t>\\acsfs\profiles$\MARLYANNEGDLS\Downloads\lu16700v8p8w.tmp\META-INF\</t>
  </si>
  <si>
    <t>\\acsfs\profiles$\MARLYANNEGDLS\Downloads\lu16700v8p8w.tmp\Thumbnails\</t>
  </si>
  <si>
    <t>01/16/2020 00:56:39</t>
  </si>
  <si>
    <t>01/16/2020 00:56:40</t>
  </si>
  <si>
    <t>lu16700v8p91.tmp</t>
  </si>
  <si>
    <t>\\acsfs\profiles$\MARLYANNEGDLS\Downloads\lu16700v8p91.tmp</t>
  </si>
  <si>
    <t>\\acsfs\profiles$\MARLYANNEGDLS\Downloads\lu16700v8p91.tmp\</t>
  </si>
  <si>
    <t>\\acsfs\profiles$\MARLYANNEGDLS\Downloads\lu16700v8p91.tmp\META-INF\</t>
  </si>
  <si>
    <t>\\acsfs\profiles$\MARLYANNEGDLS\Downloads\lu16700v8p91.tmp\Thumbnails\</t>
  </si>
  <si>
    <t>01/16/2020 01:01:58</t>
  </si>
  <si>
    <t>01/16/2020 01:15:30</t>
  </si>
  <si>
    <t>01/16/2020 01:02:21</t>
  </si>
  <si>
    <t>ede0f700-6ac9-48fb-8f27-0a6f05911d54.tmp</t>
  </si>
  <si>
    <t>\\acsfs\profiles$\marlyannegdls\Downloads\ede0f700-6ac9-48fb-8f27-0a6f05911d54.tmp</t>
  </si>
  <si>
    <t>01/16/2020 00:59:17</t>
  </si>
  <si>
    <t>\\acsfs\profiles$\mariaavds\My Documents\</t>
  </si>
  <si>
    <t>.~lock.Renegue -Vcto-20-12.ods#</t>
  </si>
  <si>
    <t>\\acsfs\profiles$\mariaavds\My Documents\.~lock.Renegue -Vcto-20-12.ods#</t>
  </si>
  <si>
    <t>01/16/2020 00:59:18</t>
  </si>
  <si>
    <t>lu13096muiaw.tmp</t>
  </si>
  <si>
    <t>\\acsfs\profiles$\mariaavds\My Documents\lu13096muiaw.tmp</t>
  </si>
  <si>
    <t>01/16/2020 01:03:21</t>
  </si>
  <si>
    <t>\\acsfs\profiles$\mariaavds\My Documents\lu13096muiaw.tmp\</t>
  </si>
  <si>
    <t>01/16/2020 01:02:24</t>
  </si>
  <si>
    <t>01/16/2020 01:01:30</t>
  </si>
  <si>
    <t>\\acsfs\profiles$\mariaavds\My Documents\lu13096muiaw.tmp\META-INF\</t>
  </si>
  <si>
    <t>01/16/2020 01:03:26</t>
  </si>
  <si>
    <t>01/16/2020 01:05:24</t>
  </si>
  <si>
    <t>01/16/2020 01:05:25</t>
  </si>
  <si>
    <t>lu16700v8p96.tmp</t>
  </si>
  <si>
    <t>\\acsfs\profiles$\MARLYANNEGDLS\Downloads\lu16700v8p96.tmp</t>
  </si>
  <si>
    <t>01/16/2020 01:13:41</t>
  </si>
  <si>
    <t>01/16/2020 01:13:18</t>
  </si>
  <si>
    <t>01/16/2020 01:16:30</t>
  </si>
  <si>
    <t>01/16/2020 01:17:30</t>
  </si>
  <si>
    <t>01/16/2020 01:16:39</t>
  </si>
  <si>
    <t>01/16/2020 01:08:49</t>
  </si>
  <si>
    <t>\\acsfs\profiles$\mariaavds\My Documents\lu13096muiaw.tmp\Thumbnails\</t>
  </si>
  <si>
    <t>01/16/2020 01:11:00</t>
  </si>
  <si>
    <t>01/16/2020 01:11:01</t>
  </si>
  <si>
    <t>lu13096muib5.tmp</t>
  </si>
  <si>
    <t>\\acsfs\profiles$\mariaavds\My Documents\lu13096muib5.tmp</t>
  </si>
  <si>
    <t>\\acsfs\profiles$\mariaavds\My Documents\lu13096muib5.tmp\</t>
  </si>
  <si>
    <t>\\acsfs\profiles$\mariaavds\My Documents\lu13096muib5.tmp\META-INF\</t>
  </si>
  <si>
    <t>\\acsfs\profiles$\mariaavds\My Documents\lu13096muib5.tmp\Thumbnails\</t>
  </si>
  <si>
    <t>\\acsfs\profiles$\MARLYANNEGDLS\Downloads\lu16700v8p96.tmp\</t>
  </si>
  <si>
    <t>\\acsfs\profiles$\MARLYANNEGDLS\Downloads\lu16700v8p96.tmp\META-INF\</t>
  </si>
  <si>
    <t>\\acsfs\profiles$\MARLYANNEGDLS\Downloads\lu16700v8p96.tmp\Thumbnails\</t>
  </si>
  <si>
    <t>01/16/2020 01:06:52</t>
  </si>
  <si>
    <t>01/16/2020 01:06:53</t>
  </si>
  <si>
    <t>lu16700v8p9b.tmp</t>
  </si>
  <si>
    <t>\\acsfs\profiles$\MARLYANNEGDLS\Downloads\lu16700v8p9b.tmp</t>
  </si>
  <si>
    <t>\\acsfs\profiles$\MARLYANNEGDLS\Downloads\lu16700v8p9b.tmp\</t>
  </si>
  <si>
    <t>\\acsfs\profiles$\MARLYANNEGDLS\Downloads\lu16700v8p9b.tmp\META-INF\</t>
  </si>
  <si>
    <t>\\acsfs\profiles$\MARLYANNEGDLS\Downloads\lu16700v8p9b.tmp\Thumbnails\</t>
  </si>
  <si>
    <t>01/16/2020 01:11:28</t>
  </si>
  <si>
    <t>01/16/2020 01:11:29</t>
  </si>
  <si>
    <t>lu16700v8p9g.tmp</t>
  </si>
  <si>
    <t>\\acsfs\profiles$\MARLYANNEGDLS\Downloads\lu16700v8p9g.tmp</t>
  </si>
  <si>
    <t>\\acsfs\profiles$\MARLYANNEGDLS\Downloads\lu16700v8p9g.tmp\</t>
  </si>
  <si>
    <t>\\acsfs\profiles$\MARLYANNEGDLS\Downloads\lu16700v8p9g.tmp\META-INF\</t>
  </si>
  <si>
    <t>\\acsfs\profiles$\MARLYANNEGDLS\Downloads\lu16700v8p9g.tmp\Thumbnails\</t>
  </si>
  <si>
    <t>01/16/2020 01:13:42</t>
  </si>
  <si>
    <t>lu16700v8p9l.tmp</t>
  </si>
  <si>
    <t>\\acsfs\profiles$\MARLYANNEGDLS\Downloads\lu16700v8p9l.tmp</t>
  </si>
  <si>
    <t>\\acsfs\profiles$\MARLYANNEGDLS\Downloads\lu16700v8p9l.tmp\</t>
  </si>
  <si>
    <t>\\acsfs\profiles$\MARLYANNEGDLS\Downloads\lu16700v8p9l.tmp\META-INF\</t>
  </si>
  <si>
    <t>\\acsfs\profiles$\MARLYANNEGDLS\Downloads\lu16700v8p9l.tmp\Thumbnails\</t>
  </si>
  <si>
    <t>01/16/2020 01:14:08</t>
  </si>
  <si>
    <t>01/16/2020 01:14:09</t>
  </si>
  <si>
    <t>lu16700v8p9q.tmp</t>
  </si>
  <si>
    <t>\\acsfs\profiles$\MARLYANNEGDLS\Downloads\lu16700v8p9q.tmp</t>
  </si>
  <si>
    <t>\\acsfs\profiles$\MARLYANNEGDLS\Downloads\lu16700v8p9q.tmp\</t>
  </si>
  <si>
    <t>\\acsfs\profiles$\MARLYANNEGDLS\Downloads\lu16700v8p9q.tmp\META-INF\</t>
  </si>
  <si>
    <t>\\acsfs\profiles$\MARLYANNEGDLS\Downloads\lu16700v8p9q.tmp\Thumbnails\</t>
  </si>
  <si>
    <t>01/16/2020 01:14:37</t>
  </si>
  <si>
    <t>lu16700v8p9v.tmp</t>
  </si>
  <si>
    <t>\\acsfs\profiles$\MARLYANNEGDLS\Downloads\lu16700v8p9v.tmp</t>
  </si>
  <si>
    <t>\\acsfs\profiles$\MARLYANNEGDLS\Downloads\lu16700v8p9v.tmp\</t>
  </si>
  <si>
    <t>\\acsfs\profiles$\MARLYANNEGDLS\Downloads\lu16700v8p9v.tmp\META-INF\</t>
  </si>
  <si>
    <t>\\acsfs\profiles$\MARLYANNEGDLS\Downloads\lu16700v8p9v.tmp\Thumbnails\</t>
  </si>
  <si>
    <t>01/16/2020 01:15:38</t>
  </si>
  <si>
    <t>lu16700v8pa0.tmp</t>
  </si>
  <si>
    <t>\\acsfs\profiles$\MARLYANNEGDLS\Downloads\lu16700v8pa0.tmp</t>
  </si>
  <si>
    <t>\\acsfs\profiles$\MARLYANNEGDLS\Downloads\lu16700v8pa0.tmp\</t>
  </si>
  <si>
    <t>\\acsfs\profiles$\MARLYANNEGDLS\Downloads\lu16700v8pa0.tmp\META-INF\</t>
  </si>
  <si>
    <t>\\acsfs\profiles$\MARLYANNEGDLS\Downloads\lu16700v8pa0.tmp\Thumbnails\</t>
  </si>
  <si>
    <t>01/16/2020 01:18:30</t>
  </si>
  <si>
    <t>01/16/2020 01:19:31</t>
  </si>
  <si>
    <t>01/16/2020 01:18:37</t>
  </si>
  <si>
    <t>01/16/2020 01:22:30</t>
  </si>
  <si>
    <t>lu16700v8pa5.tmp</t>
  </si>
  <si>
    <t>\\acsfs\profiles$\MARLYANNEGDLS\Downloads\lu16700v8pa5.tmp</t>
  </si>
  <si>
    <t>\\acsfs\profiles$\MARLYANNEGDLS\Downloads\lu16700v8pa5.tmp\</t>
  </si>
  <si>
    <t>\\acsfs\profiles$\MARLYANNEGDLS\Downloads\lu16700v8pa5.tmp\META-INF\</t>
  </si>
  <si>
    <t>\\acsfs\profiles$\MARLYANNEGDLS\Downloads\lu16700v8pa5.tmp\Thumbnails\</t>
  </si>
  <si>
    <t>01/16/2020 01:24:21</t>
  </si>
  <si>
    <t>01/16/2020 01:25:30</t>
  </si>
  <si>
    <t>01/16/2020 01:20:47</t>
  </si>
  <si>
    <t>01/16/2020 01:25:17</t>
  </si>
  <si>
    <t>01/16/2020 01:27:30</t>
  </si>
  <si>
    <t>01/16/2020 01:28:37</t>
  </si>
  <si>
    <t>01/16/2020 01:32:30</t>
  </si>
  <si>
    <t>01/16/2020 01:28:38</t>
  </si>
  <si>
    <t>lu16700v8paa.tmp</t>
  </si>
  <si>
    <t>\\acsfs\profiles$\MARLYANNEGDLS\Downloads\lu16700v8paa.tmp</t>
  </si>
  <si>
    <t>\\acsfs\profiles$\MARLYANNEGDLS\Downloads\lu16700v8paa.tmp\</t>
  </si>
  <si>
    <t>\\acsfs\profiles$\MARLYANNEGDLS\Downloads\lu16700v8paa.tmp\META-INF\</t>
  </si>
  <si>
    <t>\\acsfs\profiles$\MARLYANNEGDLS\Downloads\lu16700v8paa.tmp\Thumbnails\</t>
  </si>
  <si>
    <t>01/16/2020 01:29:18</t>
  </si>
  <si>
    <t>01/16/2020 01:29:19</t>
  </si>
  <si>
    <t>lu16700v8paf.tmp</t>
  </si>
  <si>
    <t>\\acsfs\profiles$\MARLYANNEGDLS\Downloads\lu16700v8paf.tmp</t>
  </si>
  <si>
    <t>\\acsfs\profiles$\MARLYANNEGDLS\Downloads\lu16700v8paf.tmp\</t>
  </si>
  <si>
    <t>\\acsfs\profiles$\MARLYANNEGDLS\Downloads\lu16700v8paf.tmp\META-INF\</t>
  </si>
  <si>
    <t>\\acsfs\profiles$\MARLYANNEGDLS\Downloads\lu16700v8paf.tmp\Thumbnails\</t>
  </si>
  <si>
    <t>01/16/2020 01:31:59</t>
  </si>
  <si>
    <t>lu16700v8pak.tmp</t>
  </si>
  <si>
    <t>\\acsfs\profiles$\MARLYANNEGDLS\Downloads\lu16700v8pak.tmp</t>
  </si>
  <si>
    <t>\\acsfs\profiles$\MARLYANNEGDLS\Downloads\lu16700v8pak.tmp\</t>
  </si>
  <si>
    <t>\\acsfs\profiles$\MARLYANNEGDLS\Downloads\lu16700v8pak.tmp\META-INF\</t>
  </si>
  <si>
    <t>01/16/2020 01:32:00</t>
  </si>
  <si>
    <t>\\acsfs\profiles$\MARLYANNEGDLS\Downloads\lu16700v8pak.tmp\Thumbnails\</t>
  </si>
  <si>
    <t>01/16/2020 01:30:29</t>
  </si>
  <si>
    <t>01/16/2020 01:33:31</t>
  </si>
  <si>
    <t>01/16/2020 01:32:47</t>
  </si>
  <si>
    <t>01/16/2020 01:35:30</t>
  </si>
  <si>
    <t>01/16/2020 01:32:09</t>
  </si>
  <si>
    <t>01/16/2020 01:36:31</t>
  </si>
  <si>
    <t>01/16/2020 01:33:46</t>
  </si>
  <si>
    <t>01/16/2020 01:33:42</t>
  </si>
  <si>
    <t>01/16/2020 01:37:31</t>
  </si>
  <si>
    <t>8174a68b-368e-4693-9cfe-b969aa482989.tmp</t>
  </si>
  <si>
    <t>\\acsfs\profiles$\marlyannegdls\Downloads\8174a68b-368e-4693-9cfe-b969aa482989.tmp</t>
  </si>
  <si>
    <t>\\acsfs\profiles$\marlyannegdls\Downloads\8174a68b-368e-4693-9cfe-b969aa482989.tmp\</t>
  </si>
  <si>
    <t>\\acsfs\profiles$\marlyannegdls\Downloads\8174a68b-368e-4693-9cfe-b969aa482989.tmp\META-INF\</t>
  </si>
  <si>
    <t>\\acsfs\profiles$\marlyannegdls\Downloads\8174a68b-368e-4693-9cfe-b969aa482989.tmp\Thumbnails\</t>
  </si>
  <si>
    <t>01/16/2020 01:33:49</t>
  </si>
  <si>
    <t>.~lock.Reneg - Vcto 28-12-19 (1).ods#</t>
  </si>
  <si>
    <t>\\acsfs\profiles$\marlyannegdls\Downloads\.~lock.Reneg - Vcto 28-12-19 (1).ods#</t>
  </si>
  <si>
    <t>01/16/2020 01:35:17</t>
  </si>
  <si>
    <t>01/16/2020 01:34:30</t>
  </si>
  <si>
    <t>01/16/2020 01:39:31</t>
  </si>
  <si>
    <t>01/16/2020 01:40:30</t>
  </si>
  <si>
    <t>01/16/2020 01:42:31</t>
  </si>
  <si>
    <t>01/16/2020 01:43:30</t>
  </si>
  <si>
    <t>01/16/2020 01:46:31</t>
  </si>
  <si>
    <t>01/16/2020 01:47:31</t>
  </si>
  <si>
    <t>01/16/2020 01:44:20</t>
  </si>
  <si>
    <t>01/16/2020 01:48:00</t>
  </si>
  <si>
    <t>01/16/2020 01:48:31</t>
  </si>
  <si>
    <t>01/16/2020 01:49:25</t>
  </si>
  <si>
    <t>01/16/2020 01:50:31</t>
  </si>
  <si>
    <t>01/16/2020 01:46:06</t>
  </si>
  <si>
    <t>01/16/2020 01:51:31</t>
  </si>
  <si>
    <t>01/16/2020 01:50:52</t>
  </si>
  <si>
    <t>01/16/2020 01:52:31</t>
  </si>
  <si>
    <t>.~lock.Reneg - Vcto 26-12-19.ods#</t>
  </si>
  <si>
    <t>\\acsfs\profiles$\MARLYANNEGDLS\Downloads\.~lock.Reneg - Vcto 26-12-19.ods#</t>
  </si>
  <si>
    <t>01/16/2020 01:50:53</t>
  </si>
  <si>
    <t>lu1412zz28h.tmp</t>
  </si>
  <si>
    <t>\\acsfs\profiles$\MARLYANNEGDLS\Downloads\lu1412zz28h.tmp</t>
  </si>
  <si>
    <t>\\acsfs\profiles$\MARLYANNEGDLS\Downloads\lu1412zz28h.tmp\</t>
  </si>
  <si>
    <t>\\acsfs\profiles$\MARLYANNEGDLS\Downloads\lu1412zz28h.tmp\META-INF\</t>
  </si>
  <si>
    <t>\\acsfs\profiles$\MARLYANNEGDLS\Downloads\lu1412zz28h.tmp\Thumbnails\</t>
  </si>
  <si>
    <t>01/16/2020 01:51:22</t>
  </si>
  <si>
    <t>lu1412zz28m.tmp</t>
  </si>
  <si>
    <t>\\acsfs\profiles$\MARLYANNEGDLS\Downloads\lu1412zz28m.tmp</t>
  </si>
  <si>
    <t>\\acsfs\profiles$\MARLYANNEGDLS\Downloads\lu1412zz28m.tmp\</t>
  </si>
  <si>
    <t>01/16/2020 01:51:23</t>
  </si>
  <si>
    <t>\\acsfs\profiles$\MARLYANNEGDLS\Downloads\lu1412zz28m.tmp\META-INF\</t>
  </si>
  <si>
    <t>\\acsfs\profiles$\MARLYANNEGDLS\Downloads\lu1412zz28m.tmp\Thumbnails\</t>
  </si>
  <si>
    <t>01/16/2020 01:51:26</t>
  </si>
  <si>
    <t>01/16/2020 01:54:31</t>
  </si>
  <si>
    <t>01/16/2020 01:52:39</t>
  </si>
  <si>
    <t>01/16/2020 01:57:31</t>
  </si>
  <si>
    <t>lu1412zz28r.tmp</t>
  </si>
  <si>
    <t>\\acsfs\profiles$\MARLYANNEGDLS\Downloads\lu1412zz28r.tmp</t>
  </si>
  <si>
    <t>\\acsfs\profiles$\MARLYANNEGDLS\Downloads\lu1412zz28r.tmp\</t>
  </si>
  <si>
    <t>\\acsfs\profiles$\MARLYANNEGDLS\Downloads\lu1412zz28r.tmp\META-INF\</t>
  </si>
  <si>
    <t>\\acsfs\profiles$\MARLYANNEGDLS\Downloads\lu1412zz28r.tmp\Thumbnails\</t>
  </si>
  <si>
    <t>01/16/2020 01:53:07</t>
  </si>
  <si>
    <t>01/16/2020 01:53:08</t>
  </si>
  <si>
    <t>lu1412zz28w.tmp</t>
  </si>
  <si>
    <t>\\acsfs\profiles$\MARLYANNEGDLS\Downloads\lu1412zz28w.tmp</t>
  </si>
  <si>
    <t>\\acsfs\profiles$\MARLYANNEGDLS\Downloads\lu1412zz28w.tmp\</t>
  </si>
  <si>
    <t>\\acsfs\profiles$\MARLYANNEGDLS\Downloads\lu1412zz28w.tmp\META-INF\</t>
  </si>
  <si>
    <t>\\acsfs\profiles$\MARLYANNEGDLS\Downloads\lu1412zz28w.tmp\Thumbnails\</t>
  </si>
  <si>
    <t>01/16/2020 01:54:45</t>
  </si>
  <si>
    <t>01/16/2020 01:54:46</t>
  </si>
  <si>
    <t>lu1412zz291.tmp</t>
  </si>
  <si>
    <t>\\acsfs\profiles$\MARLYANNEGDLS\Downloads\lu1412zz291.tmp</t>
  </si>
  <si>
    <t>\\acsfs\profiles$\MARLYANNEGDLS\Downloads\lu1412zz291.tmp\</t>
  </si>
  <si>
    <t>\\acsfs\profiles$\MARLYANNEGDLS\Downloads\lu1412zz291.tmp\META-INF\</t>
  </si>
  <si>
    <t>\\acsfs\profiles$\MARLYANNEGDLS\Downloads\lu1412zz291.tmp\Thumbnails\</t>
  </si>
  <si>
    <t>01/16/2020 01:55:37</t>
  </si>
  <si>
    <t>01/16/2020 01:55:38</t>
  </si>
  <si>
    <t>lu1412zz296.tmp</t>
  </si>
  <si>
    <t>\\acsfs\profiles$\MARLYANNEGDLS\Downloads\lu1412zz296.tmp</t>
  </si>
  <si>
    <t>\\acsfs\profiles$\MARLYANNEGDLS\Downloads\lu1412zz296.tmp\</t>
  </si>
  <si>
    <t>\\acsfs\profiles$\MARLYANNEGDLS\Downloads\lu1412zz296.tmp\META-INF\</t>
  </si>
  <si>
    <t>\\acsfs\profiles$\MARLYANNEGDLS\Downloads\lu1412zz296.tmp\Thumbnails\</t>
  </si>
  <si>
    <t>01/16/2020 01:56:08</t>
  </si>
  <si>
    <t>01/16/2020 01:56:09</t>
  </si>
  <si>
    <t>lu1412zz29b.tmp</t>
  </si>
  <si>
    <t>\\acsfs\profiles$\MARLYANNEGDLS\Downloads\lu1412zz29b.tmp</t>
  </si>
  <si>
    <t>\\acsfs\profiles$\MARLYANNEGDLS\Downloads\lu1412zz29b.tmp\</t>
  </si>
  <si>
    <t>\\acsfs\profiles$\MARLYANNEGDLS\Downloads\lu1412zz29b.tmp\META-INF\</t>
  </si>
  <si>
    <t>\\acsfs\profiles$\MARLYANNEGDLS\Downloads\lu1412zz29b.tmp\Thumbnails\</t>
  </si>
  <si>
    <t>01/16/2020 01:57:15</t>
  </si>
  <si>
    <t>01/16/2020 01:57:16</t>
  </si>
  <si>
    <t>lu1412zz29g.tmp</t>
  </si>
  <si>
    <t>\\acsfs\profiles$\MARLYANNEGDLS\Downloads\lu1412zz29g.tmp</t>
  </si>
  <si>
    <t>\\acsfs\profiles$\MARLYANNEGDLS\Downloads\lu1412zz29g.tmp\</t>
  </si>
  <si>
    <t>\\acsfs\profiles$\MARLYANNEGDLS\Downloads\lu1412zz29g.tmp\META-INF\</t>
  </si>
  <si>
    <t>\\acsfs\profiles$\MARLYANNEGDLS\Downloads\lu1412zz29g.tmp\Thumbnails\</t>
  </si>
  <si>
    <t>01/16/2020 01:59:51</t>
  </si>
  <si>
    <t>01/16/2020 02:02:31</t>
  </si>
  <si>
    <t>01/16/2020 01:59:52</t>
  </si>
  <si>
    <t>lu1412zz29l.tmp</t>
  </si>
  <si>
    <t>\\acsfs\profiles$\MARLYANNEGDLS\Downloads\lu1412zz29l.tmp</t>
  </si>
  <si>
    <t>\\acsfs\profiles$\MARLYANNEGDLS\Downloads\lu1412zz29l.tmp\</t>
  </si>
  <si>
    <t>\\acsfs\profiles$\MARLYANNEGDLS\Downloads\lu1412zz29l.tmp\META-INF\</t>
  </si>
  <si>
    <t>\\acsfs\profiles$\MARLYANNEGDLS\Downloads\lu1412zz29l.tmp\Thumbnails\</t>
  </si>
  <si>
    <t>01/16/2020 02:00:41</t>
  </si>
  <si>
    <t>01/16/2020 02:00:42</t>
  </si>
  <si>
    <t>lu1412zz29q.tmp</t>
  </si>
  <si>
    <t>\\acsfs\profiles$\MARLYANNEGDLS\Downloads\lu1412zz29q.tmp</t>
  </si>
  <si>
    <t>\\acsfs\profiles$\MARLYANNEGDLS\Downloads\lu1412zz29q.tmp\</t>
  </si>
  <si>
    <t>\\acsfs\profiles$\MARLYANNEGDLS\Downloads\lu1412zz29q.tmp\META-INF\</t>
  </si>
  <si>
    <t>\\acsfs\profiles$\MARLYANNEGDLS\Downloads\lu1412zz29q.tmp\Thumbnails\</t>
  </si>
  <si>
    <t>01/16/2020 02:01:10</t>
  </si>
  <si>
    <t>01/16/2020 02:01:11</t>
  </si>
  <si>
    <t>lu1412zz29v.tmp</t>
  </si>
  <si>
    <t>\\acsfs\profiles$\MARLYANNEGDLS\Downloads\lu1412zz29v.tmp</t>
  </si>
  <si>
    <t>\\acsfs\profiles$\MARLYANNEGDLS\Downloads\lu1412zz29v.tmp\</t>
  </si>
  <si>
    <t>\\acsfs\profiles$\MARLYANNEGDLS\Downloads\lu1412zz29v.tmp\META-INF\</t>
  </si>
  <si>
    <t>\\acsfs\profiles$\MARLYANNEGDLS\Downloads\lu1412zz29v.tmp\Thumbnails\</t>
  </si>
  <si>
    <t>01/16/2020 02:06:00</t>
  </si>
  <si>
    <t>01/16/2020 02:07:32</t>
  </si>
  <si>
    <t>01/16/2020 02:07:05</t>
  </si>
  <si>
    <t>lu13096muibu.tmp</t>
  </si>
  <si>
    <t>\\acsfs\profiles$\mariaavds\My Documents\lu13096muibu.tmp</t>
  </si>
  <si>
    <t>\\acsfs\profiles$\mariaavds\My Documents\lu13096muibu.tmp\</t>
  </si>
  <si>
    <t>\\acsfs\profiles$\mariaavds\My Documents\lu13096muibu.tmp\META-INF\</t>
  </si>
  <si>
    <t>\\acsfs\profiles$\mariaavds\My Documents\lu13096muibu.tmp\Thumbnails\</t>
  </si>
  <si>
    <t>01/16/2020 02:06:31</t>
  </si>
  <si>
    <t>01/16/2020 02:02:34</t>
  </si>
  <si>
    <t>lu1412zz2a0.tmp</t>
  </si>
  <si>
    <t>\\acsfs\profiles$\MARLYANNEGDLS\Downloads\lu1412zz2a0.tmp</t>
  </si>
  <si>
    <t>\\acsfs\profiles$\MARLYANNEGDLS\Downloads\lu1412zz2a0.tmp\</t>
  </si>
  <si>
    <t>01/16/2020 02:02:35</t>
  </si>
  <si>
    <t>\\acsfs\profiles$\MARLYANNEGDLS\Downloads\lu1412zz2a0.tmp\META-INF\</t>
  </si>
  <si>
    <t>\\acsfs\profiles$\MARLYANNEGDLS\Downloads\lu1412zz2a0.tmp\Thumbnails\</t>
  </si>
  <si>
    <t>01/16/2020 02:05:48</t>
  </si>
  <si>
    <t>01/16/2020 02:05:49</t>
  </si>
  <si>
    <t>lu1412zz2a5.tmp</t>
  </si>
  <si>
    <t>\\acsfs\profiles$\MARLYANNEGDLS\Downloads\lu1412zz2a5.tmp</t>
  </si>
  <si>
    <t>\\acsfs\profiles$\MARLYANNEGDLS\Downloads\lu1412zz2a5.tmp\</t>
  </si>
  <si>
    <t>\\acsfs\profiles$\MARLYANNEGDLS\Downloads\lu1412zz2a5.tmp\META-INF\</t>
  </si>
  <si>
    <t>\\acsfs\profiles$\MARLYANNEGDLS\Downloads\lu1412zz2a5.tmp\Thumbnails\</t>
  </si>
  <si>
    <t>01/16/2020 02:06:17</t>
  </si>
  <si>
    <t>01/16/2020 02:06:18</t>
  </si>
  <si>
    <t>lu1412zz2aa.tmp</t>
  </si>
  <si>
    <t>\\acsfs\profiles$\MARLYANNEGDLS\Downloads\lu1412zz2aa.tmp</t>
  </si>
  <si>
    <t>\\acsfs\profiles$\MARLYANNEGDLS\Downloads\lu1412zz2aa.tmp\</t>
  </si>
  <si>
    <t>\\acsfs\profiles$\MARLYANNEGDLS\Downloads\lu1412zz2aa.tmp\META-INF\</t>
  </si>
  <si>
    <t>01/16/2020 02:08:31</t>
  </si>
  <si>
    <t>\\acsfs\profiles$\MARLYANNEGDLS\Downloads\lu1412zz2aa.tmp\Thumbnails\</t>
  </si>
  <si>
    <t>01/16/2020 02:04:26</t>
  </si>
  <si>
    <t>01/16/2020 02:12:31</t>
  </si>
  <si>
    <t>01/16/2020 02:07:47</t>
  </si>
  <si>
    <t>01/16/2020 02:13:31</t>
  </si>
  <si>
    <t>01/16/2020 02:07:48</t>
  </si>
  <si>
    <t>lu1412zz2af.tmp</t>
  </si>
  <si>
    <t>\\acsfs\profiles$\MARLYANNEGDLS\Downloads\lu1412zz2af.tmp</t>
  </si>
  <si>
    <t>\\acsfs\profiles$\MARLYANNEGDLS\Downloads\lu1412zz2af.tmp\</t>
  </si>
  <si>
    <t>\\acsfs\profiles$\MARLYANNEGDLS\Downloads\lu1412zz2af.tmp\META-INF\</t>
  </si>
  <si>
    <t>\\acsfs\profiles$\MARLYANNEGDLS\Downloads\lu1412zz2af.tmp\Thumbnails\</t>
  </si>
  <si>
    <t>01/16/2020 02:08:18</t>
  </si>
  <si>
    <t>01/16/2020 02:08:19</t>
  </si>
  <si>
    <t>lu1412zz2ak.tmp</t>
  </si>
  <si>
    <t>\\acsfs\profiles$\MARLYANNEGDLS\Downloads\lu1412zz2ak.tmp</t>
  </si>
  <si>
    <t>\\acsfs\profiles$\MARLYANNEGDLS\Downloads\lu1412zz2ak.tmp\</t>
  </si>
  <si>
    <t>\\acsfs\profiles$\MARLYANNEGDLS\Downloads\lu1412zz2ak.tmp\META-INF\</t>
  </si>
  <si>
    <t>\\acsfs\profiles$\MARLYANNEGDLS\Downloads\lu1412zz2ak.tmp\Thumbnails\</t>
  </si>
  <si>
    <t>01/16/2020 02:11:25</t>
  </si>
  <si>
    <t>01/16/2020 02:11:26</t>
  </si>
  <si>
    <t>lu1412zz2ap.tmp</t>
  </si>
  <si>
    <t>\\acsfs\profiles$\MARLYANNEGDLS\Downloads\lu1412zz2ap.tmp</t>
  </si>
  <si>
    <t>\\acsfs\profiles$\MARLYANNEGDLS\Downloads\lu1412zz2ap.tmp\</t>
  </si>
  <si>
    <t>\\acsfs\profiles$\MARLYANNEGDLS\Downloads\lu1412zz2ap.tmp\META-INF\</t>
  </si>
  <si>
    <t>\\acsfs\profiles$\MARLYANNEGDLS\Downloads\lu1412zz2ap.tmp\Thumbnails\</t>
  </si>
  <si>
    <t>01/16/2020 02:11:46</t>
  </si>
  <si>
    <t>01/16/2020 02:11:47</t>
  </si>
  <si>
    <t>lu1412zz2au.tmp</t>
  </si>
  <si>
    <t>\\acsfs\profiles$\MARLYANNEGDLS\Downloads\lu1412zz2au.tmp</t>
  </si>
  <si>
    <t>\\acsfs\profiles$\MARLYANNEGDLS\Downloads\lu1412zz2au.tmp\</t>
  </si>
  <si>
    <t>\\acsfs\profiles$\MARLYANNEGDLS\Downloads\lu1412zz2au.tmp\META-INF\</t>
  </si>
  <si>
    <t>\\acsfs\profiles$\MARLYANNEGDLS\Downloads\lu1412zz2au.tmp\Thumbnails\</t>
  </si>
  <si>
    <t>01/16/2020 02:10:58</t>
  </si>
  <si>
    <t>01/16/2020 02:14:31</t>
  </si>
  <si>
    <t>01/16/2020 02:15:45</t>
  </si>
  <si>
    <t>01/16/2020 02:16:31</t>
  </si>
  <si>
    <t>01/16/2020 02:15:40</t>
  </si>
  <si>
    <t>01/16/2020 02:17:30</t>
  </si>
  <si>
    <t>lu13096muibz.tmp</t>
  </si>
  <si>
    <t>\\acsfs\profiles$\mariaavds\My Documents\lu13096muibz.tmp</t>
  </si>
  <si>
    <t>\\acsfs\profiles$\mariaavds\My Documents\lu13096muibz.tmp\</t>
  </si>
  <si>
    <t>\\acsfs\profiles$\mariaavds\My Documents\lu13096muibz.tmp\META-INF\</t>
  </si>
  <si>
    <t>\\acsfs\profiles$\mariaavds\My Documents\lu13096muibz.tmp\Thumbnails\</t>
  </si>
  <si>
    <t>01/16/2020 02:15:41</t>
  </si>
  <si>
    <t>01/16/2020 02:15:42</t>
  </si>
  <si>
    <t>lu13096muic4.tmp</t>
  </si>
  <si>
    <t>\\acsfs\profiles$\mariaavds\My Documents\lu13096muic4.tmp</t>
  </si>
  <si>
    <t>\\acsfs\profiles$\mariaavds\My Documents\lu13096muic4.tmp\</t>
  </si>
  <si>
    <t>\\acsfs\profiles$\mariaavds\My Documents\lu13096muic4.tmp\META-INF\</t>
  </si>
  <si>
    <t>\\acsfs\profiles$\mariaavds\My Documents\lu13096muic4.tmp\Thumbnails\</t>
  </si>
  <si>
    <t>01/16/2020 02:15:52</t>
  </si>
  <si>
    <t>lu13096muic9.tmp</t>
  </si>
  <si>
    <t>\\acsfs\profiles$\mariaavds\My Documents\lu13096muic9.tmp</t>
  </si>
  <si>
    <t>\\acsfs\profiles$\mariaavds\My Documents\lu13096muic9.tmp\</t>
  </si>
  <si>
    <t>\\acsfs\profiles$\mariaavds\My Documents\lu13096muic9.tmp\META-INF\</t>
  </si>
  <si>
    <t>\\acsfs\profiles$\mariaavds\My Documents\lu13096muic9.tmp\Thumbnails\</t>
  </si>
  <si>
    <t>01/16/2020 02:17:31</t>
  </si>
  <si>
    <t>01/16/2020 02:18:31</t>
  </si>
  <si>
    <t>01/16/2020 02:13:48</t>
  </si>
  <si>
    <t>01/16/2020 02:13:49</t>
  </si>
  <si>
    <t>lu1412zz2az.tmp</t>
  </si>
  <si>
    <t>\\acsfs\profiles$\MARLYANNEGDLS\Downloads\lu1412zz2az.tmp</t>
  </si>
  <si>
    <t>\\acsfs\profiles$\MARLYANNEGDLS\Downloads\lu1412zz2az.tmp\</t>
  </si>
  <si>
    <t>\\acsfs\profiles$\MARLYANNEGDLS\Downloads\lu1412zz2az.tmp\META-INF\</t>
  </si>
  <si>
    <t>\\acsfs\profiles$\MARLYANNEGDLS\Downloads\lu1412zz2az.tmp\Thumbnails\</t>
  </si>
  <si>
    <t>01/16/2020 02:19:00</t>
  </si>
  <si>
    <t>01/16/2020 02:22:31</t>
  </si>
  <si>
    <t>479d2568-ef48-473c-ab29-e28ece029ec6.tmp</t>
  </si>
  <si>
    <t>\\acsfs\profiles$\mariaavds\Downloads\479d2568-ef48-473c-ab29-e28ece029ec6.tmp</t>
  </si>
  <si>
    <t>\\acsfs\profiles$\mariaavds\Downloads\479d2568-ef48-473c-ab29-e28ece029ec6.tmp\</t>
  </si>
  <si>
    <t>\\acsfs\profiles$\mariaavds\Downloads\479d2568-ef48-473c-ab29-e28ece029ec6.tmp\META-INF\</t>
  </si>
  <si>
    <t>\\acsfs\profiles$\mariaavds\Downloads\479d2568-ef48-473c-ab29-e28ece029ec6.tmp\Thumbnails\</t>
  </si>
  <si>
    <t>01/16/2020 02:19:08</t>
  </si>
  <si>
    <t>\\acsfs\profiles$\mariaavds\Downloads\.~lock.Renegue -Vcto-20-12.ods#</t>
  </si>
  <si>
    <t>01/16/2020 02:23:31</t>
  </si>
  <si>
    <t>01/16/2020 02:17:39</t>
  </si>
  <si>
    <t>01/16/2020 02:17:40</t>
  </si>
  <si>
    <t>lu1412zz2b4.tmp</t>
  </si>
  <si>
    <t>\\acsfs\profiles$\MARLYANNEGDLS\Downloads\lu1412zz2b4.tmp</t>
  </si>
  <si>
    <t>\\acsfs\profiles$\MARLYANNEGDLS\Downloads\lu1412zz2b4.tmp\</t>
  </si>
  <si>
    <t>\\acsfs\profiles$\MARLYANNEGDLS\Downloads\lu1412zz2b4.tmp\META-INF\</t>
  </si>
  <si>
    <t>\\acsfs\profiles$\MARLYANNEGDLS\Downloads\lu1412zz2b4.tmp\Thumbnails\</t>
  </si>
  <si>
    <t>01/16/2020 02:18:04</t>
  </si>
  <si>
    <t>01/16/2020 02:18:05</t>
  </si>
  <si>
    <t>lu1412zz2b9.tmp</t>
  </si>
  <si>
    <t>\\acsfs\profiles$\MARLYANNEGDLS\Downloads\lu1412zz2b9.tmp</t>
  </si>
  <si>
    <t>\\acsfs\profiles$\MARLYANNEGDLS\Downloads\lu1412zz2b9.tmp\</t>
  </si>
  <si>
    <t>\\acsfs\profiles$\MARLYANNEGDLS\Downloads\lu1412zz2b9.tmp\META-INF\</t>
  </si>
  <si>
    <t>\\acsfs\profiles$\MARLYANNEGDLS\Downloads\lu1412zz2b9.tmp\Thumbnails\</t>
  </si>
  <si>
    <t>01/16/2020 02:18:38</t>
  </si>
  <si>
    <t>01/16/2020 02:18:39</t>
  </si>
  <si>
    <t>lu1412zz2be.tmp</t>
  </si>
  <si>
    <t>\\acsfs\profiles$\MARLYANNEGDLS\Downloads\lu1412zz2be.tmp</t>
  </si>
  <si>
    <t>\\acsfs\profiles$\MARLYANNEGDLS\Downloads\lu1412zz2be.tmp\</t>
  </si>
  <si>
    <t>\\acsfs\profiles$\MARLYANNEGDLS\Downloads\lu1412zz2be.tmp\META-INF\</t>
  </si>
  <si>
    <t>\\acsfs\profiles$\MARLYANNEGDLS\Downloads\lu1412zz2be.tmp\Thumbnails\</t>
  </si>
  <si>
    <t>01/16/2020 02:20:04</t>
  </si>
  <si>
    <t>lu1412zz2bj.tmp</t>
  </si>
  <si>
    <t>\\acsfs\profiles$\MARLYANNEGDLS\Downloads\lu1412zz2bj.tmp</t>
  </si>
  <si>
    <t>\\acsfs\profiles$\MARLYANNEGDLS\Downloads\lu1412zz2bj.tmp\</t>
  </si>
  <si>
    <t>\\acsfs\profiles$\MARLYANNEGDLS\Downloads\lu1412zz2bj.tmp\META-INF\</t>
  </si>
  <si>
    <t>\\acsfs\profiles$\MARLYANNEGDLS\Downloads\lu1412zz2bj.tmp\Thumbnails\</t>
  </si>
  <si>
    <t>01/16/2020 02:20:52</t>
  </si>
  <si>
    <t>01/16/2020 02:20:53</t>
  </si>
  <si>
    <t>lu1412zz2bo.tmp</t>
  </si>
  <si>
    <t>\\acsfs\profiles$\MARLYANNEGDLS\Downloads\lu1412zz2bo.tmp</t>
  </si>
  <si>
    <t>\\acsfs\profiles$\MARLYANNEGDLS\Downloads\lu1412zz2bo.tmp\</t>
  </si>
  <si>
    <t>\\acsfs\profiles$\MARLYANNEGDLS\Downloads\lu1412zz2bo.tmp\META-INF\</t>
  </si>
  <si>
    <t>\\acsfs\profiles$\MARLYANNEGDLS\Downloads\lu1412zz2bo.tmp\Thumbnails\</t>
  </si>
  <si>
    <t>01/16/2020 02:21:20</t>
  </si>
  <si>
    <t>01/16/2020 02:21:21</t>
  </si>
  <si>
    <t>lu1412zz2bt.tmp</t>
  </si>
  <si>
    <t>\\acsfs\profiles$\MARLYANNEGDLS\Downloads\lu1412zz2bt.tmp</t>
  </si>
  <si>
    <t>\\acsfs\profiles$\MARLYANNEGDLS\Downloads\lu1412zz2bt.tmp\</t>
  </si>
  <si>
    <t>\\acsfs\profiles$\MARLYANNEGDLS\Downloads\lu1412zz2bt.tmp\META-INF\</t>
  </si>
  <si>
    <t>\\acsfs\profiles$\MARLYANNEGDLS\Downloads\lu1412zz2bt.tmp\Thumbnails\</t>
  </si>
  <si>
    <t>01/16/2020 02:21:54</t>
  </si>
  <si>
    <t>01/16/2020 02:21:55</t>
  </si>
  <si>
    <t>lu1412zz2by.tmp</t>
  </si>
  <si>
    <t>\\acsfs\profiles$\MARLYANNEGDLS\Downloads\lu1412zz2by.tmp</t>
  </si>
  <si>
    <t>\\acsfs\profiles$\MARLYANNEGDLS\Downloads\lu1412zz2by.tmp\</t>
  </si>
  <si>
    <t>\\acsfs\profiles$\MARLYANNEGDLS\Downloads\lu1412zz2by.tmp\META-INF\</t>
  </si>
  <si>
    <t>\\acsfs\profiles$\MARLYANNEGDLS\Downloads\lu1412zz2by.tmp\Thumbnails\</t>
  </si>
  <si>
    <t>01/16/2020 02:24:32</t>
  </si>
  <si>
    <t>01/16/2020 02:27:31</t>
  </si>
  <si>
    <t>01/16/2020 02:28:31</t>
  </si>
  <si>
    <t>01/16/2020 02:25:28</t>
  </si>
  <si>
    <t>01/16/2020 02:25:29</t>
  </si>
  <si>
    <t>lu1412zz2c3.tmp</t>
  </si>
  <si>
    <t>\\acsfs\profiles$\MARLYANNEGDLS\Downloads\lu1412zz2c3.tmp</t>
  </si>
  <si>
    <t>\\acsfs\profiles$\MARLYANNEGDLS\Downloads\lu1412zz2c3.tmp\</t>
  </si>
  <si>
    <t>\\acsfs\profiles$\MARLYANNEGDLS\Downloads\lu1412zz2c3.tmp\META-INF\</t>
  </si>
  <si>
    <t>\\acsfs\profiles$\MARLYANNEGDLS\Downloads\lu1412zz2c3.tmp\Thumbnails\</t>
  </si>
  <si>
    <t>01/16/2020 02:27:35</t>
  </si>
  <si>
    <t>lu1412zz2c8.tmp</t>
  </si>
  <si>
    <t>\\acsfs\profiles$\MARLYANNEGDLS\Downloads\lu1412zz2c8.tmp</t>
  </si>
  <si>
    <t>\\acsfs\profiles$\MARLYANNEGDLS\Downloads\lu1412zz2c8.tmp\</t>
  </si>
  <si>
    <t>\\acsfs\profiles$\MARLYANNEGDLS\Downloads\lu1412zz2c8.tmp\META-INF\</t>
  </si>
  <si>
    <t>\\acsfs\profiles$\MARLYANNEGDLS\Downloads\lu1412zz2c8.tmp\Thumbnails\</t>
  </si>
  <si>
    <t>01/16/2020 02:24:30</t>
  </si>
  <si>
    <t>01/16/2020 02:27:40</t>
  </si>
  <si>
    <t>01/16/2020 02:32:31</t>
  </si>
  <si>
    <t>01/16/2020 02:33:31</t>
  </si>
  <si>
    <t>01/16/2020 02:31:25</t>
  </si>
  <si>
    <t>01/16/2020 02:28:17</t>
  </si>
  <si>
    <t>lu1412zz2cd.tmp</t>
  </si>
  <si>
    <t>\\acsfs\profiles$\MARLYANNEGDLS\Downloads\lu1412zz2cd.tmp</t>
  </si>
  <si>
    <t>\\acsfs\profiles$\MARLYANNEGDLS\Downloads\lu1412zz2cd.tmp\</t>
  </si>
  <si>
    <t>\\acsfs\profiles$\MARLYANNEGDLS\Downloads\lu1412zz2cd.tmp\META-INF\</t>
  </si>
  <si>
    <t>\\acsfs\profiles$\MARLYANNEGDLS\Downloads\lu1412zz2cd.tmp\Thumbnails\</t>
  </si>
  <si>
    <t>01/16/2020 02:29:17</t>
  </si>
  <si>
    <t>01/16/2020 02:29:18</t>
  </si>
  <si>
    <t>lu1412zz2ci.tmp</t>
  </si>
  <si>
    <t>\\acsfs\profiles$\MARLYANNEGDLS\Downloads\lu1412zz2ci.tmp</t>
  </si>
  <si>
    <t>\\acsfs\profiles$\MARLYANNEGDLS\Downloads\lu1412zz2ci.tmp\</t>
  </si>
  <si>
    <t>\\acsfs\profiles$\MARLYANNEGDLS\Downloads\lu1412zz2ci.tmp\META-INF\</t>
  </si>
  <si>
    <t>\\acsfs\profiles$\MARLYANNEGDLS\Downloads\lu1412zz2ci.tmp\Thumbnails\</t>
  </si>
  <si>
    <t>01/16/2020 02:31:54</t>
  </si>
  <si>
    <t>deed79dd-71dd-4e49-bef3-6790be17f8e2.tmp</t>
  </si>
  <si>
    <t>\\acsfs\profiles$\marlyannegdls\Downloads\deed79dd-71dd-4e49-bef3-6790be17f8e2.tmp</t>
  </si>
  <si>
    <t>01/16/2020 02:35:04</t>
  </si>
  <si>
    <t>01/16/2020 02:35:31</t>
  </si>
  <si>
    <t>01/16/2020 02:34:14</t>
  </si>
  <si>
    <t>01/16/2020 02:37:31</t>
  </si>
  <si>
    <t>01/16/2020 02:38:31</t>
  </si>
  <si>
    <t>01/16/2020 02:37:08</t>
  </si>
  <si>
    <t>01/16/2020 02:37:09</t>
  </si>
  <si>
    <t>lu1412zz2cn.tmp</t>
  </si>
  <si>
    <t>\\acsfs\profiles$\MARLYANNEGDLS\Downloads\lu1412zz2cn.tmp</t>
  </si>
  <si>
    <t>\\acsfs\profiles$\MARLYANNEGDLS\Downloads\lu1412zz2cn.tmp\</t>
  </si>
  <si>
    <t>\\acsfs\profiles$\MARLYANNEGDLS\Downloads\lu1412zz2cn.tmp\META-INF\</t>
  </si>
  <si>
    <t>\\acsfs\profiles$\MARLYANNEGDLS\Downloads\lu1412zz2cn.tmp\Thumbnails\</t>
  </si>
  <si>
    <t>01/16/2020 02:43:31</t>
  </si>
  <si>
    <t>01/16/2020 02:38:07</t>
  </si>
  <si>
    <t>01/16/2020 02:38:48</t>
  </si>
  <si>
    <t>01/16/2020 02:38:08</t>
  </si>
  <si>
    <t>lu1412zz2cs.tmp</t>
  </si>
  <si>
    <t>\\acsfs\profiles$\MARLYANNEGDLS\Downloads\lu1412zz2cs.tmp</t>
  </si>
  <si>
    <t>\\acsfs\profiles$\MARLYANNEGDLS\Downloads\lu1412zz2cs.tmp\</t>
  </si>
  <si>
    <t>\\acsfs\profiles$\MARLYANNEGDLS\Downloads\lu1412zz2cs.tmp\META-INF\</t>
  </si>
  <si>
    <t>\\acsfs\profiles$\MARLYANNEGDLS\Downloads\lu1412zz2cs.tmp\Thumbnails\</t>
  </si>
  <si>
    <t>01/16/2020 02:38:36</t>
  </si>
  <si>
    <t>01/16/2020 02:38:37</t>
  </si>
  <si>
    <t>lu1412zz2cx.tmp</t>
  </si>
  <si>
    <t>\\acsfs\profiles$\MARLYANNEGDLS\Downloads\lu1412zz2cx.tmp</t>
  </si>
  <si>
    <t>\\acsfs\profiles$\MARLYANNEGDLS\Downloads\lu1412zz2cx.tmp\</t>
  </si>
  <si>
    <t>\\acsfs\profiles$\MARLYANNEGDLS\Downloads\lu1412zz2cx.tmp\META-INF\</t>
  </si>
  <si>
    <t>\\acsfs\profiles$\MARLYANNEGDLS\Downloads\lu1412zz2cx.tmp\Thumbnails\</t>
  </si>
  <si>
    <t>01/16/2020 02:39:16</t>
  </si>
  <si>
    <t>01/16/2020 02:39:17</t>
  </si>
  <si>
    <t>lu1412zz2d2.tmp</t>
  </si>
  <si>
    <t>\\acsfs\profiles$\MARLYANNEGDLS\Downloads\lu1412zz2d2.tmp</t>
  </si>
  <si>
    <t>\\acsfs\profiles$\MARLYANNEGDLS\Downloads\lu1412zz2d2.tmp\</t>
  </si>
  <si>
    <t>\\acsfs\profiles$\MARLYANNEGDLS\Downloads\lu1412zz2d2.tmp\META-INF\</t>
  </si>
  <si>
    <t>\\acsfs\profiles$\MARLYANNEGDLS\Downloads\lu1412zz2d2.tmp\Thumbnails\</t>
  </si>
  <si>
    <t>01/16/2020 02:48:31</t>
  </si>
  <si>
    <t>01/16/2020 02:46:01</t>
  </si>
  <si>
    <t>01/16/2020 02:46:02</t>
  </si>
  <si>
    <t>lu1412zz2d7.tmp</t>
  </si>
  <si>
    <t>\\acsfs\profiles$\MARLYANNEGDLS\Downloads\lu1412zz2d7.tmp</t>
  </si>
  <si>
    <t>\\acsfs\profiles$\MARLYANNEGDLS\Downloads\lu1412zz2d7.tmp\</t>
  </si>
  <si>
    <t>\\acsfs\profiles$\MARLYANNEGDLS\Downloads\lu1412zz2d7.tmp\META-INF\</t>
  </si>
  <si>
    <t>\\acsfs\profiles$\MARLYANNEGDLS\Downloads\lu1412zz2d7.tmp\Thumbnails\</t>
  </si>
  <si>
    <t>01/16/2020 02:46:38</t>
  </si>
  <si>
    <t>lu1412zz2dc.tmp</t>
  </si>
  <si>
    <t>\\acsfs\profiles$\MARLYANNEGDLS\Downloads\lu1412zz2dc.tmp</t>
  </si>
  <si>
    <t>\\acsfs\profiles$\MARLYANNEGDLS\Downloads\lu1412zz2dc.tmp\</t>
  </si>
  <si>
    <t>\\acsfs\profiles$\MARLYANNEGDLS\Downloads\lu1412zz2dc.tmp\META-INF\</t>
  </si>
  <si>
    <t>\\acsfs\profiles$\MARLYANNEGDLS\Downloads\lu1412zz2dc.tmp\Thumbnails\</t>
  </si>
  <si>
    <t>01/16/2020 02:47:09</t>
  </si>
  <si>
    <t>lu1412zz2dh.tmp</t>
  </si>
  <si>
    <t>\\acsfs\profiles$\MARLYANNEGDLS\Downloads\lu1412zz2dh.tmp</t>
  </si>
  <si>
    <t>\\acsfs\profiles$\MARLYANNEGDLS\Downloads\lu1412zz2dh.tmp\</t>
  </si>
  <si>
    <t>\\acsfs\profiles$\MARLYANNEGDLS\Downloads\lu1412zz2dh.tmp\META-INF\</t>
  </si>
  <si>
    <t>\\acsfs\profiles$\MARLYANNEGDLS\Downloads\lu1412zz2dh.tmp\Thumbnails\</t>
  </si>
  <si>
    <t>01/16/2020 02:47:39</t>
  </si>
  <si>
    <t>lu1412zz2dm.tmp</t>
  </si>
  <si>
    <t>\\acsfs\profiles$\MARLYANNEGDLS\Downloads\lu1412zz2dm.tmp</t>
  </si>
  <si>
    <t>\\acsfs\profiles$\MARLYANNEGDLS\Downloads\lu1412zz2dm.tmp\</t>
  </si>
  <si>
    <t>\\acsfs\profiles$\MARLYANNEGDLS\Downloads\lu1412zz2dm.tmp\META-INF\</t>
  </si>
  <si>
    <t>\\acsfs\profiles$\MARLYANNEGDLS\Downloads\lu1412zz2dm.tmp\Thumbnails\</t>
  </si>
  <si>
    <t>01/16/2020 02:45:19</t>
  </si>
  <si>
    <t>01/16/2020 02:49:30</t>
  </si>
  <si>
    <t>01/16/2020 02:47:43</t>
  </si>
  <si>
    <t>01/16/2020 02:52:31</t>
  </si>
  <si>
    <t>01/16/2020 02:53:31</t>
  </si>
  <si>
    <t>01/16/2020 02:50:38</t>
  </si>
  <si>
    <t>lu1412zz2dr.tmp</t>
  </si>
  <si>
    <t>\\acsfs\profiles$\MARLYANNEGDLS\Downloads\lu1412zz2dr.tmp</t>
  </si>
  <si>
    <t>\\acsfs\profiles$\MARLYANNEGDLS\Downloads\lu1412zz2dr.tmp\</t>
  </si>
  <si>
    <t>01/16/2020 02:50:39</t>
  </si>
  <si>
    <t>\\acsfs\profiles$\MARLYANNEGDLS\Downloads\lu1412zz2dr.tmp\META-INF\</t>
  </si>
  <si>
    <t>\\acsfs\profiles$\MARLYANNEGDLS\Downloads\lu1412zz2dr.tmp\Thumbnails\</t>
  </si>
  <si>
    <t>01/16/2020 02:50:59</t>
  </si>
  <si>
    <t>01/16/2020 02:51:00</t>
  </si>
  <si>
    <t>lu1412zz2dw.tmp</t>
  </si>
  <si>
    <t>\\acsfs\profiles$\MARLYANNEGDLS\Downloads\lu1412zz2dw.tmp</t>
  </si>
  <si>
    <t>\\acsfs\profiles$\MARLYANNEGDLS\Downloads\lu1412zz2dw.tmp\</t>
  </si>
  <si>
    <t>\\acsfs\profiles$\MARLYANNEGDLS\Downloads\lu1412zz2dw.tmp\META-INF\</t>
  </si>
  <si>
    <t>\\acsfs\profiles$\MARLYANNEGDLS\Downloads\lu1412zz2dw.tmp\Thumbnails\</t>
  </si>
  <si>
    <t>01/16/2020 02:51:50</t>
  </si>
  <si>
    <t>01/16/2020 02:51:51</t>
  </si>
  <si>
    <t>lu1412zz2e1.tmp</t>
  </si>
  <si>
    <t>\\acsfs\profiles$\MARLYANNEGDLS\Downloads\lu1412zz2e1.tmp</t>
  </si>
  <si>
    <t>\\acsfs\profiles$\MARLYANNEGDLS\Downloads\lu1412zz2e1.tmp\</t>
  </si>
  <si>
    <t>\\acsfs\profiles$\MARLYANNEGDLS\Downloads\lu1412zz2e1.tmp\META-INF\</t>
  </si>
  <si>
    <t>\\acsfs\profiles$\MARLYANNEGDLS\Downloads\lu1412zz2e1.tmp\Thumbnails\</t>
  </si>
  <si>
    <t>01/16/2020 02:52:36</t>
  </si>
  <si>
    <t>01/16/2020 02:52:37</t>
  </si>
  <si>
    <t>lu1412zz2e6.tmp</t>
  </si>
  <si>
    <t>\\acsfs\profiles$\MARLYANNEGDLS\Downloads\lu1412zz2e6.tmp</t>
  </si>
  <si>
    <t>\\acsfs\profiles$\MARLYANNEGDLS\Downloads\lu1412zz2e6.tmp\</t>
  </si>
  <si>
    <t>\\acsfs\profiles$\MARLYANNEGDLS\Downloads\lu1412zz2e6.tmp\META-INF\</t>
  </si>
  <si>
    <t>\\acsfs\profiles$\MARLYANNEGDLS\Downloads\lu1412zz2e6.tmp\Thumbnails\</t>
  </si>
  <si>
    <t>01/16/2020 02:58:31</t>
  </si>
  <si>
    <t>01/16/2020 02:53:20</t>
  </si>
  <si>
    <t>01/16/2020 02:53:21</t>
  </si>
  <si>
    <t>lu1412zz2eb.tmp</t>
  </si>
  <si>
    <t>\\acsfs\profiles$\MARLYANNEGDLS\Downloads\lu1412zz2eb.tmp</t>
  </si>
  <si>
    <t>\\acsfs\profiles$\MARLYANNEGDLS\Downloads\lu1412zz2eb.tmp\</t>
  </si>
  <si>
    <t>\\acsfs\profiles$\MARLYANNEGDLS\Downloads\lu1412zz2eb.tmp\META-INF\</t>
  </si>
  <si>
    <t>\\acsfs\profiles$\MARLYANNEGDLS\Downloads\lu1412zz2eb.tmp\Thumbnails\</t>
  </si>
  <si>
    <t>01/16/2020 02:53:50</t>
  </si>
  <si>
    <t>01/16/2020 02:53:51</t>
  </si>
  <si>
    <t>lu1412zz2eg.tmp</t>
  </si>
  <si>
    <t>\\acsfs\profiles$\MARLYANNEGDLS\Downloads\lu1412zz2eg.tmp</t>
  </si>
  <si>
    <t>\\acsfs\profiles$\MARLYANNEGDLS\Downloads\lu1412zz2eg.tmp\</t>
  </si>
  <si>
    <t>\\acsfs\profiles$\MARLYANNEGDLS\Downloads\lu1412zz2eg.tmp\META-INF\</t>
  </si>
  <si>
    <t>\\acsfs\profiles$\MARLYANNEGDLS\Downloads\lu1412zz2eg.tmp\Thumbnails\</t>
  </si>
  <si>
    <t>01/16/2020 02:54:52</t>
  </si>
  <si>
    <t>lu1412zz2el.tmp</t>
  </si>
  <si>
    <t>\\acsfs\profiles$\MARLYANNEGDLS\Downloads\lu1412zz2el.tmp</t>
  </si>
  <si>
    <t>\\acsfs\profiles$\MARLYANNEGDLS\Downloads\lu1412zz2el.tmp\</t>
  </si>
  <si>
    <t>\\acsfs\profiles$\MARLYANNEGDLS\Downloads\lu1412zz2el.tmp\META-INF\</t>
  </si>
  <si>
    <t>\\acsfs\profiles$\MARLYANNEGDLS\Downloads\lu1412zz2el.tmp\Thumbnails\</t>
  </si>
  <si>
    <t>01/16/2020 02:55:01</t>
  </si>
  <si>
    <t>lu1412zz2eq.tmp</t>
  </si>
  <si>
    <t>\\acsfs\profiles$\MARLYANNEGDLS\Downloads\lu1412zz2eq.tmp</t>
  </si>
  <si>
    <t>\\acsfs\profiles$\MARLYANNEGDLS\Downloads\lu1412zz2eq.tmp\</t>
  </si>
  <si>
    <t>\\acsfs\profiles$\MARLYANNEGDLS\Downloads\lu1412zz2eq.tmp\META-INF\</t>
  </si>
  <si>
    <t>\\acsfs\profiles$\MARLYANNEGDLS\Downloads\lu1412zz2eq.tmp\Thumbnails\</t>
  </si>
  <si>
    <t>01/16/2020 02:57:22</t>
  </si>
  <si>
    <t>01/16/2020 02:57:23</t>
  </si>
  <si>
    <t>lu1412zz2ev.tmp</t>
  </si>
  <si>
    <t>\\acsfs\profiles$\MARLYANNEGDLS\Downloads\lu1412zz2ev.tmp</t>
  </si>
  <si>
    <t>\\acsfs\profiles$\MARLYANNEGDLS\Downloads\lu1412zz2ev.tmp\</t>
  </si>
  <si>
    <t>\\acsfs\profiles$\MARLYANNEGDLS\Downloads\lu1412zz2ev.tmp\META-INF\</t>
  </si>
  <si>
    <t>\\acsfs\profiles$\MARLYANNEGDLS\Downloads\lu1412zz2ev.tmp\Thumbnails\</t>
  </si>
  <si>
    <t>01/16/2020 02:56:22</t>
  </si>
  <si>
    <t>01/16/2020 03:00:31</t>
  </si>
  <si>
    <t>01/16/2020 03:03:31</t>
  </si>
  <si>
    <t>01/16/2020 02:58:19</t>
  </si>
  <si>
    <t>01/16/2020 02:58:20</t>
  </si>
  <si>
    <t>lu1412zz2f0.tmp</t>
  </si>
  <si>
    <t>\\acsfs\profiles$\MARLYANNEGDLS\Downloads\lu1412zz2f0.tmp</t>
  </si>
  <si>
    <t>\\acsfs\profiles$\MARLYANNEGDLS\Downloads\lu1412zz2f0.tmp\</t>
  </si>
  <si>
    <t>\\acsfs\profiles$\MARLYANNEGDLS\Downloads\lu1412zz2f0.tmp\META-INF\</t>
  </si>
  <si>
    <t>\\acsfs\profiles$\MARLYANNEGDLS\Downloads\lu1412zz2f0.tmp\Thumbnails\</t>
  </si>
  <si>
    <t>01/16/2020 02:59:06</t>
  </si>
  <si>
    <t>01/16/2020 02:59:07</t>
  </si>
  <si>
    <t>lu1412zz2f5.tmp</t>
  </si>
  <si>
    <t>\\acsfs\profiles$\MARLYANNEGDLS\Downloads\lu1412zz2f5.tmp</t>
  </si>
  <si>
    <t>\\acsfs\profiles$\MARLYANNEGDLS\Downloads\lu1412zz2f5.tmp\</t>
  </si>
  <si>
    <t>\\acsfs\profiles$\MARLYANNEGDLS\Downloads\lu1412zz2f5.tmp\META-INF\</t>
  </si>
  <si>
    <t>\\acsfs\profiles$\MARLYANNEGDLS\Downloads\lu1412zz2f5.tmp\Thumbnails\</t>
  </si>
  <si>
    <t>01/16/2020 03:03:30</t>
  </si>
  <si>
    <t>01/16/2020 03:06:31</t>
  </si>
  <si>
    <t>01/16/2020 03:08:31</t>
  </si>
  <si>
    <t>01/16/2020 03:08:25</t>
  </si>
  <si>
    <t>01/16/2020 03:11:31</t>
  </si>
  <si>
    <t>01/16/2020 03:11:11</t>
  </si>
  <si>
    <t>01/16/2020 03:12:30</t>
  </si>
  <si>
    <t>50cb818a-6fd1-40ee-969a-d326209e0f78.tmp</t>
  </si>
  <si>
    <t>\\acsfs\profiles$\mariaavds\Downloads\50cb818a-6fd1-40ee-969a-d326209e0f78.tmp</t>
  </si>
  <si>
    <t>01/16/2020 03:11:34</t>
  </si>
  <si>
    <t>9ff37e8d-bb18-4c22-bc06-baae1870dc75.tmp</t>
  </si>
  <si>
    <t>\\acsfs\profiles$\mariaavds\Downloads\9ff37e8d-bb18-4c22-bc06-baae1870dc75.tmp</t>
  </si>
  <si>
    <t>01/16/2020 03:11:42</t>
  </si>
  <si>
    <t>1ff16ff8-720d-4aa1-a946-6f8c02534446.tmp</t>
  </si>
  <si>
    <t>\\acsfs\profiles$\mariaavds\Downloads\1ff16ff8-720d-4aa1-a946-6f8c02534446.tmp</t>
  </si>
  <si>
    <t>01/16/2020 03:11:56</t>
  </si>
  <si>
    <t>b8079dd4-a529-43da-bc20-02f9452d90da.tmp</t>
  </si>
  <si>
    <t>\\acsfs\profiles$\mariaavds\Downloads\b8079dd4-a529-43da-bc20-02f9452d90da.tmp</t>
  </si>
  <si>
    <t>01/16/2020 03:13:31</t>
  </si>
  <si>
    <t>01/16/2020 03:09:21</t>
  </si>
  <si>
    <t>01/16/2020 03:14:31</t>
  </si>
  <si>
    <t>01/16/2020 03:14:35</t>
  </si>
  <si>
    <t>01/16/2020 03:15:31</t>
  </si>
  <si>
    <t>01/16/2020 03:12:55</t>
  </si>
  <si>
    <t>01/16/2020 03:16:05</t>
  </si>
  <si>
    <t>01/16/2020 03:17:31</t>
  </si>
  <si>
    <t>01/16/2020 03:18:31</t>
  </si>
  <si>
    <t>01/16/2020 03:15:54</t>
  </si>
  <si>
    <t>lu1412zz2fe.tmp</t>
  </si>
  <si>
    <t>\\acsfs\profiles$\MARLYANNEGDLS\Downloads\lu1412zz2fe.tmp</t>
  </si>
  <si>
    <t>\\acsfs\profiles$\MARLYANNEGDLS\Downloads\lu1412zz2fe.tmp\</t>
  </si>
  <si>
    <t>\\acsfs\profiles$\MARLYANNEGDLS\Downloads\lu1412zz2fe.tmp\META-INF\</t>
  </si>
  <si>
    <t>\\acsfs\profiles$\MARLYANNEGDLS\Downloads\lu1412zz2fe.tmp\Thumbnails\</t>
  </si>
  <si>
    <t>01/16/2020 03:17:03</t>
  </si>
  <si>
    <t>01/16/2020 03:19:31</t>
  </si>
  <si>
    <t>01/16/2020 03:15:21</t>
  </si>
  <si>
    <t>01/16/2020 03:15:43</t>
  </si>
  <si>
    <t>01/16/2020 03:18:40</t>
  </si>
  <si>
    <t>01/16/2020 03:15:03</t>
  </si>
  <si>
    <t>01/16/2020 03:20:31</t>
  </si>
  <si>
    <t>01/16/2020 03:16:25</t>
  </si>
  <si>
    <t>\\acsfs\profiles$\rogeriofd\My Documents\</t>
  </si>
  <si>
    <t>\\acsfs\profiles$\rogeriofd\My Documents\.~lock.Reneg - Vcto 26-12-19.ods#</t>
  </si>
  <si>
    <t>01/16/2020 03:16:26</t>
  </si>
  <si>
    <t>lu175762a8o4g.tmp</t>
  </si>
  <si>
    <t>\\acsfs\profiles$\rogeriofd\My Documents\lu175762a8o4g.tmp</t>
  </si>
  <si>
    <t>\\acsfs\profiles$\rogeriofd\My Documents\lu175762a8o4g.tmp\</t>
  </si>
  <si>
    <t>\\acsfs\profiles$\rogeriofd\My Documents\lu175762a8o4g.tmp\META-INF\</t>
  </si>
  <si>
    <t>\\acsfs\profiles$\rogeriofd\My Documents\lu175762a8o4g.tmp\Thumbnails\</t>
  </si>
  <si>
    <t>01/16/2020 03:20:34</t>
  </si>
  <si>
    <t>01/16/2020 03:21:31</t>
  </si>
  <si>
    <t>01/16/2020 03:17:55</t>
  </si>
  <si>
    <t>01/16/2020 03:22:31</t>
  </si>
  <si>
    <t>01/16/2020 03:23:31</t>
  </si>
  <si>
    <t>01/16/2020 03:18:21</t>
  </si>
  <si>
    <t>01/16/2020 03:18:22</t>
  </si>
  <si>
    <t>lu1412zz2fj.tmp</t>
  </si>
  <si>
    <t>\\acsfs\profiles$\MARLYANNEGDLS\Downloads\lu1412zz2fj.tmp</t>
  </si>
  <si>
    <t>\\acsfs\profiles$\MARLYANNEGDLS\Downloads\lu1412zz2fj.tmp\</t>
  </si>
  <si>
    <t>\\acsfs\profiles$\MARLYANNEGDLS\Downloads\lu1412zz2fj.tmp\META-INF\</t>
  </si>
  <si>
    <t>\\acsfs\profiles$\MARLYANNEGDLS\Downloads\lu1412zz2fj.tmp\Thumbnails\</t>
  </si>
  <si>
    <t>01/16/2020 03:19:47</t>
  </si>
  <si>
    <t>01/16/2020 03:19:48</t>
  </si>
  <si>
    <t>lu1412zz2fo.tmp</t>
  </si>
  <si>
    <t>\\acsfs\profiles$\MARLYANNEGDLS\Downloads\lu1412zz2fo.tmp</t>
  </si>
  <si>
    <t>\\acsfs\profiles$\MARLYANNEGDLS\Downloads\lu1412zz2fo.tmp\</t>
  </si>
  <si>
    <t>\\acsfs\profiles$\MARLYANNEGDLS\Downloads\lu1412zz2fo.tmp\META-INF\</t>
  </si>
  <si>
    <t>\\acsfs\profiles$\MARLYANNEGDLS\Downloads\lu1412zz2fo.tmp\Thumbnails\</t>
  </si>
  <si>
    <t>01/16/2020 03:22:27</t>
  </si>
  <si>
    <t>lu1412zz2ft.tmp</t>
  </si>
  <si>
    <t>\\acsfs\profiles$\MARLYANNEGDLS\Downloads\lu1412zz2ft.tmp</t>
  </si>
  <si>
    <t>\\acsfs\profiles$\MARLYANNEGDLS\Downloads\lu1412zz2ft.tmp\</t>
  </si>
  <si>
    <t>\\acsfs\profiles$\MARLYANNEGDLS\Downloads\lu1412zz2ft.tmp\META-INF\</t>
  </si>
  <si>
    <t>01/16/2020 03:22:28</t>
  </si>
  <si>
    <t>\\acsfs\profiles$\MARLYANNEGDLS\Downloads\lu1412zz2ft.tmp\Thumbnails\</t>
  </si>
  <si>
    <t>01/16/2020 03:19:08</t>
  </si>
  <si>
    <t>01/16/2020 03:23:17</t>
  </si>
  <si>
    <t>01/16/2020 03:25:31</t>
  </si>
  <si>
    <t>8fef8554-7968-4978-9769-4f036f9b9fd3.tmp</t>
  </si>
  <si>
    <t>\\acsfs\profiles$\rogeriofd\Downloads\8fef8554-7968-4978-9769-4f036f9b9fd3.tmp</t>
  </si>
  <si>
    <t>\\acsfs\profiles$\rogeriofd\Downloads\8fef8554-7968-4978-9769-4f036f9b9fd3.tmp\</t>
  </si>
  <si>
    <t>\\acsfs\profiles$\rogeriofd\Downloads\8fef8554-7968-4978-9769-4f036f9b9fd3.tmp\META-INF\</t>
  </si>
  <si>
    <t>\\acsfs\profiles$\rogeriofd\Downloads\8fef8554-7968-4978-9769-4f036f9b9fd3.tmp\Thumbnails\</t>
  </si>
  <si>
    <t>01/16/2020 03:22:12</t>
  </si>
  <si>
    <t>01/16/2020 03:27:31</t>
  </si>
  <si>
    <t>01/16/2020 03:28:31</t>
  </si>
  <si>
    <t>01/16/2020 03:23:59</t>
  </si>
  <si>
    <t>e35af84b-d640-4c91-b8b5-8d46b8cb9694.tmp</t>
  </si>
  <si>
    <t>\\acsfs\profiles$\marlyannegdls\Downloads\e35af84b-d640-4c91-b8b5-8d46b8cb9694.tmp</t>
  </si>
  <si>
    <t>\\acsfs\profiles$\marlyannegdls\Downloads\e35af84b-d640-4c91-b8b5-8d46b8cb9694.tmp\</t>
  </si>
  <si>
    <t>\\acsfs\profiles$\marlyannegdls\Downloads\e35af84b-d640-4c91-b8b5-8d46b8cb9694.tmp\META-INF\</t>
  </si>
  <si>
    <t>\\acsfs\profiles$\marlyannegdls\Downloads\e35af84b-d640-4c91-b8b5-8d46b8cb9694.tmp\Thumbnails\</t>
  </si>
  <si>
    <t>01/16/2020 03:24:04</t>
  </si>
  <si>
    <t>.~lock.Reneg - Vcto 28-12-19 (2).ods#</t>
  </si>
  <si>
    <t>\\acsfs\profiles$\marlyannegdls\Downloads\.~lock.Reneg - Vcto 28-12-19 (2).ods#</t>
  </si>
  <si>
    <t>01/16/2020 03:27:47</t>
  </si>
  <si>
    <t>ec4a2046-a1f2-4f85-ac0c-c7a6048f4842.tmp</t>
  </si>
  <si>
    <t>\\acsfs\profiles$\marlyannegdls\Downloads\ec4a2046-a1f2-4f85-ac0c-c7a6048f4842.tmp</t>
  </si>
  <si>
    <t>\\acsfs\profiles$\marlyannegdls\Downloads\ec4a2046-a1f2-4f85-ac0c-c7a6048f4842.tmp\</t>
  </si>
  <si>
    <t>\\acsfs\profiles$\marlyannegdls\Downloads\ec4a2046-a1f2-4f85-ac0c-c7a6048f4842.tmp\META-INF\</t>
  </si>
  <si>
    <t>\\acsfs\profiles$\marlyannegdls\Downloads\ec4a2046-a1f2-4f85-ac0c-c7a6048f4842.tmp\Thumbnails\</t>
  </si>
  <si>
    <t>01/16/2020 03:27:53</t>
  </si>
  <si>
    <t>.~lock.Reneg - Vcto 26-12-19 (1).ods#</t>
  </si>
  <si>
    <t>\\acsfs\profiles$\marlyannegdls\Downloads\.~lock.Reneg - Vcto 26-12-19 (1).ods#</t>
  </si>
  <si>
    <t>01/16/2020 03:29:24</t>
  </si>
  <si>
    <t>01/16/2020 03:30:31</t>
  </si>
  <si>
    <t>01/16/2020 03:28:10</t>
  </si>
  <si>
    <t>01/16/2020 03:29:23</t>
  </si>
  <si>
    <t>01/16/2020 03:31:31</t>
  </si>
  <si>
    <t>01/16/2020 03:27:33</t>
  </si>
  <si>
    <t>01/16/2020 03:31:10</t>
  </si>
  <si>
    <t>01/16/2020 03:32:31</t>
  </si>
  <si>
    <t>01/16/2020 03:31:30</t>
  </si>
  <si>
    <t>1684abf0-56ea-44b9-9712-e98d3beffe91.tmp</t>
  </si>
  <si>
    <t>\\acsfs\profiles$\rogeriofd\Downloads\1684abf0-56ea-44b9-9712-e98d3beffe91.tmp</t>
  </si>
  <si>
    <t>01/16/2020 03:33:31</t>
  </si>
  <si>
    <t>cc6f5368-be8e-43b2-b5e2-72a07385a36d.tmp</t>
  </si>
  <si>
    <t>\\acsfs\profiles$\marlyannegdls\Downloads\cc6f5368-be8e-43b2-b5e2-72a07385a36d.tmp</t>
  </si>
  <si>
    <t>\\acsfs\profiles$\marlyannegdls\Downloads\cc6f5368-be8e-43b2-b5e2-72a07385a36d.tmp\</t>
  </si>
  <si>
    <t>\\acsfs\profiles$\marlyannegdls\Downloads\cc6f5368-be8e-43b2-b5e2-72a07385a36d.tmp\META-INF\</t>
  </si>
  <si>
    <t>\\acsfs\profiles$\marlyannegdls\Downloads\cc6f5368-be8e-43b2-b5e2-72a07385a36d.tmp\Thumbnails\</t>
  </si>
  <si>
    <t>01/16/2020 03:28:13</t>
  </si>
  <si>
    <t>.~lock.Reneg - Vcto 26-12-19 (2).ods#</t>
  </si>
  <si>
    <t>\\acsfs\profiles$\marlyannegdls\Downloads\.~lock.Reneg - Vcto 26-12-19 (2).ods#</t>
  </si>
  <si>
    <t>01/16/2020 03:29:07</t>
  </si>
  <si>
    <t>01/16/2020 03:29:08</t>
  </si>
  <si>
    <t>lu599613juwr.tmp</t>
  </si>
  <si>
    <t>\\acsfs\profiles$\marlyannegdls\Downloads\lu599613juwr.tmp</t>
  </si>
  <si>
    <t>\\acsfs\profiles$\marlyannegdls\Downloads\lu599613juwr.tmp\</t>
  </si>
  <si>
    <t>\\acsfs\profiles$\marlyannegdls\Downloads\lu599613juwr.tmp\META-INF\</t>
  </si>
  <si>
    <t>\\acsfs\profiles$\marlyannegdls\Downloads\lu599613juwr.tmp\Thumbnails\</t>
  </si>
  <si>
    <t>01/16/2020 03:29:13</t>
  </si>
  <si>
    <t>01/16/2020 03:29:14</t>
  </si>
  <si>
    <t>lu599613juww.tmp</t>
  </si>
  <si>
    <t>\\acsfs\profiles$\marlyannegdls\Downloads\lu599613juww.tmp</t>
  </si>
  <si>
    <t>\\acsfs\profiles$\marlyannegdls\Downloads\lu599613juww.tmp\</t>
  </si>
  <si>
    <t>\\acsfs\profiles$\marlyannegdls\Downloads\lu599613juww.tmp\META-INF\</t>
  </si>
  <si>
    <t>\\acsfs\profiles$\marlyannegdls\Downloads\lu599613juww.tmp\Thumbnails\</t>
  </si>
  <si>
    <t>01/16/2020 03:30:17</t>
  </si>
  <si>
    <t>01/16/2020 03:30:18</t>
  </si>
  <si>
    <t>lu599613jux1.tmp</t>
  </si>
  <si>
    <t>\\acsfs\profiles$\marlyannegdls\Downloads\lu599613jux1.tmp</t>
  </si>
  <si>
    <t>\\acsfs\profiles$\marlyannegdls\Downloads\lu599613jux1.tmp\</t>
  </si>
  <si>
    <t>\\acsfs\profiles$\marlyannegdls\Downloads\lu599613jux1.tmp\META-INF\</t>
  </si>
  <si>
    <t>\\acsfs\profiles$\marlyannegdls\Downloads\lu599613jux1.tmp\Thumbnails\</t>
  </si>
  <si>
    <t>01/16/2020 03:30:32</t>
  </si>
  <si>
    <t>a3543a38-aa22-4b42-a464-5bb32a19199d.tmp</t>
  </si>
  <si>
    <t>\\acsfs\profiles$\marlyannegdls\Downloads\a3543a38-aa22-4b42-a464-5bb32a19199d.tmp</t>
  </si>
  <si>
    <t>\\acsfs\profiles$\marlyannegdls\Downloads\a3543a38-aa22-4b42-a464-5bb32a19199d.tmp\</t>
  </si>
  <si>
    <t>\\acsfs\profiles$\marlyannegdls\Downloads\a3543a38-aa22-4b42-a464-5bb32a19199d.tmp\META-INF\</t>
  </si>
  <si>
    <t>\\acsfs\profiles$\marlyannegdls\Downloads\a3543a38-aa22-4b42-a464-5bb32a19199d.tmp\Thumbnails\</t>
  </si>
  <si>
    <t>01/16/2020 03:30:36</t>
  </si>
  <si>
    <t>.~lock.Reneg - Vcto 26-12-19 (1) (1).ods#</t>
  </si>
  <si>
    <t>\\acsfs\profiles$\marlyannegdls\Downloads\.~lock.Reneg - Vcto 26-12-19 (1) (1).ods#</t>
  </si>
  <si>
    <t>01/16/2020 03:35:31</t>
  </si>
  <si>
    <t>01/16/2020 03:31:41</t>
  </si>
  <si>
    <t>01/16/2020 03:36:31</t>
  </si>
  <si>
    <t>01/16/2020 03:32:32</t>
  </si>
  <si>
    <t>01/16/2020 03:32:21</t>
  </si>
  <si>
    <t>01/16/2020 03:37:31</t>
  </si>
  <si>
    <t>d6d0f214-484c-4354-9971-9d65dc3d6665.tmp</t>
  </si>
  <si>
    <t>\\acsfs\profiles$\rogeriofd\Downloads\d6d0f214-484c-4354-9971-9d65dc3d6665.tmp</t>
  </si>
  <si>
    <t>01/16/2020 03:38:31</t>
  </si>
  <si>
    <t>01/16/2020 03:37:49</t>
  </si>
  <si>
    <t>01/16/2020 03:36:11</t>
  </si>
  <si>
    <t>01/16/2020 03:35:46</t>
  </si>
  <si>
    <t>01/16/2020 03:40:31</t>
  </si>
  <si>
    <t>01/16/2020 03:37:53</t>
  </si>
  <si>
    <t>01/16/2020 03:41:30</t>
  </si>
  <si>
    <t>01/16/2020 03:36:55</t>
  </si>
  <si>
    <t>01/16/2020 03:42:31</t>
  </si>
  <si>
    <t>01/16/2020 03:37:50</t>
  </si>
  <si>
    <t>01/16/2020 03:43:31</t>
  </si>
  <si>
    <t>01/16/2020 03:41:34</t>
  </si>
  <si>
    <t>01/16/2020 03:44:31</t>
  </si>
  <si>
    <t>01/16/2020 03:45:51</t>
  </si>
  <si>
    <t>01/16/2020 03:46:30</t>
  </si>
  <si>
    <t>01/16/2020 03:43:13</t>
  </si>
  <si>
    <t>01/16/2020 03:47:31</t>
  </si>
  <si>
    <t>01/16/2020 03:47:13</t>
  </si>
  <si>
    <t>01/16/2020 03:48:31</t>
  </si>
  <si>
    <t>01/16/2020 03:46:18</t>
  </si>
  <si>
    <t>01/16/2020 03:49:31</t>
  </si>
  <si>
    <t>01/16/2020 03:50:00</t>
  </si>
  <si>
    <t>01/16/2020 03:51:31</t>
  </si>
  <si>
    <t>01/16/2020 03:53:31</t>
  </si>
  <si>
    <t>01/16/2020 03:52:08</t>
  </si>
  <si>
    <t>01/16/2020 03:49:06</t>
  </si>
  <si>
    <t>01/16/2020 03:58:31</t>
  </si>
  <si>
    <t>01/16/2020 04:03:31</t>
  </si>
  <si>
    <t>01/16/2020 04:04:52</t>
  </si>
  <si>
    <t>01/16/2020 04:07:31</t>
  </si>
  <si>
    <t>01/16/2020 04:05:48</t>
  </si>
  <si>
    <t>01/16/2020 04:02:36</t>
  </si>
  <si>
    <t>01/16/2020 04:05:51</t>
  </si>
  <si>
    <t>01/16/2020 04:08:32</t>
  </si>
  <si>
    <t>01/16/2020 04:07:06</t>
  </si>
  <si>
    <t>01/16/2020 04:09:04</t>
  </si>
  <si>
    <t>01/16/2020 04:13:31</t>
  </si>
  <si>
    <t>01/16/2020 04:11:23</t>
  </si>
  <si>
    <t>01/16/2020 04:14:32</t>
  </si>
  <si>
    <t>01/16/2020 04:14:17</t>
  </si>
  <si>
    <t>01/16/2020 04:18:31</t>
  </si>
  <si>
    <t>01/16/2020 04:14:56</t>
  </si>
  <si>
    <t>01/16/2020 04:15:28</t>
  </si>
  <si>
    <t>01/16/2020 04:19:31</t>
  </si>
  <si>
    <t>01/16/2020 04:16:00</t>
  </si>
  <si>
    <t>01/16/2020 04:19:21</t>
  </si>
  <si>
    <t>01/16/2020 04:21:31</t>
  </si>
  <si>
    <t>01/16/2020 04:18:08</t>
  </si>
  <si>
    <t>01/16/2020 04:18:11</t>
  </si>
  <si>
    <t>01/16/2020 04:22:31</t>
  </si>
  <si>
    <t>01/16/2020 04:20:52</t>
  </si>
  <si>
    <t>01/16/2020 04:23:31</t>
  </si>
  <si>
    <t>01/16/2020 04:24:12</t>
  </si>
  <si>
    <t>01/16/2020 04:27:32</t>
  </si>
  <si>
    <t>01/16/2020 04:28:31</t>
  </si>
  <si>
    <t>01/16/2020 04:26:28</t>
  </si>
  <si>
    <t>01/16/2020 04:24:05</t>
  </si>
  <si>
    <t>01/16/2020 04:27:45</t>
  </si>
  <si>
    <t>01/16/2020 04:26:18</t>
  </si>
  <si>
    <t>01/16/2020 04:29:31</t>
  </si>
  <si>
    <t>01/16/2020 04:28:53</t>
  </si>
  <si>
    <t>01/16/2020 04:27:57</t>
  </si>
  <si>
    <t>01/16/2020 04:26:10</t>
  </si>
  <si>
    <t>01/16/2020 04:30:32</t>
  </si>
  <si>
    <t>01/16/2020 04:30:20</t>
  </si>
  <si>
    <t>01/16/2020 04:32:32</t>
  </si>
  <si>
    <t>01/16/2020 04:28:48</t>
  </si>
  <si>
    <t>01/16/2020 04:31:08</t>
  </si>
  <si>
    <t>01/16/2020 04:33:31</t>
  </si>
  <si>
    <t>01/16/2020 04:35:13</t>
  </si>
  <si>
    <t>01/16/2020 04:36:31</t>
  </si>
  <si>
    <t>01/16/2020 04:38:31</t>
  </si>
  <si>
    <t>01/16/2020 04:40:21</t>
  </si>
  <si>
    <t>01/16/2020 04:42:31</t>
  </si>
  <si>
    <t>01/16/2020 04:43:31</t>
  </si>
  <si>
    <t>01/16/2020 04:39:13</t>
  </si>
  <si>
    <t>01/16/2020 04:40:41</t>
  </si>
  <si>
    <t>01/16/2020 04:44:31</t>
  </si>
  <si>
    <t>01/16/2020 04:44:09</t>
  </si>
  <si>
    <t>01/16/2020 04:43:36</t>
  </si>
  <si>
    <t>01/16/2020 04:46:31</t>
  </si>
  <si>
    <t>01/16/2020 04:48:31</t>
  </si>
  <si>
    <t>01/16/2020 04:48:30</t>
  </si>
  <si>
    <t>01/16/2020 04:51:31</t>
  </si>
  <si>
    <t>01/16/2020 04:49:21</t>
  </si>
  <si>
    <t>01/16/2020 04:51:28</t>
  </si>
  <si>
    <t>01/16/2020 04:52:31</t>
  </si>
  <si>
    <t>01/16/2020 04:48:54</t>
  </si>
  <si>
    <t>01/16/2020 04:53:31</t>
  </si>
  <si>
    <t>01/16/2020 04:51:09</t>
  </si>
  <si>
    <t>01/16/2020 04:54:31</t>
  </si>
  <si>
    <t>01/16/2020 04:58:31</t>
  </si>
  <si>
    <t>01/16/2020 04:55:58</t>
  </si>
  <si>
    <t>01/16/2020 05:00:31</t>
  </si>
  <si>
    <t>01/16/2020 04:58:00</t>
  </si>
  <si>
    <t>01/16/2020 05:04:31</t>
  </si>
  <si>
    <t>01/16/2020 04:56:02</t>
  </si>
  <si>
    <t>01/16/2020 05:01:42</t>
  </si>
  <si>
    <t>01/16/2020 05:05:31</t>
  </si>
  <si>
    <t>01/16/2020 04:59:53</t>
  </si>
  <si>
    <t>01/16/2020 05:07:31</t>
  </si>
  <si>
    <t>01/16/2020 05:09:31</t>
  </si>
  <si>
    <t>01/16/2020 05:14:31</t>
  </si>
  <si>
    <t>01/16/2020 05:14:10</t>
  </si>
  <si>
    <t>01/16/2020 05:16:31</t>
  </si>
  <si>
    <t>01/16/2020 05:19:31</t>
  </si>
  <si>
    <t>01/16/2020 05:24:31</t>
  </si>
  <si>
    <t>01/16/2020 05:20:21</t>
  </si>
  <si>
    <t>01/16/2020 05:22:02</t>
  </si>
  <si>
    <t>01/16/2020 05:25:31</t>
  </si>
  <si>
    <t>01/16/2020 05:24:45</t>
  </si>
  <si>
    <t>01/16/2020 05:28:31</t>
  </si>
  <si>
    <t>01/16/2020 05:29:31</t>
  </si>
  <si>
    <t>01/16/2020 05:34:31</t>
  </si>
  <si>
    <t>01/16/2020 05:29:27</t>
  </si>
  <si>
    <t>01/16/2020 05:33:24</t>
  </si>
  <si>
    <t>01/16/2020 05:35:31</t>
  </si>
  <si>
    <t>01/16/2020 05:35:02</t>
  </si>
  <si>
    <t>01/16/2020 05:36:31</t>
  </si>
  <si>
    <t>01/16/2020 05:34:45</t>
  </si>
  <si>
    <t>01/16/2020 05:38:31</t>
  </si>
  <si>
    <t>01/16/2020 05:39:31</t>
  </si>
  <si>
    <t>01/16/2020 05:38:46</t>
  </si>
  <si>
    <t>01/16/2020 05:40:31</t>
  </si>
  <si>
    <t>01/16/2020 05:36:42</t>
  </si>
  <si>
    <t>01/16/2020 05:39:06</t>
  </si>
  <si>
    <t>01/16/2020 05:42:32</t>
  </si>
  <si>
    <t>01/16/2020 05:44:31</t>
  </si>
  <si>
    <t>01/16/2020 05:43:47</t>
  </si>
  <si>
    <t>01/16/2020 05:47:30</t>
  </si>
  <si>
    <t>95146f0b-2766-475f-b4cd-a19459a26cb5.tmp</t>
  </si>
  <si>
    <t>\\acsfs\profiles$\rogeriofd\Downloads\95146f0b-2766-475f-b4cd-a19459a26cb5.tmp</t>
  </si>
  <si>
    <t>01/16/2020 05:49:31</t>
  </si>
  <si>
    <t>01/16/2020 05:48:01</t>
  </si>
  <si>
    <t>01/16/2020 05:47:54</t>
  </si>
  <si>
    <t>711e1a61-f27d-4b14-8112-c45c181fd22b.tmp</t>
  </si>
  <si>
    <t>\\acsfs\profiles$\ROZENCAM\Downloads\711e1a61-f27d-4b14-8112-c45c181fd22b.tmp</t>
  </si>
  <si>
    <t>01/16/2020 05:51:04</t>
  </si>
  <si>
    <t>01/16/2020 05:52:31</t>
  </si>
  <si>
    <t>01/16/2020 05:49:01</t>
  </si>
  <si>
    <t>01/16/2020 05:53:31</t>
  </si>
  <si>
    <t>01/16/2020 05:50:07</t>
  </si>
  <si>
    <t>e43c5947-cda7-4fd8-a73f-900fb3b1fab0.tmp</t>
  </si>
  <si>
    <t>\\acsfs\profiles$\marlyannegdls\Downloads\e43c5947-cda7-4fd8-a73f-900fb3b1fab0.tmp</t>
  </si>
  <si>
    <t>01/16/2020 05:54:31</t>
  </si>
  <si>
    <t>01/16/2020 05:50:20</t>
  </si>
  <si>
    <t>4c83d80d-e90b-4f0c-8c04-ac8c81cc0ea3.tmp</t>
  </si>
  <si>
    <t>\\acsfs\profiles$\ROZENCAM\Downloads\4c83d80d-e90b-4f0c-8c04-ac8c81cc0ea3.tmp</t>
  </si>
  <si>
    <t>01/16/2020 05:53:06</t>
  </si>
  <si>
    <t>01/16/2020 05:58:31</t>
  </si>
  <si>
    <t>01/16/2020 05:56:10</t>
  </si>
  <si>
    <t>01/16/2020 05:59:31</t>
  </si>
  <si>
    <t>01/16/2020 05:58:09</t>
  </si>
  <si>
    <t>01/16/2020 06:04:31</t>
  </si>
  <si>
    <t>01/16/2020 06:04:11</t>
  </si>
  <si>
    <t>0de85f48-1859-4bc4-b4be-9fab997ea868.tmp</t>
  </si>
  <si>
    <t>\\acsfs\profiles$\lucasqdss\Downloads\0de85f48-1859-4bc4-b4be-9fab997ea868.tmp</t>
  </si>
  <si>
    <t>01/16/2020 06:05:38</t>
  </si>
  <si>
    <t>01/16/2020 06:07:31</t>
  </si>
  <si>
    <t>01/16/2020 06:09:31</t>
  </si>
  <si>
    <t>01/16/2020 06:06:00</t>
  </si>
  <si>
    <t>c330b796-76b4-491b-acac-ed243954975a.tmp</t>
  </si>
  <si>
    <t>\\acsfs\profiles$\lucasqdss\Downloads\c330b796-76b4-491b-acac-ed243954975a.tmp</t>
  </si>
  <si>
    <t>01/16/2020 06:14:31</t>
  </si>
  <si>
    <t>01/16/2020 06:10:35</t>
  </si>
  <si>
    <t>0efe87de-880f-4123-8d5e-6859dfe76072.tmp</t>
  </si>
  <si>
    <t>\\acsfs\profiles$\lucasqdss\Downloads\0efe87de-880f-4123-8d5e-6859dfe76072.tmp</t>
  </si>
  <si>
    <t>01/16/2020 06:12:24</t>
  </si>
  <si>
    <t>01/16/2020 06:16:32</t>
  </si>
  <si>
    <t>01/16/2020 06:15:48</t>
  </si>
  <si>
    <t>01/16/2020 06:18:31</t>
  </si>
  <si>
    <t>01/16/2020 06:19:31</t>
  </si>
  <si>
    <t>01/16/2020 06:17:57</t>
  </si>
  <si>
    <t>01/16/2020 06:22:31</t>
  </si>
  <si>
    <t>01/16/2020 06:24:31</t>
  </si>
  <si>
    <t>01/16/2020 06:21:42</t>
  </si>
  <si>
    <t>01/16/2020 06:24:44</t>
  </si>
  <si>
    <t>01/16/2020 06:25:31</t>
  </si>
  <si>
    <t>0272fedf-f5af-4e12-91d9-be4b4ad2c5c6.tmp</t>
  </si>
  <si>
    <t>\\acsfs\profiles$\ALYNYA\Downloads\0272fedf-f5af-4e12-91d9-be4b4ad2c5c6.tmp</t>
  </si>
  <si>
    <t>01/16/2020 06:24:50</t>
  </si>
  <si>
    <t>ad8442af-e919-4fb3-97fb-ed254fd68354.tmp</t>
  </si>
  <si>
    <t>\\acsfs\profiles$\ALYNYA\Downloads\ad8442af-e919-4fb3-97fb-ed254fd68354.tmp</t>
  </si>
  <si>
    <t>01/16/2020 06:24:41</t>
  </si>
  <si>
    <t>01/16/2020 06:27:31</t>
  </si>
  <si>
    <t>01/16/2020 06:25:05</t>
  </si>
  <si>
    <t>d19bbc13-b524-4ced-8d6f-3f9fa6c57d57.tmp</t>
  </si>
  <si>
    <t>\\acsfs\profiles$\BRUNAAR\Downloads\d19bbc13-b524-4ced-8d6f-3f9fa6c57d57.tmp</t>
  </si>
  <si>
    <t>01/16/2020 06:26:34</t>
  </si>
  <si>
    <t>d6ed1a7a-4f04-40fe-9639-27f89e20aeba.tmp</t>
  </si>
  <si>
    <t>\\acsfs\profiles$\BRUNAAR\Downloads\d6ed1a7a-4f04-40fe-9639-27f89e20aeba.tmp</t>
  </si>
  <si>
    <t>01/16/2020 06:29:31</t>
  </si>
  <si>
    <t>01/16/2020 06:29:00</t>
  </si>
  <si>
    <t>01/16/2020 06:26:10</t>
  </si>
  <si>
    <t>01/16/2020 06:30:31</t>
  </si>
  <si>
    <t>af580560-458e-43f3-a8d8-cc67975e9e0c.tmp</t>
  </si>
  <si>
    <t>\\acsfs\profiles$\ALYNYA\Downloads\af580560-458e-43f3-a8d8-cc67975e9e0c.tmp</t>
  </si>
  <si>
    <t>01/16/2020 06:27:09</t>
  </si>
  <si>
    <t>01/16/2020 06:31:09</t>
  </si>
  <si>
    <t>01/16/2020 06:32:31</t>
  </si>
  <si>
    <t>01/16/2020 06:28:23</t>
  </si>
  <si>
    <t>01/16/2020 06:29:07</t>
  </si>
  <si>
    <t>01/16/2020 06:29:08</t>
  </si>
  <si>
    <t>lu341402v4470.tmp</t>
  </si>
  <si>
    <t>\\acsfs\profiles$\BRUNAAR\Numero\lu341402v4470.tmp</t>
  </si>
  <si>
    <t>01/16/2020 06:29:44</t>
  </si>
  <si>
    <t>a922305b-ea58-4d03-9465-9a13046b175f.tmp</t>
  </si>
  <si>
    <t>\\acsfs\profiles$\BRUNAAR\Downloads\a922305b-ea58-4d03-9465-9a13046b175f.tmp</t>
  </si>
  <si>
    <t>01/16/2020 06:34:31</t>
  </si>
  <si>
    <t>01/16/2020 06:31:56</t>
  </si>
  <si>
    <t>01/16/2020 06:32:15</t>
  </si>
  <si>
    <t>598e038f-7259-4ece-93bf-96e6c3b9b341.tmp</t>
  </si>
  <si>
    <t>\\acsfs\profiles$\danielac\Downloads\598e038f-7259-4ece-93bf-96e6c3b9b341.tmp</t>
  </si>
  <si>
    <t>01/16/2020 06:33:35</t>
  </si>
  <si>
    <t>9ae857e1-6870-4a36-95dd-795bae1917f8.tmp</t>
  </si>
  <si>
    <t>\\acsfs\profiles$\danielac\Downloads\9ae857e1-6870-4a36-95dd-795bae1917f8.tmp</t>
  </si>
  <si>
    <t>01/16/2020 06:32:57</t>
  </si>
  <si>
    <t>01/16/2020 06:35:31</t>
  </si>
  <si>
    <t>01/16/2020 06:36:27</t>
  </si>
  <si>
    <t>01/16/2020 06:38:32</t>
  </si>
  <si>
    <t>01/16/2020 06:39:31</t>
  </si>
  <si>
    <t>01/16/2020 06:39:51</t>
  </si>
  <si>
    <t>01/16/2020 06:42:31</t>
  </si>
  <si>
    <t>01/16/2020 06:40:41</t>
  </si>
  <si>
    <t>01/16/2020 06:40:42</t>
  </si>
  <si>
    <t>01/16/2020 06:40:55</t>
  </si>
  <si>
    <t>01/16/2020 06:44:31</t>
  </si>
  <si>
    <t>01/16/2020 06:43:09</t>
  </si>
  <si>
    <t>01/16/2020 06:44:00</t>
  </si>
  <si>
    <t>01/16/2020 06:47:31</t>
  </si>
  <si>
    <t>01/16/2020 06:49:32</t>
  </si>
  <si>
    <t>01/16/2020 06:46:32</t>
  </si>
  <si>
    <t>c11a3680-ab46-4846-9ae4-75d8e677c4bc.tmp</t>
  </si>
  <si>
    <t>\\acsfs\profiles$\danielac\Downloads\c11a3680-ab46-4846-9ae4-75d8e677c4bc.tmp</t>
  </si>
  <si>
    <t>01/16/2020 06:48:40</t>
  </si>
  <si>
    <t>01/16/2020 06:50:30</t>
  </si>
  <si>
    <t>59105b16-b5ce-474b-a5c7-05956633c135.tmp</t>
  </si>
  <si>
    <t>\\acsfs\profiles$\ALYNYA\Downloads\59105b16-b5ce-474b-a5c7-05956633c135.tmp</t>
  </si>
  <si>
    <t>01/16/2020 06:46:59</t>
  </si>
  <si>
    <t>01/16/2020 06:51:31</t>
  </si>
  <si>
    <t>01/16/2020 06:49:12</t>
  </si>
  <si>
    <t>01/16/2020 06:52:31</t>
  </si>
  <si>
    <t>539bb84a-0369-487f-8409-4ba5bc7aa2e8.tmp</t>
  </si>
  <si>
    <t>\\acsfs\profiles$\monicargds\Downloads\539bb84a-0369-487f-8409-4ba5bc7aa2e8.tmp</t>
  </si>
  <si>
    <t>ea0e4308-ca3f-4e1d-b579-312ac33ccc58.tmp</t>
  </si>
  <si>
    <t>\\acsfs\profiles$\monicargds\Downloads\ea0e4308-ca3f-4e1d-b579-312ac33ccc58.tmp</t>
  </si>
  <si>
    <t>01/16/2020 06:49:28</t>
  </si>
  <si>
    <t>4ebdcf5f-8b02-4e09-8f53-66992040d3ea.tmp</t>
  </si>
  <si>
    <t>\\acsfs\profiles$\monicargds\Downloads\4ebdcf5f-8b02-4e09-8f53-66992040d3ea.tmp</t>
  </si>
  <si>
    <t>01/16/2020 06:50:31</t>
  </si>
  <si>
    <t>d4433ac8-4e97-4f4d-ba35-0fd8078d6042.tmp</t>
  </si>
  <si>
    <t>\\acsfs\profiles$\monicargds\Downloads\d4433ac8-4e97-4f4d-ba35-0fd8078d6042.tmp</t>
  </si>
  <si>
    <t>01/16/2020 06:50:24</t>
  </si>
  <si>
    <t>01/16/2020 06:53:31</t>
  </si>
  <si>
    <t>01/16/2020 06:54:31</t>
  </si>
  <si>
    <t>01/16/2020 06:53:23</t>
  </si>
  <si>
    <t>01/16/2020 06:56:31</t>
  </si>
  <si>
    <t>01/16/2020 06:56:38</t>
  </si>
  <si>
    <t>01/16/2020 06:57:31</t>
  </si>
  <si>
    <t>0a0225ac-a8da-4650-b96f-131d7da027c2.tmp</t>
  </si>
  <si>
    <t>\\acsfs\profiles$\gustavoab\Downloads\0a0225ac-a8da-4650-b96f-131d7da027c2.tmp</t>
  </si>
  <si>
    <t>01/16/2020 06:52:49</t>
  </si>
  <si>
    <t>e00fe698-da8d-4b7e-88b7-06dfa597f7d9.tmp</t>
  </si>
  <si>
    <t>\\acsfs\profiles$\monicargds\Downloads\e00fe698-da8d-4b7e-88b7-06dfa597f7d9.tmp</t>
  </si>
  <si>
    <t>01/16/2020 06:57:01</t>
  </si>
  <si>
    <t>01/16/2020 06:58:31</t>
  </si>
  <si>
    <t>01/16/2020 06:55:28</t>
  </si>
  <si>
    <t>01/16/2020 06:59:31</t>
  </si>
  <si>
    <t>d76d03c2-1907-406b-8a5d-fe5167cf699c.tmp</t>
  </si>
  <si>
    <t>\\acsfs\profiles$\anafsb\Downloads\d76d03c2-1907-406b-8a5d-fe5167cf699c.tmp</t>
  </si>
  <si>
    <t>01/16/2020 06:55:29</t>
  </si>
  <si>
    <t>7dc2eed3-2ad2-4478-98e3-e77e2efef54e.tmp</t>
  </si>
  <si>
    <t>\\acsfs\profiles$\anafsb\Downloads\7dc2eed3-2ad2-4478-98e3-e77e2efef54e.tmp</t>
  </si>
  <si>
    <t>01/16/2020 06:56:06</t>
  </si>
  <si>
    <t>0a940ca5-9cd1-405b-ba14-6f09c810798b.tmp</t>
  </si>
  <si>
    <t>\\acsfs\profiles$\anafsb\Downloads\0a940ca5-9cd1-405b-ba14-6f09c810798b.tmp</t>
  </si>
  <si>
    <t>01/16/2020 06:56:08</t>
  </si>
  <si>
    <t>4482404c-55b2-4a40-9756-8950fc419974.tmp</t>
  </si>
  <si>
    <t>\\acsfs\profiles$\anafsb\Downloads\4482404c-55b2-4a40-9756-8950fc419974.tmp</t>
  </si>
  <si>
    <t>01/16/2020 06:57:18</t>
  </si>
  <si>
    <t>25199b13-c459-43f9-b84e-dee9c24cd8f1.tmp</t>
  </si>
  <si>
    <t>\\acsfs\profiles$\anafsb\Downloads\25199b13-c459-43f9-b84e-dee9c24cd8f1.tmp</t>
  </si>
  <si>
    <t>01/16/2020 06:57:40</t>
  </si>
  <si>
    <t>e49f9ff5-9955-4a65-9500-c19b5b4fa8ab.tmp</t>
  </si>
  <si>
    <t>\\acsfs\profiles$\anafsb\Downloads\e49f9ff5-9955-4a65-9500-c19b5b4fa8ab.tmp</t>
  </si>
  <si>
    <t>01/16/2020 06:57:46</t>
  </si>
  <si>
    <t>e220eb72-8091-4eeb-bb3c-baa67cb889f7.tmp</t>
  </si>
  <si>
    <t>\\acsfs\profiles$\anafsb\Downloads\e220eb72-8091-4eeb-bb3c-baa67cb889f7.tmp</t>
  </si>
  <si>
    <t>01/16/2020 07:00:15</t>
  </si>
  <si>
    <t>01/16/2020 07:01:31</t>
  </si>
  <si>
    <t>01/16/2020 07:02:31</t>
  </si>
  <si>
    <t>98442686-82b2-47e7-90c8-8c4e41a1603c.tmp</t>
  </si>
  <si>
    <t>\\acsfs\profiles$\gustavoab\Downloads\98442686-82b2-47e7-90c8-8c4e41a1603c.tmp</t>
  </si>
  <si>
    <t>01/16/2020 06:58:36</t>
  </si>
  <si>
    <t>09f4b284-9e20-49a6-a370-180f7e305976.tmp</t>
  </si>
  <si>
    <t>\\acsfs\profiles$\gustavoab\Downloads\09f4b284-9e20-49a6-a370-180f7e305976.tmp</t>
  </si>
  <si>
    <t>01/16/2020 06:58:03</t>
  </si>
  <si>
    <t>01/16/2020 06:59:30</t>
  </si>
  <si>
    <t>01/16/2020 07:03:31</t>
  </si>
  <si>
    <t>01/16/2020 07:01:13</t>
  </si>
  <si>
    <t>05547649-576e-4ff7-bdfd-2976632b7f0d.tmp</t>
  </si>
  <si>
    <t>\\acsfs\profiles$\cintiadcf\Downloads\05547649-576e-4ff7-bdfd-2976632b7f0d.tmp</t>
  </si>
  <si>
    <t>01/16/2020 07:01:54</t>
  </si>
  <si>
    <t>94b76b30-593d-4c57-8fb7-561d8fc85f8b.tmp</t>
  </si>
  <si>
    <t>\\acsfs\profiles$\cintiadcf\Downloads\94b76b30-593d-4c57-8fb7-561d8fc85f8b.tmp</t>
  </si>
  <si>
    <t>01/16/2020 07:01:28</t>
  </si>
  <si>
    <t>01/16/2020 07:04:31</t>
  </si>
  <si>
    <t>01/16/2020 07:01:30</t>
  </si>
  <si>
    <t>01/16/2020 07:01:07</t>
  </si>
  <si>
    <t>e9920c21-ef56-4ecf-9cb5-4e30bd94e866.tmp</t>
  </si>
  <si>
    <t>\\acsfs\profiles$\leticiala\Downloads\e9920c21-ef56-4ecf-9cb5-4e30bd94e866.tmp</t>
  </si>
  <si>
    <t>01/16/2020 07:01:14</t>
  </si>
  <si>
    <t>3ca94588-7987-4538-988d-223a9e59c685.tmp</t>
  </si>
  <si>
    <t>\\acsfs\profiles$\leticiala\Downloads\3ca94588-7987-4538-988d-223a9e59c685.tmp</t>
  </si>
  <si>
    <t>01/16/2020 07:02:03</t>
  </si>
  <si>
    <t>4be487c2-191c-45cb-95b1-683b7a4fb58a.tmp</t>
  </si>
  <si>
    <t>\\acsfs\profiles$\leticiala\Downloads\4be487c2-191c-45cb-95b1-683b7a4fb58a.tmp</t>
  </si>
  <si>
    <t>01/16/2020 07:01:52</t>
  </si>
  <si>
    <t>01/16/2020 07:05:31</t>
  </si>
  <si>
    <t>10.200.66.130</t>
  </si>
  <si>
    <t>2ce5a69f-c5fd-4436-bc79-0aff2f54abd1.tmp</t>
  </si>
  <si>
    <t>\\acsfs\profiles$\karinarm\Downloads\2ce5a69f-c5fd-4436-bc79-0aff2f54abd1.tmp</t>
  </si>
  <si>
    <t>01/16/2020 07:02:30</t>
  </si>
  <si>
    <t>533aa8f6-a609-44e2-ad1c-9807290d3681.tmp</t>
  </si>
  <si>
    <t>\\acsfs\profiles$\karinarm\Downloads\533aa8f6-a609-44e2-ad1c-9807290d3681.tmp</t>
  </si>
  <si>
    <t>01/16/2020 07:05:06</t>
  </si>
  <si>
    <t>01/16/2020 07:06:31</t>
  </si>
  <si>
    <t>01/16/2020 07:05:07</t>
  </si>
  <si>
    <t>lu97441sts7.tmp</t>
  </si>
  <si>
    <t>\\acsfs\profiles$\jonathanwap\lu97441sts7.tmp</t>
  </si>
  <si>
    <t>\\acsfs\profiles$\jonathanwap\lu97441sts7.tmp\</t>
  </si>
  <si>
    <t>\\acsfs\profiles$\jonathanwap\lu97441sts7.tmp\META-INF\</t>
  </si>
  <si>
    <t>\\acsfs\profiles$\jonathanwap\lu97441sts7.tmp\Thumbnails\</t>
  </si>
  <si>
    <t>01/16/2020 07:04:54</t>
  </si>
  <si>
    <t>01/16/2020 07:07:32</t>
  </si>
  <si>
    <t>01/16/2020 07:04:55</t>
  </si>
  <si>
    <t>01/16/2020 07:03:52</t>
  </si>
  <si>
    <t>01/16/2020 07:05:42</t>
  </si>
  <si>
    <t>01/16/2020 07:06:05</t>
  </si>
  <si>
    <t>01/16/2020 07:08:31</t>
  </si>
  <si>
    <t>01/16/2020 07:09:31</t>
  </si>
  <si>
    <t>01/16/2020 07:09:19</t>
  </si>
  <si>
    <t>01/16/2020 07:10:31</t>
  </si>
  <si>
    <t>01/16/2020 07:06:55</t>
  </si>
  <si>
    <t>01/16/2020 07:11:31</t>
  </si>
  <si>
    <t>https://udpmailboxap01.acs.com.br:8443/h/search;jsessionid=156gcyp0555pt32tmuxdivny8?si=0&amp;so=0&amp;sc=75209&amp;st=conversation&amp;action=compose</t>
  </si>
  <si>
    <t>01/16/2020 07:10:20</t>
  </si>
  <si>
    <t>01/16/2020 07:12:32</t>
  </si>
  <si>
    <t>01/16/2020 07:10:21</t>
  </si>
  <si>
    <t>01/16/2020 07:10:22</t>
  </si>
  <si>
    <t>01/16/2020 07:10:23</t>
  </si>
  <si>
    <t>01/16/2020 07:10:24</t>
  </si>
  <si>
    <t>01/16/2020 07:10:25</t>
  </si>
  <si>
    <t>01/16/2020 07:10:26</t>
  </si>
  <si>
    <t>01/16/2020 07:10:27</t>
  </si>
  <si>
    <t>01/16/2020 07:10:28</t>
  </si>
  <si>
    <t>01/16/2020 07:10:29</t>
  </si>
  <si>
    <t>01/16/2020 07:10:30</t>
  </si>
  <si>
    <t>01/16/2020 07:10:32</t>
  </si>
  <si>
    <t>01/16/2020 07:10:33</t>
  </si>
  <si>
    <t>01/16/2020 07:10:34</t>
  </si>
  <si>
    <t>01/16/2020 07:10:35</t>
  </si>
  <si>
    <t>01/16/2020 07:10:36</t>
  </si>
  <si>
    <t>01/16/2020 07:10:37</t>
  </si>
  <si>
    <t>01/16/2020 07:10:38</t>
  </si>
  <si>
    <t>01/16/2020 07:10:39</t>
  </si>
  <si>
    <t>01/16/2020 07:10:40</t>
  </si>
  <si>
    <t>01/16/2020 07:10:41</t>
  </si>
  <si>
    <t>01/16/2020 07:10:42</t>
  </si>
  <si>
    <t>01/16/2020 07:07:30</t>
  </si>
  <si>
    <t>01/16/2020 07:14:31</t>
  </si>
  <si>
    <t>1b60abb3-48e4-4573-878f-09580774c838.tmp</t>
  </si>
  <si>
    <t>\\acsfs\profiles$\ROZENCAM\Downloads\1b60abb3-48e4-4573-878f-09580774c838.tmp</t>
  </si>
  <si>
    <t>01/16/2020 07:10:49</t>
  </si>
  <si>
    <t>01/16/2020 07:16:31</t>
  </si>
  <si>
    <t>aa32b24c-b760-4c73-91b4-a5a6bbeb0d92.tmp</t>
  </si>
  <si>
    <t>\\acsfs\profiles$\karinarm\Downloads\aa32b24c-b760-4c73-91b4-a5a6bbeb0d92.tmp</t>
  </si>
  <si>
    <t>01/16/2020 07:11:11</t>
  </si>
  <si>
    <t>9c5a4440-874d-41f7-aab1-8cbb89b5241f.tmp</t>
  </si>
  <si>
    <t>\\acsfs\profiles$\karinarm\Downloads\9c5a4440-874d-41f7-aab1-8cbb89b5241f.tmp</t>
  </si>
  <si>
    <t>01/16/2020 07:12:17</t>
  </si>
  <si>
    <t>01/16/2020 07:12:25</t>
  </si>
  <si>
    <t>01/16/2020 07:12:55</t>
  </si>
  <si>
    <t>01/16/2020 07:13:25</t>
  </si>
  <si>
    <t>01/16/2020 07:13:55</t>
  </si>
  <si>
    <t>01/16/2020 07:13:30</t>
  </si>
  <si>
    <t>01/16/2020 07:13:29</t>
  </si>
  <si>
    <t>01/16/2020 07:17:31</t>
  </si>
  <si>
    <t>01/16/2020 07:13:31</t>
  </si>
  <si>
    <t>01/16/2020 07:13:32</t>
  </si>
  <si>
    <t>01/16/2020 07:13:33</t>
  </si>
  <si>
    <t>01/16/2020 07:13:34</t>
  </si>
  <si>
    <t>01/16/2020 07:13:35</t>
  </si>
  <si>
    <t>01/16/2020 07:13:36</t>
  </si>
  <si>
    <t>01/16/2020 07:13:37</t>
  </si>
  <si>
    <t>01/16/2020 07:13:38</t>
  </si>
  <si>
    <t>01/16/2020 07:13:39</t>
  </si>
  <si>
    <t>01/16/2020 07:13:40</t>
  </si>
  <si>
    <t>01/16/2020 07:13:41</t>
  </si>
  <si>
    <t>01/16/2020 07:13:42</t>
  </si>
  <si>
    <t>01/16/2020 07:13:43</t>
  </si>
  <si>
    <t>01/16/2020 07:13:44</t>
  </si>
  <si>
    <t>01/16/2020 07:13:45</t>
  </si>
  <si>
    <t>01/16/2020 07:13:46</t>
  </si>
  <si>
    <t>01/16/2020 07:13:47</t>
  </si>
  <si>
    <t>01/16/2020 07:13:48</t>
  </si>
  <si>
    <t>01/16/2020 07:13:49</t>
  </si>
  <si>
    <t>01/16/2020 07:13:50</t>
  </si>
  <si>
    <t>01/16/2020 07:12:48</t>
  </si>
  <si>
    <t>01/16/2020 07:15:28</t>
  </si>
  <si>
    <t>01/16/2020 07:18:31</t>
  </si>
  <si>
    <t>e15b9a3a-1a05-4bf5-965c-18ca06ceff3b.tmp</t>
  </si>
  <si>
    <t>\\acsfs\profiles$\websondsa\Downloads\e15b9a3a-1a05-4bf5-965c-18ca06ceff3b.tmp</t>
  </si>
  <si>
    <t>01/16/2020 07:15:39</t>
  </si>
  <si>
    <t>828de38b-ae44-4094-be61-8dab012a3760.tmp</t>
  </si>
  <si>
    <t>\\acsfs\profiles$\websondsa\Downloads\828de38b-ae44-4094-be61-8dab012a3760.tmp</t>
  </si>
  <si>
    <t>01/16/2020 07:16:02</t>
  </si>
  <si>
    <t>3246e867-2570-4b2a-81d8-0ac342236478.tmp</t>
  </si>
  <si>
    <t>\\acsfs\profiles$\websondsa\Downloads\3246e867-2570-4b2a-81d8-0ac342236478.tmp</t>
  </si>
  <si>
    <t>01/16/2020 07:17:09</t>
  </si>
  <si>
    <t>f8787127-be89-460f-a5e4-495384f4d32f.tmp</t>
  </si>
  <si>
    <t>\\acsfs\profiles$\maxmillianosv\Downloads\f8787127-be89-460f-a5e4-495384f4d32f.tmp</t>
  </si>
  <si>
    <t>01/16/2020 07:17:33</t>
  </si>
  <si>
    <t>f7e56e21-c7b9-4fc8-997a-49a7799df822.tmp</t>
  </si>
  <si>
    <t>\\acsfs\profiles$\maxmillianosv\Downloads\f7e56e21-c7b9-4fc8-997a-49a7799df822.tmp</t>
  </si>
  <si>
    <t>01/16/2020 07:17:38</t>
  </si>
  <si>
    <t>54b7db93-d631-4020-a5c7-ffdafcf5b3ed.tmp</t>
  </si>
  <si>
    <t>\\acsfs\profiles$\maxmillianosv\Downloads\54b7db93-d631-4020-a5c7-ffdafcf5b3ed.tmp</t>
  </si>
  <si>
    <t>01/16/2020 07:19:31</t>
  </si>
  <si>
    <t>01/16/2020 07:18:40</t>
  </si>
  <si>
    <t>01/16/2020 07:18:58</t>
  </si>
  <si>
    <t>8f3e902c-9866-4282-8df5-934d8e3da0c6.tmp</t>
  </si>
  <si>
    <t>\\acsfs\profiles$\claudiajca\Downloads\8f3e902c-9866-4282-8df5-934d8e3da0c6.tmp</t>
  </si>
  <si>
    <t>01/16/2020 07:19:58</t>
  </si>
  <si>
    <t>01/16/2020 07:21:31</t>
  </si>
  <si>
    <t>01/16/2020 07:20:14</t>
  </si>
  <si>
    <t>01/16/2020 07:18:10</t>
  </si>
  <si>
    <t>01/16/2020 07:20:01</t>
  </si>
  <si>
    <t>\\acsfs\profiles$\ericalsr\My Documents\My Pictures\</t>
  </si>
  <si>
    <t>\\acsfs\profiles$\ERICALSR\My Documents\My Videos\desktop.ini</t>
  </si>
  <si>
    <t>01/16/2020 07:20:08</t>
  </si>
  <si>
    <t>\\acsfs\profiles$\ERICALSR\My Documents\My Videos\</t>
  </si>
  <si>
    <t>01/16/2020 07:20:09</t>
  </si>
  <si>
    <t>01/16/2020 07:20:11</t>
  </si>
  <si>
    <t>01/16/2020 07:20:18</t>
  </si>
  <si>
    <t>01/16/2020 07:20:20</t>
  </si>
  <si>
    <t>\\acsfs\profiles$\ericalsr\My Documents\My Music\</t>
  </si>
  <si>
    <t>\\acsfs\profiles$\ERICALSR\My Documents\My Pictures\desktop.ini</t>
  </si>
  <si>
    <t>01/16/2020 07:20:21</t>
  </si>
  <si>
    <t>\\acsfs\profiles$\ericalsr\My Documents\My Videos\</t>
  </si>
  <si>
    <t>01/16/2020 07:20:22</t>
  </si>
  <si>
    <t>01/16/2020 07:20:23</t>
  </si>
  <si>
    <t>01/16/2020 07:20:24</t>
  </si>
  <si>
    <t>01/16/2020 07:20:27</t>
  </si>
  <si>
    <t>\\acsfs\profiles$\ERICALSR\Contacts\</t>
  </si>
  <si>
    <t>\\acsfs\profiles$\ERICALSR\Contacts\desktop.ini</t>
  </si>
  <si>
    <t>01/16/2020 07:20:28</t>
  </si>
  <si>
    <t>01/16/2020 07:20:30</t>
  </si>
  <si>
    <t>01/16/2020 07:20:31</t>
  </si>
  <si>
    <t>01/16/2020 07:20:40</t>
  </si>
  <si>
    <t>01/16/2020 07:20:41</t>
  </si>
  <si>
    <t>01/16/2020 07:20:43</t>
  </si>
  <si>
    <t>\\acsfs\profiles$\ericalsr\My Documents\</t>
  </si>
  <si>
    <t>\\acsfs\profiles$\ERICALSR\Favorites\desktop.ini</t>
  </si>
  <si>
    <t>01/16/2020 07:20:44</t>
  </si>
  <si>
    <t>01/16/2020 07:20:45</t>
  </si>
  <si>
    <t>01/16/2020 07:20:46</t>
  </si>
  <si>
    <t>01/16/2020 07:20:49</t>
  </si>
  <si>
    <t>01/16/2020 07:20:50</t>
  </si>
  <si>
    <t>01/16/2020 07:20:51</t>
  </si>
  <si>
    <t>01/16/2020 07:20:54</t>
  </si>
  <si>
    <t>\\acsfs\profiles$\ERICALSR\My Documents\My Music\desktop.ini</t>
  </si>
  <si>
    <t>01/16/2020 07:20:56</t>
  </si>
  <si>
    <t>\\acsfs\profiles$\ERICALSR\My Documents\My Music\</t>
  </si>
  <si>
    <t>01/16/2020 07:20:57</t>
  </si>
  <si>
    <t>01/16/2020 07:20:59</t>
  </si>
  <si>
    <t>01/16/2020 07:21:00</t>
  </si>
  <si>
    <t>01/16/2020 07:21:02</t>
  </si>
  <si>
    <t>\\acsfs\profiles$\ERICALSR\Searches\</t>
  </si>
  <si>
    <t>\\acsfs\profiles$\ERICALSR\Searches\desktop.ini</t>
  </si>
  <si>
    <t>01/16/2020 07:21:04</t>
  </si>
  <si>
    <t>01/16/2020 07:21:06</t>
  </si>
  <si>
    <t>01/16/2020 07:21:07</t>
  </si>
  <si>
    <t>01/16/2020 07:21:08</t>
  </si>
  <si>
    <t>01/16/2020 07:21:10</t>
  </si>
  <si>
    <t>\\acsfs\profiles$\ERICALSR\Downloads\desktop.ini</t>
  </si>
  <si>
    <t>01/16/2020 07:21:11</t>
  </si>
  <si>
    <t>01/16/2020 07:21:14</t>
  </si>
  <si>
    <t>\\acsfs\profiles$\ericalsr\Favorites\</t>
  </si>
  <si>
    <t>\\acsfs\profiles$\ERICALSR\My Documents\desktop.ini</t>
  </si>
  <si>
    <t>01/16/2020 07:21:15</t>
  </si>
  <si>
    <t>01/16/2020 07:21:16</t>
  </si>
  <si>
    <t>01/16/2020 07:21:18</t>
  </si>
  <si>
    <t>01/16/2020 07:21:19</t>
  </si>
  <si>
    <t>01/16/2020 07:21:21</t>
  </si>
  <si>
    <t>01/16/2020 07:21:23</t>
  </si>
  <si>
    <t>\\acsfs\profiles$\ericalsr\Downloads\</t>
  </si>
  <si>
    <t>\\acsfs\profiles$\ERICALSR\Saved Games\desktop.ini</t>
  </si>
  <si>
    <t>01/16/2020 07:21:25</t>
  </si>
  <si>
    <t>01/16/2020 07:21:45</t>
  </si>
  <si>
    <t>01/16/2020 07:22:31</t>
  </si>
  <si>
    <t>01/16/2020 07:18:05</t>
  </si>
  <si>
    <t>01/16/2020 07:23:31</t>
  </si>
  <si>
    <t>1445a0ac-5cbd-44ce-8555-db6552c98803.tmp</t>
  </si>
  <si>
    <t>\\acsfs\profiles$\websondsa\Downloads\1445a0ac-5cbd-44ce-8555-db6552c98803.tmp</t>
  </si>
  <si>
    <t>01/16/2020 07:18:06</t>
  </si>
  <si>
    <t>4b60e4ca-e948-49b8-81dd-1e7be51b4ba1.tmp</t>
  </si>
  <si>
    <t>\\acsfs\profiles$\websondsa\Downloads\4b60e4ca-e948-49b8-81dd-1e7be51b4ba1.tmp</t>
  </si>
  <si>
    <t>01/16/2020 07:18:13</t>
  </si>
  <si>
    <t>a16c4340-1851-4ec9-a1b2-6c3d2538367d.tmp</t>
  </si>
  <si>
    <t>\\acsfs\profiles$\websondsa\Downloads\a16c4340-1851-4ec9-a1b2-6c3d2538367d.tmp</t>
  </si>
  <si>
    <t>01/16/2020 07:17:46</t>
  </si>
  <si>
    <t>3d790a76-497a-41df-9f89-a433c8b58cfe.tmp</t>
  </si>
  <si>
    <t>\\acsfs\profiles$\maxmillianosv\Downloads\3d790a76-497a-41df-9f89-a433c8b58cfe.tmp</t>
  </si>
  <si>
    <t>01/16/2020 07:18:12</t>
  </si>
  <si>
    <t>8a5abee6-7873-4f95-9e92-90e0905bc70b.tmp</t>
  </si>
  <si>
    <t>\\acsfs\profiles$\maxmillianosv\Downloads\8a5abee6-7873-4f95-9e92-90e0905bc70b.tmp</t>
  </si>
  <si>
    <t>01/16/2020 07:18:47</t>
  </si>
  <si>
    <t>21e1547f-0760-472d-956d-b31d88606350.tmp</t>
  </si>
  <si>
    <t>\\acsfs\profiles$\maxmillianosv\Downloads\21e1547f-0760-472d-956d-b31d88606350.tmp</t>
  </si>
  <si>
    <t>01/16/2020 07:18:56</t>
  </si>
  <si>
    <t>a7355480-3fbd-4ab1-8f95-8094999b6d44.tmp</t>
  </si>
  <si>
    <t>\\acsfs\profiles$\maxmillianosv\Downloads\a7355480-3fbd-4ab1-8f95-8094999b6d44.tmp</t>
  </si>
  <si>
    <t>01/16/2020 07:23:02</t>
  </si>
  <si>
    <t>01/16/2020 07:24:31</t>
  </si>
  <si>
    <t>01/16/2020 07:20:36</t>
  </si>
  <si>
    <t>eb44ae45-22a9-48d1-bbd1-5f7d194418e1.tmp</t>
  </si>
  <si>
    <t>\\acsfs\profiles$\claudiajca\Downloads\eb44ae45-22a9-48d1-bbd1-5f7d194418e1.tmp</t>
  </si>
  <si>
    <t>01/16/2020 07:22:34</t>
  </si>
  <si>
    <t>01/16/2020 07:25:19</t>
  </si>
  <si>
    <t>01/16/2020 07:26:31</t>
  </si>
  <si>
    <t>48df9393-981f-45a7-a03d-01f1922f46cb.tmp</t>
  </si>
  <si>
    <t>\\acsfs\profiles$\sarahbal\Downloads\48df9393-981f-45a7-a03d-01f1922f46cb.tmp</t>
  </si>
  <si>
    <t>01/16/2020 07:25:26</t>
  </si>
  <si>
    <t>281c2c00-8f29-4c6a-ad8b-5f04e94e1041.tmp</t>
  </si>
  <si>
    <t>\\acsfs\profiles$\sarahbal\Downloads\281c2c00-8f29-4c6a-ad8b-5f04e94e1041.tmp</t>
  </si>
  <si>
    <t>01/16/2020 07:25:53</t>
  </si>
  <si>
    <t>b0e4ff35-a490-4600-9a66-53d4ed7b67f7.tmp</t>
  </si>
  <si>
    <t>\\acsfs\profiles$\sarahbal\Downloads\b0e4ff35-a490-4600-9a66-53d4ed7b67f7.tmp</t>
  </si>
  <si>
    <t>01/16/2020 07:21:50</t>
  </si>
  <si>
    <t>winrt--{S-1-5-21-602162358-764733703-839522115-330518}-.searchconnector-ms</t>
  </si>
  <si>
    <t>\\acsfs\profiles$\ERICALSR\Searches\winrt--{S-1-5-21-602162358-764733703-839522115-330518}-.searchconnector-ms</t>
  </si>
  <si>
    <t>01/16/2020 07:23:47</t>
  </si>
  <si>
    <t>01/16/2020 07:27:31</t>
  </si>
  <si>
    <t>553c4e86-f287-4bea-9940-872755767b92.tmp</t>
  </si>
  <si>
    <t>\\acsfs\profiles$\inarajst\Downloads\553c4e86-f287-4bea-9940-872755767b92.tmp</t>
  </si>
  <si>
    <t>01/16/2020 07:24:13</t>
  </si>
  <si>
    <t>5058e04c-0fdd-4fa9-a02e-a395721de8d0.tmp</t>
  </si>
  <si>
    <t>\\acsfs\profiles$\inarajst\Downloads\5058e04c-0fdd-4fa9-a02e-a395721de8d0.tmp</t>
  </si>
  <si>
    <t>01/16/2020 07:24:14</t>
  </si>
  <si>
    <t>1d39fcdf-9b3b-4175-b4f0-9bd12422201f.tmp</t>
  </si>
  <si>
    <t>\\acsfs\profiles$\inarajst\Downloads\1d39fcdf-9b3b-4175-b4f0-9bd12422201f.tmp</t>
  </si>
  <si>
    <t>01/16/2020 07:26:11</t>
  </si>
  <si>
    <t>c4eafcdb-7273-47be-9cd6-347d0ce30eb3.tmp</t>
  </si>
  <si>
    <t>\\acsfs\profiles$\inarajst\Downloads\c4eafcdb-7273-47be-9cd6-347d0ce30eb3.tmp</t>
  </si>
  <si>
    <t>01/16/2020 07:22:28</t>
  </si>
  <si>
    <t>01/16/2020 07:22:29</t>
  </si>
  <si>
    <t>lu341402v4474.tmp</t>
  </si>
  <si>
    <t>\\acsfs\profiles$\BRUNAAR\Numero\lu341402v4474.tmp</t>
  </si>
  <si>
    <t>01/16/2020 07:27:27</t>
  </si>
  <si>
    <t>01/16/2020 07:29:31</t>
  </si>
  <si>
    <t>463b2d8d-ef30-4d70-8d99-0e4176cadc67.tmp</t>
  </si>
  <si>
    <t>\\acsfs\profiles$\anafsb\Downloads\463b2d8d-ef30-4d70-8d99-0e4176cadc67.tmp</t>
  </si>
  <si>
    <t>01/16/2020 07:26:02</t>
  </si>
  <si>
    <t>01/16/2020 07:30:31</t>
  </si>
  <si>
    <t>8d90d8bd-05ab-433d-ac9e-3470be45f457.tmp</t>
  </si>
  <si>
    <t>\\acsfs\profiles$\mariajra\Downloads\8d90d8bd-05ab-433d-ac9e-3470be45f457.tmp</t>
  </si>
  <si>
    <t>01/16/2020 07:27:16</t>
  </si>
  <si>
    <t>1e4890e4-f94c-4ee6-b3a4-a0582953b637.tmp</t>
  </si>
  <si>
    <t>\\acsfs\profiles$\mariajra\Downloads\1e4890e4-f94c-4ee6-b3a4-a0582953b637.tmp</t>
  </si>
  <si>
    <t>01/16/2020 07:28:34</t>
  </si>
  <si>
    <t>ebc0f13a-3833-447f-8482-96811e266ce2.tmp</t>
  </si>
  <si>
    <t>\\acsfs\profiles$\mariajra\Downloads\ebc0f13a-3833-447f-8482-96811e266ce2.tmp</t>
  </si>
  <si>
    <t>01/16/2020 07:29:23</t>
  </si>
  <si>
    <t>6c6bcaa2-9f49-48b0-aee7-792c2759236c.tmp</t>
  </si>
  <si>
    <t>\\acsfs\profiles$\mariajra\Downloads\6c6bcaa2-9f49-48b0-aee7-792c2759236c.tmp</t>
  </si>
  <si>
    <t>01/16/2020 07:29:45</t>
  </si>
  <si>
    <t>38720d6e-37c9-4e5e-9677-a84aabc13bb2.tmp</t>
  </si>
  <si>
    <t>\\acsfs\profiles$\mariajra\Downloads\38720d6e-37c9-4e5e-9677-a84aabc13bb2.tmp</t>
  </si>
  <si>
    <t>01/16/2020 07:30:22</t>
  </si>
  <si>
    <t>01/16/2020 07:31:32</t>
  </si>
  <si>
    <t>01/16/2020 07:26:05</t>
  </si>
  <si>
    <t>613bc859-538b-4ee7-be76-1d76987355c1.tmp</t>
  </si>
  <si>
    <t>\\acsfs\profiles$\sarahbal\Downloads\613bc859-538b-4ee7-be76-1d76987355c1.tmp</t>
  </si>
  <si>
    <t>01/16/2020 07:26:56</t>
  </si>
  <si>
    <t>69c022af-ca73-40d9-ad2b-ba1acd0d7e60.tmp</t>
  </si>
  <si>
    <t>\\acsfs\profiles$\sarahbal\Downloads\69c022af-ca73-40d9-ad2b-ba1acd0d7e60.tmp</t>
  </si>
  <si>
    <t>5dec2086-7ced-44d1-8298-6bdb8a1db2c2.tmp</t>
  </si>
  <si>
    <t>\\acsfs\profiles$\sarahbal\Downloads\5dec2086-7ced-44d1-8298-6bdb8a1db2c2.tmp</t>
  </si>
  <si>
    <t>01/16/2020 07:28:25</t>
  </si>
  <si>
    <t>01/16/2020 07:28:55</t>
  </si>
  <si>
    <t>01/16/2020 07:29:55</t>
  </si>
  <si>
    <t>01/16/2020 07:30:25</t>
  </si>
  <si>
    <t>01/16/2020 07:30:55</t>
  </si>
  <si>
    <t>01/16/2020 07:28:21</t>
  </si>
  <si>
    <t>df7d4710-76ff-485e-8889-9c002d52bcb8.tmp</t>
  </si>
  <si>
    <t>\\acsfs\profiles$\ERICALSR\Downloads\df7d4710-76ff-485e-8889-9c002d52bcb8.tmp</t>
  </si>
  <si>
    <t>01/16/2020 07:30:13</t>
  </si>
  <si>
    <t>5a63b420-b9f3-454b-aa3f-ea61ba59dfe3.tmp</t>
  </si>
  <si>
    <t>\\acsfs\profiles$\ERICALSR\Downloads\5a63b420-b9f3-454b-aa3f-ea61ba59dfe3.tmp</t>
  </si>
  <si>
    <t>01/16/2020 07:28:17</t>
  </si>
  <si>
    <t>01/16/2020 07:32:31</t>
  </si>
  <si>
    <t>d3171695-f301-4c12-9b5d-5dc108458b0b.tmp</t>
  </si>
  <si>
    <t>\\acsfs\profiles$\inarajst\Downloads\d3171695-f301-4c12-9b5d-5dc108458b0b.tmp</t>
  </si>
  <si>
    <t>01/16/2020 07:31:03</t>
  </si>
  <si>
    <t>01d4671a-55e0-4a47-924d-e15ca5c35d85.tmp</t>
  </si>
  <si>
    <t>\\acsfs\profiles$\inarajst\Downloads\01d4671a-55e0-4a47-924d-e15ca5c35d85.tmp</t>
  </si>
  <si>
    <t>01/16/2020 07:34:31</t>
  </si>
  <si>
    <t>01/16/2020 07:31:37</t>
  </si>
  <si>
    <t>01/16/2020 07:32:07</t>
  </si>
  <si>
    <t>01/16/2020 07:35:31</t>
  </si>
  <si>
    <t>01/16/2020 07:32:21</t>
  </si>
  <si>
    <t>XLOG_danielpdl_10012020_102222.log</t>
  </si>
  <si>
    <t>\\acsfs\profiles$\danielpdl\My Documents\xworkcenter\logs\XLOG_danielpdl_10012020_102222.log</t>
  </si>
  <si>
    <t>01/16/2020 07:32:58</t>
  </si>
  <si>
    <t>01/16/2020 07:32:15</t>
  </si>
  <si>
    <t>01/16/2020 07:37:31</t>
  </si>
  <si>
    <t>01/16/2020 07:32:26</t>
  </si>
  <si>
    <t>01/16/2020 07:35:24</t>
  </si>
  <si>
    <t>01/16/2020 07:39:32</t>
  </si>
  <si>
    <t>01/16/2020 07:36:05</t>
  </si>
  <si>
    <t>01/16/2020 07:36:25</t>
  </si>
  <si>
    <t>01/16/2020 07:36:28</t>
  </si>
  <si>
    <t>01/16/2020 07:36:30</t>
  </si>
  <si>
    <t>01/16/2020 07:36:31</t>
  </si>
  <si>
    <t>01/16/2020 07:36:36</t>
  </si>
  <si>
    <t>01/16/2020 07:36:37</t>
  </si>
  <si>
    <t>01/16/2020 07:36:39</t>
  </si>
  <si>
    <t>01/16/2020 07:36:40</t>
  </si>
  <si>
    <t>01/16/2020 07:36:43</t>
  </si>
  <si>
    <t>01/16/2020 07:36:50</t>
  </si>
  <si>
    <t>01/16/2020 07:36:51</t>
  </si>
  <si>
    <t>01/16/2020 07:36:57</t>
  </si>
  <si>
    <t>01/16/2020 07:36:58</t>
  </si>
  <si>
    <t>01/16/2020 07:37:00</t>
  </si>
  <si>
    <t>01/16/2020 07:37:01</t>
  </si>
  <si>
    <t>01/16/2020 07:37:05</t>
  </si>
  <si>
    <t>01/16/2020 07:37:07</t>
  </si>
  <si>
    <t>01/16/2020 07:37:09</t>
  </si>
  <si>
    <t>01/16/2020 07:37:10</t>
  </si>
  <si>
    <t>01/16/2020 07:37:13</t>
  </si>
  <si>
    <t>01/16/2020 07:37:14</t>
  </si>
  <si>
    <t>01/16/2020 07:37:16</t>
  </si>
  <si>
    <t>01/16/2020 07:37:18</t>
  </si>
  <si>
    <t>01/16/2020 07:37:21</t>
  </si>
  <si>
    <t>01/16/2020 07:37:22</t>
  </si>
  <si>
    <t>01/16/2020 07:37:23</t>
  </si>
  <si>
    <t>01/16/2020 07:37:25</t>
  </si>
  <si>
    <t>01/16/2020 07:37:28</t>
  </si>
  <si>
    <t>01/16/2020 07:37:29</t>
  </si>
  <si>
    <t>01/16/2020 07:37:33</t>
  </si>
  <si>
    <t>01/16/2020 07:37:34</t>
  </si>
  <si>
    <t>01/16/2020 07:37:35</t>
  </si>
  <si>
    <t>01/16/2020 07:37:37</t>
  </si>
  <si>
    <t>01/16/2020 07:37:39</t>
  </si>
  <si>
    <t>01/16/2020 07:37:41</t>
  </si>
  <si>
    <t>01/16/2020 07:37:42</t>
  </si>
  <si>
    <t>01/16/2020 07:37:43</t>
  </si>
  <si>
    <t>01/16/2020 07:37:44</t>
  </si>
  <si>
    <t>01/16/2020 07:37:46</t>
  </si>
  <si>
    <t>01/16/2020 07:37:48</t>
  </si>
  <si>
    <t>01/16/2020 07:37:50</t>
  </si>
  <si>
    <t>01/16/2020 07:38:14</t>
  </si>
  <si>
    <t>01/16/2020 07:38:55</t>
  </si>
  <si>
    <t>01/16/2020 07:40:31</t>
  </si>
  <si>
    <t>railsondsm</t>
  </si>
  <si>
    <t>railsondsm@bv.algartech.com</t>
  </si>
  <si>
    <t>https://udpmailboxap01/h/search?si=0&amp;so=0&amp;sc=75226&amp;st=conversation&amp;action=compose&amp;id=2568&amp;paction=view&amp;rf=html&amp;op=reply</t>
  </si>
  <si>
    <t>victorhmds@bv.algartech.com;</t>
  </si>
  <si>
    <t>https://victorhmds@bv.algartech.com</t>
  </si>
  <si>
    <t>01/16/2020 07:37:55</t>
  </si>
  <si>
    <t>01/16/2020 07:41:32</t>
  </si>
  <si>
    <t>01/16/2020 07:38:25</t>
  </si>
  <si>
    <t>01/16/2020 07:39:47</t>
  </si>
  <si>
    <t>01/16/2020 07:38:39</t>
  </si>
  <si>
    <t>01/16/2020 07:43:31</t>
  </si>
  <si>
    <t>01/16/2020 07:39:07</t>
  </si>
  <si>
    <t>\\acsfs\profiles$\paulovadc\My Documents\My Pictures\</t>
  </si>
  <si>
    <t>\\acsfs\profiles$\paulovadc\My Documents\My Videos\desktop.ini</t>
  </si>
  <si>
    <t>01/16/2020 07:39:14</t>
  </si>
  <si>
    <t>\\acsfs\profiles$\paulovadc\My Documents\My Videos\</t>
  </si>
  <si>
    <t>01/16/2020 07:39:16</t>
  </si>
  <si>
    <t>01/16/2020 07:39:36</t>
  </si>
  <si>
    <t>01/16/2020 07:39:37</t>
  </si>
  <si>
    <t>01/16/2020 07:39:40</t>
  </si>
  <si>
    <t>\\acsfs\profiles$\paulovadc\My Documents\My Music\</t>
  </si>
  <si>
    <t>\\acsfs\profiles$\paulovadc\My Documents\My Pictures\desktop.ini</t>
  </si>
  <si>
    <t>01/16/2020 07:39:41</t>
  </si>
  <si>
    <t>01/16/2020 07:39:42</t>
  </si>
  <si>
    <t>01/16/2020 07:39:45</t>
  </si>
  <si>
    <t>\\acsfs\profiles$\paulovadc\Contacts\</t>
  </si>
  <si>
    <t>\\acsfs\profiles$\paulovadc\Contacts\desktop.ini</t>
  </si>
  <si>
    <t>01/16/2020 07:39:53</t>
  </si>
  <si>
    <t>01/16/2020 07:39:54</t>
  </si>
  <si>
    <t>01/16/2020 07:39:55</t>
  </si>
  <si>
    <t>01/16/2020 07:40:02</t>
  </si>
  <si>
    <t>01/16/2020 07:40:03</t>
  </si>
  <si>
    <t>01/16/2020 07:40:18</t>
  </si>
  <si>
    <t>\\acsfs\profiles$\paulovadc\My Documents\</t>
  </si>
  <si>
    <t>\\acsfs\profiles$\paulovadc\Favorites\desktop.ini</t>
  </si>
  <si>
    <t>01/16/2020 07:40:19</t>
  </si>
  <si>
    <t>01/16/2020 07:40:24</t>
  </si>
  <si>
    <t>01/16/2020 07:40:25</t>
  </si>
  <si>
    <t>01/16/2020 07:40:32</t>
  </si>
  <si>
    <t>01/16/2020 07:40:36</t>
  </si>
  <si>
    <t>\\acsfs\profiles$\paulovadc\My Documents\My Music\desktop.ini</t>
  </si>
  <si>
    <t>01/16/2020 07:40:38</t>
  </si>
  <si>
    <t>01/16/2020 07:40:39</t>
  </si>
  <si>
    <t>01/16/2020 07:40:41</t>
  </si>
  <si>
    <t>01/16/2020 07:40:44</t>
  </si>
  <si>
    <t>\\acsfs\profiles$\paulovadc\Searches\</t>
  </si>
  <si>
    <t>\\acsfs\profiles$\paulovadc\Searches\desktop.ini</t>
  </si>
  <si>
    <t>01/16/2020 07:40:45</t>
  </si>
  <si>
    <t>01/16/2020 07:40:46</t>
  </si>
  <si>
    <t>01/16/2020 07:40:47</t>
  </si>
  <si>
    <t>01/16/2020 07:40:48</t>
  </si>
  <si>
    <t>01/16/2020 07:40:49</t>
  </si>
  <si>
    <t>\\acsfs\profiles$\paulovadc\Downloads\desktop.ini</t>
  </si>
  <si>
    <t>01/16/2020 07:40:50</t>
  </si>
  <si>
    <t>01/16/2020 07:40:52</t>
  </si>
  <si>
    <t>\\acsfs\profiles$\paulovadc\Favorites\</t>
  </si>
  <si>
    <t>\\acsfs\profiles$\paulovadc\My Documents\desktop.ini</t>
  </si>
  <si>
    <t>01/16/2020 07:40:55</t>
  </si>
  <si>
    <t>01/16/2020 07:40:56</t>
  </si>
  <si>
    <t>01/16/2020 07:40:57</t>
  </si>
  <si>
    <t>01/16/2020 07:40:58</t>
  </si>
  <si>
    <t>01/16/2020 07:41:00</t>
  </si>
  <si>
    <t>\\acsfs\profiles$\paulovadc\Saved Games\desktop.ini</t>
  </si>
  <si>
    <t>01/16/2020 07:41:01</t>
  </si>
  <si>
    <t>01/16/2020 07:41:31</t>
  </si>
  <si>
    <t>winrt--{S-1-5-21-602162358-764733703-839522115-358582}-.searchconnector-ms</t>
  </si>
  <si>
    <t>\\acsfs\profiles$\paulovadc\Searches\winrt--{S-1-5-21-602162358-764733703-839522115-358582}-.searchconnector-ms</t>
  </si>
  <si>
    <t>01/16/2020 07:39:58</t>
  </si>
  <si>
    <t>01/16/2020 07:44:31</t>
  </si>
  <si>
    <t>ab4612ac-fbf8-4e08-b41f-bac4c271cc01.tmp</t>
  </si>
  <si>
    <t>\\acsfs\profiles$\dhiulliananads\Downloads\ab4612ac-fbf8-4e08-b41f-bac4c271cc01.tmp</t>
  </si>
  <si>
    <t>01/16/2020 07:41:18</t>
  </si>
  <si>
    <t>7c30fe28-5fd6-4715-bcda-6432c935cc4f.tmp</t>
  </si>
  <si>
    <t>\\acsfs\profiles$\dhiulliananads\Downloads\7c30fe28-5fd6-4715-bcda-6432c935cc4f.tmp</t>
  </si>
  <si>
    <t>01/16/2020 07:39:28</t>
  </si>
  <si>
    <t>01/16/2020 07:40:17</t>
  </si>
  <si>
    <t>01/16/2020 07:45:31</t>
  </si>
  <si>
    <t>https://udpmailboxap01/h/search?si=0&amp;so=0&amp;sc=75226&amp;st=conversation&amp;action=compose&amp;paction=compose</t>
  </si>
  <si>
    <t>C:\Users\railsondsm\Downloads\</t>
  </si>
  <si>
    <t>01/16/2020 07:42:38</t>
  </si>
  <si>
    <t>https://udpmailboxap01/h/search?si=0&amp;so=0&amp;sc=75231&amp;sfi=5&amp;st=conversation&amp;action=compose&amp;id=2573&amp;paction=view&amp;rf=text&amp;op=reply</t>
  </si>
  <si>
    <t>railsondsm@bv.algartech.com;</t>
  </si>
  <si>
    <t>https://railsondsm@bv.algartech.com</t>
  </si>
  <si>
    <t>01/16/2020 07:42:58</t>
  </si>
  <si>
    <t>Capturar1.PNG</t>
  </si>
  <si>
    <t>01/16/2020 07:43:27</t>
  </si>
  <si>
    <t>marianaol@bv.algartech.com;</t>
  </si>
  <si>
    <t>https://marianaol@bv.algartech.com</t>
  </si>
  <si>
    <t>01/16/2020 07:40:07</t>
  </si>
  <si>
    <t>01/16/2020 07:40:08</t>
  </si>
  <si>
    <t>01/16/2020 07:40:09</t>
  </si>
  <si>
    <t>01/16/2020 07:40:10</t>
  </si>
  <si>
    <t>01/16/2020 07:40:11</t>
  </si>
  <si>
    <t>01/16/2020 07:40:12</t>
  </si>
  <si>
    <t>01/16/2020 07:40:13</t>
  </si>
  <si>
    <t>01/16/2020 07:40:14</t>
  </si>
  <si>
    <t>01/16/2020 07:40:15</t>
  </si>
  <si>
    <t>01/16/2020 07:40:16</t>
  </si>
  <si>
    <t>01/16/2020 07:42:28</t>
  </si>
  <si>
    <t>88b802e9-6def-475f-a63d-f63f98817473.tmp</t>
  </si>
  <si>
    <t>\\acsfs\profiles$\mariajra\Downloads\88b802e9-6def-475f-a63d-f63f98817473.tmp</t>
  </si>
  <si>
    <t>01/16/2020 07:41:54</t>
  </si>
  <si>
    <t>01/16/2020 07:46:31</t>
  </si>
  <si>
    <t>6b3b42d6-21ce-453f-b951-bebaf569941f.tmp</t>
  </si>
  <si>
    <t>\\acsfs\profiles$\sarahbal\Downloads\6b3b42d6-21ce-453f-b951-bebaf569941f.tmp</t>
  </si>
  <si>
    <t>01/16/2020 07:42:33</t>
  </si>
  <si>
    <t>01/16/2020 07:43:23</t>
  </si>
  <si>
    <t>01/16/2020 07:43:26</t>
  </si>
  <si>
    <t>01/16/2020 07:43:28</t>
  </si>
  <si>
    <t>01/16/2020 07:43:30</t>
  </si>
  <si>
    <t>01/16/2020 07:43:44</t>
  </si>
  <si>
    <t>01/16/2020 07:43:47</t>
  </si>
  <si>
    <t>01/16/2020 07:43:48</t>
  </si>
  <si>
    <t>01/16/2020 07:43:51</t>
  </si>
  <si>
    <t>01/16/2020 07:43:52</t>
  </si>
  <si>
    <t>01/16/2020 07:43:56</t>
  </si>
  <si>
    <t>01/16/2020 07:43:58</t>
  </si>
  <si>
    <t>01/16/2020 07:43:59</t>
  </si>
  <si>
    <t>01/16/2020 07:44:01</t>
  </si>
  <si>
    <t>01/16/2020 07:44:03</t>
  </si>
  <si>
    <t>01/16/2020 07:44:05</t>
  </si>
  <si>
    <t>01/16/2020 07:44:06</t>
  </si>
  <si>
    <t>01/16/2020 07:44:07</t>
  </si>
  <si>
    <t>01/16/2020 07:44:08</t>
  </si>
  <si>
    <t>01/16/2020 07:44:09</t>
  </si>
  <si>
    <t>01/16/2020 07:44:10</t>
  </si>
  <si>
    <t>01/16/2020 07:44:16</t>
  </si>
  <si>
    <t>01/16/2020 07:44:17</t>
  </si>
  <si>
    <t>01/16/2020 07:44:18</t>
  </si>
  <si>
    <t>01/16/2020 07:44:19</t>
  </si>
  <si>
    <t>01/16/2020 07:44:21</t>
  </si>
  <si>
    <t>01/16/2020 07:44:22</t>
  </si>
  <si>
    <t>01/16/2020 07:44:24</t>
  </si>
  <si>
    <t>01/16/2020 07:44:26</t>
  </si>
  <si>
    <t>01/16/2020 07:44:27</t>
  </si>
  <si>
    <t>01/16/2020 07:44:28</t>
  </si>
  <si>
    <t>01/16/2020 07:44:30</t>
  </si>
  <si>
    <t>01/16/2020 07:44:33</t>
  </si>
  <si>
    <t>01/16/2020 07:44:34</t>
  </si>
  <si>
    <t>01/16/2020 07:44:36</t>
  </si>
  <si>
    <t>01/16/2020 07:44:38</t>
  </si>
  <si>
    <t>01/16/2020 07:44:39</t>
  </si>
  <si>
    <t>01/16/2020 07:44:40</t>
  </si>
  <si>
    <t>01/16/2020 07:44:42</t>
  </si>
  <si>
    <t>01/16/2020 07:44:43</t>
  </si>
  <si>
    <t>01/16/2020 07:44:46</t>
  </si>
  <si>
    <t>01/16/2020 07:44:49</t>
  </si>
  <si>
    <t>01/16/2020 07:45:14</t>
  </si>
  <si>
    <t>01/16/2020 07:45:29</t>
  </si>
  <si>
    <t>01/16/2020 07:45:34</t>
  </si>
  <si>
    <t>01/16/2020 07:42:25</t>
  </si>
  <si>
    <t>01/16/2020 07:42:55</t>
  </si>
  <si>
    <t>01/16/2020 07:43:25</t>
  </si>
  <si>
    <t>01/16/2020 07:43:55</t>
  </si>
  <si>
    <t>01/16/2020 07:44:25</t>
  </si>
  <si>
    <t>01/16/2020 07:44:55</t>
  </si>
  <si>
    <t>01/16/2020 07:43:05</t>
  </si>
  <si>
    <t>01/16/2020 07:47:31</t>
  </si>
  <si>
    <t>0943c510-d131-473d-bd68-266c0d613071.tmp</t>
  </si>
  <si>
    <t>\\acsfs\profiles$\inarajst\Downloads\0943c510-d131-473d-bd68-266c0d613071.tmp</t>
  </si>
  <si>
    <t>01/16/2020 07:45:50</t>
  </si>
  <si>
    <t>01/16/2020 07:48:31</t>
  </si>
  <si>
    <t>01/16/2020 07:45:56</t>
  </si>
  <si>
    <t>01/16/2020 07:45:57</t>
  </si>
  <si>
    <t>01/16/2020 07:46:00</t>
  </si>
  <si>
    <t>01/16/2020 07:46:02</t>
  </si>
  <si>
    <t>01/16/2020 07:46:04</t>
  </si>
  <si>
    <t>01/16/2020 07:46:05</t>
  </si>
  <si>
    <t>01/16/2020 07:46:06</t>
  </si>
  <si>
    <t>01/16/2020 07:46:07</t>
  </si>
  <si>
    <t>01/16/2020 07:46:16</t>
  </si>
  <si>
    <t>01/16/2020 07:46:17</t>
  </si>
  <si>
    <t>01/16/2020 07:46:18</t>
  </si>
  <si>
    <t>01/16/2020 07:46:19</t>
  </si>
  <si>
    <t>01/16/2020 07:46:21</t>
  </si>
  <si>
    <t>01/16/2020 07:46:23</t>
  </si>
  <si>
    <t>01/16/2020 07:46:24</t>
  </si>
  <si>
    <t>01/16/2020 07:46:25</t>
  </si>
  <si>
    <t>01/16/2020 07:46:26</t>
  </si>
  <si>
    <t>01/16/2020 07:46:28</t>
  </si>
  <si>
    <t>01/16/2020 07:46:30</t>
  </si>
  <si>
    <t>01/16/2020 07:46:32</t>
  </si>
  <si>
    <t>01/16/2020 07:46:33</t>
  </si>
  <si>
    <t>01/16/2020 07:46:35</t>
  </si>
  <si>
    <t>01/16/2020 07:46:36</t>
  </si>
  <si>
    <t>01/16/2020 07:46:39</t>
  </si>
  <si>
    <t>01/16/2020 07:46:40</t>
  </si>
  <si>
    <t>01/16/2020 07:46:42</t>
  </si>
  <si>
    <t>01/16/2020 07:46:43</t>
  </si>
  <si>
    <t>01/16/2020 07:46:45</t>
  </si>
  <si>
    <t>01/16/2020 07:46:46</t>
  </si>
  <si>
    <t>01/16/2020 07:46:48</t>
  </si>
  <si>
    <t>01/16/2020 07:46:49</t>
  </si>
  <si>
    <t>01/16/2020 07:46:50</t>
  </si>
  <si>
    <t>01/16/2020 07:46:52</t>
  </si>
  <si>
    <t>01/16/2020 07:46:53</t>
  </si>
  <si>
    <t>01/16/2020 07:46:54</t>
  </si>
  <si>
    <t>01/16/2020 07:46:55</t>
  </si>
  <si>
    <t>01/16/2020 07:47:19</t>
  </si>
  <si>
    <t>01/16/2020 07:47:20</t>
  </si>
  <si>
    <t>343a4e31-b93f-4d36-8c08-934a143e800f.tmp</t>
  </si>
  <si>
    <t>\\acsfs\profiles$\maxmillianosv\Downloads\343a4e31-b93f-4d36-8c08-934a143e800f.tmp</t>
  </si>
  <si>
    <t>01/16/2020 07:46:11</t>
  </si>
  <si>
    <t>01/16/2020 07:49:31</t>
  </si>
  <si>
    <t>01/16/2020 07:49:03</t>
  </si>
  <si>
    <t>01/16/2020 07:51:31</t>
  </si>
  <si>
    <t>01/16/2020 07:50:04</t>
  </si>
  <si>
    <t>01/16/2020 07:51:11</t>
  </si>
  <si>
    <t>VENDAS 1 2020.txt</t>
  </si>
  <si>
    <t>\\acsfs\profiles$\ERICALSR\My Documents\VENDAS 1 2020.txt</t>
  </si>
  <si>
    <t>01/16/2020 07:49:26</t>
  </si>
  <si>
    <t>01/16/2020 07:52:31</t>
  </si>
  <si>
    <t>01/16/2020 07:51:17</t>
  </si>
  <si>
    <t>lu341402v447a.tmp</t>
  </si>
  <si>
    <t>\\acsfs\profiles$\BRUNAAR\Numero\lu341402v447a.tmp</t>
  </si>
  <si>
    <t>01/16/2020 07:51:04</t>
  </si>
  <si>
    <t>01/16/2020 07:48:24</t>
  </si>
  <si>
    <t>01/16/2020 07:53:31</t>
  </si>
  <si>
    <t>3c2e3e71-93be-4106-bb55-b928dc5a0e96.tmp</t>
  </si>
  <si>
    <t>\\acsfs\profiles$\felipetds\Downloads\3c2e3e71-93be-4106-bb55-b928dc5a0e96.tmp</t>
  </si>
  <si>
    <t>01/16/2020 07:48:28</t>
  </si>
  <si>
    <t>4f19076b-e418-4175-a52d-939dba8d5725.tmp</t>
  </si>
  <si>
    <t>\\acsfs\profiles$\felipetds\Downloads\4f19076b-e418-4175-a52d-939dba8d5725.tmp</t>
  </si>
  <si>
    <t>01/16/2020 07:49:27</t>
  </si>
  <si>
    <t>a849f2f5-9b4a-4dd0-976b-eed7c1116562.tmp</t>
  </si>
  <si>
    <t>\\acsfs\profiles$\felipetds\Downloads\a849f2f5-9b4a-4dd0-976b-eed7c1116562.tmp</t>
  </si>
  <si>
    <t>01/16/2020 07:52:04</t>
  </si>
  <si>
    <t>\\acsfs\profiles$\wenderbnm\My Documents\My Videos\</t>
  </si>
  <si>
    <t>\\acsfs\profiles$\wenderbnm\My Documents\My Videos\desktop.ini</t>
  </si>
  <si>
    <t>01/16/2020 07:52:10</t>
  </si>
  <si>
    <t>01/16/2020 07:52:11</t>
  </si>
  <si>
    <t>01/16/2020 07:52:14</t>
  </si>
  <si>
    <t>\\acsfs\profiles$\wenderbnm\My Documents\My Pictures\</t>
  </si>
  <si>
    <t>\\acsfs\profiles$\wenderbnm\My Documents\My Pictures\desktop.ini</t>
  </si>
  <si>
    <t>01/16/2020 07:52:15</t>
  </si>
  <si>
    <t>01/16/2020 07:52:17</t>
  </si>
  <si>
    <t>01/16/2020 07:52:18</t>
  </si>
  <si>
    <t>\\acsfs\profiles$\wenderbnm\Contacts\</t>
  </si>
  <si>
    <t>\\acsfs\profiles$\wenderbnm\Contacts\desktop.ini</t>
  </si>
  <si>
    <t>01/16/2020 07:52:19</t>
  </si>
  <si>
    <t>01/16/2020 07:52:40</t>
  </si>
  <si>
    <t>01/16/2020 07:52:42</t>
  </si>
  <si>
    <t>\\acsfs\profiles$\wenderbnm\Favorites\</t>
  </si>
  <si>
    <t>\\acsfs\profiles$\wenderbnm\Favorites\desktop.ini</t>
  </si>
  <si>
    <t>01/16/2020 07:52:43</t>
  </si>
  <si>
    <t>01/16/2020 07:53:01</t>
  </si>
  <si>
    <t>01/16/2020 07:53:03</t>
  </si>
  <si>
    <t>01/16/2020 07:53:04</t>
  </si>
  <si>
    <t>01/16/2020 07:53:05</t>
  </si>
  <si>
    <t>01/16/2020 07:53:09</t>
  </si>
  <si>
    <t>\\acsfs\profiles$\wenderbnm\My Documents\My Music\</t>
  </si>
  <si>
    <t>\\acsfs\profiles$\wenderbnm\My Documents\My Music\desktop.ini</t>
  </si>
  <si>
    <t>01/16/2020 07:53:10</t>
  </si>
  <si>
    <t>01/16/2020 07:53:11</t>
  </si>
  <si>
    <t>01/16/2020 07:53:12</t>
  </si>
  <si>
    <t>01/16/2020 07:53:13</t>
  </si>
  <si>
    <t>01/16/2020 07:53:14</t>
  </si>
  <si>
    <t>\\acsfs\profiles$\wenderbnm\Searches\</t>
  </si>
  <si>
    <t>\\acsfs\profiles$\wenderbnm\Searches\desktop.ini</t>
  </si>
  <si>
    <t>01/16/2020 07:49:30</t>
  </si>
  <si>
    <t>01/16/2020 07:54:31</t>
  </si>
  <si>
    <t>01/16/2020 07:53:22</t>
  </si>
  <si>
    <t>01/16/2020 07:55:31</t>
  </si>
  <si>
    <t>ee95c1d2-2f31-42a0-817c-5498dab5f65c.tmp</t>
  </si>
  <si>
    <t>\\acsfs\profiles$\nayarasds\Downloads\ee95c1d2-2f31-42a0-817c-5498dab5f65c.tmp</t>
  </si>
  <si>
    <t>01/16/2020 07:54:08</t>
  </si>
  <si>
    <t>c6bd9d35-33dd-48ac-ab06-994dbbcac99c.tmp</t>
  </si>
  <si>
    <t>\\acsfs\profiles$\nayarasds\Downloads\c6bd9d35-33dd-48ac-ab06-994dbbcac99c.tmp</t>
  </si>
  <si>
    <t>01/16/2020 07:54:21</t>
  </si>
  <si>
    <t>03d4f84c-1155-4701-add3-f128fe3f8e38.tmp</t>
  </si>
  <si>
    <t>\\acsfs\profiles$\nayarasds\Downloads\03d4f84c-1155-4701-add3-f128fe3f8e38.tmp</t>
  </si>
  <si>
    <t>01/16/2020 07:54:37</t>
  </si>
  <si>
    <t>9064d039-a91a-46d4-9d47-5dda3ac2e67c.tmp</t>
  </si>
  <si>
    <t>\\acsfs\profiles$\nayarasds\Downloads\9064d039-a91a-46d4-9d47-5dda3ac2e67c.tmp</t>
  </si>
  <si>
    <t>01/16/2020 07:53:20</t>
  </si>
  <si>
    <t>01/16/2020 07:56:31</t>
  </si>
  <si>
    <t>01/16/2020 07:53:33</t>
  </si>
  <si>
    <t>01/16/2020 07:53:39</t>
  </si>
  <si>
    <t>01/16/2020 07:53:56</t>
  </si>
  <si>
    <t>01/16/2020 07:54:01</t>
  </si>
  <si>
    <t>01/16/2020 07:54:25</t>
  </si>
  <si>
    <t>01/16/2020 07:54:36</t>
  </si>
  <si>
    <t>01/16/2020 07:54:50</t>
  </si>
  <si>
    <t>01/16/2020 07:53:50</t>
  </si>
  <si>
    <t>01/16/2020 07:57:31</t>
  </si>
  <si>
    <t>dcf88fe3-4b75-4c48-9a6b-b192b59c9e13.tmp</t>
  </si>
  <si>
    <t>\\acsfs\profiles$\geovannasm\Downloads\dcf88fe3-4b75-4c48-9a6b-b192b59c9e13.tmp</t>
  </si>
  <si>
    <t>01/16/2020 07:54:59</t>
  </si>
  <si>
    <t>73763491-342a-452b-9fdc-70a030a35d8c.tmp</t>
  </si>
  <si>
    <t>\\acsfs\profiles$\geovannasm\Downloads\73763491-342a-452b-9fdc-70a030a35d8c.tmp</t>
  </si>
  <si>
    <t>01/16/2020 07:55:13</t>
  </si>
  <si>
    <t>94e3ed38-0259-468d-b22b-82ef973e73e6.tmp</t>
  </si>
  <si>
    <t>\\acsfs\profiles$\geovannasm\Downloads\94e3ed38-0259-468d-b22b-82ef973e73e6.tmp</t>
  </si>
  <si>
    <t>01/16/2020 07:56:12</t>
  </si>
  <si>
    <t>7d845c57-2525-4d8a-b289-f41cb214117c.tmp</t>
  </si>
  <si>
    <t>\\acsfs\profiles$\geovannasm\Downloads\7d845c57-2525-4d8a-b289-f41cb214117c.tmp</t>
  </si>
  <si>
    <t>01/16/2020 07:56:22</t>
  </si>
  <si>
    <t>c8a2803e-a74d-4f28-b017-bb78e313d6ef.tmp</t>
  </si>
  <si>
    <t>\\acsfs\profiles$\geovannasm\Downloads\c8a2803e-a74d-4f28-b017-bb78e313d6ef.tmp</t>
  </si>
  <si>
    <t>01/16/2020 07:55:37</t>
  </si>
  <si>
    <t>01/16/2020 07:55:43</t>
  </si>
  <si>
    <t>01/16/2020 07:55:44</t>
  </si>
  <si>
    <t>01/16/2020 07:55:47</t>
  </si>
  <si>
    <t>01/16/2020 07:55:49</t>
  </si>
  <si>
    <t>01/16/2020 07:55:51</t>
  </si>
  <si>
    <t>01/16/2020 07:55:52</t>
  </si>
  <si>
    <t>01/16/2020 07:55:54</t>
  </si>
  <si>
    <t>01/16/2020 07:55:56</t>
  </si>
  <si>
    <t>01/16/2020 07:55:57</t>
  </si>
  <si>
    <t>01/16/2020 07:55:58</t>
  </si>
  <si>
    <t>01/16/2020 07:55:59</t>
  </si>
  <si>
    <t>01/16/2020 07:58:31</t>
  </si>
  <si>
    <t>01/16/2020 07:56:01</t>
  </si>
  <si>
    <t>01/16/2020 07:56:02</t>
  </si>
  <si>
    <t>01/16/2020 07:56:03</t>
  </si>
  <si>
    <t>01/16/2020 07:56:04</t>
  </si>
  <si>
    <t>01/16/2020 07:56:05</t>
  </si>
  <si>
    <t>01/16/2020 07:56:07</t>
  </si>
  <si>
    <t>01/16/2020 07:56:08</t>
  </si>
  <si>
    <t>01/16/2020 07:56:09</t>
  </si>
  <si>
    <t>01/16/2020 07:56:11</t>
  </si>
  <si>
    <t>01/16/2020 07:56:14</t>
  </si>
  <si>
    <t>01/16/2020 07:56:15</t>
  </si>
  <si>
    <t>01/16/2020 07:56:16</t>
  </si>
  <si>
    <t>01/16/2020 07:56:17</t>
  </si>
  <si>
    <t>01/16/2020 07:56:18</t>
  </si>
  <si>
    <t>01/16/2020 07:56:20</t>
  </si>
  <si>
    <t>01/16/2020 07:56:21</t>
  </si>
  <si>
    <t>01/16/2020 07:56:23</t>
  </si>
  <si>
    <t>01/16/2020 07:56:24</t>
  </si>
  <si>
    <t>01/16/2020 07:56:25</t>
  </si>
  <si>
    <t>01/16/2020 07:56:26</t>
  </si>
  <si>
    <t>01/16/2020 07:56:28</t>
  </si>
  <si>
    <t>01/16/2020 07:56:29</t>
  </si>
  <si>
    <t>01/16/2020 07:56:32</t>
  </si>
  <si>
    <t>01/16/2020 07:56:58</t>
  </si>
  <si>
    <t>01/16/2020 07:53:16</t>
  </si>
  <si>
    <t>01/16/2020 07:53:17</t>
  </si>
  <si>
    <t>01/16/2020 07:53:18</t>
  </si>
  <si>
    <t>01/16/2020 07:53:21</t>
  </si>
  <si>
    <t>\\acsfs\profiles$\wenderbnm\Downloads\desktop.ini</t>
  </si>
  <si>
    <t>01/16/2020 07:53:23</t>
  </si>
  <si>
    <t>\\acsfs\profiles$\wenderbnm\My Documents\</t>
  </si>
  <si>
    <t>\\acsfs\profiles$\wenderbnm\My Documents\desktop.ini</t>
  </si>
  <si>
    <t>01/16/2020 07:53:24</t>
  </si>
  <si>
    <t>01/16/2020 07:53:25</t>
  </si>
  <si>
    <t>01/16/2020 07:53:26</t>
  </si>
  <si>
    <t>01/16/2020 07:53:27</t>
  </si>
  <si>
    <t>01/16/2020 07:53:28</t>
  </si>
  <si>
    <t>\\acsfs\profiles$\wenderbnm\Saved Games\</t>
  </si>
  <si>
    <t>\\acsfs\profiles$\wenderbnm\Saved Games\desktop.ini</t>
  </si>
  <si>
    <t>01/16/2020 07:53:55</t>
  </si>
  <si>
    <t>winrt--{S-1-5-21-602162358-764733703-839522115-354115}-.searchconnector-ms</t>
  </si>
  <si>
    <t>\\acsfs\profiles$\wenderbnm\Searches\winrt--{S-1-5-21-602162358-764733703-839522115-354115}-.searchconnector-ms</t>
  </si>
  <si>
    <t>01/16/2020 07:58:04</t>
  </si>
  <si>
    <t>3dff4633-a505-4402-bab0-8e5b45724758.tmp</t>
  </si>
  <si>
    <t>\\acsfs\profiles$\wenderbnm\Downloads\3dff4633-a505-4402-bab0-8e5b45724758.tmp</t>
  </si>
  <si>
    <t>01/16/2020 07:57:35</t>
  </si>
  <si>
    <t>01/16/2020 07:59:30</t>
  </si>
  <si>
    <t>3b49de75-b0f3-4128-9a9a-fa69ade10f5a.tmp</t>
  </si>
  <si>
    <t>\\acsfs\profiles$\henriquehmdo\Downloads\3b49de75-b0f3-4128-9a9a-fa69ade10f5a.tmp</t>
  </si>
  <si>
    <t>01/16/2020 07:57:38</t>
  </si>
  <si>
    <t>01/16/2020 07:58:33</t>
  </si>
  <si>
    <t>598c7823-9cb0-4e9d-9444-79a6fd99a3db.tmp</t>
  </si>
  <si>
    <t>\\acsfs\profiles$\gabrielaff\Downloads\598c7823-9cb0-4e9d-9444-79a6fd99a3db.tmp</t>
  </si>
  <si>
    <t>01/16/2020 07:56:40</t>
  </si>
  <si>
    <t>01/16/2020 07:57:19</t>
  </si>
  <si>
    <t>13efc29e-c9b9-4f6e-a922-047eb6439793.tmp</t>
  </si>
  <si>
    <t>\\acsfs\profiles$\leticiala\Downloads\13efc29e-c9b9-4f6e-a922-047eb6439793.tmp</t>
  </si>
  <si>
    <t>01/16/2020 07:59:31</t>
  </si>
  <si>
    <t>01/16/2020 07:55:01</t>
  </si>
  <si>
    <t>01/16/2020 07:59:19</t>
  </si>
  <si>
    <t>01/16/2020 08:00:31</t>
  </si>
  <si>
    <t>90737e0d-0489-4735-abbb-d3fcc14a205d.tmp</t>
  </si>
  <si>
    <t>\\acsfs\profiles$\nayarasds\Downloads\90737e0d-0489-4735-abbb-d3fcc14a205d.tmp</t>
  </si>
  <si>
    <t>01/16/2020 07:56:47</t>
  </si>
  <si>
    <t>18050040-6cb3-4436-a208-e9e97840a9b1.tmp</t>
  </si>
  <si>
    <t>\\acsfs\profiles$\nayarasds\Downloads\18050040-6cb3-4436-a208-e9e97840a9b1.tmp</t>
  </si>
  <si>
    <t>01/16/2020 07:58:26</t>
  </si>
  <si>
    <t>01/16/2020 07:58:30</t>
  </si>
  <si>
    <t>01/16/2020 07:58:36</t>
  </si>
  <si>
    <t>01/16/2020 07:58:38</t>
  </si>
  <si>
    <t>01/16/2020 07:58:40</t>
  </si>
  <si>
    <t>01/16/2020 07:58:58</t>
  </si>
  <si>
    <t>01/16/2020 07:58:59</t>
  </si>
  <si>
    <t>01/16/2020 07:59:02</t>
  </si>
  <si>
    <t>01/16/2020 07:59:05</t>
  </si>
  <si>
    <t>01/16/2020 07:59:07</t>
  </si>
  <si>
    <t>01/16/2020 07:59:09</t>
  </si>
  <si>
    <t>01/16/2020 07:59:10</t>
  </si>
  <si>
    <t>01/16/2020 07:59:11</t>
  </si>
  <si>
    <t>01/16/2020 07:59:13</t>
  </si>
  <si>
    <t>01/16/2020 07:59:14</t>
  </si>
  <si>
    <t>01/16/2020 07:59:18</t>
  </si>
  <si>
    <t>01/16/2020 07:59:20</t>
  </si>
  <si>
    <t>01/16/2020 07:59:24</t>
  </si>
  <si>
    <t>01/16/2020 07:59:25</t>
  </si>
  <si>
    <t>01/16/2020 07:59:27</t>
  </si>
  <si>
    <t>01/16/2020 07:59:41</t>
  </si>
  <si>
    <t>01/16/2020 07:59:43</t>
  </si>
  <si>
    <t>01/16/2020 07:59:45</t>
  </si>
  <si>
    <t>01/16/2020 07:59:46</t>
  </si>
  <si>
    <t>01/16/2020 07:59:47</t>
  </si>
  <si>
    <t>01/16/2020 07:59:48</t>
  </si>
  <si>
    <t>01/16/2020 07:59:52</t>
  </si>
  <si>
    <t>01/16/2020 07:59:53</t>
  </si>
  <si>
    <t>01/16/2020 07:59:55</t>
  </si>
  <si>
    <t>01/16/2020 07:59:57</t>
  </si>
  <si>
    <t>01/16/2020 07:59:59</t>
  </si>
  <si>
    <t>01/16/2020 08:00:00</t>
  </si>
  <si>
    <t>01/16/2020 08:00:01</t>
  </si>
  <si>
    <t>01/16/2020 08:00:03</t>
  </si>
  <si>
    <t>01/16/2020 08:00:05</t>
  </si>
  <si>
    <t>01/16/2020 08:00:06</t>
  </si>
  <si>
    <t>01/16/2020 08:00:07</t>
  </si>
  <si>
    <t>01/16/2020 08:00:09</t>
  </si>
  <si>
    <t>01/16/2020 08:00:11</t>
  </si>
  <si>
    <t>01/16/2020 08:00:13</t>
  </si>
  <si>
    <t>01/16/2020 08:00:16</t>
  </si>
  <si>
    <t>01/16/2020 08:01:31</t>
  </si>
  <si>
    <t>01/16/2020 07:59:23</t>
  </si>
  <si>
    <t>01/16/2020 07:59:26</t>
  </si>
  <si>
    <t>01/16/2020 07:59:28</t>
  </si>
  <si>
    <t>01/16/2020 07:59:32</t>
  </si>
  <si>
    <t>01/16/2020 00:07:40</t>
  </si>
  <si>
    <t>01/16/2020 07:59:33</t>
  </si>
  <si>
    <t>01/16/2020 07:58:41</t>
  </si>
  <si>
    <t>\\acsfs\profiles$\thyagosp\My Documents\My Pictures\</t>
  </si>
  <si>
    <t>\\acsfs\profiles$\THYAGOSP\My Documents\My Videos\desktop.ini</t>
  </si>
  <si>
    <t>01/16/2020 07:59:34</t>
  </si>
  <si>
    <t>01/16/2020 07:58:42</t>
  </si>
  <si>
    <t>\\acsfs\profiles$\THYAGOSP\My Documents\My Videos\</t>
  </si>
  <si>
    <t>01/16/2020 07:59:36</t>
  </si>
  <si>
    <t>01/16/2020 07:59:38</t>
  </si>
  <si>
    <t>01/16/2020 07:58:45</t>
  </si>
  <si>
    <t>01/16/2020 07:59:39</t>
  </si>
  <si>
    <t>01/16/2020 07:58:47</t>
  </si>
  <si>
    <t>01/16/2020 07:58:48</t>
  </si>
  <si>
    <t>01/16/2020 07:59:42</t>
  </si>
  <si>
    <t>01/16/2020 07:58:51</t>
  </si>
  <si>
    <t>\\acsfs\profiles$\thyagosp\My Documents\My Music\</t>
  </si>
  <si>
    <t>\\acsfs\profiles$\THYAGOSP\My Documents\My Pictures\desktop.ini</t>
  </si>
  <si>
    <t>01/16/2020 07:58:53</t>
  </si>
  <si>
    <t>\\acsfs\profiles$\thyagosp\My Documents\My Videos\</t>
  </si>
  <si>
    <t>01/16/2020 07:58:54</t>
  </si>
  <si>
    <t>01/16/2020 07:58:56</t>
  </si>
  <si>
    <t>01/16/2020 07:59:50</t>
  </si>
  <si>
    <t>01/16/2020 07:59:00</t>
  </si>
  <si>
    <t>01/16/2020 07:59:56</t>
  </si>
  <si>
    <t>\\acsfs\profiles$\THYAGOSP\Contacts\</t>
  </si>
  <si>
    <t>\\acsfs\profiles$\THYAGOSP\Contacts\desktop.ini</t>
  </si>
  <si>
    <t>01/16/2020 07:59:03</t>
  </si>
  <si>
    <t>01/16/2020 07:59:04</t>
  </si>
  <si>
    <t>01/16/2020 07:59:06</t>
  </si>
  <si>
    <t>\\acsfs\profiles$\thyagosp\My Documents\</t>
  </si>
  <si>
    <t>\\acsfs\profiles$\THYAGOSP\Favorites\desktop.ini</t>
  </si>
  <si>
    <t>01/16/2020 08:00:02</t>
  </si>
  <si>
    <t>01/16/2020 08:00:04</t>
  </si>
  <si>
    <t>01/16/2020 07:59:12</t>
  </si>
  <si>
    <t>01/16/2020 08:00:10</t>
  </si>
  <si>
    <t>01/16/2020 08:00:12</t>
  </si>
  <si>
    <t>01/16/2020 07:59:15</t>
  </si>
  <si>
    <t>\\acsfs\profiles$\THYAGOSP\My Documents\My Music\desktop.ini</t>
  </si>
  <si>
    <t>01/16/2020 07:59:17</t>
  </si>
  <si>
    <t>\\acsfs\profiles$\THYAGOSP\My Documents\My Music\</t>
  </si>
  <si>
    <t>01/16/2020 08:00:15</t>
  </si>
  <si>
    <t>01/16/2020 08:00:17</t>
  </si>
  <si>
    <t>01/16/2020 08:00:18</t>
  </si>
  <si>
    <t>01/16/2020 08:00:21</t>
  </si>
  <si>
    <t>01/16/2020 08:00:22</t>
  </si>
  <si>
    <t>01/16/2020 07:59:21</t>
  </si>
  <si>
    <t>\\acsfs\profiles$\THYAGOSP\Searches\</t>
  </si>
  <si>
    <t>\\acsfs\profiles$\THYAGOSP\Searches\desktop.ini</t>
  </si>
  <si>
    <t>01/16/2020 08:00:24</t>
  </si>
  <si>
    <t>01/16/2020 08:00:25</t>
  </si>
  <si>
    <t>01/16/2020 07:59:29</t>
  </si>
  <si>
    <t>\\acsfs\profiles$\THYAGOSP\Downloads\desktop.ini</t>
  </si>
  <si>
    <t>\\acsfs\profiles$\thyagosp\Favorites\</t>
  </si>
  <si>
    <t>\\acsfs\profiles$\THYAGOSP\My Documents\desktop.ini</t>
  </si>
  <si>
    <t>01/16/2020 07:59:35</t>
  </si>
  <si>
    <t>01/16/2020 07:59:37</t>
  </si>
  <si>
    <t>01/16/2020 07:59:40</t>
  </si>
  <si>
    <t>\\acsfs\profiles$\thyagosp\Downloads\</t>
  </si>
  <si>
    <t>\\acsfs\profiles$\THYAGOSP\Saved Games\desktop.ini</t>
  </si>
  <si>
    <t>01/16/2020 08:00:08</t>
  </si>
  <si>
    <t>winrt--{S-1-5-21-602162358-764733703-839522115-330935}-.searchconnector-ms</t>
  </si>
  <si>
    <t>\\acsfs\profiles$\THYAGOSP\Searches\winrt--{S-1-5-21-602162358-764733703-839522115-330935}-.searchconnector-ms</t>
  </si>
  <si>
    <t>01/16/2020 08:00:26</t>
  </si>
  <si>
    <t>01/16/2020 08:00:36</t>
  </si>
  <si>
    <t>01/16/2020 08:00:30</t>
  </si>
  <si>
    <t>ulog_AcroARM2_Reader_22bb18ef-a0cc-4985-b2f1-d8449a05e1d0_255afb72-88db-44ab-8eb2-324e7bf90f64_0.log</t>
  </si>
  <si>
    <t>C:\Users\Jordanarb\AppData\Roaming\Adobe\LogTransport2\Logs\ulog_AcroARM2_Reader_22bb18ef-a0cc-4985-b2f1-d8449a05e1d0_255afb72-88db-44ab-8eb2-324e7bf90f64_0.log\</t>
  </si>
  <si>
    <t>01/16/2020 08:02:31</t>
  </si>
  <si>
    <t>a4872477-9844-4573-8087-a8bf945b3730.tmp</t>
  </si>
  <si>
    <t>\\acsfs\profiles$\RAFAELRF\Downloads\a4872477-9844-4573-8087-a8bf945b3730.tmp</t>
  </si>
  <si>
    <t>2411687c-fcce-4697-b64a-9a64f310b820.tmp</t>
  </si>
  <si>
    <t>\\acsfs\profiles$\RAFAELRF\Downloads\2411687c-fcce-4697-b64a-9a64f310b820.tmp</t>
  </si>
  <si>
    <t>01/16/2020 08:02:14</t>
  </si>
  <si>
    <t>01/16/2020 08:03:31</t>
  </si>
  <si>
    <t>01/16/2020 08:00:57</t>
  </si>
  <si>
    <t>0b7dc948-632e-4e98-8d04-1ef374d6e8d1.tmp</t>
  </si>
  <si>
    <t>\\acsfs\profiles$\vivianalds\Downloads\0b7dc948-632e-4e98-8d04-1ef374d6e8d1.tmp</t>
  </si>
  <si>
    <t>01/16/2020 08:02:15</t>
  </si>
  <si>
    <t>ea67ad68-98a1-4cbd-8977-d13e1118ff66.tmp</t>
  </si>
  <si>
    <t>\\acsfs\profiles$\vivianalds\Downloads\ea67ad68-98a1-4cbd-8977-d13e1118ff66.tmp</t>
  </si>
  <si>
    <t>01/16/2020 08:02:28</t>
  </si>
  <si>
    <t>982754aa-f824-4fb6-a997-01147238a2f1.tmp</t>
  </si>
  <si>
    <t>\\acsfs\profiles$\vivianalds\Downloads\982754aa-f824-4fb6-a997-01147238a2f1.tmp</t>
  </si>
  <si>
    <t>01/16/2020 08:00:34</t>
  </si>
  <si>
    <t>01/16/2020 08:01:06</t>
  </si>
  <si>
    <t>9692a593-2e11-4c87-9b70-fb1e0985183d.tmp</t>
  </si>
  <si>
    <t>\\acsfs\profiles$\paulovadc\Downloads\9692a593-2e11-4c87-9b70-fb1e0985183d.tmp</t>
  </si>
  <si>
    <t>01/16/2020 08:02:34</t>
  </si>
  <si>
    <t>8d40176b-39bb-4af8-958e-fc432d830fa5.tmp</t>
  </si>
  <si>
    <t>\\acsfs\profiles$\paulovadc\Downloads\8d40176b-39bb-4af8-958e-fc432d830fa5.tmp</t>
  </si>
  <si>
    <t>01/15/2020 13:29:52</t>
  </si>
  <si>
    <t>01/16/2020 08:00:55</t>
  </si>
  <si>
    <t>\\acsfs\profiles$\quindaizaagds\My Documents\My Videos\desktop.ini</t>
  </si>
  <si>
    <t>01/16/2020 08:01:05</t>
  </si>
  <si>
    <t>\\acsfs\profiles$\quindaizaagds\My Documents\My Videos\</t>
  </si>
  <si>
    <t>01/16/2020 08:01:08</t>
  </si>
  <si>
    <t>01/16/2020 08:01:10</t>
  </si>
  <si>
    <t>01/16/2020 08:01:12</t>
  </si>
  <si>
    <t>\\acsfs\profiles$\quindaizaagds\My Documents\My Music\</t>
  </si>
  <si>
    <t>\\acsfs\profiles$\quindaizaagds\My Documents\My Pictures\desktop.ini</t>
  </si>
  <si>
    <t>01/16/2020 08:01:15</t>
  </si>
  <si>
    <t>01/16/2020 08:01:16</t>
  </si>
  <si>
    <t>01/16/2020 08:01:19</t>
  </si>
  <si>
    <t>01/16/2020 08:01:21</t>
  </si>
  <si>
    <t>01/16/2020 08:01:23</t>
  </si>
  <si>
    <t>\\acsfs\profiles$\quindaizaagds\Contacts\</t>
  </si>
  <si>
    <t>\\acsfs\profiles$\quindaizaagds\Contacts\desktop.ini</t>
  </si>
  <si>
    <t>01/16/2020 08:01:25</t>
  </si>
  <si>
    <t>01/16/2020 08:01:30</t>
  </si>
  <si>
    <t>01/16/2020 08:01:32</t>
  </si>
  <si>
    <t>01/16/2020 08:01:36</t>
  </si>
  <si>
    <t>01/16/2020 08:01:45</t>
  </si>
  <si>
    <t>\\acsfs\profiles$\quindaizaagds\My Documents\</t>
  </si>
  <si>
    <t>\\acsfs\profiles$\quindaizaagds\Favorites\desktop.ini</t>
  </si>
  <si>
    <t>01/16/2020 08:01:46</t>
  </si>
  <si>
    <t>01/16/2020 08:02:05</t>
  </si>
  <si>
    <t>01/16/2020 08:02:07</t>
  </si>
  <si>
    <t>01/16/2020 08:02:11</t>
  </si>
  <si>
    <t>01/16/2020 08:02:12</t>
  </si>
  <si>
    <t>01/16/2020 08:02:13</t>
  </si>
  <si>
    <t>01/16/2020 08:02:17</t>
  </si>
  <si>
    <t>\\acsfs\profiles$\quindaizaagds\My Documents\My Music\desktop.ini</t>
  </si>
  <si>
    <t>01/16/2020 08:02:19</t>
  </si>
  <si>
    <t>01/16/2020 08:02:20</t>
  </si>
  <si>
    <t>01/16/2020 08:02:21</t>
  </si>
  <si>
    <t>01/16/2020 08:02:24</t>
  </si>
  <si>
    <t>01/16/2020 08:02:26</t>
  </si>
  <si>
    <t>\\acsfs\profiles$\quindaizaagds\Searches\</t>
  </si>
  <si>
    <t>\\acsfs\profiles$\quindaizaagds\Searches\desktop.ini</t>
  </si>
  <si>
    <t>01/16/2020 08:02:29</t>
  </si>
  <si>
    <t>01/16/2020 08:02:32</t>
  </si>
  <si>
    <t>\\acsfs\profiles$\quindaizaagds\Downloads\desktop.ini</t>
  </si>
  <si>
    <t>01/16/2020 08:02:39</t>
  </si>
  <si>
    <t>01/16/2020 08:02:41</t>
  </si>
  <si>
    <t>\\acsfs\profiles$\quindaizaagds\Favorites\</t>
  </si>
  <si>
    <t>\\acsfs\profiles$\quindaizaagds\My Documents\desktop.ini</t>
  </si>
  <si>
    <t>01/16/2020 08:02:42</t>
  </si>
  <si>
    <t>01/16/2020 08:02:45</t>
  </si>
  <si>
    <t>01/16/2020 08:02:50</t>
  </si>
  <si>
    <t>01/16/2020 08:02:52</t>
  </si>
  <si>
    <t>01/16/2020 08:02:53</t>
  </si>
  <si>
    <t>01/16/2020 08:02:56</t>
  </si>
  <si>
    <t>\\acsfs\profiles$\quindaizaagds\Saved Games\desktop.ini</t>
  </si>
  <si>
    <t>01/16/2020 08:02:58</t>
  </si>
  <si>
    <t>01/16/2020 07:58:34</t>
  </si>
  <si>
    <t>882663c6-8865-48f3-b60f-f30c3b961d1c.tmp</t>
  </si>
  <si>
    <t>\\acsfs\profiles$\wenderbnm\Downloads\882663c6-8865-48f3-b60f-f30c3b961d1c.tmp</t>
  </si>
  <si>
    <t>01/16/2020 08:00:20</t>
  </si>
  <si>
    <t>937b58a6-1e52-44c7-b489-c882835577e1.tmp</t>
  </si>
  <si>
    <t>\\acsfs\profiles$\wenderbnm\Downloads\937b58a6-1e52-44c7-b489-c882835577e1.tmp</t>
  </si>
  <si>
    <t>01/16/2020 07:59:44</t>
  </si>
  <si>
    <t>01/16/2020 08:04:31</t>
  </si>
  <si>
    <t>8988c2db-cfb3-4691-b506-56f500cbd6d7.tmp</t>
  </si>
  <si>
    <t>\\acsfs\profiles$\henriquehmdo\Downloads\8988c2db-cfb3-4691-b506-56f500cbd6d7.tmp</t>
  </si>
  <si>
    <t>01/16/2020 08:00:58</t>
  </si>
  <si>
    <t>01/16/2020 08:02:03</t>
  </si>
  <si>
    <t>01/16/2020 08:00:23</t>
  </si>
  <si>
    <t>80fe08bc-c98b-4d11-ac76-754581f4e501.tmp</t>
  </si>
  <si>
    <t>\\acsfs\profiles$\gabrielaff\Downloads\80fe08bc-c98b-4d11-ac76-754581f4e501.tmp</t>
  </si>
  <si>
    <t>01/16/2020 08:00:29</t>
  </si>
  <si>
    <t>01/16/2020 08:05:32</t>
  </si>
  <si>
    <t>01/16/2020 08:01:18</t>
  </si>
  <si>
    <t>01/16/2020 08:01:42</t>
  </si>
  <si>
    <t>01/16/2020 08:03:03</t>
  </si>
  <si>
    <t>01/16/2020 08:03:27</t>
  </si>
  <si>
    <t>01/16/2020 08:03:45</t>
  </si>
  <si>
    <t>01/16/2020 08:03:50</t>
  </si>
  <si>
    <t>1d6bd6c0-d364-4cd0-9a15-5bbd57c8dcf1.tmp</t>
  </si>
  <si>
    <t>\\acsfs\profiles$\ALYNYA\Downloads\1d6bd6c0-d364-4cd0-9a15-5bbd57c8dcf1.tmp</t>
  </si>
  <si>
    <t>01/16/2020 08:00:48</t>
  </si>
  <si>
    <t>01/16/2020 08:05:08</t>
  </si>
  <si>
    <t>01/16/2020 08:00:41</t>
  </si>
  <si>
    <t>01/16/2020 08:06:31</t>
  </si>
  <si>
    <t>winrt--{S-1-5-21-602162358-764733703-839522115-330432}-.searchconnector-ms</t>
  </si>
  <si>
    <t>\\acsfs\profiles$\DALVADFB\Searches\winrt--{S-1-5-21-602162358-764733703-839522115-330432}-.searchconnector-ms</t>
  </si>
  <si>
    <t>01/16/2020 08:03:44</t>
  </si>
  <si>
    <t>1d6a5b8a-fb50-42c3-96ab-d78808fb93bb.tmp</t>
  </si>
  <si>
    <t>\\acsfs\profiles$\DALVADFB\Downloads\1d6a5b8a-fb50-42c3-96ab-d78808fb93bb.tmp</t>
  </si>
  <si>
    <t>01/16/2020 08:03:57</t>
  </si>
  <si>
    <t>Unconfirmed 782717.crdownload</t>
  </si>
  <si>
    <t>\\acsfs\profiles$\DALVADFB\Downloads\Unconfirmed 782717.crdownload</t>
  </si>
  <si>
    <t>01/16/2020 08:04:17</t>
  </si>
  <si>
    <t>e658c801-73e4-448a-9125-fff4c6de7433.tmp</t>
  </si>
  <si>
    <t>\\acsfs\profiles$\DALVADFB\Downloads\e658c801-73e4-448a-9125-fff4c6de7433.tmp</t>
  </si>
  <si>
    <t>01/16/2020 08:04:25</t>
  </si>
  <si>
    <t>Unconfirmed 323855.crdownload</t>
  </si>
  <si>
    <t>\\acsfs\profiles$\DALVADFB\Downloads\Unconfirmed 323855.crdownload</t>
  </si>
  <si>
    <t>01/16/2020 08:05:26</t>
  </si>
  <si>
    <t>99a033e3-0f4a-4109-8309-a87ddb43b103.tmp</t>
  </si>
  <si>
    <t>\\acsfs\profiles$\DALVADFB\Downloads\99a033e3-0f4a-4109-8309-a87ddb43b103.tmp</t>
  </si>
  <si>
    <t>01/16/2020 08:04:32</t>
  </si>
  <si>
    <t>01/16/2020 08:05:29</t>
  </si>
  <si>
    <t>ddaec698-dc1b-45d5-8764-15ed2cf8491a.tmp</t>
  </si>
  <si>
    <t>\\acsfs\profiles$\THYAGOSP\Downloads\ddaec698-dc1b-45d5-8764-15ed2cf8491a.tmp</t>
  </si>
  <si>
    <t>01/16/2020 08:02:10</t>
  </si>
  <si>
    <t>eff68b23-7911-4315-95cb-96394f31cab6.tmp</t>
  </si>
  <si>
    <t>\\acsfs\profiles$\luanarda\Downloads\eff68b23-7911-4315-95cb-96394f31cab6.tmp</t>
  </si>
  <si>
    <t>01/16/2020 08:03:12</t>
  </si>
  <si>
    <t>01/16/2020 08:05:05</t>
  </si>
  <si>
    <t>b36e8f1b-c16c-49d7-9fe9-c62adbda92d7.tmp</t>
  </si>
  <si>
    <t>\\acsfs\profiles$\luanarda\Downloads\b36e8f1b-c16c-49d7-9fe9-c62adbda92d7.tmp</t>
  </si>
  <si>
    <t>01/16/2020 08:03:11</t>
  </si>
  <si>
    <t>01/16/2020 08:03:36</t>
  </si>
  <si>
    <t>01/16/2020 08:03:41</t>
  </si>
  <si>
    <t>01/16/2020 08:03:47</t>
  </si>
  <si>
    <t>01/16/2020 08:04:00</t>
  </si>
  <si>
    <t>01/16/2020 08:03:25</t>
  </si>
  <si>
    <t>01/16/2020 08:03:55</t>
  </si>
  <si>
    <t>01/16/2020 08:04:55</t>
  </si>
  <si>
    <t>01/16/2020 08:05:25</t>
  </si>
  <si>
    <t>01/16/2020 08:05:55</t>
  </si>
  <si>
    <t>01/16/2020 08:06:08</t>
  </si>
  <si>
    <t>01/16/2020 08:07:31</t>
  </si>
  <si>
    <t>027067db-d4ba-4ff5-830c-012f1385a2a3.tmp</t>
  </si>
  <si>
    <t>\\acsfs\profiles$\antoniosva\Downloads\027067db-d4ba-4ff5-830c-012f1385a2a3.tmp</t>
  </si>
  <si>
    <t>01/16/2020 08:03:58</t>
  </si>
  <si>
    <t>01/16/2020 08:08:31</t>
  </si>
  <si>
    <t>01/16/2020 08:05:07</t>
  </si>
  <si>
    <t>lu10556ftol.tmp</t>
  </si>
  <si>
    <t>\\acsfs\profiles$\VIVIANALDS\My Documents\lu10556ftol.tmp</t>
  </si>
  <si>
    <t>\\acsfs\profiles$\VIVIANALDS\My Documents\lu10556ftol.tmp\</t>
  </si>
  <si>
    <t>\\acsfs\profiles$\VIVIANALDS\My Documents\lu10556ftol.tmp\META-INF\</t>
  </si>
  <si>
    <t>\\acsfs\profiles$\VIVIANALDS\My Documents\lu10556ftol.tmp\Thumbnails\</t>
  </si>
  <si>
    <t>01/16/2020 08:03:30</t>
  </si>
  <si>
    <t>winrt--{S-1-5-21-602162358-764733703-839522115-330524}-.searchconnector-ms</t>
  </si>
  <si>
    <t>\\acsfs\profiles$\quindaizaagds\Searches\winrt--{S-1-5-21-602162358-764733703-839522115-330524}-.searchconnector-ms</t>
  </si>
  <si>
    <t>01/16/2020 08:05:49</t>
  </si>
  <si>
    <t>01/16/2020 08:09:31</t>
  </si>
  <si>
    <t>01/16/2020 08:04:52</t>
  </si>
  <si>
    <t>01/16/2020 08:10:31</t>
  </si>
  <si>
    <t>01/16/2020 08:05:10</t>
  </si>
  <si>
    <t>01/16/2020 08:05:12</t>
  </si>
  <si>
    <t>01/16/2020 08:05:15</t>
  </si>
  <si>
    <t>01/16/2020 08:05:17</t>
  </si>
  <si>
    <t>01/16/2020 08:05:20</t>
  </si>
  <si>
    <t>01/16/2020 08:05:23</t>
  </si>
  <si>
    <t>01/16/2020 08:05:27</t>
  </si>
  <si>
    <t>01/16/2020 08:05:34</t>
  </si>
  <si>
    <t>01/16/2020 08:05:37</t>
  </si>
  <si>
    <t>01/16/2020 08:05:40</t>
  </si>
  <si>
    <t>01/16/2020 08:05:43</t>
  </si>
  <si>
    <t>01/16/2020 08:05:47</t>
  </si>
  <si>
    <t>01/16/2020 08:05:52</t>
  </si>
  <si>
    <t>0]]0],0]]l,0]a_x0006__x001F_�,0]i,0]l,1578963302346,1578963603339,1578963904335,708385187,76,77,78,[],[]]],false,iwagbqyq5_cmqlzbanwpacqolgbymbrky1hyw9wzwbrqebiph8iqz-_-nea8ajk3cl1u6dhazrweuy4acpn1lbxov-fxfxs7u6fxlrrmewru5fr4fy8cuk8t73sxehkspjr8dpf1-v_6eyefdj_s5ctm3pd-_i4y3cnuoucl3oesbl-jzrepmleg33fjkfom_gv_oiymounmhepbtspoobkmjpnttr8idpe\",iwagbqyq5_cmqlzbanwpacqolgbymbrky1hyw9wzwbrqebiph8iqz-_-nea8ajk3cl1u6dhazrweuy4acpn1lbxov-fxfxs7u6fxlrrmewru5fr4fy8cuk8t73sxehkspjr8dpf1-v_6eyefdj_s5ctm3pd-_i4y3cnuoucl3oesbl-jzrepmleg3hfjkfpvwd4ugmnftsnmsfnubzryf9dpbtdcp9otuo4\",iwagbqyq5_cmqlzbanwpacqolgbymbrky1hyw9wzwbrqebiph8iqz-_-nea8ajk3cl1u6dhazrweuy4acpn1lbxov-fxfxs7u6fxlrrmewru5fr4fy8cuk8t73sxehkspjr8dpf1-v_6eyefdj_s5ctm3pd-_i4y3cnuoucl3oesbl-jzrepmleg3nfjkfp1ambimkcqo8fosskz1kkpco-yobwacpoffcg\",null,true]"</t>
  </si>
  <si>
    <t>01/16/2020 08:06:02</t>
  </si>
  <si>
    <t>01/16/2020 08:06:11</t>
  </si>
  <si>
    <t>01/16/2020 08:06:14</t>
  </si>
  <si>
    <t>01/16/2020 08:06:17</t>
  </si>
  <si>
    <t>01/16/2020 08:06:21</t>
  </si>
  <si>
    <t>01/16/2020 08:06:24</t>
  </si>
  <si>
    <t>01/16/2020 08:06:27</t>
  </si>
  <si>
    <t>01/16/2020 08:06:33</t>
  </si>
  <si>
    <t>01/16/2020 08:06:38</t>
  </si>
  <si>
    <t>01/16/2020 08:06:43</t>
  </si>
  <si>
    <t>01/16/2020 08:06:47</t>
  </si>
  <si>
    <t>01/16/2020 08:06:52</t>
  </si>
  <si>
    <t>01/16/2020 08:07:05</t>
  </si>
  <si>
    <t>01/16/2020 08:07:09</t>
  </si>
  <si>
    <t>01/16/2020 08:09:00</t>
  </si>
  <si>
    <t>57c9106a-7ea8-46c2-a8a4-d65744bcbdd0.tmp</t>
  </si>
  <si>
    <t>\\acsfs\profiles$\ayalabfi\Downloads\57c9106a-7ea8-46c2-a8a4-d65744bcbdd0.tmp</t>
  </si>
  <si>
    <t>01/16/2020 08:09:03</t>
  </si>
  <si>
    <t>46f8b09a-23d6-48a5-a860-9e8b72e43ada.tmp</t>
  </si>
  <si>
    <t>\\acsfs\profiles$\ayalabfi\Downloads\46f8b09a-23d6-48a5-a860-9e8b72e43ada.tmp</t>
  </si>
  <si>
    <t>01/16/2020 08:10:03</t>
  </si>
  <si>
    <t>49ed5603-f95b-49ec-826b-c28c2d8696fd.tmp</t>
  </si>
  <si>
    <t>\\acsfs\profiles$\ayalabfi\Downloads\49ed5603-f95b-49ec-826b-c28c2d8696fd.tmp</t>
  </si>
  <si>
    <t>01/16/2020 08:06:58</t>
  </si>
  <si>
    <t>01/16/2020 08:11:31</t>
  </si>
  <si>
    <t>fd75c304-f543-42b9-a995-a09a530b55a0.tmp</t>
  </si>
  <si>
    <t>\\acsfs\profiles$\DALVADFB\Downloads\fd75c304-f543-42b9-a995-a09a530b55a0.tmp</t>
  </si>
  <si>
    <t>01/16/2020 08:08:22</t>
  </si>
  <si>
    <t>01/16/2020 08:08:52</t>
  </si>
  <si>
    <t>9df08efc-6a87-4a2d-80b1-eacef2f96b26.tmp</t>
  </si>
  <si>
    <t>\\acsfs\profiles$\THYAGOSP\Downloads\9df08efc-6a87-4a2d-80b1-eacef2f96b26.tmp</t>
  </si>
  <si>
    <t>01/16/2020 08:09:20</t>
  </si>
  <si>
    <t>01/16/2020 08:07:25</t>
  </si>
  <si>
    <t>01/16/2020 08:07:55</t>
  </si>
  <si>
    <t>01/16/2020 08:08:25</t>
  </si>
  <si>
    <t>01/16/2020 08:08:55</t>
  </si>
  <si>
    <t>01/16/2020 08:07:39</t>
  </si>
  <si>
    <t>01/16/2020 08:12:31</t>
  </si>
  <si>
    <t>41f7322a-8999-4521-8319-2e43f926d7d3.tmp</t>
  </si>
  <si>
    <t>\\acsfs\profiles$\antoniosva\Downloads\41f7322a-8999-4521-8319-2e43f926d7d3.tmp</t>
  </si>
  <si>
    <t>01/16/2020 08:08:37</t>
  </si>
  <si>
    <t>3f366b11-85de-46f5-8576-ef3adf2b92e3.tmp</t>
  </si>
  <si>
    <t>\\acsfs\profiles$\antoniosva\Downloads\3f366b11-85de-46f5-8576-ef3adf2b92e3.tmp</t>
  </si>
  <si>
    <t>01/16/2020 08:09:05</t>
  </si>
  <si>
    <t>672bc647-9e50-4ac4-9d6e-04f819a5422c.tmp</t>
  </si>
  <si>
    <t>\\acsfs\profiles$\antoniosva\Downloads\672bc647-9e50-4ac4-9d6e-04f819a5422c.tmp</t>
  </si>
  <si>
    <t>01/16/2020 08:10:38</t>
  </si>
  <si>
    <t>dc2eee17-6e7f-4cc1-9461-42bae4a93132.tmp</t>
  </si>
  <si>
    <t>\\acsfs\profiles$\antoniosva\Downloads\dc2eee17-6e7f-4cc1-9461-42bae4a93132.tmp</t>
  </si>
  <si>
    <t>01/16/2020 08:12:04</t>
  </si>
  <si>
    <t>01/16/2020 08:08:14</t>
  </si>
  <si>
    <t>01/16/2020 08:13:31</t>
  </si>
  <si>
    <t>a9c5f2ac-1205-4d8d-b07d-3d1026196f4a.tmp</t>
  </si>
  <si>
    <t>\\acsfs\profiles$\vivianalds\Downloads\a9c5f2ac-1205-4d8d-b07d-3d1026196f4a.tmp</t>
  </si>
  <si>
    <t>01/16/2020 08:09:27</t>
  </si>
  <si>
    <t>01/16/2020 08:11:59</t>
  </si>
  <si>
    <t>01/16/2020 08:09:16</t>
  </si>
  <si>
    <t>01/16/2020 08:13:58</t>
  </si>
  <si>
    <t>01/16/2020 08:14:32</t>
  </si>
  <si>
    <t>01/16/2020 08:12:28</t>
  </si>
  <si>
    <t>7eff1e08-5e72-43d2-9ed2-d6ac11cb6c0f.tmp</t>
  </si>
  <si>
    <t>\\acsfs\profiles$\leticiala\Downloads\7eff1e08-5e72-43d2-9ed2-d6ac11cb6c0f.tmp</t>
  </si>
  <si>
    <t>01/16/2020 08:12:32</t>
  </si>
  <si>
    <t>4ef5e832-c43f-4de3-892f-60e8d2867804.tmp</t>
  </si>
  <si>
    <t>\\acsfs\profiles$\leticiala\Downloads\4ef5e832-c43f-4de3-892f-60e8d2867804.tmp</t>
  </si>
  <si>
    <t>01/16/2020 08:09:55</t>
  </si>
  <si>
    <t>5817a042-0469-49a2-85f3-4483b4ef67a2.tmp</t>
  </si>
  <si>
    <t>\\acsfs\profiles$\wedersonbadr\My Documents\My Music\5817a042-0469-49a2-85f3-4483b4ef67a2.tmp</t>
  </si>
  <si>
    <t>01/16/2020 08:14:12</t>
  </si>
  <si>
    <t>2387d071-b39e-4899-ba60-49ba66273ee3.tmp</t>
  </si>
  <si>
    <t>\\acsfs\profiles$\wedersonbadr\My Documents\My Music\2387d071-b39e-4899-ba60-49ba66273ee3.tmp</t>
  </si>
  <si>
    <t>01/16/2020 08:12:17</t>
  </si>
  <si>
    <t>01/16/2020 08:15:31</t>
  </si>
  <si>
    <t>01/16/2020 08:11:11</t>
  </si>
  <si>
    <t>01/16/2020 08:16:32</t>
  </si>
  <si>
    <t>7771cb01-e3c2-4fc4-a275-c48c7aaae3f8.tmp</t>
  </si>
  <si>
    <t>\\acsfs\profiles$\THYAGOSP\Downloads\7771cb01-e3c2-4fc4-a275-c48c7aaae3f8.tmp</t>
  </si>
  <si>
    <t>01/16/2020 08:15:27</t>
  </si>
  <si>
    <t>01/16/2020 08:12:41</t>
  </si>
  <si>
    <t>3d75d1f8-c7b9-44d7-8323-70c9e39a319c.tmp</t>
  </si>
  <si>
    <t>\\acsfs\profiles$\ANAPDSB\Downloads\3d75d1f8-c7b9-44d7-8323-70c9e39a319c.tmp</t>
  </si>
  <si>
    <t>01/16/2020 08:12:52</t>
  </si>
  <si>
    <t>Q29udHJvbGxlci5DYWxjdWxhZG9yYURlVmVuY2lt (23).ica</t>
  </si>
  <si>
    <t>\\acsfs\profiles$\ANAPDSB\Downloads\Q29udHJvbGxlci5DYWxjdWxhZG9yYURlVmVuY2lt (23).ica</t>
  </si>
  <si>
    <t>01/16/2020 08:14:03</t>
  </si>
  <si>
    <t>4ce639f4-aceb-4a29-b586-294dce0693fb.tmp</t>
  </si>
  <si>
    <t>\\acsfs\profiles$\ANAPDSB\Downloads\4ce639f4-aceb-4a29-b586-294dce0693fb.tmp</t>
  </si>
  <si>
    <t>01/16/2020 08:13:15</t>
  </si>
  <si>
    <t>db6d8de5-4ea8-4bf4-935a-575e3a4bb686.tmp</t>
  </si>
  <si>
    <t>\\acsfs\profiles$\sarahbal\Downloads\db6d8de5-4ea8-4bf4-935a-575e3a4bb686.tmp</t>
  </si>
  <si>
    <t>01/16/2020 08:13:25</t>
  </si>
  <si>
    <t>01/16/2020 08:13:03</t>
  </si>
  <si>
    <t>01/16/2020 08:17:31</t>
  </si>
  <si>
    <t>15418998-99bd-4979-8e04-58d56481b4da.tmp</t>
  </si>
  <si>
    <t>\\acsfs\profiles$\geovannasm\Downloads\15418998-99bd-4979-8e04-58d56481b4da.tmp</t>
  </si>
  <si>
    <t>01/16/2020 08:15:08</t>
  </si>
  <si>
    <t>01/16/2020 08:18:31</t>
  </si>
  <si>
    <t>01/16/2020 08:16:11</t>
  </si>
  <si>
    <t>4fff1673-d629-4e64-9a14-630e45064872.tmp</t>
  </si>
  <si>
    <t>\\acsfs\profiles$\vivianalds\Downloads\4fff1673-d629-4e64-9a14-630e45064872.tmp</t>
  </si>
  <si>
    <t>01/16/2020 08:14:13</t>
  </si>
  <si>
    <t>01/16/2020 08:17:22</t>
  </si>
  <si>
    <t>f69e38bd-3f91-4420-8d5e-6f526e0ab6f0.tmp</t>
  </si>
  <si>
    <t>\\acsfs\profiles$\quindaizaagds\Downloads\f69e38bd-3f91-4420-8d5e-6f526e0ab6f0.tmp</t>
  </si>
  <si>
    <t>01/16/2020 08:19:31</t>
  </si>
  <si>
    <t>01/16/2020 08:18:13</t>
  </si>
  <si>
    <t>01/16/2020 08:16:14</t>
  </si>
  <si>
    <t>01/16/2020 08:20:31</t>
  </si>
  <si>
    <t>01/16/2020 08:16:19</t>
  </si>
  <si>
    <t>01/16/2020 08:16:25</t>
  </si>
  <si>
    <t>01/16/2020 08:19:50</t>
  </si>
  <si>
    <t>01/16/2020 08:18:38</t>
  </si>
  <si>
    <t>01/16/2020 08:19:36</t>
  </si>
  <si>
    <t>01/16/2020 08:19:37</t>
  </si>
  <si>
    <t>lu230282can31.tmp</t>
  </si>
  <si>
    <t>\\acsfs\profiles$\jalilebds\Downloads\lu230282can31.tmp</t>
  </si>
  <si>
    <t>01/16/2020 08:18:48</t>
  </si>
  <si>
    <t>01/16/2020 08:21:31</t>
  </si>
  <si>
    <t>01/16/2020 08:18:14</t>
  </si>
  <si>
    <t>01/16/2020 08:20:37</t>
  </si>
  <si>
    <t>01/16/2020 08:17:57</t>
  </si>
  <si>
    <t>ab842875-b7c5-4273-8068-0b1beb53f6ba.tmp</t>
  </si>
  <si>
    <t>\\acsfs\profiles$\luanarda\Downloads\ab842875-b7c5-4273-8068-0b1beb53f6ba.tmp</t>
  </si>
  <si>
    <t>01/16/2020 08:17:11</t>
  </si>
  <si>
    <t>01/16/2020 08:22:31</t>
  </si>
  <si>
    <t>01/16/2020 08:20:16</t>
  </si>
  <si>
    <t>01/16/2020 08:20:21</t>
  </si>
  <si>
    <t>01/16/2020 08:20:22</t>
  </si>
  <si>
    <t>01/16/2020 08:20:24</t>
  </si>
  <si>
    <t>01/16/2020 08:20:26</t>
  </si>
  <si>
    <t>01/16/2020 08:20:29</t>
  </si>
  <si>
    <t>01/16/2020 08:20:33</t>
  </si>
  <si>
    <t>01/16/2020 08:20:34</t>
  </si>
  <si>
    <t>01/16/2020 08:20:41</t>
  </si>
  <si>
    <t>01/16/2020 08:20:42</t>
  </si>
  <si>
    <t>01/16/2020 08:20:44</t>
  </si>
  <si>
    <t>01/16/2020 08:20:45</t>
  </si>
  <si>
    <t>01/16/2020 08:20:47</t>
  </si>
  <si>
    <t>01/16/2020 08:20:48</t>
  </si>
  <si>
    <t>01/16/2020 08:20:49</t>
  </si>
  <si>
    <t>01/16/2020 08:20:51</t>
  </si>
  <si>
    <t>01/16/2020 08:20:52</t>
  </si>
  <si>
    <t>01/16/2020 08:20:53</t>
  </si>
  <si>
    <t>01/16/2020 08:20:54</t>
  </si>
  <si>
    <t>01/16/2020 08:20:55</t>
  </si>
  <si>
    <t>01/16/2020 08:20:56</t>
  </si>
  <si>
    <t>01/16/2020 08:20:57</t>
  </si>
  <si>
    <t>01/16/2020 08:20:59</t>
  </si>
  <si>
    <t>01/16/2020 08:21:00</t>
  </si>
  <si>
    <t>01/16/2020 08:21:01</t>
  </si>
  <si>
    <t>01/16/2020 08:21:03</t>
  </si>
  <si>
    <t>01/16/2020 08:21:04</t>
  </si>
  <si>
    <t>01/16/2020 08:21:05</t>
  </si>
  <si>
    <t>01/16/2020 08:21:06</t>
  </si>
  <si>
    <t>01/16/2020 08:21:08</t>
  </si>
  <si>
    <t>01/16/2020 08:21:09</t>
  </si>
  <si>
    <t>01/16/2020 08:21:10</t>
  </si>
  <si>
    <t>01/16/2020 08:21:12</t>
  </si>
  <si>
    <t>01/16/2020 08:21:15</t>
  </si>
  <si>
    <t>01/16/2020 08:21:16</t>
  </si>
  <si>
    <t>01/16/2020 08:21:17</t>
  </si>
  <si>
    <t>01/16/2020 08:21:18</t>
  </si>
  <si>
    <t>01/16/2020 08:21:19</t>
  </si>
  <si>
    <t>01/16/2020 08:21:21</t>
  </si>
  <si>
    <t>01/16/2020 08:21:22</t>
  </si>
  <si>
    <t>01/16/2020 08:21:48</t>
  </si>
  <si>
    <t>01/16/2020 08:18:32</t>
  </si>
  <si>
    <t>01/16/2020 08:23:32</t>
  </si>
  <si>
    <t>dafd6183-e2f6-477d-9e66-1ee34dc96162.tmp</t>
  </si>
  <si>
    <t>\\acsfs\profiles$\quindaizaagds\Downloads\dafd6183-e2f6-477d-9e66-1ee34dc96162.tmp</t>
  </si>
  <si>
    <t>01/16/2020 08:21:51</t>
  </si>
  <si>
    <t>01/16/2020 08:20:12</t>
  </si>
  <si>
    <t>01/16/2020 08:24:31</t>
  </si>
  <si>
    <t>de32e827-8481-4005-8e27-99ffa9187d47.tmp</t>
  </si>
  <si>
    <t>\\acsfs\profiles$\henriquehmdo\Downloads\de32e827-8481-4005-8e27-99ffa9187d47.tmp</t>
  </si>
  <si>
    <t>01/16/2020 08:21:30</t>
  </si>
  <si>
    <t>lu103081e8qe.tmp</t>
  </si>
  <si>
    <t>\\acsfs\profiles$\dhiulliananads\My Documents\lu103081e8qe.tmp</t>
  </si>
  <si>
    <t>\\acsfs\profiles$\dhiulliananads\My Documents\lu103081e8qe.tmp\</t>
  </si>
  <si>
    <t>\\acsfs\profiles$\dhiulliananads\My Documents\lu103081e8qe.tmp\META-INF\</t>
  </si>
  <si>
    <t>\\acsfs\profiles$\dhiulliananads\My Documents\lu103081e8qe.tmp\Thumbnails\</t>
  </si>
  <si>
    <t>mail.google.com/mail/u/0/jserror?script=https://mail.google.com/mail/u/0/#inbox&amp;error=class$obf_1010: [/sync/u/0/i/bv] qg: unsupported http status: 503&amp;line=not available&amp;txz=p</t>
  </si>
  <si>
    <t>01/16/2020 08:21:57</t>
  </si>
  <si>
    <t>mail.google.com/mail/u/0/jserror?script=https://mail.google.com/mail/u/0/#inbox&amp;error=class$obf_1010: [/sync/u/0/el2] qg: unsupported http status: 503&amp;line=not available&amp;txz=p</t>
  </si>
  <si>
    <t>01/16/2020 08:22:58</t>
  </si>
  <si>
    <t>01/16/2020 08:23:59</t>
  </si>
  <si>
    <t>01/16/2020 08:24:16</t>
  </si>
  <si>
    <t>01/16/2020 08:25:32</t>
  </si>
  <si>
    <t>01/16/2020 08:20:30</t>
  </si>
  <si>
    <t>lu7668qmhy.tmp</t>
  </si>
  <si>
    <t>\\acsfs\profiles$\ALEXANDREMM\lu7668qmhy.tmp</t>
  </si>
  <si>
    <t>\\acsfs\profiles$\ALEXANDREMM\lu7668qmhy.tmp\</t>
  </si>
  <si>
    <t>\\acsfs\profiles$\ALEXANDREMM\lu7668qmhy.tmp\META-INF\</t>
  </si>
  <si>
    <t>\\acsfs\profiles$\ALEXANDREMM\lu7668qmhy.tmp\Thumbnails\</t>
  </si>
  <si>
    <t>01/16/2020 08:21:36</t>
  </si>
  <si>
    <t>01/16/2020 08:26:31</t>
  </si>
  <si>
    <t>01/16/2020 08:21:56</t>
  </si>
  <si>
    <t>01/16/2020 08:22:46</t>
  </si>
  <si>
    <t>01/16/2020 08:26:01</t>
  </si>
  <si>
    <t>01/16/2020 08:21:25</t>
  </si>
  <si>
    <t>01/16/2020 08:25:55</t>
  </si>
  <si>
    <t>01/16/2020 08:26:10</t>
  </si>
  <si>
    <t>01/16/2020 08:27:31</t>
  </si>
  <si>
    <t>01/16/2020 08:23:58</t>
  </si>
  <si>
    <t>01/16/2020 08:22:57</t>
  </si>
  <si>
    <t>01/16/2020 08:23:06</t>
  </si>
  <si>
    <t>01/16/2020 08:26:54</t>
  </si>
  <si>
    <t>01/16/2020 08:28:31</t>
  </si>
  <si>
    <t>01/16/2020 08:26:55</t>
  </si>
  <si>
    <t>lu10556ftop.tmp</t>
  </si>
  <si>
    <t>\\acsfs\profiles$\VIVIANALDS\My Documents\lu10556ftop.tmp</t>
  </si>
  <si>
    <t>\\acsfs\profiles$\VIVIANALDS\My Documents\lu10556ftop.tmp\</t>
  </si>
  <si>
    <t>\\acsfs\profiles$\VIVIANALDS\My Documents\lu10556ftop.tmp\META-INF\</t>
  </si>
  <si>
    <t>\\acsfs\profiles$\VIVIANALDS\My Documents\lu10556ftop.tmp\Thumbnails\</t>
  </si>
  <si>
    <t>01/16/2020 08:26:57</t>
  </si>
  <si>
    <t>lu10556ftot.tmp</t>
  </si>
  <si>
    <t>\\acsfs\profiles$\VIVIANALDS\My Documents\lu10556ftot.tmp</t>
  </si>
  <si>
    <t>\\acsfs\profiles$\VIVIANALDS\My Documents\lu10556ftot.tmp\</t>
  </si>
  <si>
    <t>\\acsfs\profiles$\VIVIANALDS\My Documents\lu10556ftot.tmp\META-INF\</t>
  </si>
  <si>
    <t>\\acsfs\profiles$\VIVIANALDS\My Documents\lu10556ftot.tmp\Thumbnails\</t>
  </si>
  <si>
    <t>01/16/2020 08:27:05</t>
  </si>
  <si>
    <t>01/16/2020 08:27:06</t>
  </si>
  <si>
    <t>lu10556ftox.tmp</t>
  </si>
  <si>
    <t>\\acsfs\profiles$\VIVIANALDS\My Documents\lu10556ftox.tmp</t>
  </si>
  <si>
    <t>\\acsfs\profiles$\VIVIANALDS\My Documents\lu10556ftox.tmp\</t>
  </si>
  <si>
    <t>\\acsfs\profiles$\VIVIANALDS\My Documents\lu10556ftox.tmp\META-INF\</t>
  </si>
  <si>
    <t>\\acsfs\profiles$\VIVIANALDS\My Documents\lu10556ftox.tmp\Thumbnails\</t>
  </si>
  <si>
    <t>01/16/2020 08:25:00</t>
  </si>
  <si>
    <t>94e6f55f-2d42-41e7-9361-18da67980666.tmp</t>
  </si>
  <si>
    <t>\\acsfs\profiles$\wenderbnm\Downloads\94e6f55f-2d42-41e7-9361-18da67980666.tmp</t>
  </si>
  <si>
    <t>01/16/2020 08:26:17</t>
  </si>
  <si>
    <t>01/16/2020 08:29:31</t>
  </si>
  <si>
    <t>66de012f-c092-434c-a4b3-bd676fb3757c.tmp</t>
  </si>
  <si>
    <t>\\acsfs\profiles$\larissaad\Downloads\66de012f-c092-434c-a4b3-bd676fb3757c.tmp</t>
  </si>
  <si>
    <t>01/16/2020 08:26:22</t>
  </si>
  <si>
    <t>8841ed3d-824e-409d-a430-11db4e39fb86.tmp</t>
  </si>
  <si>
    <t>\\acsfs\profiles$\larissaad\Downloads\8841ed3d-824e-409d-a430-11db4e39fb86.tmp</t>
  </si>
  <si>
    <t>01/16/2020 08:27:19</t>
  </si>
  <si>
    <t>67318933-fbd5-462b-b904-cf40198c713f.tmp</t>
  </si>
  <si>
    <t>\\acsfs\profiles$\KARENDSR\Downloads\67318933-fbd5-462b-b904-cf40198c713f.tmp</t>
  </si>
  <si>
    <t>01/16/2020 08:27:24</t>
  </si>
  <si>
    <t>e089b7ac-3c73-45b6-9690-0a09eb0c6e04.tmp</t>
  </si>
  <si>
    <t>\\acsfs\profiles$\KARENDSR\Downloads\e089b7ac-3c73-45b6-9690-0a09eb0c6e04.tmp</t>
  </si>
  <si>
    <t>01/16/2020 08:28:03</t>
  </si>
  <si>
    <t>eee082e7-4396-4061-aa83-25e954eb8539.tmp</t>
  </si>
  <si>
    <t>\\acsfs\profiles$\KARENDSR\Downloads\eee082e7-4396-4061-aa83-25e954eb8539.tmp</t>
  </si>
  <si>
    <t>01/16/2020 08:28:51</t>
  </si>
  <si>
    <t>66ef830c-8796-4598-94b3-754d6f2291cb.tmp</t>
  </si>
  <si>
    <t>\\acsfs\profiles$\KARENDSR\Downloads\66ef830c-8796-4598-94b3-754d6f2291cb.tmp</t>
  </si>
  <si>
    <t>01/16/2020 08:25:53</t>
  </si>
  <si>
    <t>770ef4a4-8ae9-4772-9219-2b37a9187178.tmp</t>
  </si>
  <si>
    <t>\\acsfs\profiles$\leticiala\Downloads\770ef4a4-8ae9-4772-9219-2b37a9187178.tmp</t>
  </si>
  <si>
    <t>01/16/2020 08:24:59</t>
  </si>
  <si>
    <t>01/16/2020 08:26:00</t>
  </si>
  <si>
    <t>01/16/2020 08:28:00</t>
  </si>
  <si>
    <t>01/16/2020 08:24:41</t>
  </si>
  <si>
    <t>bb5a4779-8d79-4012-95f3-997d9ba56d03.tmp</t>
  </si>
  <si>
    <t>\\acsfs\profiles$\wedersonbadr\My Documents\My Music\bb5a4779-8d79-4012-95f3-997d9ba56d03.tmp</t>
  </si>
  <si>
    <t>01/16/2020 08:29:55</t>
  </si>
  <si>
    <t>01/16/2020 08:30:31</t>
  </si>
  <si>
    <t>01/16/2020 08:29:56</t>
  </si>
  <si>
    <t>lu230282can34.tmp</t>
  </si>
  <si>
    <t>\\acsfs\profiles$\jalilebds\Downloads\lu230282can34.tmp</t>
  </si>
  <si>
    <t>01/16/2020 08:26:08</t>
  </si>
  <si>
    <t>01/16/2020 08:31:31</t>
  </si>
  <si>
    <t>bvcartes-supervisores@algarnet.onmicrosoft.com;joaogvc@algartech.com;katia.cardoso@bv.com.br;leonardoao@algartech.com;marianadjc@algartech.com;paulacn@algartech.com;rafaelggs@algartech.com;ricardodfm@algartech.com.br;taysdss@algartech.com;viniciussg@algartech.com;</t>
  </si>
  <si>
    <t>bvcartes-supervisores@algarnet.onmicrosoft.com,joaogvc@algartech.com,katia.cardoso@bv.com.br,leonardoao@algartech.com,marianadjc@algartech.com,paulacn@algartech.com,rafaelggs@algartech.com,ricardodfm@algartech.com.br,taysdss@algartech.com,viniciussg@algartech.com</t>
  </si>
  <si>
    <t>01/16/2020 08:26:14</t>
  </si>
  <si>
    <t>01/16/2020 08:26:32</t>
  </si>
  <si>
    <t>01/16/2020 08:26:42</t>
  </si>
  <si>
    <t>01/16/2020 08:26:56</t>
  </si>
  <si>
    <t>mail.google.com/_/upload?authuser=0&amp;dcp=asu-n&amp;upload_id=AEnB2UpZuC-YUKm48flCs2TUzCeIaJXcxxa6RrckuXqbscUrIJYdHZ4fsEwNjS7ys2eKAQUxNDu4d24FrvRtC9472N8qBilz_RVL8q_hqB8_UIvqJZPpqUE&amp;upload_protocol=resumable</t>
  </si>
  <si>
    <t>01/16/2020 08:27:09</t>
  </si>
  <si>
    <t>01/16/2020 08:30:25</t>
  </si>
  <si>
    <t>01/16/2020 08:30:35</t>
  </si>
  <si>
    <t>01/16/2020 08:30:40</t>
  </si>
  <si>
    <t>01/16/2020 08:30:58</t>
  </si>
  <si>
    <t>01/16/2020 08:26:25</t>
  </si>
  <si>
    <t>01/16/2020 08:27:25</t>
  </si>
  <si>
    <t>01/16/2020 08:27:55</t>
  </si>
  <si>
    <t>01/16/2020 08:28:25</t>
  </si>
  <si>
    <t>01/16/2020 08:28:55</t>
  </si>
  <si>
    <t>01/16/2020 08:30:06</t>
  </si>
  <si>
    <t>01/16/2020 08:30:09</t>
  </si>
  <si>
    <t>01/16/2020 08:32:31</t>
  </si>
  <si>
    <t>ef4b6ef9-a508-4f68-a0f1-666c0ce4b7cb.tmp</t>
  </si>
  <si>
    <t>\\acsfs\profiles$\Angelicacldr\Downloads\ef4b6ef9-a508-4f68-a0f1-666c0ce4b7cb.tmp</t>
  </si>
  <si>
    <t>01/16/2020 08:30:17</t>
  </si>
  <si>
    <t>34bba7cb-76bf-4146-a851-9b476d5da403.tmp</t>
  </si>
  <si>
    <t>\\acsfs\profiles$\Angelicacldr\Downloads\34bba7cb-76bf-4146-a851-9b476d5da403.tmp</t>
  </si>
  <si>
    <t>01/16/2020 08:30:56</t>
  </si>
  <si>
    <t>95db3a21-bc81-49b0-9ed8-928347c7c76c.tmp</t>
  </si>
  <si>
    <t>\\acsfs\profiles$\Angelicacldr\Downloads\95db3a21-bc81-49b0-9ed8-928347c7c76c.tmp</t>
  </si>
  <si>
    <t>01/16/2020 08:28:18</t>
  </si>
  <si>
    <t>680c3243-d679-4a91-9b4e-22fa459c4d19.tmp</t>
  </si>
  <si>
    <t>\\acsfs\profiles$\lucasgpe\Downloads\680c3243-d679-4a91-9b4e-22fa459c4d19.tmp</t>
  </si>
  <si>
    <t>01/16/2020 08:29:46</t>
  </si>
  <si>
    <t>f03f1bde-4ced-42b7-8730-9ccfff341de1.tmp</t>
  </si>
  <si>
    <t>\\acsfs\profiles$\lucasgpe\Downloads\f03f1bde-4ced-42b7-8730-9ccfff341de1.tmp</t>
  </si>
  <si>
    <t>01/16/2020 08:28:40</t>
  </si>
  <si>
    <t>01/16/2020 08:28:42</t>
  </si>
  <si>
    <t>http--udpnp2ap01-NiceApplications-Desktop-XbapApplications-NiceDesktop (2).url</t>
  </si>
  <si>
    <t>\\acsfs\profiles$\LUCASNS\Favorites\Links\http--udpnp2ap01-NiceApplications-Desktop-XbapApplications-NiceDesktop (2).url</t>
  </si>
  <si>
    <t>01/16/2020 08:28:50</t>
  </si>
  <si>
    <t>\\acsfs\profiles$\LUCASNS\Favorites\</t>
  </si>
  <si>
    <t>http--udpnp2ap01-NiceApplications-Desktop-XbapApplications-NiceDesktop.xbap.url</t>
  </si>
  <si>
    <t>\\acsfs\profiles$\LUCASNS\Favorites\http--udpnp2ap01-NiceApplications-Desktop-XbapApplications-NiceDesktop.xbap.url</t>
  </si>
  <si>
    <t>01/16/2020 08:31:02</t>
  </si>
  <si>
    <t>8d7262dd-20eb-4894-af6c-83e7ecda3c8e.tmp</t>
  </si>
  <si>
    <t>\\acsfs\profiles$\LUCASNS\Downloads\8d7262dd-20eb-4894-af6c-83e7ecda3c8e.tmp</t>
  </si>
  <si>
    <t>01/16/2020 08:31:13</t>
  </si>
  <si>
    <t>Não confirmado 442170.crdownload</t>
  </si>
  <si>
    <t>\\acsfs\profiles$\LUCASNS\Downloads\Não confirmado 442170.crdownload</t>
  </si>
  <si>
    <t>01/16/2020 08:30:01</t>
  </si>
  <si>
    <t>01/16/2020 08:28:54</t>
  </si>
  <si>
    <t>01/16/2020 08:34:31</t>
  </si>
  <si>
    <t>1ff7df87-7666-4f18-86a3-6b72f7dfeef5.tmp</t>
  </si>
  <si>
    <t>\\acsfs\profiles$\larissaad\Downloads\1ff7df87-7666-4f18-86a3-6b72f7dfeef5.tmp</t>
  </si>
  <si>
    <t>01/16/2020 08:32:02</t>
  </si>
  <si>
    <t>01/16/2020 08:33:03</t>
  </si>
  <si>
    <t>01/16/2020 08:34:04</t>
  </si>
  <si>
    <t>01/16/2020 08:30:41</t>
  </si>
  <si>
    <t>01/16/2020 08:35:31</t>
  </si>
  <si>
    <t>ccb3c594-8006-4c30-92ef-6f7f8628403b.tmp</t>
  </si>
  <si>
    <t>\\acsfs\profiles$\lorrainerdl\Downloads\ccb3c594-8006-4c30-92ef-6f7f8628403b.tmp</t>
  </si>
  <si>
    <t>01/16/2020 08:31:14</t>
  </si>
  <si>
    <t>0d4829ab-95fa-4047-9e4a-ee6f92381665.tmp</t>
  </si>
  <si>
    <t>\\acsfs\profiles$\lorrainerdl\Downloads\0d4829ab-95fa-4047-9e4a-ee6f92381665.tmp</t>
  </si>
  <si>
    <t>01/16/2020 08:32:40</t>
  </si>
  <si>
    <t>30780b11-8979-4ac1-8333-3a10c3dbd7bf.tmp</t>
  </si>
  <si>
    <t>\\acsfs\profiles$\lorrainerdl\Downloads\30780b11-8979-4ac1-8333-3a10c3dbd7bf.tmp</t>
  </si>
  <si>
    <t>01/16/2020 08:31:07</t>
  </si>
  <si>
    <t>01/16/2020 08:36:31</t>
  </si>
  <si>
    <t>01/16/2020 08:34:55</t>
  </si>
  <si>
    <t>01/16/2020 08:32:53</t>
  </si>
  <si>
    <t>01/16/2020 08:37:31</t>
  </si>
  <si>
    <t>01/16/2020 08:36:35</t>
  </si>
  <si>
    <t>24e36776-1af4-4daa-ba80-0578fc389155.tmp</t>
  </si>
  <si>
    <t>\\acsfs\profiles$\nataliacsl\Downloads\24e36776-1af4-4daa-ba80-0578fc389155.tmp</t>
  </si>
  <si>
    <t>01/16/2020 08:36:40</t>
  </si>
  <si>
    <t>01/16/2020 08:33:00</t>
  </si>
  <si>
    <t>f9211512-ece0-46e3-b281-b3b041bab9db.tmp</t>
  </si>
  <si>
    <t>\\acsfs\profiles$\Angelicacldr\Downloads\f9211512-ece0-46e3-b281-b3b041bab9db.tmp</t>
  </si>
  <si>
    <t>01/16/2020 08:33:30</t>
  </si>
  <si>
    <t>293c0657-669a-4bc9-bb61-738a61f9a555.tmp</t>
  </si>
  <si>
    <t>\\acsfs\profiles$\Angelicacldr\Downloads\293c0657-669a-4bc9-bb61-738a61f9a555.tmp</t>
  </si>
  <si>
    <t>01/16/2020 08:33:56</t>
  </si>
  <si>
    <t>c4c28978-7b07-4aac-8488-943e6520dc34.tmp</t>
  </si>
  <si>
    <t>\\acsfs\profiles$\Angelicacldr\Downloads\c4c28978-7b07-4aac-8488-943e6520dc34.tmp</t>
  </si>
  <si>
    <t>01/16/2020 08:34:10</t>
  </si>
  <si>
    <t>aec659c7-3082-48f1-a253-b880333fe143.tmp</t>
  </si>
  <si>
    <t>\\acsfs\profiles$\Angelicacldr\Downloads\aec659c7-3082-48f1-a253-b880333fe143.tmp</t>
  </si>
  <si>
    <t>01/16/2020 08:32:35</t>
  </si>
  <si>
    <t>01/16/2020 08:34:05</t>
  </si>
  <si>
    <t>01/16/2020 08:34:21</t>
  </si>
  <si>
    <t>01/16/2020 08:34:24</t>
  </si>
  <si>
    <t>bvcartes-supervisores@algarnet.onmicrosoft.com;marianacds@algartech.com;</t>
  </si>
  <si>
    <t>bvcartes-supervisores@algarnet.onmicrosoft.com,marianacds@algartech.com</t>
  </si>
  <si>
    <t>01/16/2020 08:34:28</t>
  </si>
  <si>
    <t>01/16/2020 08:33:15</t>
  </si>
  <si>
    <t>850bfa77-6160-495b-aab7-9b79c1559058.tmp</t>
  </si>
  <si>
    <t>\\acsfs\profiles$\LUCASNS\Downloads\850bfa77-6160-495b-aab7-9b79c1559058.tmp</t>
  </si>
  <si>
    <t>01/16/2020 08:33:18</t>
  </si>
  <si>
    <t>372a6724-d9dc-4609-b864-388ca8bbe342.tmp</t>
  </si>
  <si>
    <t>\\acsfs\profiles$\LUCASNS\Downloads\372a6724-d9dc-4609-b864-388ca8bbe342.tmp</t>
  </si>
  <si>
    <t>01/16/2020 08:36:30</t>
  </si>
  <si>
    <t>01/16/2020 08:36:46</t>
  </si>
  <si>
    <t>01/16/2020 08:34:19</t>
  </si>
  <si>
    <t>01/16/2020 08:35:13</t>
  </si>
  <si>
    <t>01/16/2020 08:38:31</t>
  </si>
  <si>
    <t>16c9f03d-e645-435a-b547-128630465e1a.tmp</t>
  </si>
  <si>
    <t>\\acsfs\profiles$\felipetds\Downloads\16c9f03d-e645-435a-b547-128630465e1a.tmp</t>
  </si>
  <si>
    <t>01/16/2020 08:37:33</t>
  </si>
  <si>
    <t>Modelo Monitoria.txt</t>
  </si>
  <si>
    <t>\\acsfs\Deptos\EDUCACAO EMPRESARIAL\FERNANDA MONIT\Fernanda\Modelo Monitoria.txt</t>
  </si>
  <si>
    <t>01/16/2020 08:35:55</t>
  </si>
  <si>
    <t>01/16/2020 08:39:30</t>
  </si>
  <si>
    <t>a8725ebf-eea1-44ea-98ce-a63d08c0f518.tmp</t>
  </si>
  <si>
    <t>\\acsfs\profiles$\larissaad\Downloads\a8725ebf-eea1-44ea-98ce-a63d08c0f518.tmp</t>
  </si>
  <si>
    <t>01/16/2020 08:39:31</t>
  </si>
  <si>
    <t>01/16/2020 08:36:05</t>
  </si>
  <si>
    <t>01/16/2020 08:37:37</t>
  </si>
  <si>
    <t>01/16/2020 08:38:09</t>
  </si>
  <si>
    <t>01/16/2020 08:34:26</t>
  </si>
  <si>
    <t>df6a3f5f-4cab-4214-805b-c2470eb7c3b8.tmp</t>
  </si>
  <si>
    <t>\\acsfs\profiles$\lorraynevam\Downloads\df6a3f5f-4cab-4214-805b-c2470eb7c3b8.tmp</t>
  </si>
  <si>
    <t>01/16/2020 08:35:44</t>
  </si>
  <si>
    <t>f8276968-68ad-41a5-b084-7d57a685fcd1.tmp</t>
  </si>
  <si>
    <t>\\acsfs\profiles$\lorraynevam\Downloads\f8276968-68ad-41a5-b084-7d57a685fcd1.tmp</t>
  </si>
  <si>
    <t>01/16/2020 08:37:10</t>
  </si>
  <si>
    <t>01/16/2020 08:41:32</t>
  </si>
  <si>
    <t>01/16/2020 08:37:13</t>
  </si>
  <si>
    <t>01/16/2020 08:38:20</t>
  </si>
  <si>
    <t>01/16/2020 08:38:14</t>
  </si>
  <si>
    <t>01/16/2020 08:42:30</t>
  </si>
  <si>
    <t>03c26a29-211b-4edc-81d8-6288546650b7.tmp</t>
  </si>
  <si>
    <t>\\acsfs\profiles$\nataliacsl\Downloads\03c26a29-211b-4edc-81d8-6288546650b7.tmp</t>
  </si>
  <si>
    <t>01/16/2020 08:38:19</t>
  </si>
  <si>
    <t>e7a3d1c8-8d4e-474b-bdba-0dd760629324.tmp</t>
  </si>
  <si>
    <t>\\acsfs\profiles$\nataliacsl\Downloads\e7a3d1c8-8d4e-474b-bdba-0dd760629324.tmp</t>
  </si>
  <si>
    <t>01/16/2020 08:39:19</t>
  </si>
  <si>
    <t>7c2b1e75-c56c-47ae-85cd-b228a76d2995.tmp</t>
  </si>
  <si>
    <t>\\acsfs\profiles$\nataliacsl\Downloads\7c2b1e75-c56c-47ae-85cd-b228a76d2995.tmp</t>
  </si>
  <si>
    <t>01/16/2020 08:38:38</t>
  </si>
  <si>
    <t>01/16/2020 08:37:16</t>
  </si>
  <si>
    <t>lu2733221pju0.tmp</t>
  </si>
  <si>
    <t>\\acsfs\profiles$\RAFAELRF\meu\lu2733221pju0.tmp</t>
  </si>
  <si>
    <t>01/16/2020 08:39:59</t>
  </si>
  <si>
    <t>01/16/2020 08:41:19</t>
  </si>
  <si>
    <t>993a715f-48bf-4fa1-a8fa-2f84a3b5b29f.tmp</t>
  </si>
  <si>
    <t>\\acsfs\profiles$\vivianealda\Downloads\993a715f-48bf-4fa1-a8fa-2f84a3b5b29f.tmp</t>
  </si>
  <si>
    <t>01/16/2020 08:38:53</t>
  </si>
  <si>
    <t>CASO 00819553 - OPERADORA HENRIQUE HUMBERTO MARCELINO DE OLIVEIRA_1_6770356123581100628_1_32.wav</t>
  </si>
  <si>
    <t>\\acsfs\Deptos\EDUCACAO EMPRESARIAL\KÉSIA\OUVIDORIA, PROCON, BACEN E RECLAME AQUI\CASO 00819553 - OPERADORA HENRIQUE HUMBERTO MARCELINO DE OLIVEIRA_1_6770356123581100628_1_32.wav</t>
  </si>
  <si>
    <t>01/16/2020 08:38:03</t>
  </si>
  <si>
    <t>01/16/2020 08:43:31</t>
  </si>
  <si>
    <t>5c510d92-b038-4d4c-b87e-d5a9c6701309.tmp</t>
  </si>
  <si>
    <t>\\acsfs\profiles$\websondsa\Downloads\5c510d92-b038-4d4c-b87e-d5a9c6701309.tmp</t>
  </si>
  <si>
    <t>01/16/2020 08:41:20</t>
  </si>
  <si>
    <t>01/16/2020 08:44:30</t>
  </si>
  <si>
    <t>01/16/2020 08:40:08</t>
  </si>
  <si>
    <t>01/16/2020 08:42:10</t>
  </si>
  <si>
    <t>01/16/2020 08:43:10</t>
  </si>
  <si>
    <t>01/16/2020 08:44:11</t>
  </si>
  <si>
    <t>01/16/2020 08:43:50</t>
  </si>
  <si>
    <t>01/16/2020 08:39:33</t>
  </si>
  <si>
    <t>01/16/2020 08:41:33</t>
  </si>
  <si>
    <t>01/16/2020 08:45:31</t>
  </si>
  <si>
    <t>627e8321-1b99-4ba3-96a3-ef865926465f.tmp</t>
  </si>
  <si>
    <t>\\acsfs\profiles$\ayalabfi\Downloads\627e8321-1b99-4ba3-96a3-ef865926465f.tmp</t>
  </si>
  <si>
    <t>01/16/2020 08:42:57</t>
  </si>
  <si>
    <t>01/16/2020 08:42:59</t>
  </si>
  <si>
    <t>01/16/2020 08:43:12</t>
  </si>
  <si>
    <t>01/16/2020 08:43:41</t>
  </si>
  <si>
    <t>01/16/2020 08:43:43</t>
  </si>
  <si>
    <t>01/16/2020 08:43:48</t>
  </si>
  <si>
    <t>01/16/2020 08:43:57</t>
  </si>
  <si>
    <t>01/16/2020 08:44:00</t>
  </si>
  <si>
    <t>01/16/2020 08:44:10</t>
  </si>
  <si>
    <t>01/16/2020 08:46:30</t>
  </si>
  <si>
    <t>01/16/2020 08:44:12</t>
  </si>
  <si>
    <t>01/16/2020 08:44:13</t>
  </si>
  <si>
    <t>01/16/2020 08:44:14</t>
  </si>
  <si>
    <t>01/16/2020 08:44:15</t>
  </si>
  <si>
    <t>01/16/2020 08:44:16</t>
  </si>
  <si>
    <t>01/16/2020 08:44:17</t>
  </si>
  <si>
    <t>01/16/2020 08:44:18</t>
  </si>
  <si>
    <t>01/16/2020 08:44:19</t>
  </si>
  <si>
    <t>01/16/2020 08:44:20</t>
  </si>
  <si>
    <t>01/16/2020 08:44:21</t>
  </si>
  <si>
    <t>01/16/2020 08:44:22</t>
  </si>
  <si>
    <t>01/16/2020 08:44:23</t>
  </si>
  <si>
    <t>01/16/2020 08:44:24</t>
  </si>
  <si>
    <t>01/16/2020 08:44:25</t>
  </si>
  <si>
    <t>01/16/2020 08:44:26</t>
  </si>
  <si>
    <t>01/16/2020 08:44:27</t>
  </si>
  <si>
    <t>01/16/2020 08:44:28</t>
  </si>
  <si>
    <t>01/16/2020 08:44:29</t>
  </si>
  <si>
    <t>01/16/2020 08:44:31</t>
  </si>
  <si>
    <t>01/16/2020 08:42:09</t>
  </si>
  <si>
    <t>3f0467df-5a8e-4dbd-bc60-03450cc61d92.tmp</t>
  </si>
  <si>
    <t>\\acsfs\profiles$\lorrainerdl\Downloads\3f0467df-5a8e-4dbd-bc60-03450cc61d92.tmp</t>
  </si>
  <si>
    <t>01/16/2020 08:42:15</t>
  </si>
  <si>
    <t>fa8fe569-f300-4c44-bff4-ccedf37c02c8.tmp</t>
  </si>
  <si>
    <t>\\acsfs\profiles$\lorrainerdl\Downloads\fa8fe569-f300-4c44-bff4-ccedf37c02c8.tmp</t>
  </si>
  <si>
    <t>01/16/2020 08:41:26</t>
  </si>
  <si>
    <t>01/16/2020 08:42:25</t>
  </si>
  <si>
    <t>01/16/2020 08:43:25</t>
  </si>
  <si>
    <t>01/16/2020 08:43:55</t>
  </si>
  <si>
    <t>01/16/2020 08:44:55</t>
  </si>
  <si>
    <t>01/16/2020 08:45:25</t>
  </si>
  <si>
    <t>01/16/2020 08:41:21</t>
  </si>
  <si>
    <t>01/16/2020 08:46:05</t>
  </si>
  <si>
    <t>01/16/2020 08:46:11</t>
  </si>
  <si>
    <t>$IVXYG3B.txt</t>
  </si>
  <si>
    <t>\\acsfs\profiles$\ERICALSR\My Documents\$RECYCLE.BIN\$IVXYG3B.txt</t>
  </si>
  <si>
    <t>01/16/2020 08:42:07</t>
  </si>
  <si>
    <t>01/16/2020 08:47:31</t>
  </si>
  <si>
    <t>29c30b79-ed2e-43bd-abeb-4180c2d58076.tmp</t>
  </si>
  <si>
    <t>\\acsfs\profiles$\inarajst\Downloads\29c30b79-ed2e-43bd-abeb-4180c2d58076.tmp</t>
  </si>
  <si>
    <t>01/16/2020 08:43:58</t>
  </si>
  <si>
    <t>1e6bea28-1d92-4742-9345-4f5c81ecd5d2.tmp</t>
  </si>
  <si>
    <t>\\acsfs\profiles$\monicargds\Downloads\1e6bea28-1d92-4742-9345-4f5c81ecd5d2.tmp</t>
  </si>
  <si>
    <t>01/16/2020 08:46:44</t>
  </si>
  <si>
    <t>01/16/2020 08:44:02</t>
  </si>
  <si>
    <t>\\acsfs\Deptos\Operacao\Banco_Votorantim\Supervisao\SUPERS BV CARTÕES\ADILSON\Vendas\</t>
  </si>
  <si>
    <t>\\acsfs\Deptos\Operacao\Banco_Votorantim\Supervisao\SUPERS BV CARTÕES\ADILSON\Vendas\Controle Vendas Janeiro.xlsx</t>
  </si>
  <si>
    <t>01/16/2020 08:42:23</t>
  </si>
  <si>
    <t>0897e7a4-bf28-4027-82fa-25648bdd75e1.tmp</t>
  </si>
  <si>
    <t>\\acsfs\profiles$\vivianealda\Downloads\0897e7a4-bf28-4027-82fa-25648bdd75e1.tmp</t>
  </si>
  <si>
    <t>01/16/2020 08:47:25</t>
  </si>
  <si>
    <t>01/16/2020 08:48:31</t>
  </si>
  <si>
    <t>92f64fa9-a8cf-4f1c-a8ce-04af8b312942.tmp</t>
  </si>
  <si>
    <t>\\acsfs\profiles$\esterasg\Downloads\92f64fa9-a8cf-4f1c-a8ce-04af8b312942.tmp</t>
  </si>
  <si>
    <t>01/16/2020 08:46:42</t>
  </si>
  <si>
    <t>01/16/2020 08:48:05</t>
  </si>
  <si>
    <t>01/16/2020 08:43:33</t>
  </si>
  <si>
    <t>01/16/2020 08:49:31</t>
  </si>
  <si>
    <t>cd9633da-8485-4f89-94c0-7dd97b556999.tmp</t>
  </si>
  <si>
    <t>\\acsfs\profiles$\rafaelahpn\Downloads\cd9633da-8485-4f89-94c0-7dd97b556999.tmp</t>
  </si>
  <si>
    <t>cd2a283c-aee6-406f-b408-2d0b727a7e42.tmp</t>
  </si>
  <si>
    <t>\\acsfs\profiles$\rafaelahpn\Downloads\cd2a283c-aee6-406f-b408-2d0b727a7e42.tmp</t>
  </si>
  <si>
    <t>01/16/2020 08:45:02</t>
  </si>
  <si>
    <t>a9276d06-1f6c-4ba9-89d1-e0131486b995.tmp</t>
  </si>
  <si>
    <t>\\acsfs\profiles$\rafaelahpn\Downloads\a9276d06-1f6c-4ba9-89d1-e0131486b995.tmp</t>
  </si>
  <si>
    <t>01/16/2020 08:46:12</t>
  </si>
  <si>
    <t>c78d4b1a-8752-4281-8c30-10a7fd8f9d2c.tmp</t>
  </si>
  <si>
    <t>\\acsfs\profiles$\rafaelahpn\Downloads\c78d4b1a-8752-4281-8c30-10a7fd8f9d2c.tmp</t>
  </si>
  <si>
    <t>01/16/2020 08:46:35</t>
  </si>
  <si>
    <t>78a68cdb-a205-45c5-a9a0-4d9d2a9d463d.tmp</t>
  </si>
  <si>
    <t>\\acsfs\profiles$\rafaelahpn\Downloads\78a68cdb-a205-45c5-a9a0-4d9d2a9d463d.tmp</t>
  </si>
  <si>
    <t>01/16/2020 08:47:43</t>
  </si>
  <si>
    <t>d672de59-3504-4e1b-a15e-aa79cacf90b6.tmp</t>
  </si>
  <si>
    <t>\\acsfs\profiles$\rafaelahpn\Downloads\d672de59-3504-4e1b-a15e-aa79cacf90b6.tmp</t>
  </si>
  <si>
    <t>ee9e352d-b72b-4ae3-8900-ec57e21994ed.tmp</t>
  </si>
  <si>
    <t>\\acsfs\profiles$\anafsb\Downloads\ee9e352d-b72b-4ae3-8900-ec57e21994ed.tmp</t>
  </si>
  <si>
    <t>5876a9f3-9f22-48bf-ae6e-c3dc6f4e45ea.tmp</t>
  </si>
  <si>
    <t>\\acsfs\profiles$\larissaad\Downloads\5876a9f3-9f22-48bf-ae6e-c3dc6f4e45ea.tmp</t>
  </si>
  <si>
    <t>01/16/2020 08:45:18</t>
  </si>
  <si>
    <t>349a0f4c-9970-460b-a48a-75e723325777.tmp</t>
  </si>
  <si>
    <t>\\acsfs\profiles$\KARENDSR\Downloads\349a0f4c-9970-460b-a48a-75e723325777.tmp</t>
  </si>
  <si>
    <t>01/16/2020 08:47:12</t>
  </si>
  <si>
    <t>01/16/2020 08:48:12</t>
  </si>
  <si>
    <t>01/16/2020 08:48:23</t>
  </si>
  <si>
    <t>01/16/2020 08:48:15</t>
  </si>
  <si>
    <t>01/16/2020 08:50:31</t>
  </si>
  <si>
    <t>41f419a4-a916-47d4-a702-acb00aeb3338.tmp</t>
  </si>
  <si>
    <t>\\acsfs\profiles$\ROZENCAM\Downloads\41f419a4-a916-47d4-a702-acb00aeb3338.tmp</t>
  </si>
  <si>
    <t>01/16/2020 08:48:06</t>
  </si>
  <si>
    <t>01/16/2020 08:48:51</t>
  </si>
  <si>
    <t>01/16/2020 08:47:56</t>
  </si>
  <si>
    <t>01/16/2020 08:51:31</t>
  </si>
  <si>
    <t>01/16/2020 08:48:26</t>
  </si>
  <si>
    <t>01/16/2020 08:48:55</t>
  </si>
  <si>
    <t>01/16/2020 08:49:25</t>
  </si>
  <si>
    <t>01/16/2020 08:49:52</t>
  </si>
  <si>
    <t>01/16/2020 08:52:31</t>
  </si>
  <si>
    <t>3bec272d-9962-483d-905c-14b2993d3692.tmp</t>
  </si>
  <si>
    <t>\\acsfs\profiles$\nataliacsl\Downloads\3bec272d-9962-483d-905c-14b2993d3692.tmp</t>
  </si>
  <si>
    <t>01/16/2020 08:47:44</t>
  </si>
  <si>
    <t>01/16/2020 08:47:53</t>
  </si>
  <si>
    <t>01/16/2020 08:50:34</t>
  </si>
  <si>
    <t>454f69e6-413d-4d07-9e77-73f05ec18f4e.tmp</t>
  </si>
  <si>
    <t>\\acsfs\profiles$\vivianealda\Downloads\454f69e6-413d-4d07-9e77-73f05ec18f4e.tmp</t>
  </si>
  <si>
    <t>01/16/2020 08:47:41</t>
  </si>
  <si>
    <t>01/16/2020 08:53:31</t>
  </si>
  <si>
    <t>56cebdfe-73ac-4714-8a0f-fbdb08cf9b6b.tmp</t>
  </si>
  <si>
    <t>\\acsfs\profiles$\esterasg\Downloads\56cebdfe-73ac-4714-8a0f-fbdb08cf9b6b.tmp</t>
  </si>
  <si>
    <t>ff54bd79-5654-4add-9309-fd2771a9c423.tmp</t>
  </si>
  <si>
    <t>\\acsfs\profiles$\esterasg\Downloads\ff54bd79-5654-4add-9309-fd2771a9c423.tmp</t>
  </si>
  <si>
    <t>01/16/2020 08:48:27</t>
  </si>
  <si>
    <t>becbda19-d161-4c37-968a-a29858176988.tmp</t>
  </si>
  <si>
    <t>\\acsfs\profiles$\esterasg\Downloads\becbda19-d161-4c37-968a-a29858176988.tmp</t>
  </si>
  <si>
    <t>74776bcd-9fdd-405d-ad03-19f03609d178.tmp</t>
  </si>
  <si>
    <t>\\acsfs\profiles$\esterasg\Downloads\74776bcd-9fdd-405d-ad03-19f03609d178.tmp</t>
  </si>
  <si>
    <t>01/16/2020 08:49:19</t>
  </si>
  <si>
    <t>01/16/2020 08:49:39</t>
  </si>
  <si>
    <t>01/16/2020 08:49:45</t>
  </si>
  <si>
    <t>01/16/2020 08:50:06</t>
  </si>
  <si>
    <t>01/16/2020 08:50:11</t>
  </si>
  <si>
    <t>01/16/2020 08:50:17</t>
  </si>
  <si>
    <t>01/16/2020 08:50:23</t>
  </si>
  <si>
    <t>01/16/2020 08:50:27</t>
  </si>
  <si>
    <t>01/16/2020 08:50:56</t>
  </si>
  <si>
    <t>01/16/2020 08:51:03</t>
  </si>
  <si>
    <t>01/16/2020 08:51:06</t>
  </si>
  <si>
    <t>01/16/2020 08:51:26</t>
  </si>
  <si>
    <t>01/16/2020 08:51:47</t>
  </si>
  <si>
    <t>01/16/2020 08:52:17</t>
  </si>
  <si>
    <t>01/16/2020 08:52:26</t>
  </si>
  <si>
    <t>01/16/2020 08:53:04</t>
  </si>
  <si>
    <t>01/16/2020 08:54:31</t>
  </si>
  <si>
    <t>05f23e11-4fd5-4d03-933b-ce99bf451cc7.tmp</t>
  </si>
  <si>
    <t>\\acsfs\profiles$\larissaad\Downloads\05f23e11-4fd5-4d03-933b-ce99bf451cc7.tmp</t>
  </si>
  <si>
    <t>01/16/2020 08:50:28</t>
  </si>
  <si>
    <t>b28c2f1e-01c5-4de9-883a-ce170f0c9310.tmp</t>
  </si>
  <si>
    <t>\\acsfs\profiles$\leticiala\Downloads\b28c2f1e-01c5-4de9-883a-ce170f0c9310.tmp</t>
  </si>
  <si>
    <t>01/16/2020 08:50:13</t>
  </si>
  <si>
    <t>01/16/2020 08:52:14</t>
  </si>
  <si>
    <t>01/16/2020 08:53:45</t>
  </si>
  <si>
    <t>01/16/2020 08:53:44</t>
  </si>
  <si>
    <t>01/16/2020 08:55:30</t>
  </si>
  <si>
    <t>01/16/2020 08:53:46</t>
  </si>
  <si>
    <t>"mozilla/5.0 (windows nt 6.1; win64; x64) applewebkit/537.36 (khtml;0;0.668;0.928;0];1;1.146];13;131.8549999850802;13700109;13700167;13700235;13700951;13701078;13701207;13701214;13701235;13701239;13701458;13701486;13701506;13701510;13701534;13701573;13701577;13701613;13701625;13701653;13701693;13701709;13701901�;13701949;13701969;141.0399999585934;1578940723092000;1578940727411000;16533.185000007506;16749.110000033397;16878.420000022743;17019.825000024866;17101.79500002414;2.22];211.00499999010935;223.956;3;5;716.065];74.9099999666214;80.9599999920465;["https://drive.google.com/_/d;["https://drive.google.com/_/drive_fe/_/js/k=drive_fe.main.pt_br.0guumejfwv4.o/am=mbqqtgue_sahaay/d=0/ct=zgms/rs=afb8gsw4csik3zgokact5lf5ve6dhrn2kq/m=sy10p;[[13701450;[null;adfn-cukavp_gzvgyovd4ezxa34ayzzyr-p2q7lkzwbbb3upbycht4niuwjbx-5yqdis7nlddfhi;css;false];fq2hjgod7i0d9g";https://drive.google.com/_/drive_fe/_/js/k=drive_fe.main.pt_br.0guumejfwv4.o/am=mbqqtgue_sahaay/d=0/ct=zgms/rs=afb8gsw4csik3zgokact5lf5ve6dhrn2kq/m=iqscub;htt</t>
  </si>
  <si>
    <t>https://"mozilla/5.0 (windows nt 6.1; win64; x64) applewebkit/537.36 (khtml,0,0.668,0.928,0],1,1.146],13,131.8549999850802,13700109,13700167,13700235,13700951,13701078,13701207,13701214,13701235,13701239,13701458,13701486,13701506,13701510,13701534,13701573,13701577,13701613,13701625,13701653,13701693,13701709,13701901�,13701949,13701969,141.0399999585934,1578940723092000,1578940727411000,16533.185000007506,16749.110000033397,16878.420000022743,17019.825000024866,17101.79500002414,2.22],211.00499999010935,223.956,3,5,716.065],74.9099999666214,80.9599999920465,["https://drive.google.com/_/d,["https://drive.google.com/_/drive_fe/_/js/k=drive_fe.main.pt_br.0guumejfwv4.o/am=mbqqtgue_sahaay/d=0/ct=zgms/rs=afb8gsw4csik3zgokact5lf5ve6dhrn2kq/m=sy10p,[[13701450,[null,adfn-cukavp_gzvgyovd4ezxa34ayzzyr-p2q7lkzwbbb3upbycht4niuwjbx-5yqdis7nlddfhi,css,false],fq2hjgod7i0d9g",https://drive.google.com/_/drive_fe/_/js/k=drive_fe.main.pt_br.0guumejfwv4.o/am=mbqqtgue_sahaay/d=0/ct=zgms/rs=afb8gsw4csik3zgokact5lf5ve6dhrn2kq/m=iq</t>
  </si>
  <si>
    <t>01/16/2020 08:53:56</t>
  </si>
  <si>
    <t>01/16/2020 08:54:00</t>
  </si>
  <si>
    <t>01/16/2020 08:54:01</t>
  </si>
  <si>
    <t>01/16/2020 08:54:02</t>
  </si>
  <si>
    <t>01/16/2020 08:54:03</t>
  </si>
  <si>
    <t>01/16/2020 08:54:09</t>
  </si>
  <si>
    <t>01/16/2020 08:54:17</t>
  </si>
  <si>
    <t>01/16/2020 08:54:28</t>
  </si>
  <si>
    <t>01/16/2020 08:54:29</t>
  </si>
  <si>
    <t>01/16/2020 08:54:32</t>
  </si>
  <si>
    <t>01/16/2020 08:54:33</t>
  </si>
  <si>
    <t>01/16/2020 08:54:35</t>
  </si>
  <si>
    <t>01/16/2020 08:54:36</t>
  </si>
  <si>
    <t>01/16/2020 08:54:41</t>
  </si>
  <si>
    <t>01/16/2020 08:54:42</t>
  </si>
  <si>
    <t>01/16/2020 08:54:45</t>
  </si>
  <si>
    <t>01/16/2020 08:54:53</t>
  </si>
  <si>
    <t>01/16/2020 08:54:56</t>
  </si>
  <si>
    <t>01/16/2020 08:54:57</t>
  </si>
  <si>
    <t>01/16/2020 08:54:59</t>
  </si>
  <si>
    <t>01/16/2020 08:55:02</t>
  </si>
  <si>
    <t>01/16/2020 08:51:49</t>
  </si>
  <si>
    <t>01/16/2020 08:56:31</t>
  </si>
  <si>
    <t>01/16/2020 08:51:50</t>
  </si>
  <si>
    <t>01/16/2020 08:51:56</t>
  </si>
  <si>
    <t>01/16/2020 08:52:25</t>
  </si>
  <si>
    <t>01/16/2020 08:52:55</t>
  </si>
  <si>
    <t>01/16/2020 08:53:01</t>
  </si>
  <si>
    <t>01/16/2020 08:57:30</t>
  </si>
  <si>
    <t>01/16/2020 08:55:32</t>
  </si>
  <si>
    <t>01/16/2020 08:57:01</t>
  </si>
  <si>
    <t>4f37fd22-92dc-4ff6-8b5e-55b0af1352fc.tmp</t>
  </si>
  <si>
    <t>\\acsfs\profiles$\Flaviojmm\Downloads\4f37fd22-92dc-4ff6-8b5e-55b0af1352fc.tmp</t>
  </si>
  <si>
    <t>01/16/2020 08:56:57</t>
  </si>
  <si>
    <t>01/16/2020 08:53:19</t>
  </si>
  <si>
    <t>01/16/2020 08:58:31</t>
  </si>
  <si>
    <t>ae223cd7-4017-42d1-9e7b-a0608c66e168.tmp</t>
  </si>
  <si>
    <t>\\acsfs\profiles$\websondsa\Downloads\ae223cd7-4017-42d1-9e7b-a0608c66e168.tmp</t>
  </si>
  <si>
    <t>lu10556ftp1.tmp</t>
  </si>
  <si>
    <t>\\acsfs\profiles$\VIVIANALDS\My Documents\lu10556ftp1.tmp</t>
  </si>
  <si>
    <t>\\acsfs\profiles$\VIVIANALDS\My Documents\lu10556ftp1.tmp\</t>
  </si>
  <si>
    <t>\\acsfs\profiles$\VIVIANALDS\My Documents\lu10556ftp1.tmp\META-INF\</t>
  </si>
  <si>
    <t>\\acsfs\profiles$\VIVIANALDS\My Documents\lu10556ftp1.tmp\Thumbnails\</t>
  </si>
  <si>
    <t>01/16/2020 08:53:25</t>
  </si>
  <si>
    <t>01/16/2020 08:53:26</t>
  </si>
  <si>
    <t>01/16/2020 08:54:34</t>
  </si>
  <si>
    <t>01/16/2020 08:59:30</t>
  </si>
  <si>
    <t>01/16/2020 08:55:38</t>
  </si>
  <si>
    <t>01/16/2020 08:56:15</t>
  </si>
  <si>
    <t>01/16/2020 08:57:16</t>
  </si>
  <si>
    <t>01/16/2020 08:58:16</t>
  </si>
  <si>
    <t>01/16/2020 08:56:45</t>
  </si>
  <si>
    <t>056a12b6-e904-47fb-ad72-30f129615028.tmp</t>
  </si>
  <si>
    <t>\\acsfs\profiles$\lorraynevam\Downloads\056a12b6-e904-47fb-ad72-30f129615028.tmp</t>
  </si>
  <si>
    <t>01/16/2020 08:55:13</t>
  </si>
  <si>
    <t>01/16/2020 09:00:30</t>
  </si>
  <si>
    <t>01/16/2020 08:55:14</t>
  </si>
  <si>
    <t>0];0]0];0]l;0]ll;0]su��� a;1578960292392;1578960593386;1578960894383;1578993103530;173;174;175;176;177;178;179;180;181;182;183;184;185;66;67;68;708385187;[];[]]];false;iwagbqyq5_cmqlzbanwpacqolgbymbrky1hyw9wzwbrqebiph8iqz-_-nea8ajk3cl1u6dhazrweuy4acpn1lbxov-fxfxs7u6fxlrrmewru5fr4fy8cuk8t73sxehkspjr8dpf1-v_6eyefdj_s5ctm3pd-_i4y3cnuoucl3oesbl-jzrepmleg0hfjkforc086tm6_6a1dq6tenejbpn2tyc-a1xaujxa\";iwagbqyq5_cmqlzbanwpacqolgbymbrky1hyw9wzwbrqebiph8iqz-_-nea8ajk3cl1u6dhazrweuy4acpn1lbxov-fxfxs7u6fxlrrmewru5fr4fy8cuk8t73sxehkspjr8dpf1-v_6eyefdj_s5ctm3pd-_i4y3cnuoucl3oesbl-jzrepmleg0xfjkfpa2bnm22zkdb_z91suu5wkym1jm9bkn05kcls\";iwagbqyq5_cmqlzbanwpacqolgbymbrky1hyw9wzwbrqebiph8iqz-_-nea8ajk3cl1u6dhazrweuy4acpn1lbxov-fxfxs7u6fxlrrmewru5fr4fy8cuk8t73sxehkspjr8dpf1-v_6eyefdj_s5ctm3pd-_i4y3cnuoucl3oesbl-jzrepmleg1nfjkfr6233y4oem2jthr_6vwjzjvdm2m0mrdpqe0hw\";ixjsjalok\";nul;null;qdjy1zn4qopf4shoacuzfevhedu0dsyplxa5qsqdhd1aoka0ca1mhcxvogzm4x2l8q-piix5uvmnaqgnorazhmwho0qf0cic60aitajums1s0dwjniadnjujalhxgkus_prhqpt9juvozzjpk</t>
  </si>
  <si>
    <t>https://0],0]0],0]l,0]ll,0]su��� a,1578960292392,1578960593386,1578960894383,1578993103530,173,174,175,176,177,178,179,180,181,182,183,184,185,66,67,68,708385187,[],[]]],false,iwagbqyq5_cmqlzbanwpacqolgbymbrky1hyw9wzwbrqebiph8iqz-_-nea8ajk3cl1u6dhazrweuy4acpn1lbxov-fxfxs7u6fxlrrmewru5fr4fy8cuk8t73sxehkspjr8dpf1-v_6eyefdj_s5ctm3pd-_i4y3cnuoucl3oesbl-jzrepmleg0hfjkforc086tm6_6a1dq6tenejbpn2tyc-a1xaujxa\",iwagbqyq5_cmqlzbanwpacqolgbymbrky1hyw9wzwbrqebiph8iqz-_-nea8ajk3cl1u6dhazrweuy4acpn1lbxov-fxfxs7u6fxlrrmewru5fr4fy8cuk8t73sxehkspjr8dpf1-v_6eyefdj_s5ctm3pd-_i4y3cnuoucl3oesbl-jzrepmleg0xfjkfpa2bnm22zkdb_z91suu5wkym1jm9bkn05kcls\",iwagbqyq5_cmqlzbanwpacqolgbymbrky1hyw9wzwbrqebiph8iqz-_-nea8ajk3cl1u6dhazrweuy4acpn1lbxov-fxfxs7u6fxlrrmewru5fr4fy8cuk8t73sxehkspjr8dpf1-v_6eyefdj_s5ctm3pd-_i4y3cnuoucl3oesbl-jzrepmleg1nfjkfr6233y4oem2jthr_6vwjzjvdm2m0mrdpqe0hw\",ixjsjalok\",nul,null,qdjy1zn4qopf4shoacuzfevhedu0dsyplxa5qsqdhd1aoka0ca1mhcxvogzm4x2l8q-piix5uvmnaqgnorazhmwho0qf0cic60aitajums1s0dwjniadnjujalhxgkus_prhqpt9j</t>
  </si>
  <si>
    <t>01/16/2020 08:55:15</t>
  </si>
  <si>
    <t>01/16/2020 08:55:18</t>
  </si>
  <si>
    <t>01/16/2020 08:55:19</t>
  </si>
  <si>
    <t>01/16/2020 08:55:20</t>
  </si>
  <si>
    <t>01/16/2020 08:56:38</t>
  </si>
  <si>
    <t>\\acsfs\profiles$\andrezacapf\Contacts\</t>
  </si>
  <si>
    <t>ANDREZA CAROLINE AGUIAR PIRES FERREIRA (21672).contact</t>
  </si>
  <si>
    <t>\\acsfs\profiles$\andrezacapf\Contacts\ANDREZA CAROLINE AGUIAR PIRES FERREIRA (21672).contact</t>
  </si>
  <si>
    <t>01/16/2020 08:55:21</t>
  </si>
  <si>
    <t>01/16/2020 08:56:44</t>
  </si>
  <si>
    <t>\\acsfs\profiles$\andrezacapf\My Documents\My Videos\</t>
  </si>
  <si>
    <t>\\acsfs\profiles$\andrezacapf\My Documents\My Videos\desktop.ini</t>
  </si>
  <si>
    <t>01/16/2020 08:55:22</t>
  </si>
  <si>
    <t>\\acsfs\profiles$\andrezacapf\My Documents\My Pictures\</t>
  </si>
  <si>
    <t>\\acsfs\profiles$\andrezacapf\My Documents\My Pictures\desktop.ini</t>
  </si>
  <si>
    <t>01/16/2020 08:55:27</t>
  </si>
  <si>
    <t>01/16/2020 08:55:31</t>
  </si>
  <si>
    <t>\\acsfs\profiles$\andrezacapf\Contacts\desktop.ini</t>
  </si>
  <si>
    <t>01/16/2020 08:55:35</t>
  </si>
  <si>
    <t>\\acsfs\profiles$\andrezacapf\Favorites\</t>
  </si>
  <si>
    <t>\\acsfs\profiles$\andrezacapf\Favorites\desktop.ini</t>
  </si>
  <si>
    <t>01/16/2020 08:56:46</t>
  </si>
  <si>
    <t>01/16/2020 08:55:36</t>
  </si>
  <si>
    <t>\\acsfs\profiles$\andrezacapf\My Documents\My Music\</t>
  </si>
  <si>
    <t>\\acsfs\profiles$\andrezacapf\My Documents\My Music\desktop.ini</t>
  </si>
  <si>
    <t>01/16/2020 08:56:47</t>
  </si>
  <si>
    <t>01/16/2020 08:55:37</t>
  </si>
  <si>
    <t>\\acsfs\profiles$\andrezacapf\Searches\</t>
  </si>
  <si>
    <t>\\acsfs\profiles$\andrezacapf\Searches\desktop.ini</t>
  </si>
  <si>
    <t>01/16/2020 08:56:48</t>
  </si>
  <si>
    <t>\\acsfs\profiles$\andrezacapf\Downloads\desktop.ini</t>
  </si>
  <si>
    <t>\\acsfs\profiles$\andrezacapf\My Documents\</t>
  </si>
  <si>
    <t>\\acsfs\profiles$\andrezacapf\My Documents\desktop.ini</t>
  </si>
  <si>
    <t>01/16/2020 08:56:49</t>
  </si>
  <si>
    <t>\\acsfs\profiles$\andrezacapf\Saved Games\</t>
  </si>
  <si>
    <t>\\acsfs\profiles$\andrezacapf\Saved Games\desktop.ini</t>
  </si>
  <si>
    <t>01/16/2020 08:55:39</t>
  </si>
  <si>
    <t>01/16/2020 08:55:40</t>
  </si>
  <si>
    <t>01/16/2020 08:55:45</t>
  </si>
  <si>
    <t>01/16/2020 08:55:54</t>
  </si>
  <si>
    <t>01/16/2020 08:56:58</t>
  </si>
  <si>
    <t>01/16/2020 08:57:41</t>
  </si>
  <si>
    <t>6ee86648-2daa-46fc-9113-2b72aade76d0.tmp</t>
  </si>
  <si>
    <t>\\acsfs\profiles$\andrezacapf\Downloads\6ee86648-2daa-46fc-9113-2b72aade76d0.tmp</t>
  </si>
  <si>
    <t>01/16/2020 08:55:56</t>
  </si>
  <si>
    <t>01/16/2020 08:59:35</t>
  </si>
  <si>
    <t>f717f862-6b1c-4b83-922a-67eff4548d2e.tmp</t>
  </si>
  <si>
    <t>\\acsfs\profiles$\andrezacapf\Downloads\f717f862-6b1c-4b83-922a-67eff4548d2e.tmp</t>
  </si>
  <si>
    <t>01/16/2020 08:59:40</t>
  </si>
  <si>
    <t>f0b20d39-c380-461e-b6ad-23374926919f.tmp</t>
  </si>
  <si>
    <t>\\acsfs\profiles$\andrezacapf\Downloads\f0b20d39-c380-461e-b6ad-23374926919f.tmp</t>
  </si>
  <si>
    <t>01/16/2020 08:55:57</t>
  </si>
  <si>
    <t>01/16/2020 08:59:58</t>
  </si>
  <si>
    <t>7805e5e9-249e-481b-a090-cd7adb4a1d50.tmp</t>
  </si>
  <si>
    <t>\\acsfs\profiles$\andrezacapf\Downloads\7805e5e9-249e-481b-a090-cd7adb4a1d50.tmp</t>
  </si>
  <si>
    <t>01/16/2020 08:55:58</t>
  </si>
  <si>
    <t>01/16/2020 08:56:01</t>
  </si>
  <si>
    <t>01/16/2020 08:56:06</t>
  </si>
  <si>
    <t>01/16/2020 08:56:11</t>
  </si>
  <si>
    <t>01/16/2020 08:56:12</t>
  </si>
  <si>
    <t>01/16/2020 08:56:13</t>
  </si>
  <si>
    <t>01/16/2020 08:56:14</t>
  </si>
  <si>
    <t>01/16/2020 08:56:16</t>
  </si>
  <si>
    <t>01/16/2020 08:56:17</t>
  </si>
  <si>
    <t>01/16/2020 08:56:18</t>
  </si>
  <si>
    <t>01/16/2020 08:56:19</t>
  </si>
  <si>
    <t>01/16/2020 08:56:20</t>
  </si>
  <si>
    <t>01/16/2020 08:56:21</t>
  </si>
  <si>
    <t>01/16/2020 08:56:22</t>
  </si>
  <si>
    <t>01/16/2020 08:56:23</t>
  </si>
  <si>
    <t>01/16/2020 08:56:27</t>
  </si>
  <si>
    <t>01/16/2020 08:56:28</t>
  </si>
  <si>
    <t>01/16/2020 08:56:29</t>
  </si>
  <si>
    <t>01/16/2020 08:56:36</t>
  </si>
  <si>
    <t>01/16/2020 09:00:05</t>
  </si>
  <si>
    <t>01/16/2020 08:56:34</t>
  </si>
  <si>
    <t>01/16/2020 09:01:30</t>
  </si>
  <si>
    <t>dbcad44a-cb20-4e1c-9dbb-c0c67f14ae24.tmp</t>
  </si>
  <si>
    <t>\\acsfs\profiles$\talitafdc\Downloads\dbcad44a-cb20-4e1c-9dbb-c0c67f14ae24.tmp</t>
  </si>
  <si>
    <t>01/16/2020 08:57:13</t>
  </si>
  <si>
    <t>050ec864-7460-4c0d-bd0f-a48b481eca4c.tmp</t>
  </si>
  <si>
    <t>\\acsfs\profiles$\talitafdc\Downloads\050ec864-7460-4c0d-bd0f-a48b481eca4c.tmp</t>
  </si>
  <si>
    <t>01/16/2020 08:58:46</t>
  </si>
  <si>
    <t>0b4b9997-ed89-434a-b932-86fc0203217b.tmp</t>
  </si>
  <si>
    <t>\\acsfs\profiles$\talitafdc\Downloads\0b4b9997-ed89-434a-b932-86fc0203217b.tmp</t>
  </si>
  <si>
    <t>01/16/2020 08:57:29</t>
  </si>
  <si>
    <t>56119965-9683-4ee2-a133-b0400d95363f.tmp</t>
  </si>
  <si>
    <t>\\acsfs\profiles$\gabriellalpr\Downloads\56119965-9683-4ee2-a133-b0400d95363f.tmp</t>
  </si>
  <si>
    <t>01/16/2020 08:58:20</t>
  </si>
  <si>
    <t>b35bf051-b6c5-44e1-b825-c35b9e88b04f.tmp</t>
  </si>
  <si>
    <t>\\acsfs\profiles$\gabriellalpr\Downloads\b35bf051-b6c5-44e1-b825-c35b9e88b04f.tmp</t>
  </si>
  <si>
    <t>01/16/2020 08:59:55</t>
  </si>
  <si>
    <t>d9dbbee6-0cdd-4eef-818d-8b9501bb071b.tmp</t>
  </si>
  <si>
    <t>\\acsfs\profiles$\gabriellalpr\Downloads\d9dbbee6-0cdd-4eef-818d-8b9501bb071b.tmp</t>
  </si>
  <si>
    <t>01/16/2020 09:00:28</t>
  </si>
  <si>
    <t>38ab82ad-d947-4b60-bdd0-544cb93d474f.tmp</t>
  </si>
  <si>
    <t>\\acsfs\profiles$\gabriellalpr\Downloads\38ab82ad-d947-4b60-bdd0-544cb93d474f.tmp</t>
  </si>
  <si>
    <t>01/16/2020 09:00:49</t>
  </si>
  <si>
    <t>01/16/2020 09:00:50</t>
  </si>
  <si>
    <t>01/16/2020 08:56:26</t>
  </si>
  <si>
    <t>01/16/2020 09:00:11</t>
  </si>
  <si>
    <t>01/16/2020 09:00:21</t>
  </si>
  <si>
    <t>65dd8954-9668-4bbb-9001-a50386025df2.tmp</t>
  </si>
  <si>
    <t>\\acsfs\profiles$\isabellegtds\Downloads\65dd8954-9668-4bbb-9001-a50386025df2.tmp</t>
  </si>
  <si>
    <t>01/16/2020 08:57:57</t>
  </si>
  <si>
    <t>01/16/2020 09:02:30</t>
  </si>
  <si>
    <t>01/16/2020 08:58:05</t>
  </si>
  <si>
    <t>01/16/2020 08:58:07</t>
  </si>
  <si>
    <t>01/16/2020 08:58:08</t>
  </si>
  <si>
    <t>01/16/2020 08:58:14</t>
  </si>
  <si>
    <t>01/16/2020 08:58:15</t>
  </si>
  <si>
    <t>01/16/2020 08:58:24</t>
  </si>
  <si>
    <t>01/16/2020 08:58:25</t>
  </si>
  <si>
    <t>01/16/2020 08:58:26</t>
  </si>
  <si>
    <t>01/16/2020 08:58:29</t>
  </si>
  <si>
    <t>01/16/2020 08:58:32</t>
  </si>
  <si>
    <t>01/16/2020 08:58:33</t>
  </si>
  <si>
    <t>01/16/2020 08:58:36</t>
  </si>
  <si>
    <t>01/16/2020 08:58:47</t>
  </si>
  <si>
    <t>01/16/2020 08:58:52</t>
  </si>
  <si>
    <t>01/16/2020 08:58:53</t>
  </si>
  <si>
    <t>01/16/2020 08:58:57</t>
  </si>
  <si>
    <t>01/16/2020 08:58:58</t>
  </si>
  <si>
    <t>01/16/2020 08:59:01</t>
  </si>
  <si>
    <t>01/16/2020 08:59:07</t>
  </si>
  <si>
    <t>01/16/2020 08:59:10</t>
  </si>
  <si>
    <t>01/16/2020 08:59:11</t>
  </si>
  <si>
    <t>01/16/2020 08:59:12</t>
  </si>
  <si>
    <t>01/16/2020 08:59:13</t>
  </si>
  <si>
    <t>01/16/2020 08:59:14</t>
  </si>
  <si>
    <t>01/16/2020 08:59:28</t>
  </si>
  <si>
    <t>01/16/2020 08:59:29</t>
  </si>
  <si>
    <t>01/16/2020 08:59:34</t>
  </si>
  <si>
    <t>01/16/2020 08:59:36</t>
  </si>
  <si>
    <t>01/16/2020 08:59:45</t>
  </si>
  <si>
    <t>01/16/2020 08:59:50</t>
  </si>
  <si>
    <t>01/16/2020 08:59:52</t>
  </si>
  <si>
    <t>01/16/2020 08:59:59</t>
  </si>
  <si>
    <t>01/16/2020 09:00:08</t>
  </si>
  <si>
    <t>01/16/2020 09:00:09</t>
  </si>
  <si>
    <t>01/16/2020 09:00:16</t>
  </si>
  <si>
    <t>01/16/2020 09:00:18</t>
  </si>
  <si>
    <t>01/16/2020 09:00:19</t>
  </si>
  <si>
    <t>01/16/2020 09:00:20</t>
  </si>
  <si>
    <t>01/16/2020 09:00:51</t>
  </si>
  <si>
    <t>01/16/2020 08:57:56</t>
  </si>
  <si>
    <t>98a48438-9c0c-4b92-a3a5-5a3efbd9743e.tmp</t>
  </si>
  <si>
    <t>\\acsfs\profiles$\Flaviojmm\Downloads\98a48438-9c0c-4b92-a3a5-5a3efbd9743e.tmp</t>
  </si>
  <si>
    <t>01/16/2020 08:58:04</t>
  </si>
  <si>
    <t>01/16/2020 09:03:30</t>
  </si>
  <si>
    <t>0662e238-f421-4122-a12e-d29ce1798931.tmp</t>
  </si>
  <si>
    <t>\\acsfs\profiles$\esterasg\Downloads\0662e238-f421-4122-a12e-d29ce1798931.tmp</t>
  </si>
  <si>
    <t>01/16/2020 09:03:04</t>
  </si>
  <si>
    <t>01/16/2020 09:04:30</t>
  </si>
  <si>
    <t>01/16/2020 08:59:51</t>
  </si>
  <si>
    <t>01/16/2020 09:00:17</t>
  </si>
  <si>
    <t>01/16/2020 09:02:18</t>
  </si>
  <si>
    <t>01/16/2020 09:02:48</t>
  </si>
  <si>
    <t>01/16/2020 09:05:31</t>
  </si>
  <si>
    <t>f1566565-0f79-456d-9a7d-ff6a6e74994b.tmp</t>
  </si>
  <si>
    <t>\\acsfs\profiles$\andrezacapf\Downloads\f1566565-0f79-456d-9a7d-ff6a6e74994b.tmp</t>
  </si>
  <si>
    <t>023f5229-f8d2-4bdf-af79-d01b88189162.tmp</t>
  </si>
  <si>
    <t>\\acsfs\profiles$\andrezacapf\Downloads\023f5229-f8d2-4bdf-af79-d01b88189162.tmp</t>
  </si>
  <si>
    <t>01/16/2020 09:00:36</t>
  </si>
  <si>
    <t>8ce36dc3-6c8a-4c39-b396-91db83059dc5.tmp</t>
  </si>
  <si>
    <t>\\acsfs\profiles$\andrezacapf\Downloads\8ce36dc3-6c8a-4c39-b396-91db83059dc5.tmp</t>
  </si>
  <si>
    <t>01/16/2020 09:03:05</t>
  </si>
  <si>
    <t>437b6983-996b-4b83-bc18-6008759163d2.tmp</t>
  </si>
  <si>
    <t>\\acsfs\profiles$\andrezacapf\Downloads\437b6983-996b-4b83-bc18-6008759163d2.tmp</t>
  </si>
  <si>
    <t>01/16/2020 09:04:34</t>
  </si>
  <si>
    <t>01/16/2020 09:04:35</t>
  </si>
  <si>
    <t>01/16/2020 09:04:36</t>
  </si>
  <si>
    <t>01/16/2020 09:04:37</t>
  </si>
  <si>
    <t>01/16/2020 09:04:38</t>
  </si>
  <si>
    <t>01/16/2020 09:04:39</t>
  </si>
  <si>
    <t>01/16/2020 09:04:40</t>
  </si>
  <si>
    <t>01/16/2020 09:04:41</t>
  </si>
  <si>
    <t>01/16/2020 09:04:42</t>
  </si>
  <si>
    <t>01/16/2020 09:04:43</t>
  </si>
  <si>
    <t>01/16/2020 09:04:44</t>
  </si>
  <si>
    <t>01/16/2020 09:00:23</t>
  </si>
  <si>
    <t>01/16/2020 09:00:27</t>
  </si>
  <si>
    <t>01/16/2020 09:00:31</t>
  </si>
  <si>
    <t>01/16/2020 09:04:45</t>
  </si>
  <si>
    <t>01/16/2020 09:00:32</t>
  </si>
  <si>
    <t>01/16/2020 09:04:46</t>
  </si>
  <si>
    <t>01/16/2020 09:00:37</t>
  </si>
  <si>
    <t>01/16/2020 09:00:48</t>
  </si>
  <si>
    <t>01/16/2020 09:04:47</t>
  </si>
  <si>
    <t>01/16/2020 09:00:52</t>
  </si>
  <si>
    <t>01/16/2020 09:04:48</t>
  </si>
  <si>
    <t>01/16/2020 09:00:59</t>
  </si>
  <si>
    <t>01/16/2020 09:01:05</t>
  </si>
  <si>
    <t>01/16/2020 09:04:49</t>
  </si>
  <si>
    <t>01/16/2020 09:01:06</t>
  </si>
  <si>
    <t>01/16/2020 09:01:11</t>
  </si>
  <si>
    <t>01/16/2020 09:01:12</t>
  </si>
  <si>
    <t>01/16/2020 09:04:50</t>
  </si>
  <si>
    <t>01/16/2020 09:04:51</t>
  </si>
  <si>
    <t>01/16/2020 09:01:13</t>
  </si>
  <si>
    <t>01/16/2020 09:01:15</t>
  </si>
  <si>
    <t>01/16/2020 09:04:52</t>
  </si>
  <si>
    <t>01/16/2020 09:01:16</t>
  </si>
  <si>
    <t>01/16/2020 09:01:20</t>
  </si>
  <si>
    <t>01/16/2020 09:03:42</t>
  </si>
  <si>
    <t>0]\\\\\\��� l;0]]l;0]a_x0006__x001F_�;0]l;0]ll;0]l�_x0018_� =;1578956981447;1578957282440;1578957884431;1578958185426;1578958486421;1578958787418;55;56;58;59;60;61;708385187;[];[]]];false;iwagbqyq5_cmqlzbanwpacqolgbymbrky1hyw9wzwbrqebiph8iqz-_-nea8ajk3cl1u6dhazrweuy4acpn1lbxov-fxfxs7u6fxlrrmewru5fr4fy8cuk8t73sxehkspjr8dpf1-v_6eyefdj_s5ctm3pd-_i4y3cnuoucl3oesbl-jzrepmlegpxfjkfp_avinondndtypbz-dlx4cy_f_jd64cnirv-w\";iwagbqyq5_cmqlzbanwpacqolgbymbrky1hyw9wzwbrqebiph8iqz-_-nea8ajk3cl1u6dhazrweuy4acpn1lbxov-fxfxs7u6fxlrrmewru5fr4fy8cuk8t73sxehkspjr8dpf1-v_6eyefdj_s5ctm3pd-_i4y3cnuoucl3oesbl-jzrepmlegqhfjkfo8rvlwbxybv7ol4uue-in6om50fsrzyp8acai\";iwagbqyq5_cmqlzbanwpacqolgbymbrky1hyw9wzwbrqebiph8iqz-_-nea8ajk3cl1u6dhazrweuy4acpn1lbxov-fxfxs7u6fxlrrmewru5fr4fy8cuk8t73sxehkspjr8dpf1-v_6eyefdj_s5ctm3pd-_i4y3cnuoucl3oesbl-jzrepmlegqnfjkfpwnbzjdheimizaplonom8th5fq3udmivh9y9y\";iwagbqyq5_cmqlzbanwpacqolgbymbrky1hyw9wzwbrqebiph8iqz-_-nea8ajk3cl1u6dhazrweuy4acpn1lbxov-fxfxs7u6fxlrrmewru5fr4fy8cuk8t73sxehkspjr8dpf1-v_6eyefdj_s5ctm3pd-_i4y3cnu</t>
  </si>
  <si>
    <t>https://0]\\\\\\��� l,0]]l,0]a_x0006__x001F_�,0]l,0]ll,0]l�_x0018_� =,1578956981447,1578957282440,1578957884431,1578958185426,1578958486421,1578958787418,55,56,58,59,60,61,708385187,[],[]]],false,iwagbqyq5_cmqlzbanwpacqolgbymbrky1hyw9wzwbrqebiph8iqz-_-nea8ajk3cl1u6dhazrweuy4acpn1lbxov-fxfxs7u6fxlrrmewru5fr4fy8cuk8t73sxehkspjr8dpf1-v_6eyefdj_s5ctm3pd-_i4y3cnuoucl3oesbl-jzrepmlegpxfjkfp_avinondndtypbz-dlx4cy_f_jd64cnirv-w\",iwagbqyq5_cmqlzbanwpacqolgbymbrky1hyw9wzwbrqebiph8iqz-_-nea8ajk3cl1u6dhazrweuy4acpn1lbxov-fxfxs7u6fxlrrmewru5fr4fy8cuk8t73sxehkspjr8dpf1-v_6eyefdj_s5ctm3pd-_i4y3cnuoucl3oesbl-jzrepmlegqhfjkfo8rvlwbxybv7ol4uue-in6om50fsrzyp8acai\",iwagbqyq5_cmqlzbanwpacqolgbymbrky1hyw9wzwbrqebiph8iqz-_-nea8ajk3cl1u6dhazrweuy4acpn1lbxov-fxfxs7u6fxlrrmewru5fr4fy8cuk8t73sxehkspjr8dpf1-v_6eyefdj_s5ctm3pd-_i4y3cnuoucl3oesbl-jzrepmlegqnfjkfpwnbzjdheimizaplonom8th5fq3udmivh9y9y\",iwagbqyq5_cmqlzbanwpacqolgbymbrky1hyw9wzwbrqebiph8iqz-_-nea8ajk3cl1u6dhazrweuy4acpn1lbxov-fxfxs7u6fxlrrmewru5fr4fy8cuk8t73sxehkspjr8dpf1-v_6eyefdj_s5ctm3pd-</t>
  </si>
  <si>
    <t>01/16/2020 09:03:43</t>
  </si>
  <si>
    <t>01/16/2020 09:03:48</t>
  </si>
  <si>
    <t>01/16/2020 09:03:51</t>
  </si>
  <si>
    <t>01/16/2020 09:03:52</t>
  </si>
  <si>
    <t>01/16/2020 09:03:53</t>
  </si>
  <si>
    <t>01/16/2020 09:03:59</t>
  </si>
  <si>
    <t>01/16/2020 09:04:06</t>
  </si>
  <si>
    <t>01/16/2020 09:04:15</t>
  </si>
  <si>
    <t>01/16/2020 09:04:19</t>
  </si>
  <si>
    <t>01/16/2020 09:04:20</t>
  </si>
  <si>
    <t>01/16/2020 09:04:21</t>
  </si>
  <si>
    <t>01/16/2020 09:04:22</t>
  </si>
  <si>
    <t>01/16/2020 09:04:25</t>
  </si>
  <si>
    <t>01/16/2020 09:04:27</t>
  </si>
  <si>
    <t>01/16/2020 09:03:19</t>
  </si>
  <si>
    <t>01/16/2020 09:06:30</t>
  </si>
  <si>
    <t>01/16/2020 09:05:39</t>
  </si>
  <si>
    <t>016f0fcc-86f4-4e0a-9c58-68dbeaa1c1d0.tmp</t>
  </si>
  <si>
    <t>\\acsfs\profiles$\talitafdc\Downloads\016f0fcc-86f4-4e0a-9c58-68dbeaa1c1d0.tmp</t>
  </si>
  <si>
    <t>01/16/2020 09:00:56</t>
  </si>
  <si>
    <t>01/16/2020 09:00:57</t>
  </si>
  <si>
    <t>01/16/2020 09:05:13</t>
  </si>
  <si>
    <t>396e573a-41dd-4f88-bdba-e6268e151457.tmp</t>
  </si>
  <si>
    <t>\\acsfs\profiles$\gabrielhca\Downloads\396e573a-41dd-4f88-bdba-e6268e151457.tmp</t>
  </si>
  <si>
    <t>01/16/2020 09:05:35</t>
  </si>
  <si>
    <t>cc5bc615-1ecd-4a0d-90a3-0c0b714f756c.tmp</t>
  </si>
  <si>
    <t>\\acsfs\profiles$\gabrielhca\Downloads\cc5bc615-1ecd-4a0d-90a3-0c0b714f756c.tmp</t>
  </si>
  <si>
    <t>01/16/2020 09:04:14</t>
  </si>
  <si>
    <t>ccc2c43f-4c37-485d-87e7-339c37b589cb.tmp</t>
  </si>
  <si>
    <t>\\acsfs\profiles$\isabellegtds\Downloads\ccc2c43f-4c37-485d-87e7-339c37b589cb.tmp</t>
  </si>
  <si>
    <t>01/16/2020 09:04:53</t>
  </si>
  <si>
    <t>01/16/2020 09:07:31</t>
  </si>
  <si>
    <t>01/16/2020 09:05:32</t>
  </si>
  <si>
    <t>01/16/2020 09:06:22</t>
  </si>
  <si>
    <t>f3729bdd-efa5-477e-b249-b200f3fe73d0.tmp</t>
  </si>
  <si>
    <t>\\acsfs\profiles$\kellzylenneasr\Downloads\f3729bdd-efa5-477e-b249-b200f3fe73d0.tmp</t>
  </si>
  <si>
    <t>01/16/2020 09:03:08</t>
  </si>
  <si>
    <t>5fad74e1-d373-4bd3-bb92-25a3b3b54d36.tmp</t>
  </si>
  <si>
    <t>\\acsfs\profiles$\BRUNAAR\Downloads\5fad74e1-d373-4bd3-bb92-25a3b3b54d36.tmp</t>
  </si>
  <si>
    <t>01/16/2020 09:06:07</t>
  </si>
  <si>
    <t>01/16/2020 09:08:30</t>
  </si>
  <si>
    <t>915c5923-4f22-4788-9f3e-d0573a5edc5f.tmp</t>
  </si>
  <si>
    <t>\\acsfs\profiles$\quindaizaagds\Downloads\915c5923-4f22-4788-9f3e-d0573a5edc5f.tmp</t>
  </si>
  <si>
    <t>01/16/2020 09:05:11</t>
  </si>
  <si>
    <t>01/16/2020 09:05:52</t>
  </si>
  <si>
    <t>01/16/2020 09:09:31</t>
  </si>
  <si>
    <t>01/16/2020 09:07:24</t>
  </si>
  <si>
    <t>01/16/2020 09:07:38</t>
  </si>
  <si>
    <t>01/16/2020 09:07:40</t>
  </si>
  <si>
    <t>01/16/2020 09:07:42</t>
  </si>
  <si>
    <t>01/16/2020 09:07:43</t>
  </si>
  <si>
    <t>01/16/2020 09:07:46</t>
  </si>
  <si>
    <t>01/16/2020 09:07:49</t>
  </si>
  <si>
    <t>01/16/2020 09:07:50</t>
  </si>
  <si>
    <t>01/16/2020 09:07:51</t>
  </si>
  <si>
    <t>01/16/2020 09:07:54</t>
  </si>
  <si>
    <t>01/16/2020 09:07:57</t>
  </si>
  <si>
    <t>01/16/2020 09:08:01</t>
  </si>
  <si>
    <t>01/16/2020 09:08:03</t>
  </si>
  <si>
    <t>01/16/2020 09:08:05</t>
  </si>
  <si>
    <t>01/16/2020 09:08:09</t>
  </si>
  <si>
    <t>01/16/2020 09:08:10</t>
  </si>
  <si>
    <t>01/16/2020 09:08:12</t>
  </si>
  <si>
    <t>01/16/2020 09:08:17</t>
  </si>
  <si>
    <t>01/16/2020 09:08:19</t>
  </si>
  <si>
    <t>01/16/2020 09:08:21</t>
  </si>
  <si>
    <t>01/16/2020 09:08:24</t>
  </si>
  <si>
    <t>01/16/2020 09:08:26</t>
  </si>
  <si>
    <t>01/16/2020 09:08:28</t>
  </si>
  <si>
    <t>01/16/2020 09:08:35</t>
  </si>
  <si>
    <t>01/16/2020 09:08:38</t>
  </si>
  <si>
    <t>01/16/2020 09:08:40</t>
  </si>
  <si>
    <t>01/16/2020 09:08:43</t>
  </si>
  <si>
    <t>01/16/2020 09:08:46</t>
  </si>
  <si>
    <t>01/16/2020 09:08:48</t>
  </si>
  <si>
    <t>\\acsfs\profiles$\pedrohab\Searches\</t>
  </si>
  <si>
    <t>01/16/2020 09:08:51</t>
  </si>
  <si>
    <t>01/16/2020 09:08:54</t>
  </si>
  <si>
    <t>01/16/2020 09:08:56</t>
  </si>
  <si>
    <t>01/16/2020 09:08:59</t>
  </si>
  <si>
    <t>01/16/2020 09:09:02</t>
  </si>
  <si>
    <t>01/16/2020 09:09:06</t>
  </si>
  <si>
    <t>01/16/2020 09:06:21</t>
  </si>
  <si>
    <t>01/16/2020 09:07:21</t>
  </si>
  <si>
    <t>01/16/2020 09:08:22</t>
  </si>
  <si>
    <t>01/16/2020 09:10:15</t>
  </si>
  <si>
    <t>01/16/2020 09:10:30</t>
  </si>
  <si>
    <t>01/16/2020 09:10:16</t>
  </si>
  <si>
    <t>lu230282can3h.tmp</t>
  </si>
  <si>
    <t>\\acsfs\profiles$\jalilebds\Downloads\lu230282can3h.tmp</t>
  </si>
  <si>
    <t>01/16/2020 09:09:30</t>
  </si>
  <si>
    <t>01/16/2020 09:11:30</t>
  </si>
  <si>
    <t>8b410e4b-cc08-4d66-b5e8-578f360b120a.tmp</t>
  </si>
  <si>
    <t>\\acsfs\profiles$\gabrielhca\Downloads\8b410e4b-cc08-4d66-b5e8-578f360b120a.tmp</t>
  </si>
  <si>
    <t>01/16/2020 09:06:12</t>
  </si>
  <si>
    <t>01/16/2020 09:06:23</t>
  </si>
  <si>
    <t>01/16/2020 09:06:33</t>
  </si>
  <si>
    <t>joaogvc@algartech.com;katia.cardoso@bv.com.br;leonardoao@algartech.com;marianadjc@algartech.com;paulacn@algartech.com;planejamentodeoperacoesetrafego@bv.com.br;rafaelggs@algartech.com;raphaelmco@algartech.com.br;ricardodfm@algartech.com.br;taysdss@algartech.com;thiagordu@algartech.com;viniciussg@algartech.com;</t>
  </si>
  <si>
    <t>joaogvc@algartech.com,katia.cardoso@bv.com.br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16/2020 09:06:43</t>
  </si>
  <si>
    <t>01/16/2020 09:06:58</t>
  </si>
  <si>
    <t>01/16/2020 09:07:02</t>
  </si>
  <si>
    <t>01/16/2020 09:07:05</t>
  </si>
  <si>
    <t>01/16/2020 09:07:18</t>
  </si>
  <si>
    <t>01/16/2020 09:07:32</t>
  </si>
  <si>
    <t>01/16/2020 09:07:44</t>
  </si>
  <si>
    <t>01/16/2020 09:08:25</t>
  </si>
  <si>
    <t>01/16/2020 09:08:37</t>
  </si>
  <si>
    <t>mail.google.com/_/upload?authuser=0&amp;dcp=asu-n&amp;upload_id=AEnB2Upi5h1oF3P_UORBklhcS5ROPzMe4DxXMvY31FkYP8_Gloof1xs-ISyANBr-int08Ky1YrRhONAGSjW_v5UUWRrKiF-Bd6-dXcIjjZPamYMU78omeNk&amp;upload_protocol=resumable</t>
  </si>
  <si>
    <t>01/16/2020 09:10:26</t>
  </si>
  <si>
    <t>01/16/2020 09:08:39</t>
  </si>
  <si>
    <t>bvcartes-supervisores@algarnet.onmicrosoft.com;joaogvc@algartech.com;katia.cardoso@bv.com.br;leonardoao@algartech.com;marianadjc@algartech.com;paulacn@algartech.com;rafaelggs@algartech.com;ricardodfm@algartech.com.br;taysdss@algartech.com;thiagordu@algartech.com;viniciussg@algartech.com;</t>
  </si>
  <si>
    <t>bvcartes-supervisores@algarnet.onmicrosoft.com,joaogvc@algartech.com,katia.cardoso@bv.com.br,leonardoao@algartech.com,marianadjc@algartech.com,paulacn@algartech.com,rafaelggs@algartech.com,ricardodfm@algartech.com.br,taysdss@algartech.com,thiagordu@algartech.com,viniciussg@algartech.com</t>
  </si>
  <si>
    <t>01/16/2020 09:10:56</t>
  </si>
  <si>
    <t>01/15/2020 17:33:42</t>
  </si>
  <si>
    <t>01/16/2020 09:12:30</t>
  </si>
  <si>
    <t>01/16/2020 09:10:47</t>
  </si>
  <si>
    <t>36f829df-64ec-411c-8f71-2c5c671884a7.tmp</t>
  </si>
  <si>
    <t>\\acsfs\profiles$\kellzylenneasr\Downloads\36f829df-64ec-411c-8f71-2c5c671884a7.tmp</t>
  </si>
  <si>
    <t>01/16/2020 09:11:03</t>
  </si>
  <si>
    <t>lu341402v447f.tmp</t>
  </si>
  <si>
    <t>\\acsfs\profiles$\BRUNAAR\Numero\lu341402v447f.tmp</t>
  </si>
  <si>
    <t>01/16/2020 09:09:14</t>
  </si>
  <si>
    <t>01/16/2020 09:10:12</t>
  </si>
  <si>
    <t>01/16/2020 09:13:30</t>
  </si>
  <si>
    <t>01/16/2020 09:11:32</t>
  </si>
  <si>
    <t>01/16/2020 09:11:26</t>
  </si>
  <si>
    <t>01/16/2020 09:14:30</t>
  </si>
  <si>
    <t>01/16/2020 09:12:54</t>
  </si>
  <si>
    <t>01/16/2020 09:12:55</t>
  </si>
  <si>
    <t>01/16/2020 09:09:08</t>
  </si>
  <si>
    <t>01/16/2020 09:09:10</t>
  </si>
  <si>
    <t>01/16/2020 09:09:12</t>
  </si>
  <si>
    <t>01/16/2020 09:09:16</t>
  </si>
  <si>
    <t>01/16/2020 09:09:21</t>
  </si>
  <si>
    <t>01/16/2020 09:09:23</t>
  </si>
  <si>
    <t>01/16/2020 09:09:52</t>
  </si>
  <si>
    <t>01/16/2020 09:09:19</t>
  </si>
  <si>
    <t>01/16/2020 09:11:22</t>
  </si>
  <si>
    <t>01/16/2020 09:13:23</t>
  </si>
  <si>
    <t>01/16/2020 09:13:32</t>
  </si>
  <si>
    <t>01/16/2020 09:15:30</t>
  </si>
  <si>
    <t>bgrayenywbdwabdfxvdoe0fctvkjgasmw1dktlxrqljcc0c=</t>
  </si>
  <si>
    <t>01/16/2020 09:12:57</t>
  </si>
  <si>
    <t>01/16/2020 09:12:58</t>
  </si>
  <si>
    <t>lu230282can3k.tmp</t>
  </si>
  <si>
    <t>\\acsfs\profiles$\jalilebds\Downloads\lu230282can3k.tmp</t>
  </si>
  <si>
    <t>01/16/2020 09:16:31</t>
  </si>
  <si>
    <t>01/16/2020 09:13:26</t>
  </si>
  <si>
    <t>01/16/2020 09:15:26</t>
  </si>
  <si>
    <t>01/16/2020 09:13:00</t>
  </si>
  <si>
    <t>01/16/2020 09:17:31</t>
  </si>
  <si>
    <t>01/16/2020 09:12:12</t>
  </si>
  <si>
    <t>01/16/2020 09:14:29</t>
  </si>
  <si>
    <t>01/16/2020 09:16:35</t>
  </si>
  <si>
    <t>01/16/2020 09:17:05</t>
  </si>
  <si>
    <t>01/16/2020 09:15:29</t>
  </si>
  <si>
    <t>01/16/2020 09:18:31</t>
  </si>
  <si>
    <t>01/16/2020 09:14:01</t>
  </si>
  <si>
    <t>01/16/2020 09:19:31</t>
  </si>
  <si>
    <t>01/16/2020 09:15:34</t>
  </si>
  <si>
    <t>14c6d90f-a156-4ce9-9764-d33ea34c9f61.tmp</t>
  </si>
  <si>
    <t>\\acsfs\profiles$\larissaad\Downloads\14c6d90f-a156-4ce9-9764-d33ea34c9f61.tmp</t>
  </si>
  <si>
    <t>01/16/2020 09:15:10</t>
  </si>
  <si>
    <t>b5ab99db-be90-491b-973e-f83160c01e22.tmp</t>
  </si>
  <si>
    <t>\\acsfs\profiles$\lorrainerdl\Downloads\b5ab99db-be90-491b-973e-f83160c01e22.tmp</t>
  </si>
  <si>
    <t>5fdc3385-638e-4e36-87ef-e12ff3b535da.tmp</t>
  </si>
  <si>
    <t>\\acsfs\profiles$\lorrainerdl\Downloads\5fdc3385-638e-4e36-87ef-e12ff3b535da.tmp</t>
  </si>
  <si>
    <t>01/16/2020 09:14:58</t>
  </si>
  <si>
    <t>01/16/2020 09:14:59</t>
  </si>
  <si>
    <t>lu103081e8s3.tmp</t>
  </si>
  <si>
    <t>\\acsfs\profiles$\dhiulliananads\My Documents\lu103081e8s3.tmp</t>
  </si>
  <si>
    <t>\\acsfs\profiles$\dhiulliananads\My Documents\lu103081e8s3.tmp\</t>
  </si>
  <si>
    <t>\\acsfs\profiles$\dhiulliananads\My Documents\lu103081e8s3.tmp\META-INF\</t>
  </si>
  <si>
    <t>\\acsfs\profiles$\dhiulliananads\My Documents\lu103081e8s3.tmp\Thumbnails\</t>
  </si>
  <si>
    <t>01/16/2020 09:15:15</t>
  </si>
  <si>
    <t>01/16/2020 09:15:16</t>
  </si>
  <si>
    <t>lu103081e8s8.tmp</t>
  </si>
  <si>
    <t>\\acsfs\profiles$\dhiulliananads\My Documents\lu103081e8s8.tmp</t>
  </si>
  <si>
    <t>\\acsfs\profiles$\dhiulliananads\My Documents\lu103081e8s8.tmp\</t>
  </si>
  <si>
    <t>\\acsfs\profiles$\dhiulliananads\My Documents\lu103081e8s8.tmp\META-INF\</t>
  </si>
  <si>
    <t>\\acsfs\profiles$\dhiulliananads\My Documents\lu103081e8s8.tmp\Thumbnails\</t>
  </si>
  <si>
    <t>01/16/2020 09:15:25</t>
  </si>
  <si>
    <t>lu103081e8sd.tmp</t>
  </si>
  <si>
    <t>\\acsfs\profiles$\dhiulliananads\My Documents\lu103081e8sd.tmp</t>
  </si>
  <si>
    <t>\\acsfs\profiles$\dhiulliananads\My Documents\lu103081e8sd.tmp\</t>
  </si>
  <si>
    <t>\\acsfs\profiles$\dhiulliananads\My Documents\lu103081e8sd.tmp\META-INF\</t>
  </si>
  <si>
    <t>\\acsfs\profiles$\dhiulliananads\My Documents\lu103081e8sd.tmp\Thumbnails\</t>
  </si>
  <si>
    <t>01/16/2020 09:14:33</t>
  </si>
  <si>
    <t>39797090-c6d9-4008-a143-04d531f4ab93.tmp</t>
  </si>
  <si>
    <t>\\acsfs\profiles$\PEDROHAB\Downloads\39797090-c6d9-4008-a143-04d531f4ab93.tmp</t>
  </si>
  <si>
    <t>01/16/2020 09:14:36</t>
  </si>
  <si>
    <t>057175b1-68c1-4521-84b9-4267eda911d3.tmp</t>
  </si>
  <si>
    <t>\\acsfs\profiles$\PEDROHAB\Downloads\057175b1-68c1-4521-84b9-4267eda911d3.tmp</t>
  </si>
  <si>
    <t>01/16/2020 09:16:26</t>
  </si>
  <si>
    <t>2e4c7a2e-f3e4-4892-849d-8d0f274ca0d3.tmp</t>
  </si>
  <si>
    <t>\\acsfs\profiles$\PEDROHAB\Downloads\2e4c7a2e-f3e4-4892-849d-8d0f274ca0d3.tmp</t>
  </si>
  <si>
    <t>01/16/2020 09:15:24</t>
  </si>
  <si>
    <t>01/16/2020 09:16:01</t>
  </si>
  <si>
    <t>Erro fatal KAMILA MARCELA ROCHA COSTA.PNG</t>
  </si>
  <si>
    <t>\\acsfs\ACS\001 - Qualidade Lilian\PAULO\Pasta Tainara\Erro fatal KAMILA MARCELA ROCHA COSTA.PNG</t>
  </si>
  <si>
    <t>01/16/2020 09:16:39</t>
  </si>
  <si>
    <t>01/16/2020 09:20:32</t>
  </si>
  <si>
    <t>01/16/2020 09:17:12</t>
  </si>
  <si>
    <t>78c4795a-40a0-43bb-9bad-4745e9e7d586.tmp</t>
  </si>
  <si>
    <t>\\acsfs\profiles$\ayalabfi\Downloads\78c4795a-40a0-43bb-9bad-4745e9e7d586.tmp</t>
  </si>
  <si>
    <t>01/16/2020 09:19:32</t>
  </si>
  <si>
    <t>01/16/2020 09:21:32</t>
  </si>
  <si>
    <t>01/16/2020 09:17:26</t>
  </si>
  <si>
    <t>01/16/2020 09:17:56</t>
  </si>
  <si>
    <t>01/16/2020 09:18:26</t>
  </si>
  <si>
    <t>01/16/2020 09:18:56</t>
  </si>
  <si>
    <t>01/16/2020 09:17:08</t>
  </si>
  <si>
    <t>CONTROLE DE SKILLS.xlsx</t>
  </si>
  <si>
    <t>\\acsfs\DEPTOS\Operacao\PCP\5 - Comum\PLANEJAMENTO BV\22 - BANCO DE DADOS BV\CARTÕES\CONTROLE DE SKILLS.xlsx</t>
  </si>
  <si>
    <t>01/16/2020 09:19:10</t>
  </si>
  <si>
    <t>01/16/2020 09:21:13</t>
  </si>
  <si>
    <t>01/16/2020 09:22:32</t>
  </si>
  <si>
    <t>4fb24e5e-fe2b-4290-bf6a-3708d186b328.tmp</t>
  </si>
  <si>
    <t>\\acsfs\profiles$\inarajst\Downloads\4fb24e5e-fe2b-4290-bf6a-3708d186b328.tmp</t>
  </si>
  <si>
    <t>01/16/2020 09:20:47</t>
  </si>
  <si>
    <t>01263909-31bc-41b4-bcfb-382bc5d10e65.tmp</t>
  </si>
  <si>
    <t>\\acsfs\profiles$\geovannasm\Downloads\01263909-31bc-41b4-bcfb-382bc5d10e65.tmp</t>
  </si>
  <si>
    <t>01/16/2020 09:20:54</t>
  </si>
  <si>
    <t>ecaaf4d5-c204-400d-82a5-b8539f4ac759.tmp</t>
  </si>
  <si>
    <t>\\acsfs\profiles$\geovannasm\Downloads\ecaaf4d5-c204-400d-82a5-b8539f4ac759.tmp</t>
  </si>
  <si>
    <t>01/16/2020 09:16:57</t>
  </si>
  <si>
    <t>outlook.office.com/owa/service.svc?action=CreateItem&amp;app=Mail&amp;n=74</t>
  </si>
  <si>
    <t>harunams@algartech.com;</t>
  </si>
  <si>
    <t>01/16/2020 09:17:28</t>
  </si>
  <si>
    <t>outlook.office.com/owa/service.svc?action=CreateItem&amp;app=Mail&amp;n=101</t>
  </si>
  <si>
    <t>01/16/2020 09:17:33</t>
  </si>
  <si>
    <t>01/16/2020 09:17:36</t>
  </si>
  <si>
    <t>outlook.office.com/owa/service.svc?action=CreateItem&amp;app=Mail&amp;n=110</t>
  </si>
  <si>
    <t>01/16/2020 09:21:02</t>
  </si>
  <si>
    <t>4d20e963-248d-4462-b921-076db4e25d3f.tmp</t>
  </si>
  <si>
    <t>\\acsfs\profiles$\gabrielsma\Downloads\4d20e963-248d-4462-b921-076db4e25d3f.tmp</t>
  </si>
  <si>
    <t>01/16/2020 09:21:06</t>
  </si>
  <si>
    <t>01/16/2020 09:18:44</t>
  </si>
  <si>
    <t>01/16/2020 09:17:25</t>
  </si>
  <si>
    <t>aa9c0394-1d87-49c2-9fd8-f5e4db726c5e.tmp</t>
  </si>
  <si>
    <t>\\acsfs\profiles$\lucasgpe\Downloads\aa9c0394-1d87-49c2-9fd8-f5e4db726c5e.tmp</t>
  </si>
  <si>
    <t>01/16/2020 09:21:10</t>
  </si>
  <si>
    <t>01/16/2020 09:23:33</t>
  </si>
  <si>
    <t>01/16/2020 09:21:46</t>
  </si>
  <si>
    <t>01/16/2020 09:24:34</t>
  </si>
  <si>
    <t>01/16/2020 09:20:08</t>
  </si>
  <si>
    <t>01/15/2020 21:20:51</t>
  </si>
  <si>
    <t>01/16/2020 09:25:33</t>
  </si>
  <si>
    <t>01/16/2020 09:23:56</t>
  </si>
  <si>
    <t>01/16/2020 09:26:34</t>
  </si>
  <si>
    <t>f7783681-faf7-40f1-99b8-b59f5bd43a8d.tmp</t>
  </si>
  <si>
    <t>\\acsfs\profiles$\LUCASBS\Downloads\f7783681-faf7-40f1-99b8-b59f5bd43a8d.tmp</t>
  </si>
  <si>
    <t>01/16/2020 09:25:12</t>
  </si>
  <si>
    <t>058aae1c-4f29-47ca-b386-0c7b03552d0d.tmp</t>
  </si>
  <si>
    <t>\\acsfs\profiles$\isabellegtds\Downloads\058aae1c-4f29-47ca-b386-0c7b03552d0d.tmp</t>
  </si>
  <si>
    <t>01/16/2020 09:22:23</t>
  </si>
  <si>
    <t>01/16/2020 09:27:33</t>
  </si>
  <si>
    <t>36b956c6-6029-480e-b5cb-4c7265070cba.tmp</t>
  </si>
  <si>
    <t>\\acsfs\profiles$\inarajst\Downloads\36b956c6-6029-480e-b5cb-4c7265070cba.tmp</t>
  </si>
  <si>
    <t>01/16/2020 09:24:04</t>
  </si>
  <si>
    <t>3fd6ddcd-d4a6-4762-ad76-d5884804d208.tmp</t>
  </si>
  <si>
    <t>\\acsfs\profiles$\inarajst\Downloads\3fd6ddcd-d4a6-4762-ad76-d5884804d208.tmp</t>
  </si>
  <si>
    <t>01/16/2020 09:25:35</t>
  </si>
  <si>
    <t>Não confirmado 851697.crdownload</t>
  </si>
  <si>
    <t>\\acsfs\ACS\Gabriel da Silva\Contemporânea\NPS\NPS_Voz\Janeiro.20\Não confirmado 851697.crdownload</t>
  </si>
  <si>
    <t>01/16/2020 09:22:41</t>
  </si>
  <si>
    <t>0d924bc6-336c-4dfb-a342-0358328c8a33.tmp</t>
  </si>
  <si>
    <t>\\acsfs\profiles$\Angelicacldr\Downloads\0d924bc6-336c-4dfb-a342-0358328c8a33.tmp</t>
  </si>
  <si>
    <t>01/16/2020 09:25:18</t>
  </si>
  <si>
    <t>8dfde269-eb6d-42cd-8939-851eac2ad421.tmp</t>
  </si>
  <si>
    <t>\\acsfs\profiles$\marcosvnds\Downloads\8dfde269-eb6d-42cd-8939-851eac2ad421.tmp</t>
  </si>
  <si>
    <t>01/16/2020 09:26:37</t>
  </si>
  <si>
    <t>fa68076d-3ab9-4d40-8ca0-a0b1b90c1ce3.tmp</t>
  </si>
  <si>
    <t>\\acsfs\profiles$\marcosvnds\Downloads\fa68076d-3ab9-4d40-8ca0-a0b1b90c1ce3.tmp</t>
  </si>
  <si>
    <t>01/16/2020 09:26:58</t>
  </si>
  <si>
    <t>4b22eef4-c0a0-4e7e-8563-295750759e7a.tmp</t>
  </si>
  <si>
    <t>\\acsfs\profiles$\marcosvnds\Downloads\4b22eef4-c0a0-4e7e-8563-295750759e7a.tmp</t>
  </si>
  <si>
    <t>01/16/2020 09:23:55</t>
  </si>
  <si>
    <t>Reneg - Vcto 17-01-20 (1).xlsx</t>
  </si>
  <si>
    <t>\\acsfs\DEPTOS\Operacao\Banco_Votorantim\Comum\00 - COMUM - BV CARTÕES\EQUIPE ADILSON\Reneg\Reneg - Vcto 17-01-20 (1).xlsx</t>
  </si>
  <si>
    <t>01/16/2020 09:24:09</t>
  </si>
  <si>
    <t>Reneg - Vcto 17-01-20.xlsx</t>
  </si>
  <si>
    <t>\\acsfs\DEPTOS\Operacao\Banco_Votorantim\Comum\00 - COMUM - BV CARTÕES\EQUIPE ADILSON\Reneg\Reneg - Vcto 17-01-20.xlsx</t>
  </si>
  <si>
    <t>01/16/2020 09:26:54</t>
  </si>
  <si>
    <t>01/16/2020 09:26:24</t>
  </si>
  <si>
    <t>1466c72d-1bf7-41ea-ae97-e465e8045c3c.tmp</t>
  </si>
  <si>
    <t>\\acsfs\profiles$\claudiajca\Downloads\1466c72d-1bf7-41ea-ae97-e465e8045c3c.tmp</t>
  </si>
  <si>
    <t>01/16/2020 09:26:02</t>
  </si>
  <si>
    <t>01/16/2020 09:23:51</t>
  </si>
  <si>
    <t>01/16/2020 09:28:33</t>
  </si>
  <si>
    <t>01/16/2020 09:26:31</t>
  </si>
  <si>
    <t>01/16/2020 09:27:03</t>
  </si>
  <si>
    <t>https://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</t>
  </si>
  <si>
    <t>01/16/2020 09:25:03</t>
  </si>
  <si>
    <t>01/16/2020 09:29:33</t>
  </si>
  <si>
    <t>1e5a92cb-f186-4927-a9dc-c62fdbc40250.tmp</t>
  </si>
  <si>
    <t>\\acsfs\profiles$\lorrainerdl\Downloads\1e5a92cb-f186-4927-a9dc-c62fdbc40250.tmp</t>
  </si>
  <si>
    <t>01/16/2020 09:27:51</t>
  </si>
  <si>
    <t>01/16/2020 09:26:29</t>
  </si>
  <si>
    <t>01/16/2020 09:30:33</t>
  </si>
  <si>
    <t>01/16/2020 09:28:21</t>
  </si>
  <si>
    <t>9e5289b6-9fd4-4a4c-ae53-eb261d3d5e45.tmp</t>
  </si>
  <si>
    <t>\\acsfs\profiles$\Flaviojmm\Downloads\9e5289b6-9fd4-4a4c-ae53-eb261d3d5e45.tmp</t>
  </si>
  <si>
    <t>01/16/2020 09:29:40</t>
  </si>
  <si>
    <t>c4a47345-6bcb-4985-9f5e-baea58a60236.tmp</t>
  </si>
  <si>
    <t>\\acsfs\profiles$\Flaviojmm\Downloads\c4a47345-6bcb-4985-9f5e-baea58a60236.tmp</t>
  </si>
  <si>
    <t>01/16/2020 09:29:58</t>
  </si>
  <si>
    <t>01/16/2020 09:26:30</t>
  </si>
  <si>
    <t>lu230282can3n.tmp</t>
  </si>
  <si>
    <t>\\acsfs\profiles$\jalilebds\Downloads\lu230282can3n.tmp</t>
  </si>
  <si>
    <t>01/16/2020 09:30:22</t>
  </si>
  <si>
    <t>01/16/2020 09:30:23</t>
  </si>
  <si>
    <t>lu230282can3q.tmp</t>
  </si>
  <si>
    <t>\\acsfs\profiles$\jalilebds\Downloads\lu230282can3q.tmp</t>
  </si>
  <si>
    <t>01/16/2020 09:25:46</t>
  </si>
  <si>
    <t>01/16/2020 09:31:34</t>
  </si>
  <si>
    <t>01/16/2020 09:25:47</t>
  </si>
  <si>
    <t>01/16/2020 09:27:17</t>
  </si>
  <si>
    <t>lu97441stsg.tmp</t>
  </si>
  <si>
    <t>\\acsfs\profiles$\jonathanwap\lu97441stsg.tmp</t>
  </si>
  <si>
    <t>\\acsfs\profiles$\jonathanwap\lu97441stsg.tmp\</t>
  </si>
  <si>
    <t>\\acsfs\profiles$\jonathanwap\lu97441stsg.tmp\META-INF\</t>
  </si>
  <si>
    <t>\\acsfs\profiles$\jonathanwap\lu97441stsg.tmp\Thumbnails\</t>
  </si>
  <si>
    <t>01/16/2020 09:30:03</t>
  </si>
  <si>
    <t>669f73b7-b8c8-4a8a-840b-734dff4342ed.tmp</t>
  </si>
  <si>
    <t>\\acsfs\profiles$\ANAPDSB\Downloads\669f73b7-b8c8-4a8a-840b-734dff4342ed.tmp</t>
  </si>
  <si>
    <t>01/16/2020 09:30:56</t>
  </si>
  <si>
    <t>01/16/2020 09:28:00</t>
  </si>
  <si>
    <t>01/16/2020 09:32:33</t>
  </si>
  <si>
    <t>01/16/2020 09:27:27</t>
  </si>
  <si>
    <t>12c751d2-2def-4207-bd2c-b776edf41b6c.tmp</t>
  </si>
  <si>
    <t>\\acsfs\profiles$\marcosvnds\Downloads\12c751d2-2def-4207-bd2c-b776edf41b6c.tmp</t>
  </si>
  <si>
    <t>01/16/2020 09:27:39</t>
  </si>
  <si>
    <t>ce35260b-004a-4bf7-b0bb-cc9f06059ce6.tmp</t>
  </si>
  <si>
    <t>\\acsfs\profiles$\marcosvnds\Downloads\ce35260b-004a-4bf7-b0bb-cc9f06059ce6.tmp</t>
  </si>
  <si>
    <t>01/16/2020 09:27:42</t>
  </si>
  <si>
    <t>b51e816b-f363-4d9e-8125-149c9c69552e.tmp</t>
  </si>
  <si>
    <t>\\acsfs\profiles$\marcosvnds\Downloads\b51e816b-f363-4d9e-8125-149c9c69552e.tmp</t>
  </si>
  <si>
    <t>01/16/2020 09:28:49</t>
  </si>
  <si>
    <t>46ea6d79-0f05-4ff4-ba50-45b2269fbb8e.tmp</t>
  </si>
  <si>
    <t>\\acsfs\profiles$\claudiajca\Downloads\46ea6d79-0f05-4ff4-ba50-45b2269fbb8e.tmp</t>
  </si>
  <si>
    <t>01/16/2020 09:28:18</t>
  </si>
  <si>
    <t>01/16/2020 09:33:34</t>
  </si>
  <si>
    <t>01/16/2020 09:30:39</t>
  </si>
  <si>
    <t>01/16/2020 09:29:19</t>
  </si>
  <si>
    <t>01/16/2020 09:29:25</t>
  </si>
  <si>
    <t>01/16/2020 09:31:13</t>
  </si>
  <si>
    <t>01/16/2020 09:31:19</t>
  </si>
  <si>
    <t>01/16/2020 09:31:30</t>
  </si>
  <si>
    <t>01/16/2020 09:31:33</t>
  </si>
  <si>
    <t>01/16/2020 09:32:08</t>
  </si>
  <si>
    <t>01/16/2020 09:32:11</t>
  </si>
  <si>
    <t>01/16/2020 09:32:36</t>
  </si>
  <si>
    <t>01/16/2020 09:33:08</t>
  </si>
  <si>
    <t>01/16/2020 09:33:15</t>
  </si>
  <si>
    <t>01/16/2020 09:29:28</t>
  </si>
  <si>
    <t>01/16/2020 09:34:33</t>
  </si>
  <si>
    <t>01/16/2020 09:30:01</t>
  </si>
  <si>
    <t>b8a82a66-a755-42e0-8c56-e4942fbe6327.tmp</t>
  </si>
  <si>
    <t>\\acsfs\profiles$\nathaliarmr\Downloads\b8a82a66-a755-42e0-8c56-e4942fbe6327.tmp</t>
  </si>
  <si>
    <t>699b3fb9-11af-4e5a-b148-500d29e9e364.tmp</t>
  </si>
  <si>
    <t>\\acsfs\profiles$\nathaliarmr\Downloads\699b3fb9-11af-4e5a-b148-500d29e9e364.tmp</t>
  </si>
  <si>
    <t>01/16/2020 09:31:43</t>
  </si>
  <si>
    <t>e50929ea-a272-4d3a-87d9-2583ea11ac74.tmp</t>
  </si>
  <si>
    <t>\\acsfs\profiles$\nathaliarmr\Downloads\e50929ea-a272-4d3a-87d9-2583ea11ac74.tmp</t>
  </si>
  <si>
    <t>01/16/2020 09:30:54</t>
  </si>
  <si>
    <t>01/16/2020 09:30:57</t>
  </si>
  <si>
    <t>01/16/2020 09:32:51</t>
  </si>
  <si>
    <t>01/16/2020 09:35:34</t>
  </si>
  <si>
    <t>01/16/2020 09:35:07</t>
  </si>
  <si>
    <t>01/16/2020 09:36:33</t>
  </si>
  <si>
    <t>01/16/2020 09:34:16</t>
  </si>
  <si>
    <t>01/16/2020 09:31:26</t>
  </si>
  <si>
    <t>01/16/2020 09:31:56</t>
  </si>
  <si>
    <t>01/16/2020 09:33:57</t>
  </si>
  <si>
    <t>01/16/2020 09:34:26</t>
  </si>
  <si>
    <t>01/16/2020 09:34:56</t>
  </si>
  <si>
    <t>01/16/2020 09:35:26</t>
  </si>
  <si>
    <t>01/16/2020 09:33:06</t>
  </si>
  <si>
    <t>01/16/2020 09:34:50</t>
  </si>
  <si>
    <t>01/16/2020 09:37:34</t>
  </si>
  <si>
    <t>01/16/2020 09:34:51</t>
  </si>
  <si>
    <t>01/16/2020 09:34:52</t>
  </si>
  <si>
    <t>01/16/2020 09:34:53</t>
  </si>
  <si>
    <t>01/16/2020 09:34:54</t>
  </si>
  <si>
    <t>01/16/2020 09:34:55</t>
  </si>
  <si>
    <t>01/16/2020 09:34:57</t>
  </si>
  <si>
    <t>01/16/2020 09:34:58</t>
  </si>
  <si>
    <t>01/16/2020 09:32:24</t>
  </si>
  <si>
    <t>01/16/2020 09:34:59</t>
  </si>
  <si>
    <t>01/16/2020 09:35:00</t>
  </si>
  <si>
    <t>01/16/2020 09:35:01</t>
  </si>
  <si>
    <t>01/16/2020 09:35:02</t>
  </si>
  <si>
    <t>01/16/2020 09:35:03</t>
  </si>
  <si>
    <t>01/16/2020 09:35:04</t>
  </si>
  <si>
    <t>01/16/2020 09:35:06</t>
  </si>
  <si>
    <t>01/16/2020 09:35:08</t>
  </si>
  <si>
    <t>01/16/2020 09:35:09</t>
  </si>
  <si>
    <t>01/16/2020 09:35:10</t>
  </si>
  <si>
    <t>01/16/2020 09:35:11</t>
  </si>
  <si>
    <t>01/16/2020 09:35:13</t>
  </si>
  <si>
    <t>01/16/2020 09:35:14</t>
  </si>
  <si>
    <t>01/16/2020 09:35:15</t>
  </si>
  <si>
    <t>01/16/2020 09:35:16</t>
  </si>
  <si>
    <t>01/16/2020 09:35:17</t>
  </si>
  <si>
    <t>01/16/2020 09:36:20</t>
  </si>
  <si>
    <t>01/16/2020 09:38:33</t>
  </si>
  <si>
    <t>c579bc79-d822-42f1-bffb-7e75034508c0.tmp</t>
  </si>
  <si>
    <t>\\acsfs\profiles$\esterasg\Downloads\c579bc79-d822-42f1-bffb-7e75034508c0.tmp</t>
  </si>
  <si>
    <t>01/16/2020 09:34:28</t>
  </si>
  <si>
    <t>01/16/2020 09:35:33</t>
  </si>
  <si>
    <t>01/16/2020 09:35:44</t>
  </si>
  <si>
    <t>01/16/2020 09:35:49</t>
  </si>
  <si>
    <t>01/16/2020 09:35:55</t>
  </si>
  <si>
    <t>01/16/2020 09:36:00</t>
  </si>
  <si>
    <t>01/16/2020 09:36:05</t>
  </si>
  <si>
    <t>01/16/2020 09:37:39</t>
  </si>
  <si>
    <t>01/16/2020 09:37:48</t>
  </si>
  <si>
    <t>01/16/2020 09:37:58</t>
  </si>
  <si>
    <t>01/16/2020 09:37:01</t>
  </si>
  <si>
    <t>01/16/2020 09:39:34</t>
  </si>
  <si>
    <t>01/16/2020 09:37:31</t>
  </si>
  <si>
    <t>01/16/2020 09:39:10</t>
  </si>
  <si>
    <t>01/16/2020 09:40:33</t>
  </si>
  <si>
    <t>01/16/2020 09:40:02</t>
  </si>
  <si>
    <t>42e6ee90-5a9a-41df-b1ce-b6b952ac44a1.tmp</t>
  </si>
  <si>
    <t>\\acsfs\profiles$\mariajra\Downloads\42e6ee90-5a9a-41df-b1ce-b6b952ac44a1.tmp</t>
  </si>
  <si>
    <t>01/16/2020 09:38:38</t>
  </si>
  <si>
    <t>01/16/2020 09:41:34</t>
  </si>
  <si>
    <t>XLOG_marcosvnds_16012020_093431.log</t>
  </si>
  <si>
    <t>\\acsfs\profiles$\marcosvnds\My Documents\xworkcenter\logs\XLOG_marcosvnds_16012020_093431.log</t>
  </si>
  <si>
    <t>01/16/2020 09:35:51</t>
  </si>
  <si>
    <t>f23ca048-4e4a-4051-9d15-993794a80312.tmp</t>
  </si>
  <si>
    <t>\\acsfs\profiles$\LAISLG\Downloads\f23ca048-4e4a-4051-9d15-993794a80312.tmp</t>
  </si>
  <si>
    <t>01/16/2020 09:36:19</t>
  </si>
  <si>
    <t>01/16/2020 09:36:29</t>
  </si>
  <si>
    <t>8f56a826-d618-42b0-9e1d-66c00279cbfc.tmp</t>
  </si>
  <si>
    <t>\\acsfs\profiles$\LAISLG\Downloads\8f56a826-d618-42b0-9e1d-66c00279cbfc.tmp</t>
  </si>
  <si>
    <t>01/16/2020 09:37:20</t>
  </si>
  <si>
    <t>046de31b-d720-4cd8-8b82-2a052b5072b4.tmp</t>
  </si>
  <si>
    <t>\\acsfs\profiles$\gabrielhca\Downloads\046de31b-d720-4cd8-8b82-2a052b5072b4.tmp</t>
  </si>
  <si>
    <t>01/16/2020 09:39:01</t>
  </si>
  <si>
    <t>10.200.66.149</t>
  </si>
  <si>
    <t>fd283c45-bd13-431b-a0be-965c77cafe32.tmp</t>
  </si>
  <si>
    <t>\\acsfs\profiles$\jhonatadss\Downloads\fd283c45-bd13-431b-a0be-965c77cafe32.tmp</t>
  </si>
  <si>
    <t>01/16/2020 09:38:14</t>
  </si>
  <si>
    <t>aaab46db-435d-45b6-abee-4e159b536cbf.tmp</t>
  </si>
  <si>
    <t>\\acsfs\profiles$\adelvinsonle\Downloads\aaab46db-435d-45b6-abee-4e159b536cbf.tmp</t>
  </si>
  <si>
    <t>01/16/2020 09:38:28</t>
  </si>
  <si>
    <t>01/16/2020 09:39:27</t>
  </si>
  <si>
    <t>b0511e3e-367a-487d-8fc2-9aac01b80687.tmp</t>
  </si>
  <si>
    <t>\\acsfs\profiles$\adelvinsonle\Downloads\b0511e3e-367a-487d-8fc2-9aac01b80687.tmp</t>
  </si>
  <si>
    <t>01/16/2020 09:39:57</t>
  </si>
  <si>
    <t>01/16/2020 09:40:27</t>
  </si>
  <si>
    <t>01/16/2020 09:40:57</t>
  </si>
  <si>
    <t>01/16/2020 09:38:53</t>
  </si>
  <si>
    <t>BD ALGAR TECH - JANEIRO - 2020.xlsx</t>
  </si>
  <si>
    <t>\\acsfs\DEPTOS\Operacao\PCP\5 - Comum\PLANEJAMENTO BV\22 - BANCO DE DADOS BV\CARTÕES\BD ALGAR TECH - JANEIRO - 2020.xlsx</t>
  </si>
  <si>
    <t>01/16/2020 09:38:54</t>
  </si>
  <si>
    <t>\\acsfs\DEPTOS\Operacao\PCP\5 - Comum\PLANEJAMENTO BV\22 - BANCO DE DADOS BV\CARTÕES\BD ALGAR TECH - JANEIRO - 2020.xlsx\</t>
  </si>
  <si>
    <t>\\acsfs\DEPTOS\Operacao\PCP\5 - Comum\PLANEJAMENTO BV\22 - BANCO DE DADOS BV\CARTÕES\BD ALGAR TECH - JANEIRO - 2020.xlsx\:Zone.Identifier:$DATA</t>
  </si>
  <si>
    <t>01/16/2020 09:40:53</t>
  </si>
  <si>
    <t>100014299414656;joaogvc@algartech.com;leonardoao@algartech.com;marianadjc@algartech.com;paulacn@algartech.com;rafaelggs@algartech.com;ricardodfm@algartech.com.br;taysdss@algartech.com;thiagordu@algartech.com;viniciussg@algartech.com;</t>
  </si>
  <si>
    <t>https://100014299414656,joaogvc@algartech.com,leonardoao@algartech.com,marianadjc@algartech.com,paulacn@algartech.com,rafaelggs@algartech.com,ricardodfm@algartech.com.br,taysdss@algartech.com,thiagordu@algartech.com,viniciussg@algartech.com</t>
  </si>
  <si>
    <t>01/16/2020 09:38:36</t>
  </si>
  <si>
    <t>01/16/2020 09:41:14</t>
  </si>
  <si>
    <t>01/16/2020 09:42:34</t>
  </si>
  <si>
    <t>84df9c01-90ed-419d-ae04-57595b94843c.tmp</t>
  </si>
  <si>
    <t>\\acsfs\profiles$\geovannasm\Downloads\84df9c01-90ed-419d-ae04-57595b94843c.tmp</t>
  </si>
  <si>
    <t>01/16/2020 09:40:06</t>
  </si>
  <si>
    <t>\\acsfs\ACS\Gabriel da Silva\Contemporânea\NPS\2EFED59.tmp\</t>
  </si>
  <si>
    <t>\\acsfs\ACS\Gabriel da Silva\Contemporânea\NPS\2EFED59.tmp\:Zone.Identifier:$DATA</t>
  </si>
  <si>
    <t>01/16/2020 09:40:11</t>
  </si>
  <si>
    <t>01/16/2020 09:41:54</t>
  </si>
  <si>
    <t>\\acsfs\ACS\Gabriel da Silva\Contemporânea\NPS\B19D6184.tmp\</t>
  </si>
  <si>
    <t>\\acsfs\ACS\Gabriel da Silva\Contemporânea\NPS\B19D6184.tmp\:Zone.Identifier:$DATA</t>
  </si>
  <si>
    <t>01/16/2020 09:39:20</t>
  </si>
  <si>
    <t>01/16/2020 09:42:17</t>
  </si>
  <si>
    <t>01/16/2020 09:43:34</t>
  </si>
  <si>
    <t>01/16/2020 09:43:11</t>
  </si>
  <si>
    <t>01/16/2020 09:44:34</t>
  </si>
  <si>
    <t>01/16/2020 09:43:13</t>
  </si>
  <si>
    <t>01/16/2020 09:43:18</t>
  </si>
  <si>
    <t>01/16/2020 09:39:54</t>
  </si>
  <si>
    <t>01/16/2020 09:40:00</t>
  </si>
  <si>
    <t>01/16/2020 09:40:08</t>
  </si>
  <si>
    <t>01/16/2020 09:40:14</t>
  </si>
  <si>
    <t>01/16/2020 09:40:40</t>
  </si>
  <si>
    <t>01/16/2020 09:40:55</t>
  </si>
  <si>
    <t>01/16/2020 09:46:34</t>
  </si>
  <si>
    <t>afb48293-f229-4dc2-beb8-50673ea66b59.tmp</t>
  </si>
  <si>
    <t>\\acsfs\profiles$\marcosvnds\Downloads\afb48293-f229-4dc2-beb8-50673ea66b59.tmp</t>
  </si>
  <si>
    <t>01/16/2020 09:43:15</t>
  </si>
  <si>
    <t>222fa772-febd-48f2-9f54-6a7bdfdaa48f.tmp</t>
  </si>
  <si>
    <t>\\acsfs\profiles$\marcosvnds\Downloads\222fa772-febd-48f2-9f54-6a7bdfdaa48f.tmp</t>
  </si>
  <si>
    <t>01/16/2020 09:41:30</t>
  </si>
  <si>
    <t>c98fd215-dfa3-4393-89ac-c865e4ed1611.tmp</t>
  </si>
  <si>
    <t>\\acsfs\profiles$\jhonatadss\Downloads\c98fd215-dfa3-4393-89ac-c865e4ed1611.tmp</t>
  </si>
  <si>
    <t>01/16/2020 09:41:33</t>
  </si>
  <si>
    <t>01/16/2020 09:45:32</t>
  </si>
  <si>
    <t>01/16/2020 09:41:27</t>
  </si>
  <si>
    <t>01/16/2020 09:41:57</t>
  </si>
  <si>
    <t>01/16/2020 09:42:27</t>
  </si>
  <si>
    <t>01/16/2020 09:44:27</t>
  </si>
  <si>
    <t>01/16/2020 09:44:57</t>
  </si>
  <si>
    <t>01/16/2020 09:44:22</t>
  </si>
  <si>
    <t>01/16/2020 09:45:09</t>
  </si>
  <si>
    <t>01/16/2020 09:45:33</t>
  </si>
  <si>
    <t>01/16/2020 09:44:36</t>
  </si>
  <si>
    <t>01/16/2020 09:47:34</t>
  </si>
  <si>
    <t>01/16/2020 09:41:59</t>
  </si>
  <si>
    <t>01/16/2020 09:42:19</t>
  </si>
  <si>
    <t>01/16/2020 09:44:30</t>
  </si>
  <si>
    <t>\\acsfs\ACS\Gabriel da Silva\Contemporânea\NPS\A962FAB6.tmp\</t>
  </si>
  <si>
    <t>\\acsfs\ACS\Gabriel da Silva\Contemporânea\NPS\A962FAB6.tmp\:Zone.Identifier:$DATA</t>
  </si>
  <si>
    <t>01/16/2020 09:44:42</t>
  </si>
  <si>
    <t>01/16/2020 09:45:27</t>
  </si>
  <si>
    <t>01/16/2020 09:45:44</t>
  </si>
  <si>
    <t>01/16/2020 09:46:48</t>
  </si>
  <si>
    <t>01/16/2020 09:46:51</t>
  </si>
  <si>
    <t>01/16/2020 09:46:56</t>
  </si>
  <si>
    <t>01/16/2020 09:43:29</t>
  </si>
  <si>
    <t>01/16/2020 09:48:34</t>
  </si>
  <si>
    <t>kezia.santos@mutantbr.com;</t>
  </si>
  <si>
    <t>kezia.santos@mutantbr.com</t>
  </si>
  <si>
    <t>01/16/2020 09:43:52</t>
  </si>
  <si>
    <t>01/16/2020 09:44:06</t>
  </si>
  <si>
    <t>01/16/2020 09:44:14</t>
  </si>
  <si>
    <t>01/16/2020 09:44:26</t>
  </si>
  <si>
    <t>01/16/2020 09:44:33</t>
  </si>
  <si>
    <t>01/16/2020 09:44:43</t>
  </si>
  <si>
    <t>01/16/2020 09:45:05</t>
  </si>
  <si>
    <t>01/16/2020 09:45:08</t>
  </si>
  <si>
    <t>01/16/2020 09:45:13</t>
  </si>
  <si>
    <t>01/16/2020 09:45:16</t>
  </si>
  <si>
    <t>01/16/2020 09:45:58</t>
  </si>
  <si>
    <t>01/16/2020 09:46:20</t>
  </si>
  <si>
    <t>01/16/2020 09:46:24</t>
  </si>
  <si>
    <t>01/16/2020 09:46:37</t>
  </si>
  <si>
    <t>01/16/2020 09:46:50</t>
  </si>
  <si>
    <t>01/16/2020 09:47:08</t>
  </si>
  <si>
    <t>01/16/2020 09:47:23</t>
  </si>
  <si>
    <t>01/16/2020 09:43:24</t>
  </si>
  <si>
    <t>01/16/2020 09:45:40</t>
  </si>
  <si>
    <t>01/16/2020 09:49:34</t>
  </si>
  <si>
    <t>01/16/2020 09:46:28</t>
  </si>
  <si>
    <t>1535f626-41e6-475d-a0d1-b1287a0bbbd3.tmp</t>
  </si>
  <si>
    <t>\\acsfs\profiles$\leticiala\Downloads\1535f626-41e6-475d-a0d1-b1287a0bbbd3.tmp</t>
  </si>
  <si>
    <t>01/16/2020 09:46:05</t>
  </si>
  <si>
    <t>ccb6c913-f757-4daa-bc49-468f2f4bb1fe.tmp</t>
  </si>
  <si>
    <t>\\acsfs\profiles$\nathaliarmr\Downloads\ccb6c913-f757-4daa-bc49-468f2f4bb1fe.tmp</t>
  </si>
  <si>
    <t>01/16/2020 09:46:52</t>
  </si>
  <si>
    <t>01/16/2020 09:48:39</t>
  </si>
  <si>
    <t>01/16/2020 09:47:58</t>
  </si>
  <si>
    <t>01/16/2020 09:50:34</t>
  </si>
  <si>
    <t>c5720bdf-515d-42b6-8b14-89516d1dceb8.tmp</t>
  </si>
  <si>
    <t>\\acsfs\profiles$\ayalabfi\Downloads\c5720bdf-515d-42b6-8b14-89516d1dceb8.tmp</t>
  </si>
  <si>
    <t>01/16/2020 09:48:23</t>
  </si>
  <si>
    <t>01/16/2020 09:51:34</t>
  </si>
  <si>
    <t>01/16/2020 09:49:19</t>
  </si>
  <si>
    <t>01/16/2020 09:49:53</t>
  </si>
  <si>
    <t>01/16/2020 09:48:06</t>
  </si>
  <si>
    <t>de599452-6c55-40bf-9e48-29340a4672e7.tmp</t>
  </si>
  <si>
    <t>\\acsfs\profiles$\gabriellalpr\Downloads\de599452-6c55-40bf-9e48-29340a4672e7.tmp</t>
  </si>
  <si>
    <t>01/16/2020 09:47:57</t>
  </si>
  <si>
    <t>01/16/2020 09:48:27</t>
  </si>
  <si>
    <t>01/16/2020 09:48:57</t>
  </si>
  <si>
    <t>01/16/2020 09:49:27</t>
  </si>
  <si>
    <t>01/16/2020 09:49:37</t>
  </si>
  <si>
    <t>01/16/2020 09:49:56</t>
  </si>
  <si>
    <t>01/16/2020 09:50:18</t>
  </si>
  <si>
    <t>01/16/2020 09:51:35</t>
  </si>
  <si>
    <t>01/16/2020 09:52:34</t>
  </si>
  <si>
    <t>713b036b-8fbf-497f-a3b4-23c5132e4090.tmp</t>
  </si>
  <si>
    <t>\\acsfs\profiles$\geovannasm\Downloads\713b036b-8fbf-497f-a3b4-23c5132e4090.tmp</t>
  </si>
  <si>
    <t>01/16/2020 09:50:01</t>
  </si>
  <si>
    <t>2cd6a0a8-2da1-401c-afb0-8432c351382f.tmp</t>
  </si>
  <si>
    <t>\\acsfs\profiles$\monicargds\Downloads\2cd6a0a8-2da1-401c-afb0-8432c351382f.tmp</t>
  </si>
  <si>
    <t>01/16/2020 09:48:19</t>
  </si>
  <si>
    <t>lu2733221pjuw.tmp</t>
  </si>
  <si>
    <t>\\acsfs\profiles$\RAFAELRF\meu\lu2733221pjuw.tmp</t>
  </si>
  <si>
    <t>01/16/2020 09:47:20</t>
  </si>
  <si>
    <t>01/16/2020 09:47:21</t>
  </si>
  <si>
    <t>01/16/2020 09:47:33</t>
  </si>
  <si>
    <t>01/16/2020 09:47:48</t>
  </si>
  <si>
    <t>01/16/2020 09:48:10</t>
  </si>
  <si>
    <t>01/16/2020 09:48:13</t>
  </si>
  <si>
    <t>15/01/2020;bvcartes-supervisores@algarnet.onmicrosoft.com;thiagordu@algartech.com;</t>
  </si>
  <si>
    <t>15/01/2020,bvcartes-supervisores@algarnet.onmicrosoft.com,thiagordu@algartech.com</t>
  </si>
  <si>
    <t>01/16/2020 09:48:44</t>
  </si>
  <si>
    <t>01/16/2020 09:48:54</t>
  </si>
  <si>
    <t>01/16/2020 09:48:56</t>
  </si>
  <si>
    <t>01/16/2020 09:49:38</t>
  </si>
  <si>
    <t>01/16/2020 09:50:32</t>
  </si>
  <si>
    <t>01/16/2020 09:47:54</t>
  </si>
  <si>
    <t>01/16/2020 09:53:34</t>
  </si>
  <si>
    <t>01/16/2020 09:48:07</t>
  </si>
  <si>
    <t>01/16/2020 09:48:11</t>
  </si>
  <si>
    <t>01/16/2020 09:48:16</t>
  </si>
  <si>
    <t>01/16/2020 09:48:31</t>
  </si>
  <si>
    <t>01/16/2020 09:48:38</t>
  </si>
  <si>
    <t>01/16/2020 09:49:08</t>
  </si>
  <si>
    <t>01/16/2020 09:49:25</t>
  </si>
  <si>
    <t>01/16/2020 09:49:39</t>
  </si>
  <si>
    <t>01/16/2020 09:49:48</t>
  </si>
  <si>
    <t>01/16/2020 09:50:12</t>
  </si>
  <si>
    <t>01/16/2020 09:49:14</t>
  </si>
  <si>
    <t>01/16/2020 09:54:34</t>
  </si>
  <si>
    <t>01/16/2020 09:49:47</t>
  </si>
  <si>
    <t>01/16/2020 09:49:49</t>
  </si>
  <si>
    <t>01/16/2020 09:52:03</t>
  </si>
  <si>
    <t>aaa24c65-6263-42e7-9bef-e32b8cc42317.tmp</t>
  </si>
  <si>
    <t>\\acsfs\profiles$\lorenabmc\Downloads\aaa24c65-6263-42e7-9bef-e32b8cc42317.tmp</t>
  </si>
  <si>
    <t>01/16/2020 09:51:13</t>
  </si>
  <si>
    <t>1d7341d3-d7bb-45cd-95bd-b0391e7ba4e1.tmp</t>
  </si>
  <si>
    <t>\\acsfs\profiles$\PEDROHAB\Downloads\1d7341d3-d7bb-45cd-95bd-b0391e7ba4e1.tmp</t>
  </si>
  <si>
    <t>01/16/2020 09:50:36</t>
  </si>
  <si>
    <t>c80398d3-5677-40f8-bc13-792ccb10b394.tmp</t>
  </si>
  <si>
    <t>\\acsfs\profiles$\danielac\Downloads\c80398d3-5677-40f8-bc13-792ccb10b394.tmp</t>
  </si>
  <si>
    <t>01/16/2020 09:50:45</t>
  </si>
  <si>
    <t>2370e53c-7519-40ba-82e2-09238e9b470b.tmp</t>
  </si>
  <si>
    <t>\\acsfs\profiles$\danielac\Downloads\2370e53c-7519-40ba-82e2-09238e9b470b.tmp</t>
  </si>
  <si>
    <t>01/16/2020 09:51:51</t>
  </si>
  <si>
    <t>01/16/2020 09:55:34</t>
  </si>
  <si>
    <t>.~lock.Reneg Vcto 17-01 Flavio.ods#</t>
  </si>
  <si>
    <t>\\acsfs\profiles$\Flaviojmm\My Documents\.~lock.Reneg Vcto 17-01 Flavio.ods#</t>
  </si>
  <si>
    <t>01/16/2020 09:51:57</t>
  </si>
  <si>
    <t>lu156202imcb3.tmp</t>
  </si>
  <si>
    <t>\\acsfs\profiles$\Flaviojmm\My Documents\lu156202imcb3.tmp</t>
  </si>
  <si>
    <t>\\acsfs\profiles$\Flaviojmm\My Documents\lu156202imcb3.tmp\</t>
  </si>
  <si>
    <t>\\acsfs\profiles$\Flaviojmm\My Documents\lu156202imcb3.tmp\META-INF\</t>
  </si>
  <si>
    <t>\\acsfs\profiles$\Flaviojmm\My Documents\lu156202imcb3.tmp\Thumbnails\</t>
  </si>
  <si>
    <t>01/16/2020 09:53:49</t>
  </si>
  <si>
    <t>01/16/2020 09:56:34</t>
  </si>
  <si>
    <t>76eaf2c3-8eb0-45f8-8788-75c88a712715.tmp</t>
  </si>
  <si>
    <t>\\acsfs\profiles$\jhonatadss\Downloads\76eaf2c3-8eb0-45f8-8788-75c88a712715.tmp</t>
  </si>
  <si>
    <t>01/16/2020 09:54:31</t>
  </si>
  <si>
    <t>f1df973c-576d-4f2b-952a-47c769ed9892.tmp</t>
  </si>
  <si>
    <t>\\acsfs\profiles$\jhonatadss\Downloads\f1df973c-576d-4f2b-952a-47c769ed9892.tmp</t>
  </si>
  <si>
    <t>01/16/2020 09:54:35</t>
  </si>
  <si>
    <t>39e251d6-ec20-4fb9-a2c2-3ccead357f5f.tmp</t>
  </si>
  <si>
    <t>\\acsfs\profiles$\jhonatadss\Downloads\39e251d6-ec20-4fb9-a2c2-3ccead357f5f.tmp</t>
  </si>
  <si>
    <t>01/16/2020 09:55:57</t>
  </si>
  <si>
    <t>01/16/2020 09:55:37</t>
  </si>
  <si>
    <t>01/16/2020 09:57:34</t>
  </si>
  <si>
    <t>01/16/2020 09:55:18</t>
  </si>
  <si>
    <t>6d93da26-18f5-4ebb-ac45-62aca15502ab.tmp</t>
  </si>
  <si>
    <t>\\acsfs\profiles$\kamilamrc\Downloads\6d93da26-18f5-4ebb-ac45-62aca15502ab.tmp</t>
  </si>
  <si>
    <t>01/16/2020 09:55:53</t>
  </si>
  <si>
    <t>b6e9565f-1e4b-48b7-b718-1991c57272fa.tmp</t>
  </si>
  <si>
    <t>\\acsfs\profiles$\kamilamrc\Downloads\b6e9565f-1e4b-48b7-b718-1991c57272fa.tmp</t>
  </si>
  <si>
    <t>01/16/2020 09:56:57</t>
  </si>
  <si>
    <t>02b7c1c6-d540-4c74-8ae2-ae3b2ba8c7cd.tmp</t>
  </si>
  <si>
    <t>\\acsfs\profiles$\kamilamrc\Downloads\02b7c1c6-d540-4c74-8ae2-ae3b2ba8c7cd.tmp</t>
  </si>
  <si>
    <t>01/16/2020 09:56:41</t>
  </si>
  <si>
    <t>https://udpwfmniceap02/pt_br/web/guest/home?p_auth=2u9gxqhd&amp;p_p_id=58&amp;p_p_lifecycle=1&amp;p_p_state=maximized&amp;p_p_mode=view&amp;savelastpath=0&amp;_58_struts_action=/login/forgot_password</t>
  </si>
  <si>
    <t>01/16/2020 09:56:53</t>
  </si>
  <si>
    <t>01/16/2020 09:54:30</t>
  </si>
  <si>
    <t>01/16/2020 09:54:37</t>
  </si>
  <si>
    <t>01/16/2020 09:55:02</t>
  </si>
  <si>
    <t>01/16/2020 09:55:19</t>
  </si>
  <si>
    <t>01/16/2020 09:55:27</t>
  </si>
  <si>
    <t>01/16/2020 09:57:13</t>
  </si>
  <si>
    <t>01/16/2020 09:57:19</t>
  </si>
  <si>
    <t>9f147efe-b4c7-4c9a-b7da-edc9e50c3b82.tmp</t>
  </si>
  <si>
    <t>\\acsfs\profiles$\vivianealda\Downloads\9f147efe-b4c7-4c9a-b7da-edc9e50c3b82.tmp</t>
  </si>
  <si>
    <t>01/16/2020 09:56:08</t>
  </si>
  <si>
    <t>55396626-d9cf-474e-885a-640b054ad7d1.tmp</t>
  </si>
  <si>
    <t>\\acsfs\profiles$\gabrielafs\Downloads\55396626-d9cf-474e-885a-640b054ad7d1.tmp</t>
  </si>
  <si>
    <t>926a7bb3-41da-4179-a2ac-0e05ece01fab.tmp</t>
  </si>
  <si>
    <t>\\acsfs\profiles$\gabrielafs\Downloads\926a7bb3-41da-4179-a2ac-0e05ece01fab.tmp</t>
  </si>
  <si>
    <t>b742fce1-bb3b-4ec3-a70f-07750cad9025.tmp</t>
  </si>
  <si>
    <t>\\acsfs\profiles$\gabrielafs\Downloads\b742fce1-bb3b-4ec3-a70f-07750cad9025.tmp</t>
  </si>
  <si>
    <t>01/16/2020 09:56:09</t>
  </si>
  <si>
    <t>389c27e8-8b79-4a6c-b984-90d9a3227c0f.tmp</t>
  </si>
  <si>
    <t>\\acsfs\profiles$\gabrielafs\Downloads\389c27e8-8b79-4a6c-b984-90d9a3227c0f.tmp</t>
  </si>
  <si>
    <t>01/16/2020 09:58:35</t>
  </si>
  <si>
    <t>01/16/2020 09:54:19</t>
  </si>
  <si>
    <t>01/16/2020 09:59:34</t>
  </si>
  <si>
    <t>.~lock.SCHEDULE_FINANCEIRA_Dezembro.xlsx#</t>
  </si>
  <si>
    <t>\\acsfs\DEPTOS\EDUCACAO EMPRESARIAL\2 - Operações\0 - BV\5 - QUALIDADE\Nova pasta\.~lock.SCHEDULE_FINANCEIRA_Dezembro.xlsx#</t>
  </si>
  <si>
    <t>01/16/2020 09:55:07</t>
  </si>
  <si>
    <t>2d9fa54d-e624-4fdd-b191-4bd4a043b10c.tmp</t>
  </si>
  <si>
    <t>\\acsfs\profiles$\lorenabmc\Downloads\2d9fa54d-e624-4fdd-b191-4bd4a043b10c.tmp</t>
  </si>
  <si>
    <t>01/16/2020 09:58:38</t>
  </si>
  <si>
    <t>01/16/2020 09:58:01</t>
  </si>
  <si>
    <t>oi.txt</t>
  </si>
  <si>
    <t>\\acsfs\ACS\001 - Qualidade Lilian\ELIANE\oi.txt</t>
  </si>
  <si>
    <t>01/16/2020 09:57:24</t>
  </si>
  <si>
    <t>01/16/2020 10:00:34</t>
  </si>
  <si>
    <t>8a6a84b3-a0ac-4895-9599-0a0adb30ff55.tmp</t>
  </si>
  <si>
    <t>\\acsfs\profiles$\matheushds\Downloads\8a6a84b3-a0ac-4895-9599-0a0adb30ff55.tmp</t>
  </si>
  <si>
    <t>01/16/2020 09:58:40</t>
  </si>
  <si>
    <t>d64bcf57-027a-4788-a2f1-eed6a676401c.tmp</t>
  </si>
  <si>
    <t>\\acsfs\profiles$\matheushds\Downloads\d64bcf57-027a-4788-a2f1-eed6a676401c.tmp</t>
  </si>
  <si>
    <t>01/16/2020 09:59:01</t>
  </si>
  <si>
    <t>9afe2201-9f23-4007-99a3-d5cb5a32e1a4.tmp</t>
  </si>
  <si>
    <t>\\acsfs\profiles$\matheushds\Downloads\9afe2201-9f23-4007-99a3-d5cb5a32e1a4.tmp</t>
  </si>
  <si>
    <t>01/16/2020 09:59:45</t>
  </si>
  <si>
    <t>96db7c76-e8ff-4607-ae6f-e8cc307e5e42.tmp</t>
  </si>
  <si>
    <t>\\acsfs\profiles$\matheushds\Downloads\96db7c76-e8ff-4607-ae6f-e8cc307e5e42.tmp</t>
  </si>
  <si>
    <t>01/16/2020 09:56:27</t>
  </si>
  <si>
    <t>01/16/2020 09:56:28</t>
  </si>
  <si>
    <t>lu230282can3y.tmp</t>
  </si>
  <si>
    <t>\\acsfs\profiles$\jalilebds\Downloads\lu230282can3y.tmp</t>
  </si>
  <si>
    <t>01/16/2020 09:57:28</t>
  </si>
  <si>
    <t>01/16/2020 10:01:34</t>
  </si>
  <si>
    <t>01/16/2020 09:57:58</t>
  </si>
  <si>
    <t>01/16/2020 09:58:28</t>
  </si>
  <si>
    <t>01/16/2020 09:59:58</t>
  </si>
  <si>
    <t>01/16/2020 10:00:28</t>
  </si>
  <si>
    <t>01/16/2020 10:00:58</t>
  </si>
  <si>
    <t>01/16/2020 09:56:19</t>
  </si>
  <si>
    <t>01/16/2020 09:57:03</t>
  </si>
  <si>
    <t>01/16/2020 09:58:45</t>
  </si>
  <si>
    <t>https://100014123564284,joaogvc@algartech.com,leonardoao@algartech.com,marianadjc@algartech.com,paulacn@algartech.com,rafaelggs@algartech.com,ricardodfm@algartech.com.br,taysdss@algartech.com,thiagordu@algartech.com,viniciussg@algartech.com</t>
  </si>
  <si>
    <t>01/16/2020 09:59:36</t>
  </si>
  <si>
    <t>01/16/2020 10:02:34</t>
  </si>
  <si>
    <t>01/16/2020 09:58:04</t>
  </si>
  <si>
    <t>Não confirmado 871875.crdownload</t>
  </si>
  <si>
    <t>\\acsfs\ACS\Gabriel da Silva\Contemporânea\Gen\Não confirmado 871875.crdownload</t>
  </si>
  <si>
    <t>01/16/2020 09:58:00</t>
  </si>
  <si>
    <t>f54fa400-0e11-4b5d-90c0-ee2af6dd64d9.tmp</t>
  </si>
  <si>
    <t>\\acsfs\profiles$\kamilamrc\Downloads\f54fa400-0e11-4b5d-90c0-ee2af6dd64d9.tmp</t>
  </si>
  <si>
    <t>01/16/2020 09:58:05</t>
  </si>
  <si>
    <t>9025ae54-88dc-465b-a362-119ff791028f.tmp</t>
  </si>
  <si>
    <t>\\acsfs\profiles$\kamilamrc\Downloads\9025ae54-88dc-465b-a362-119ff791028f.tmp</t>
  </si>
  <si>
    <t>01/16/2020 09:58:09</t>
  </si>
  <si>
    <t>9b1cd722-2c0d-47d5-84d5-e5577776cec3.tmp</t>
  </si>
  <si>
    <t>\\acsfs\profiles$\kamilamrc\Downloads\9b1cd722-2c0d-47d5-84d5-e5577776cec3.tmp</t>
  </si>
  <si>
    <t>01/16/2020 09:58:27</t>
  </si>
  <si>
    <t>https://udpwfmniceap02/web/guest/home?p_auth=2u9gxqhd&amp;p_p_id=58&amp;p_p_lifecycle=1&amp;p_p_state=maximized&amp;p_p_mode=view&amp;savelastpath=0&amp;_58_struts_action=/login/forgot_password</t>
  </si>
  <si>
    <t>01/16/2020 09:57:38</t>
  </si>
  <si>
    <t>01/16/2020 10:01:19</t>
  </si>
  <si>
    <t>01/16/2020 09:58:26</t>
  </si>
  <si>
    <t>01/16/2020 10:03:34</t>
  </si>
  <si>
    <t>01/16/2020 09:58:55</t>
  </si>
  <si>
    <t>\\acsfs\Deptos\EDUCACAO EMPRESARIAL\KÉSIA\CASO 00819553 - RIVANETH DOS SANTOS.docx\</t>
  </si>
  <si>
    <t>\\acsfs\Deptos\EDUCACAO EMPRESARIAL\KÉSIA\CASO 00819553 - RIVANETH DOS SANTOS.docx</t>
  </si>
  <si>
    <t>CASO 00819553 - RIVANETH DOS SANTOS.docx</t>
  </si>
  <si>
    <t>01/16/2020 09:59:15</t>
  </si>
  <si>
    <t>CASO 00819553 - RIVANETH DOS SANTOS.pdf</t>
  </si>
  <si>
    <t>\\acsfs\Deptos\EDUCACAO EMPRESARIAL\KÉSIA\OUVIDORIA, PROCON, BACEN E RECLAME AQUI\CASO 00819553 - RIVANETH DOS SANTOS.pdf</t>
  </si>
  <si>
    <t>01/16/2020 10:00:43</t>
  </si>
  <si>
    <t>bvs-centralcartoes@bv.com.br;cintia.souza-domingues@dxc.com;eduardo.santana@bv.com.br;fernandaab@algartech.com;fernandorsju@algartech.com;talmaiardo@algartech.com;thiagordu@algartech.com;</t>
  </si>
  <si>
    <t>bvs-centralcartoes@bv.com.br,cintia.souza-domingues@dxc.com,eduardo.santana@bv.com.br,fernandaab@algartech.com,fernandorsju@algartech.com,talmaiardo@algartech.com,thiagordu@algartech.com</t>
  </si>
  <si>
    <t>01/16/2020 10:00:45</t>
  </si>
  <si>
    <t>bvs-centralcartoes@bv.com.br;cintia.souza-domingues@dxc.com;eduardo.santana@bv.com.br;fernandaab@algartech.com;fernandorsju@algartech.com;lilianls@algartech.com;suportebv@mutantbr.com;talmaiardo@algartech.com;tatiane.biassi@mutantbr.com;thiagordu@algartech.com;</t>
  </si>
  <si>
    <t>bvs-centralcartoes@bv.com.br,cintia.souza-domingues@dxc.com,eduardo.santana@bv.com.br,fernandaab@algartech.com,fernandorsju@algartech.com,lilianls@algartech.com,suportebv@mutantbr.com,talmaiardo@algartech.com,tatiane.biassi@mutantbr.com,thiagordu@algartech.com</t>
  </si>
  <si>
    <t>01/16/2020 10:00:59</t>
  </si>
  <si>
    <t>01/16/2020 10:01:07</t>
  </si>
  <si>
    <t>01/16/2020 10:01:24</t>
  </si>
  <si>
    <t>01/16/2020 10:01:27</t>
  </si>
  <si>
    <t>01/16/2020 10:01:37</t>
  </si>
  <si>
    <t>01/16/2020 10:01:59</t>
  </si>
  <si>
    <t>01/16/2020 10:02:02</t>
  </si>
  <si>
    <t>01/16/2020 10:02:46</t>
  </si>
  <si>
    <t>bvs-centralcartoes@bv.com.br;cintia.souza-domingues@dxc.com;eduardo.santana@bv.com.br;fernandaab@algartech.com;fernandorsju@algartech.com;larisacc@algartech.com;lilianls@algartech.com;marianerdo@algartech.com;suportebv@mutantbr.com;talmaiardo@algartech.com;tatiane.biassi@mutantbr.com;thiagordu@algartech.com;</t>
  </si>
  <si>
    <t>bvs-centralcartoes@bv.com.br,cintia.souza-domingues@dxc.com,eduardo.santana@bv.com.br,fernandaab@algartech.com,fernandorsju@algartech.com,larisacc@algartech.com,lilianls@algartech.com,marianerdo@algartech.com,suportebv@mutantbr.com,talmaiardo@algartech.com,tatiane.biassi@mutantbr.com,thiagordu@algartech.com</t>
  </si>
  <si>
    <t>01/16/2020 10:02:50</t>
  </si>
  <si>
    <t>01/16/2020 10:02:52</t>
  </si>
  <si>
    <t>01/16/2020 10:01:32</t>
  </si>
  <si>
    <t>01/16/2020 10:04:34</t>
  </si>
  <si>
    <t>01/16/2020 10:00:47</t>
  </si>
  <si>
    <t>a35eff5c-e127-4542-97f0-03506262a0d2.tmp</t>
  </si>
  <si>
    <t>\\acsfs\profiles$\larissaad\Downloads\a35eff5c-e127-4542-97f0-03506262a0d2.tmp</t>
  </si>
  <si>
    <t>01/16/2020 09:59:05</t>
  </si>
  <si>
    <t>6076e1f0-f12a-4cb6-96c0-e9e4781d4dea.tmp</t>
  </si>
  <si>
    <t>\\acsfs\profiles$\lorenabmc\Downloads\6076e1f0-f12a-4cb6-96c0-e9e4781d4dea.tmp</t>
  </si>
  <si>
    <t>01/16/2020 10:00:49</t>
  </si>
  <si>
    <t>01/16/2020 10:00:55</t>
  </si>
  <si>
    <t>\\acsfs\DEPTOS\EDUCACAO EMPRESARIAL\2 - Operações\0 - BV\9 - MIRIAM\</t>
  </si>
  <si>
    <t>\\acsfs\DEPTOS\EDUCACAO EMPRESARIAL\2 - Operações\0 - BV\9 - MIRIAM\Thumbs.db</t>
  </si>
  <si>
    <t>01/16/2020 10:00:57</t>
  </si>
  <si>
    <t>\\acsfs\DEPTOS\EDUCACAO EMPRESARIAL\2 - Operações\0 - BV\9 - MIRIAM\01 - BV FINANCEIRA\</t>
  </si>
  <si>
    <t>\\acsfs\DEPTOS\EDUCACAO EMPRESARIAL\2 - Operações\0 - BV\9 - MIRIAM\01 - BV FINANCEIRA\Thumbs.db</t>
  </si>
  <si>
    <t>\\acsfs\DEPTOS\EDUCACAO EMPRESARIAL\2 - Operações\0 - BV\9 - MIRIAM\01 - BV FINANCEIRA\RR BV\</t>
  </si>
  <si>
    <t>\\acsfs\DEPTOS\EDUCACAO EMPRESARIAL\2 - Operações\0 - BV\9 - MIRIAM\01 - BV FINANCEIRA\RR BV\Thumbs.db</t>
  </si>
  <si>
    <t>01/16/2020 10:04:56</t>
  </si>
  <si>
    <t>01/16/2020 10:05:34</t>
  </si>
  <si>
    <t>01/16/2020 10:03:31</t>
  </si>
  <si>
    <t>01/16/2020 10:03:32</t>
  </si>
  <si>
    <t>lu230282can41.tmp</t>
  </si>
  <si>
    <t>\\acsfs\profiles$\jalilebds\Downloads\lu230282can41.tmp</t>
  </si>
  <si>
    <t>01/16/2020 10:03:57</t>
  </si>
  <si>
    <t>01/16/2020 10:06:35</t>
  </si>
  <si>
    <t>01/16/2020 10:01:23</t>
  </si>
  <si>
    <t>01/16/2020 10:01:00</t>
  </si>
  <si>
    <t>2471d06e-60a5-4230-82fc-1b4b182d3fe9.tmp</t>
  </si>
  <si>
    <t>\\acsfs\profiles$\gabriellalpr\Downloads\2471d06e-60a5-4230-82fc-1b4b182d3fe9.tmp</t>
  </si>
  <si>
    <t>01/16/2020 10:05:20</t>
  </si>
  <si>
    <t>aee416f2-32cc-41fe-95ff-ad486cc9890d.tmp</t>
  </si>
  <si>
    <t>\\acsfs\profiles$\luanarda\Downloads\aee416f2-32cc-41fe-95ff-ad486cc9890d.tmp</t>
  </si>
  <si>
    <t>01/16/2020 10:01:28</t>
  </si>
  <si>
    <t>01/16/2020 10:05:58</t>
  </si>
  <si>
    <t>01/16/2020 10:01:44</t>
  </si>
  <si>
    <t>01/16/2020 10:04:04</t>
  </si>
  <si>
    <t>01/16/2020 10:07:34</t>
  </si>
  <si>
    <t>01/16/2020 10:04:58</t>
  </si>
  <si>
    <t>01/16/2020 10:05:47</t>
  </si>
  <si>
    <t>01/16/2020 10:04:12</t>
  </si>
  <si>
    <t>6b184c89-982c-483d-b6cf-5d862a69ad2a.tmp</t>
  </si>
  <si>
    <t>\\acsfs\profiles$\gabrielafs\Downloads\6b184c89-982c-483d-b6cf-5d862a69ad2a.tmp</t>
  </si>
  <si>
    <t>01/16/2020 10:08:35</t>
  </si>
  <si>
    <t>01/16/2020 10:03:15</t>
  </si>
  <si>
    <t>54996;bvs-centralcartoes@bv.com.br;cintia.souza-domingues@dxc.com;eduardo.santana@bv.com.br;fernandaab@algartech.com;fernandorsju@algartech.com;lilianls@algartech.com;suportebv@mutantbr.com;talmaiardo@algartech.com;tatiane.biassi@mutantbr.com;thiagordu@algartech.com;</t>
  </si>
  <si>
    <t>54996,bvs-centralcartoes@bv.com.br,cintia.souza-domingues@dxc.com,eduardo.santana@bv.com.br,fernandaab@algartech.com,fernandorsju@algartech.com,lilianls@algartech.com,suportebv@mutantbr.com,talmaiardo@algartech.com,tatiane.biassi@mutantbr.com,thiagordu@algartech.com</t>
  </si>
  <si>
    <t>01/16/2020 10:03:19</t>
  </si>
  <si>
    <t>01/16/2020 10:03:55</t>
  </si>
  <si>
    <t>01/16/2020 10:04:00</t>
  </si>
  <si>
    <t>01/16/2020 10:04:10</t>
  </si>
  <si>
    <t>01/16/2020 10:04:21</t>
  </si>
  <si>
    <t>01/16/2020 10:04:23</t>
  </si>
  <si>
    <t>01/16/2020 10:04:47</t>
  </si>
  <si>
    <t>01/16/2020 10:05:15</t>
  </si>
  <si>
    <t>040656fd-919a-49e0-ad66-551021fb9148.tmp</t>
  </si>
  <si>
    <t>\\acsfs\profiles$\rafaelahpn\Downloads\040656fd-919a-49e0-ad66-551021fb9148.tmp</t>
  </si>
  <si>
    <t>01/16/2020 10:05:22</t>
  </si>
  <si>
    <t>11c15d80-4008-4c4c-a279-eff582119cfb.tmp</t>
  </si>
  <si>
    <t>\\acsfs\profiles$\rafaelahpn\Downloads\11c15d80-4008-4c4c-a279-eff582119cfb.tmp</t>
  </si>
  <si>
    <t>01/16/2020 10:05:31</t>
  </si>
  <si>
    <t>01/16/2020 10:09:34</t>
  </si>
  <si>
    <t>01/16/2020 10:07:00</t>
  </si>
  <si>
    <t>.~lock.Laudo 27-12 1 Cartão Protegido Rafaela Caso Neuza.docx#</t>
  </si>
  <si>
    <t>\\acsfs\DEPTOS\EDUCACAO EMPRESARIAL\2 - Operações\0 - BV\5 - QUALIDADE\Nova pasta\jose\.~lock.Laudo 27-12 1 Cartão Protegido Rafaela Caso Neuza.docx#</t>
  </si>
  <si>
    <t>01/16/2020 10:06:18</t>
  </si>
  <si>
    <t>01/16/2020 10:07:51</t>
  </si>
  <si>
    <t>01/16/2020 10:07:59</t>
  </si>
  <si>
    <t>01/16/2020 10:08:04</t>
  </si>
  <si>
    <t>01/16/2020 10:08:22</t>
  </si>
  <si>
    <t>01/16/2020 10:08:39</t>
  </si>
  <si>
    <t>01/16/2020 10:08:40</t>
  </si>
  <si>
    <t>01/16/2020 10:04:20</t>
  </si>
  <si>
    <t>17ae3072-8a3f-4d60-8a64-b7c758b18000.tmp</t>
  </si>
  <si>
    <t>\\acsfs\profiles$\larissaad\Downloads\17ae3072-8a3f-4d60-8a64-b7c758b18000.tmp</t>
  </si>
  <si>
    <t>01/16/2020 10:06:15</t>
  </si>
  <si>
    <t>2552af26-af0c-46ad-984b-87164809068a.tmp</t>
  </si>
  <si>
    <t>\\acsfs\profiles$\larissaad\Downloads\2552af26-af0c-46ad-984b-87164809068a.tmp</t>
  </si>
  <si>
    <t>01/16/2020 10:05:16</t>
  </si>
  <si>
    <t>06c0cbd7-1da7-4cc5-827e-8a9d0511c9d1.tmp</t>
  </si>
  <si>
    <t>\\acsfs\profiles$\mariagsg\Downloads\06c0cbd7-1da7-4cc5-827e-8a9d0511c9d1.tmp</t>
  </si>
  <si>
    <t>01/16/2020 10:05:19</t>
  </si>
  <si>
    <t>01/16/2020 10:05:21</t>
  </si>
  <si>
    <t>905cd0b5-237c-4a93-8515-4fba51722e9b.tmp</t>
  </si>
  <si>
    <t>\\acsfs\profiles$\mariagsg\Downloads\905cd0b5-237c-4a93-8515-4fba51722e9b.tmp</t>
  </si>
  <si>
    <t>01/16/2020 10:05:44</t>
  </si>
  <si>
    <t>01/16/2020 10:07:09</t>
  </si>
  <si>
    <t>retençao de seguros (alyny).txt</t>
  </si>
  <si>
    <t>\\acsfs\profiles$\ALYNYA\My Documents\retençao de seguros (alyny).txt</t>
  </si>
  <si>
    <t>01/16/2020 10:07:16</t>
  </si>
  <si>
    <t>01/16/2020 10:07:17</t>
  </si>
  <si>
    <t>lu5102857kbmm.tmp</t>
  </si>
  <si>
    <t>\\acsfs\profiles$\ALYNYA\My Documents\lu5102857kbmm.tmp</t>
  </si>
  <si>
    <t>\\acsfs\profiles$\ALYNYA\My Documents\lu5102857kbmm.tmp\</t>
  </si>
  <si>
    <t>\\acsfs\profiles$\ALYNYA\My Documents\lu5102857kbmm.tmp\META-INF\</t>
  </si>
  <si>
    <t>\\acsfs\profiles$\ALYNYA\My Documents\lu5102857kbmm.tmp\Thumbnails\</t>
  </si>
  <si>
    <t>01/16/2020 10:07:26</t>
  </si>
  <si>
    <t>01/16/2020 10:09:51</t>
  </si>
  <si>
    <t>01/16/2020 10:10:35</t>
  </si>
  <si>
    <t>01/16/2020 10:09:53</t>
  </si>
  <si>
    <t>01/16/2020 10:09:54</t>
  </si>
  <si>
    <t>01/16/2020 10:09:56</t>
  </si>
  <si>
    <t>01/16/2020 10:09:57</t>
  </si>
  <si>
    <t>01/16/2020 10:10:02</t>
  </si>
  <si>
    <t>01/16/2020 10:10:04</t>
  </si>
  <si>
    <t>01/16/2020 10:10:05</t>
  </si>
  <si>
    <t>01/16/2020 10:10:06</t>
  </si>
  <si>
    <t>01/16/2020 10:10:07</t>
  </si>
  <si>
    <t>01/16/2020 10:10:09</t>
  </si>
  <si>
    <t>01/16/2020 10:10:10</t>
  </si>
  <si>
    <t>01/16/2020 10:10:11</t>
  </si>
  <si>
    <t>01/16/2020 10:10:13</t>
  </si>
  <si>
    <t>01/16/2020 10:10:14</t>
  </si>
  <si>
    <t>01/16/2020 10:10:16</t>
  </si>
  <si>
    <t>01/16/2020 10:10:17</t>
  </si>
  <si>
    <t>01/16/2020 10:10:18</t>
  </si>
  <si>
    <t>01/16/2020 10:10:22</t>
  </si>
  <si>
    <t>01/16/2020 10:09:33</t>
  </si>
  <si>
    <t>01/16/2020 10:11:34</t>
  </si>
  <si>
    <t>01/16/2020 10:06:28</t>
  </si>
  <si>
    <t>01/16/2020 10:12:35</t>
  </si>
  <si>
    <t>01/16/2020 10:08:19</t>
  </si>
  <si>
    <t>01/16/2020 10:09:04</t>
  </si>
  <si>
    <t>58765be4-a350-42b8-8d72-d772f502e10d.tmp</t>
  </si>
  <si>
    <t>\\acsfs\profiles$\milenaas\Downloads\58765be4-a350-42b8-8d72-d772f502e10d.tmp</t>
  </si>
  <si>
    <t>01/16/2020 10:12:08</t>
  </si>
  <si>
    <t>256772c6-079d-4cd4-b748-6fcb3fb53ebb.tmp</t>
  </si>
  <si>
    <t>\\acsfs\profiles$\milenaas\Downloads\256772c6-079d-4cd4-b748-6fcb3fb53ebb.tmp</t>
  </si>
  <si>
    <t>01/16/2020 10:08:10</t>
  </si>
  <si>
    <t>01/16/2020 10:11:17</t>
  </si>
  <si>
    <t>a96d8566-1c4d-452e-b5b1-c83698faf009.tmp</t>
  </si>
  <si>
    <t>\\acsfs\profiles$\gabrielafs\Downloads\a96d8566-1c4d-452e-b5b1-c83698faf009.tmp</t>
  </si>
  <si>
    <t>01/16/2020 10:10:29</t>
  </si>
  <si>
    <t>01/16/2020 10:13:34</t>
  </si>
  <si>
    <t>01/16/2020 10:10:32</t>
  </si>
  <si>
    <t>01/16/2020 10:10:33</t>
  </si>
  <si>
    <t>01/16/2020 10:10:39</t>
  </si>
  <si>
    <t>01/16/2020 10:10:54</t>
  </si>
  <si>
    <t>01/16/2020 10:09:50</t>
  </si>
  <si>
    <t>01/16/2020 10:08:54</t>
  </si>
  <si>
    <t>01/16/2020 10:14:34</t>
  </si>
  <si>
    <t>01/16/2020 10:12:26</t>
  </si>
  <si>
    <t>01/16/2020 10:12:29</t>
  </si>
  <si>
    <t>01/16/2020 10:12:38</t>
  </si>
  <si>
    <t>01/16/2020 10:13:49</t>
  </si>
  <si>
    <t>01/16/2020 10:13:14</t>
  </si>
  <si>
    <t>01/16/2020 10:15:34</t>
  </si>
  <si>
    <t>01/16/2020 10:13:19</t>
  </si>
  <si>
    <t>lu156202imcbc.tmp</t>
  </si>
  <si>
    <t>\\acsfs\profiles$\Flaviojmm\My Documents\lu156202imcbc.tmp</t>
  </si>
  <si>
    <t>\\acsfs\profiles$\Flaviojmm\My Documents\lu156202imcbc.tmp\</t>
  </si>
  <si>
    <t>\\acsfs\profiles$\Flaviojmm\My Documents\lu156202imcbc.tmp\META-INF\</t>
  </si>
  <si>
    <t>\\acsfs\profiles$\Flaviojmm\My Documents\lu156202imcbc.tmp\Thumbnails\</t>
  </si>
  <si>
    <t>01/16/2020 10:10:23</t>
  </si>
  <si>
    <t>01/16/2020 10:10:31</t>
  </si>
  <si>
    <t>01/16/2020 10:10:34</t>
  </si>
  <si>
    <t>01/16/2020 10:10:36</t>
  </si>
  <si>
    <t>01/16/2020 10:10:43</t>
  </si>
  <si>
    <t>01/16/2020 10:10:45</t>
  </si>
  <si>
    <t>01/16/2020 10:10:46</t>
  </si>
  <si>
    <t>01/16/2020 10:10:47</t>
  </si>
  <si>
    <t>01/16/2020 10:10:48</t>
  </si>
  <si>
    <t>01/16/2020 10:10:49</t>
  </si>
  <si>
    <t>01/16/2020 10:11:02</t>
  </si>
  <si>
    <t>01/16/2020 10:11:03</t>
  </si>
  <si>
    <t>01/16/2020 10:11:06</t>
  </si>
  <si>
    <t>01/16/2020 10:11:11</t>
  </si>
  <si>
    <t>01/16/2020 10:11:12</t>
  </si>
  <si>
    <t>01/16/2020 10:11:14</t>
  </si>
  <si>
    <t>01/16/2020 10:11:27</t>
  </si>
  <si>
    <t>01/16/2020 10:11:29</t>
  </si>
  <si>
    <t>01/16/2020 10:11:30</t>
  </si>
  <si>
    <t>01/16/2020 10:11:31</t>
  </si>
  <si>
    <t>01/16/2020 10:11:37</t>
  </si>
  <si>
    <t>01/16/2020 10:11:39</t>
  </si>
  <si>
    <t>01/16/2020 10:11:56</t>
  </si>
  <si>
    <t>01/16/2020 10:11:57</t>
  </si>
  <si>
    <t>01/16/2020 10:11:58</t>
  </si>
  <si>
    <t>01/16/2020 10:12:03</t>
  </si>
  <si>
    <t>01/16/2020 10:12:11</t>
  </si>
  <si>
    <t>01/16/2020 10:12:14</t>
  </si>
  <si>
    <t>01/16/2020 10:12:16</t>
  </si>
  <si>
    <t>01/16/2020 10:12:21</t>
  </si>
  <si>
    <t>01/16/2020 10:12:44</t>
  </si>
  <si>
    <t>01/16/2020 10:13:16</t>
  </si>
  <si>
    <t>01/16/2020 10:17:35</t>
  </si>
  <si>
    <t>01/16/2020 10:15:04</t>
  </si>
  <si>
    <t>01/16/2020 10:15:57</t>
  </si>
  <si>
    <t>/o=exchangelabs/ou=exchange administrative group (fydibohf23spdlt)/cn=recipients/cn=4f1c81c2e16143f68596016ac3b45ef1-gustavo dam;/o=exchangelabs/ou=exchange administrative group (fydibohf23spdlt)/cn=recipients/cn=5af2cae509964078b2026f7f550380b0-andre luis;/o=exchangelabs/ou=exchange administrative group (fydibohf23spdlt)/cn=recipients/cn=6530aaa31df24237888421b849a2b4da-mariana cri;/o=exchangelabs/ou=exchange administrative group (fydibohf23spdlt)/cn=recipients/cn=9aa4d7e121fc43078a7cba77f602cd0a-qualidade a;/o=exchangelabs/ou=exchange administrative group (fydibohf23spdlt)/cn=recipients/cn=9b52022a6e624c30a92f50cf4538a4bf-talmaia rod;/o=exchangelabs/ou=exchange administrative group (fydibohf23spdlt)/cn=recipients/cn=9d5ac7c7f5bb4c7098bcc852bda547ba-luiz fernan;/o=exchangelabs/ou=exchange administrative group (fydibohf23spdlt)/cn=recipients/cn=b739f6c32af9463ab9cd653d7f330c20-haruna morg;/o=exchangelabs/ou=exchange administrative group (fydibohf23spdlt)/cn=recipients/cn=cf023be226744f8a9c38076dbccfd020-flavi</t>
  </si>
  <si>
    <t>/o=exchangelabs/ou=exchange administrative group (fydibohf23spdlt)/cn=recipients/cn=4f1c81c2e16143f68596016ac3b45ef1-gustavo dam,/o=exchangelabs/ou=exchange administrative group (fydibohf23spdlt)/cn=recipients/cn=5af2cae509964078b2026f7f550380b0-andre luis,/o=exchangelabs/ou=exchange administrative group (fydibohf23spdlt)/cn=recipients/cn=6530aaa31df24237888421b849a2b4da-mariana cri,/o=exchangelabs/ou=exchange administrative group (fydibohf23spdlt)/cn=recipients/cn=9aa4d7e121fc43078a7cba77f602cd0a-qualidade a,/o=exchangelabs/ou=exchange administrative group (fydibohf23spdlt)/cn=recipients/cn=9b52022a6e624c30a92f50cf4538a4bf-talmaia rod,/o=exchangelabs/ou=exchange administrative group (fydibohf23spdlt)/cn=recipients/cn=9d5ac7c7f5bb4c7098bcc852bda547ba-luiz fernan,/o=exchangelabs/ou=exchange administrative group (fydibohf23spdlt)/cn=recipients/cn=b739f6c32af9463ab9cd653d7f330c20-haruna morg,/o=exchangelabs/ou=exchange administrative group (fydibohf23spdlt)/cn=recipients/cn=cf023be226744f8a9c38076dbccfd020-flavi</t>
  </si>
  <si>
    <t>01/16/2020 10:15:56</t>
  </si>
  <si>
    <t>6cbbcc1c-4ee9-4e8b-9eaf-ab0c7afc418f.tmp</t>
  </si>
  <si>
    <t>\\acsfs\profiles$\kamilamrc\Downloads\6cbbcc1c-4ee9-4e8b-9eaf-ab0c7afc418f.tmp</t>
  </si>
  <si>
    <t>01/16/2020 10:12:19</t>
  </si>
  <si>
    <t>01/16/2020 10:12:34</t>
  </si>
  <si>
    <t>0b338d45-a9ca-4910-add9-a34c8039948e.tmp</t>
  </si>
  <si>
    <t>\\acsfs\profiles$\milenaas\Downloads\0b338d45-a9ca-4910-add9-a34c8039948e.tmp</t>
  </si>
  <si>
    <t>01/16/2020 10:12:56</t>
  </si>
  <si>
    <t>3c00ff4d-f447-449b-b607-0bbefa8dc3cf.tmp</t>
  </si>
  <si>
    <t>\\acsfs\profiles$\milenaas\Downloads\3c00ff4d-f447-449b-b607-0bbefa8dc3cf.tmp</t>
  </si>
  <si>
    <t>01/16/2020 10:13:31</t>
  </si>
  <si>
    <t>2f8fffab-f621-4347-836f-83adc49a63b1.tmp</t>
  </si>
  <si>
    <t>\\acsfs\profiles$\milenaas\Downloads\2f8fffab-f621-4347-836f-83adc49a63b1.tmp</t>
  </si>
  <si>
    <t>01/16/2020 10:16:09</t>
  </si>
  <si>
    <t>41682b4d-2ea9-4463-bae2-4c4862833f9f.tmp</t>
  </si>
  <si>
    <t>\\acsfs\profiles$\milenaas\Downloads\41682b4d-2ea9-4463-bae2-4c4862833f9f.tmp</t>
  </si>
  <si>
    <t>01/16/2020 10:18:34</t>
  </si>
  <si>
    <t>01/16/2020 10:14:33</t>
  </si>
  <si>
    <t>01/16/2020 10:14:47</t>
  </si>
  <si>
    <t>01/16/2020 10:15:30</t>
  </si>
  <si>
    <t>01/16/2020 10:15:35</t>
  </si>
  <si>
    <t>01/16/2020 10:15:53</t>
  </si>
  <si>
    <t>01/16/2020 10:18:18</t>
  </si>
  <si>
    <t>01/16/2020 10:19:34</t>
  </si>
  <si>
    <t>a445256c-8f29-4696-9781-bfde21c9a8cd.tmp</t>
  </si>
  <si>
    <t>\\acsfs\profiles$\francislayneads\Downloads\a445256c-8f29-4696-9781-bfde21c9a8cd.tmp</t>
  </si>
  <si>
    <t>01/16/2020 10:18:25</t>
  </si>
  <si>
    <t>0b06f78d-c7b3-4c2b-9545-da41ffc2aa81.tmp</t>
  </si>
  <si>
    <t>\\acsfs\profiles$\francislayneads\Downloads\0b06f78d-c7b3-4c2b-9545-da41ffc2aa81.tmp</t>
  </si>
  <si>
    <t>01/16/2020 10:14:31</t>
  </si>
  <si>
    <t>.~lock.Controle de Erros operacionais - Dezembro - Supervisores.xlsb#</t>
  </si>
  <si>
    <t>\\acsfs\DEPTOS\EDUCACAO EMPRESARIAL\2 - Operações\0 - BV\5 - QUALIDADE\Nova pasta\.~lock.Controle de Erros operacionais - Dezembro - Supervisores.xlsb#</t>
  </si>
  <si>
    <t>01/16/2020 10:18:12</t>
  </si>
  <si>
    <t>01/16/2020 10:18:30</t>
  </si>
  <si>
    <t>01/16/2020 10:17:00</t>
  </si>
  <si>
    <t>01/16/2020 10:15:16</t>
  </si>
  <si>
    <t>ec6f35e4-9015-4f06-bb30-f6c26ae1dbf1.tmp</t>
  </si>
  <si>
    <t>\\acsfs\profiles$\ALYNYA\Downloads\ec6f35e4-9015-4f06-bb30-f6c26ae1dbf1.tmp</t>
  </si>
  <si>
    <t>01/16/2020 10:15:45</t>
  </si>
  <si>
    <t>9376e3ab-1778-478d-a084-d80f7789fc66.tmp</t>
  </si>
  <si>
    <t>\\acsfs\profiles$\ALYNYA\Downloads\9376e3ab-1778-478d-a084-d80f7789fc66.tmp</t>
  </si>
  <si>
    <t>01/16/2020 10:18:27</t>
  </si>
  <si>
    <t>01/16/2020 10:18:45</t>
  </si>
  <si>
    <t>01/16/2020 10:20:35</t>
  </si>
  <si>
    <t>01/16/2020 10:19:37</t>
  </si>
  <si>
    <t>01/16/2020 10:19:41</t>
  </si>
  <si>
    <t>01/16/2020 10:20:27</t>
  </si>
  <si>
    <t>01/16/2020 10:21:34</t>
  </si>
  <si>
    <t>01/16/2020 10:20:28</t>
  </si>
  <si>
    <t>01/16/2020 10:17:36</t>
  </si>
  <si>
    <t>01/16/2020 10:22:34</t>
  </si>
  <si>
    <t>838aab83-467f-46df-8fa7-0be8b5b9bb3c.tmp</t>
  </si>
  <si>
    <t>\\acsfs\profiles$\geovannasm\Downloads\838aab83-467f-46df-8fa7-0be8b5b9bb3c.tmp</t>
  </si>
  <si>
    <t>01/16/2020 10:20:38</t>
  </si>
  <si>
    <t>https://udpwfmniceap02/pt_br/web/guest/home?p_auth=kfq8brow&amp;p_p_id=58&amp;p_p_lifecycle=1&amp;p_p_state=maximized&amp;p_p_mode=view&amp;savelastpath=0&amp;_58_struts_action=/login/forgot_password</t>
  </si>
  <si>
    <t>01/16/2020 10:20:45</t>
  </si>
  <si>
    <t>01/16/2020 10:21:57</t>
  </si>
  <si>
    <t>01/16/2020 10:21:05</t>
  </si>
  <si>
    <t>01/16/2020 10:23:34</t>
  </si>
  <si>
    <t>019ba1af-4c67-4cb4-b255-de9ac6fdbe61.tmp</t>
  </si>
  <si>
    <t>\\acsfs\profiles$\wenderbnm\Downloads\019ba1af-4c67-4cb4-b255-de9ac6fdbe61.tmp</t>
  </si>
  <si>
    <t>01/16/2020 10:23:28</t>
  </si>
  <si>
    <t>01/16/2020 10:24:35</t>
  </si>
  <si>
    <t>4cb652a9-528c-4c8d-9699-4aeee3fffdfd.tmp</t>
  </si>
  <si>
    <t>\\acsfs\profiles$\francislayneads\Downloads\4cb652a9-528c-4c8d-9699-4aeee3fffdfd.tmp</t>
  </si>
  <si>
    <t>01/16/2020 10:19:11</t>
  </si>
  <si>
    <t>.~lock.Controle de Erros operacionais - Dezembro -ATUALIZADA2.xlsb#</t>
  </si>
  <si>
    <t>\\acsfs\DEPTOS\EDUCACAO EMPRESARIAL\2 - Operações\0 - BV\5 - QUALIDADE\Nova pasta\.~lock.Controle de Erros operacionais - Dezembro -ATUALIZADA2.xlsb#</t>
  </si>
  <si>
    <t>01/16/2020 10:18:52</t>
  </si>
  <si>
    <t>01/16/2020 10:19:13</t>
  </si>
  <si>
    <t>01/16/2020 10:19:22</t>
  </si>
  <si>
    <t>01/16/2020 10:19:28</t>
  </si>
  <si>
    <t>100014142553854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14142553854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6/2020 10:19:44</t>
  </si>
  <si>
    <t>01/16/2020 10:20:04</t>
  </si>
  <si>
    <t>01/16/2020 10:20:11</t>
  </si>
  <si>
    <t>01/16/2020 10:20:39</t>
  </si>
  <si>
    <t>01/16/2020 10:21:27</t>
  </si>
  <si>
    <t>01/16/2020 10:22:01</t>
  </si>
  <si>
    <t>01/16/2020 10:21:53</t>
  </si>
  <si>
    <t>01/16/2020 10:25:34</t>
  </si>
  <si>
    <t>01/16/2020 10:21:42</t>
  </si>
  <si>
    <t>01/16/2020 10:21:43</t>
  </si>
  <si>
    <t>01/16/2020 10:21:46</t>
  </si>
  <si>
    <t>01/16/2020 10:22:15</t>
  </si>
  <si>
    <t>01/16/2020 10:22:18</t>
  </si>
  <si>
    <t>01/16/2020 10:22:21</t>
  </si>
  <si>
    <t>01/16/2020 10:22:26</t>
  </si>
  <si>
    <t>01/16/2020 10:22:00</t>
  </si>
  <si>
    <t>01/16/2020 10:26:34</t>
  </si>
  <si>
    <t>01/16/2020 10:22:30</t>
  </si>
  <si>
    <t>01/16/2020 10:23:00</t>
  </si>
  <si>
    <t>01/16/2020 10:25:10</t>
  </si>
  <si>
    <t>01/16/2020 10:27:34</t>
  </si>
  <si>
    <t>01/16/2020 10:25:37</t>
  </si>
  <si>
    <t>01/16/2020 10:25:14</t>
  </si>
  <si>
    <t>https://udpwfmniceap02/web/guest/home?p_auth=kfq8brow&amp;p_p_id=58&amp;p_p_lifecycle=1&amp;p_p_state=maximized&amp;p_p_mode=view&amp;savelastpath=0&amp;_58_struts_action=/login/forgot_password</t>
  </si>
  <si>
    <t>01/16/2020 10:22:19</t>
  </si>
  <si>
    <t>01/16/2020 10:26:49</t>
  </si>
  <si>
    <t>01/16/2020 10:24:10</t>
  </si>
  <si>
    <t>01/16/2020 10:28:34</t>
  </si>
  <si>
    <t>01/16/2020 10:25:08</t>
  </si>
  <si>
    <t>01/16/2020 10:28:43</t>
  </si>
  <si>
    <t>01/16/2020 10:29:33</t>
  </si>
  <si>
    <t>01/16/2020 10:25:23</t>
  </si>
  <si>
    <t>01/16/2020 10:29:07</t>
  </si>
  <si>
    <t>01/16/2020 10:30:34</t>
  </si>
  <si>
    <t>01/16/2020 10:28:35</t>
  </si>
  <si>
    <t>01/16/2020 10:28:36</t>
  </si>
  <si>
    <t>lu230282can49.tmp</t>
  </si>
  <si>
    <t>\\acsfs\profiles$\jalilebds\Downloads\lu230282can49.tmp</t>
  </si>
  <si>
    <t>01/16/2020 10:29:03</t>
  </si>
  <si>
    <t>01/16/2020 10:31:34</t>
  </si>
  <si>
    <t>01/16/2020 10:27:00</t>
  </si>
  <si>
    <t>01/16/2020 10:27:30</t>
  </si>
  <si>
    <t>01/16/2020 10:28:00</t>
  </si>
  <si>
    <t>01/16/2020 10:28:30</t>
  </si>
  <si>
    <t>01/16/2020 10:29:00</t>
  </si>
  <si>
    <t>01/16/2020 10:29:30</t>
  </si>
  <si>
    <t>01/16/2020 10:30:00</t>
  </si>
  <si>
    <t>01/16/2020 10:30:30</t>
  </si>
  <si>
    <t>01/16/2020 10:31:00</t>
  </si>
  <si>
    <t>01/16/2020 10:28:40</t>
  </si>
  <si>
    <t>01/16/2020 10:30:50</t>
  </si>
  <si>
    <t>01/16/2020 10:32:34</t>
  </si>
  <si>
    <t>0f449a62-9a4d-4d54-90e6-028bb27ce090.tmp</t>
  </si>
  <si>
    <t>\\acsfs\profiles$\nataliacsl\Downloads\0f449a62-9a4d-4d54-90e6-028bb27ce090.tmp</t>
  </si>
  <si>
    <t>01/16/2020 10:28:17</t>
  </si>
  <si>
    <t>01/16/2020 10:29:37</t>
  </si>
  <si>
    <t>01/16/2020 10:30:26</t>
  </si>
  <si>
    <t>01/16/2020 10:31:41</t>
  </si>
  <si>
    <t>/o=exchangelabs/ou=exchange administrative group (fydibohf23spdlt)/cn=recipients/cn=6f1e854114534422b54fccf103cdd81d-gabriel da;</t>
  </si>
  <si>
    <t>/o=exchangelabs/ou=exchange administrative group (fydibohf23spdlt)/cn=recipients/cn=6f1e854114534422b54fccf103cdd81d-gabriel da</t>
  </si>
  <si>
    <t>01/16/2020 10:30:57</t>
  </si>
  <si>
    <t>a8c66d57-1979-4b5d-b51f-3a7becc4d8e4.tmp</t>
  </si>
  <si>
    <t>\\acsfs\profiles$\RAFAELRF\Downloads\a8c66d57-1979-4b5d-b51f-3a7becc4d8e4.tmp</t>
  </si>
  <si>
    <t>01/16/2020 10:30:07</t>
  </si>
  <si>
    <t>01/16/2020 10:30:46</t>
  </si>
  <si>
    <t>01/16/2020 10:33:34</t>
  </si>
  <si>
    <t>Bruno Gonçalves da Silva_1_6777853809335011614_1_32.wav</t>
  </si>
  <si>
    <t>\\acsfs\Deptos\EDUCACAO EMPRESARIAL\FERNANDA MONIT\Fernanda\MONITORIA JANEIRO\Ligação para MUTANT segundo ciclo janeiro\Bruno Gonçalves da Silva_1_6777853809335011614_1_32.wav</t>
  </si>
  <si>
    <t>01/16/2020 10:31:44</t>
  </si>
  <si>
    <t>01/16/2020 10:34:34</t>
  </si>
  <si>
    <t>c52aff1c-fdbf-438f-9eba-cd8e92f140a3.tmp</t>
  </si>
  <si>
    <t>\\acsfs\profiles$\larissaad\Downloads\c52aff1c-fdbf-438f-9eba-cd8e92f140a3.tmp</t>
  </si>
  <si>
    <t>01/16/2020 10:30:27</t>
  </si>
  <si>
    <t>01/16/2020 10:32:00</t>
  </si>
  <si>
    <t>01/16/2020 10:35:34</t>
  </si>
  <si>
    <t>01/16/2020 10:33:35</t>
  </si>
  <si>
    <t>https://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senildapdo@algartecnologia.com.br,supervisaobancovotorantim@algartech.com,taysdss@algartech.com,thiagolrc@bv.algartech.com</t>
  </si>
  <si>
    <t>01/16/2020 10:32:41</t>
  </si>
  <si>
    <t>01/16/2020 10:32:03</t>
  </si>
  <si>
    <t>01/16/2020 10:36:34</t>
  </si>
  <si>
    <t>01/16/2020 10:32:04</t>
  </si>
  <si>
    <t>01/16/2020 10:34:01</t>
  </si>
  <si>
    <t>01/16/2020 10:34:31</t>
  </si>
  <si>
    <t>01/16/2020 10:35:31</t>
  </si>
  <si>
    <t>01/16/2020 10:36:01</t>
  </si>
  <si>
    <t>01/16/2020 10:33:52</t>
  </si>
  <si>
    <t>1b87c396-c0ac-4613-bb95-71c9dcfa0808.tmp</t>
  </si>
  <si>
    <t>\\acsfs\profiles$\ERICALSR\Downloads\1b87c396-c0ac-4613-bb95-71c9dcfa0808.tmp</t>
  </si>
  <si>
    <t>01/16/2020 10:36:20</t>
  </si>
  <si>
    <t>01/16/2020 10:37:34</t>
  </si>
  <si>
    <t>01/16/2020 10:34:18</t>
  </si>
  <si>
    <t>01/16/2020 10:35:08</t>
  </si>
  <si>
    <t>8dc58488-0b24-4bd0-afcc-cde053498092.tmp</t>
  </si>
  <si>
    <t>\\acsfs\profiles$\gabrielsma\Downloads\8dc58488-0b24-4bd0-afcc-cde053498092.tmp</t>
  </si>
  <si>
    <t>01/16/2020 10:35:12</t>
  </si>
  <si>
    <t>\\acsfs\ACS\Gabriel da Silva\Contemporânea\Gen\Q29udHJvbGxlci5FeHBsb3Jlcl8x.ica.crdownload</t>
  </si>
  <si>
    <t>01/16/2020 10:34:56</t>
  </si>
  <si>
    <t>.~lock.Contato Reneg Vencimento 17-01.ods#</t>
  </si>
  <si>
    <t>\\acsfs\profiles$\CLAUDIAJCA\Reneg 18-12\.~lock.Contato Reneg Vencimento 17-01.ods#</t>
  </si>
  <si>
    <t>01/16/2020 10:35:01</t>
  </si>
  <si>
    <t>lu324162x3mel.tmp</t>
  </si>
  <si>
    <t>\\acsfs\profiles$\CLAUDIAJCA\Reneg 18-12\lu324162x3mel.tmp</t>
  </si>
  <si>
    <t>\\acsfs\profiles$\CLAUDIAJCA\Reneg 18-12\lu324162x3mel.tmp\</t>
  </si>
  <si>
    <t>\\acsfs\profiles$\CLAUDIAJCA\Reneg 18-12\lu324162x3mel.tmp\META-INF\</t>
  </si>
  <si>
    <t>\\acsfs\profiles$\CLAUDIAJCA\Reneg 18-12\lu324162x3mel.tmp\Thumbnails\</t>
  </si>
  <si>
    <t>01/16/2020 10:32:57</t>
  </si>
  <si>
    <t>01/16/2020 10:38:34</t>
  </si>
  <si>
    <t>8e89b2ea-5e0b-4ab3-a829-af01e04425de.tmp</t>
  </si>
  <si>
    <t>\\acsfs\profiles$\vivianalds\Downloads\8e89b2ea-5e0b-4ab3-a829-af01e04425de.tmp</t>
  </si>
  <si>
    <t>01/16/2020 10:37:09</t>
  </si>
  <si>
    <t>07392def-b8b1-4421-9edd-d943e53b61a6.tmp</t>
  </si>
  <si>
    <t>\\acsfs\profiles$\vivianalds\Downloads\07392def-b8b1-4421-9edd-d943e53b61a6.tmp</t>
  </si>
  <si>
    <t>01/16/2020 10:36:13</t>
  </si>
  <si>
    <t>01/16/2020 10:36:15</t>
  </si>
  <si>
    <t>01/16/2020 10:39:34</t>
  </si>
  <si>
    <t>32e03843-137a-4d45-99ea-66a085318f0c.tmp</t>
  </si>
  <si>
    <t>\\acsfs\profiles$\lorenabmc\Downloads\32e03843-137a-4d45-99ea-66a085318f0c.tmp</t>
  </si>
  <si>
    <t>01/16/2020 10:36:56</t>
  </si>
  <si>
    <t>89e440f5-b5db-4707-9411-f4d165916abc.tmp</t>
  </si>
  <si>
    <t>\\acsfs\profiles$\lorenabmc\Downloads\89e440f5-b5db-4707-9411-f4d165916abc.tmp</t>
  </si>
  <si>
    <t>01/16/2020 10:38:57</t>
  </si>
  <si>
    <t>01/16/2020 10:40:34</t>
  </si>
  <si>
    <t>lu230282can4h.tmp</t>
  </si>
  <si>
    <t>\\acsfs\profiles$\jalilebds\Downloads\lu230282can4h.tmp</t>
  </si>
  <si>
    <t>01/16/2020 10:36:27</t>
  </si>
  <si>
    <t>ec342cf2-c252-4ea3-a9ae-9a80488f42b0.tmp</t>
  </si>
  <si>
    <t>\\acsfs\profiles$\mariajra\Downloads\ec342cf2-c252-4ea3-a9ae-9a80488f42b0.tmp</t>
  </si>
  <si>
    <t>01/16/2020 10:36:35</t>
  </si>
  <si>
    <t>e8ea1ea7-0d4a-4c89-89ae-e66a0de80d49.tmp</t>
  </si>
  <si>
    <t>\\acsfs\profiles$\mariajra\Downloads\e8ea1ea7-0d4a-4c89-89ae-e66a0de80d49.tmp</t>
  </si>
  <si>
    <t>01/16/2020 10:38:25</t>
  </si>
  <si>
    <t>01/16/2020 10:41:34</t>
  </si>
  <si>
    <t>01/16/2020 10:38:26</t>
  </si>
  <si>
    <t>01/16/2020 10:36:31</t>
  </si>
  <si>
    <t>01/16/2020 10:38:01</t>
  </si>
  <si>
    <t>01/16/2020 10:40:02</t>
  </si>
  <si>
    <t>01/16/2020 10:40:32</t>
  </si>
  <si>
    <t>01/16/2020 10:41:02</t>
  </si>
  <si>
    <t>01/16/2020 10:37:46</t>
  </si>
  <si>
    <t>01/16/2020 10:41:03</t>
  </si>
  <si>
    <t>01/16/2020 10:42:34</t>
  </si>
  <si>
    <t>01/16/2020 10:40:17</t>
  </si>
  <si>
    <t>01/16/2020 10:38:04</t>
  </si>
  <si>
    <t>01/16/2020 10:40:25</t>
  </si>
  <si>
    <t>2c30aeed-0f8c-4064-8b75-4d321e962525.tmp</t>
  </si>
  <si>
    <t>\\acsfs\profiles$\gabrielafs\Downloads\2c30aeed-0f8c-4064-8b75-4d321e962525.tmp</t>
  </si>
  <si>
    <t>01/16/2020 10:40:30</t>
  </si>
  <si>
    <t>01/16/2020 10:43:34</t>
  </si>
  <si>
    <t>6b57fb43-f30a-4df1-85b2-9c587e8e0687.tmp</t>
  </si>
  <si>
    <t>\\acsfs\profiles$\rafaelahpn\Downloads\6b57fb43-f30a-4df1-85b2-9c587e8e0687.tmp</t>
  </si>
  <si>
    <t>01/16/2020 10:44:34</t>
  </si>
  <si>
    <t>01/16/2020 10:41:15</t>
  </si>
  <si>
    <t>5ea5bfb2-8bd2-4eb8-ae7b-96c62caa96ca.tmp</t>
  </si>
  <si>
    <t>\\acsfs\profiles$\larissaad\Downloads\5ea5bfb2-8bd2-4eb8-ae7b-96c62caa96ca.tmp</t>
  </si>
  <si>
    <t>01/16/2020 10:42:40</t>
  </si>
  <si>
    <t>01/16/2020 10:42:49</t>
  </si>
  <si>
    <t>01/16/2020 10:43:22</t>
  </si>
  <si>
    <t>01/16/2020 10:43:25</t>
  </si>
  <si>
    <t>01/16/2020 10:45:34</t>
  </si>
  <si>
    <t>01/16/2020 10:45:10</t>
  </si>
  <si>
    <t>lu230282can4k.tmp</t>
  </si>
  <si>
    <t>\\acsfs\profiles$\jalilebds\Downloads\lu230282can4k.tmp</t>
  </si>
  <si>
    <t>01/16/2020 10:40:58</t>
  </si>
  <si>
    <t>01/16/2020 10:46:35</t>
  </si>
  <si>
    <t>01/16/2020 10:40:59</t>
  </si>
  <si>
    <t>01/16/2020 10:43:33</t>
  </si>
  <si>
    <t>01/16/2020 10:43:03</t>
  </si>
  <si>
    <t>01/16/2020 10:44:03</t>
  </si>
  <si>
    <t>01/16/2020 10:44:33</t>
  </si>
  <si>
    <t>01/16/2020 10:45:03</t>
  </si>
  <si>
    <t>01/16/2020 10:43:35</t>
  </si>
  <si>
    <t>01/16/2020 10:47:35</t>
  </si>
  <si>
    <t>01/16/2020 10:47:13</t>
  </si>
  <si>
    <t>01/16/2020 10:49:35</t>
  </si>
  <si>
    <t>Não confirmado 498899.crdownload</t>
  </si>
  <si>
    <t>\\acsfs\Deptos\Operacao\Banco_Votorantim\Supervisao\Maristela\CRBV vendas\Desligamento\Não confirmado 498899.crdownload</t>
  </si>
  <si>
    <t>01/16/2020 10:47:28</t>
  </si>
  <si>
    <t>01/16/2020 10:47:29</t>
  </si>
  <si>
    <t>lu103081e8si.tmp</t>
  </si>
  <si>
    <t>\\acsfs\profiles$\dhiulliananads\My Documents\lu103081e8si.tmp</t>
  </si>
  <si>
    <t>\\acsfs\profiles$\dhiulliananads\My Documents\lu103081e8si.tmp\</t>
  </si>
  <si>
    <t>\\acsfs\profiles$\dhiulliananads\My Documents\lu103081e8si.tmp\META-INF\</t>
  </si>
  <si>
    <t>\\acsfs\profiles$\dhiulliananads\My Documents\lu103081e8si.tmp\Thumbnails\</t>
  </si>
  <si>
    <t>01/16/2020 10:50:31</t>
  </si>
  <si>
    <t>01/16/2020 10:51:35</t>
  </si>
  <si>
    <t>01/16/2020 10:50:34</t>
  </si>
  <si>
    <t>01/16/2020 10:50:32</t>
  </si>
  <si>
    <t>01/16/2020 10:52:35</t>
  </si>
  <si>
    <t>01/16/2020 10:50:51</t>
  </si>
  <si>
    <t>0ef70e55-61b9-4a33-8f9c-afe8126772ff.tmp</t>
  </si>
  <si>
    <t>\\acsfs\profiles$\gabrielsma\Downloads\0ef70e55-61b9-4a33-8f9c-afe8126772ff.tmp</t>
  </si>
  <si>
    <t>01/16/2020 10:51:03</t>
  </si>
  <si>
    <t>Não confirmado 688329.crdownload</t>
  </si>
  <si>
    <t>\\acsfs\ACS\Gabriel da Silva\Contemporânea\VENDAS\Não confirmado 688329.crdownload</t>
  </si>
  <si>
    <t>9b964f66-3dba-4386-b51d-5768bddf77d6.tmp</t>
  </si>
  <si>
    <t>\\acsfs\profiles$\gabrielsma\Downloads\9b964f66-3dba-4386-b51d-5768bddf77d6.tmp</t>
  </si>
  <si>
    <t>Não confirmado 367481.crdownload</t>
  </si>
  <si>
    <t>\\acsfs\ACS\Gabriel da Silva\Contemporânea\VENDAS\Não confirmado 367481.crdownload</t>
  </si>
  <si>
    <t>01/16/2020 10:51:43</t>
  </si>
  <si>
    <t>01/16/2020 10:53:36</t>
  </si>
  <si>
    <t>01/16/2020 10:49:58</t>
  </si>
  <si>
    <t>0653f59c-e33f-43f9-81b0-8368c1089c00.tmp</t>
  </si>
  <si>
    <t>\\acsfs\profiles$\felipetds\Downloads\0653f59c-e33f-43f9-81b0-8368c1089c00.tmp</t>
  </si>
  <si>
    <t>01/16/2020 10:51:18</t>
  </si>
  <si>
    <t>01/16/2020 10:54:35</t>
  </si>
  <si>
    <t>Não confirmado 631763.crdownload</t>
  </si>
  <si>
    <t>\\acsfs\Deptos\Operacao\Banco_Votorantim\Supervisao\Maristela\CRBV vendas\Desligamento\Não confirmado 631763.crdownload</t>
  </si>
  <si>
    <t>01/16/2020 10:51:11</t>
  </si>
  <si>
    <t>deef22ce-261c-44c8-a8c3-931f1f0cc9bc.tmp</t>
  </si>
  <si>
    <t>\\acsfs\profiles$\lorrainerdl\Downloads\deef22ce-261c-44c8-a8c3-931f1f0cc9bc.tmp</t>
  </si>
  <si>
    <t>01/16/2020 10:49:38</t>
  </si>
  <si>
    <t>bce218fc-ac5f-43fc-8d08-3b922938fade.tmp</t>
  </si>
  <si>
    <t>\\acsfs\profiles$\nathaliarmr\Downloads\bce218fc-ac5f-43fc-8d08-3b922938fade.tmp</t>
  </si>
  <si>
    <t>01/16/2020 10:54:23</t>
  </si>
  <si>
    <t>01/16/2020 10:56:35</t>
  </si>
  <si>
    <t>6d60697e-09c4-44e1-bc77-b2354fd20ccb.tmp</t>
  </si>
  <si>
    <t>\\acsfs\profiles$\talitafdc\Downloads\6d60697e-09c4-44e1-bc77-b2354fd20ccb.tmp</t>
  </si>
  <si>
    <t>01/16/2020 10:53:17</t>
  </si>
  <si>
    <t>01/16/2020 10:53:47</t>
  </si>
  <si>
    <t>01/16/2020 10:53:48</t>
  </si>
  <si>
    <t>01/16/2020 10:54:00</t>
  </si>
  <si>
    <t>01/16/2020 10:54:01</t>
  </si>
  <si>
    <t>01/16/2020 10:54:03</t>
  </si>
  <si>
    <t>01/16/2020 10:54:04</t>
  </si>
  <si>
    <t>01/16/2020 10:51:34</t>
  </si>
  <si>
    <t>01/16/2020 10:56:19</t>
  </si>
  <si>
    <t>01/16/2020 10:57:35</t>
  </si>
  <si>
    <t>01/16/2020 10:55:27</t>
  </si>
  <si>
    <t>1c620b25-1a83-44f7-b4f3-5ef01372714d.tmp</t>
  </si>
  <si>
    <t>\\acsfs\profiles$\gabrielafs\Downloads\1c620b25-1a83-44f7-b4f3-5ef01372714d.tmp</t>
  </si>
  <si>
    <t>01/16/2020 10:58:35</t>
  </si>
  <si>
    <t>01/16/2020 10:54:07</t>
  </si>
  <si>
    <t>01/16/2020 10:56:24</t>
  </si>
  <si>
    <t>01/16/2020 10:54:08</t>
  </si>
  <si>
    <t>01/16/2020 10:59:35</t>
  </si>
  <si>
    <t>Não confirmado 682080.crdownload</t>
  </si>
  <si>
    <t>\\acsfs\Deptos\Operacao\Banco_Votorantim\Supervisao\Maristela\CRBV vendas\Desligamento\Não confirmado 682080.crdownload</t>
  </si>
  <si>
    <t>01/16/2020 10:56:48</t>
  </si>
  <si>
    <t>01/16/2020 10:55:54</t>
  </si>
  <si>
    <t>01/16/2020 11:00:36</t>
  </si>
  <si>
    <t>01/16/2020 10:55:59</t>
  </si>
  <si>
    <t>lu156202imcbt.tmp</t>
  </si>
  <si>
    <t>\\acsfs\profiles$\Flaviojmm\My Documents\lu156202imcbt.tmp</t>
  </si>
  <si>
    <t>\\acsfs\profiles$\Flaviojmm\My Documents\lu156202imcbt.tmp\</t>
  </si>
  <si>
    <t>\\acsfs\profiles$\Flaviojmm\My Documents\lu156202imcbt.tmp\META-INF\</t>
  </si>
  <si>
    <t>\\acsfs\profiles$\Flaviojmm\My Documents\lu156202imcbt.tmp\Thumbnails\</t>
  </si>
  <si>
    <t>01/16/2020 10:56:09</t>
  </si>
  <si>
    <t>01/16/2020 10:56:10</t>
  </si>
  <si>
    <t>01/16/2020 10:56:11</t>
  </si>
  <si>
    <t>01/16/2020 11:01:35</t>
  </si>
  <si>
    <t>01/16/2020 10:59:55</t>
  </si>
  <si>
    <t>01/16/2020 10:59:56</t>
  </si>
  <si>
    <t>~$Pausas - FINANCEIRA.xlsb</t>
  </si>
  <si>
    <t>\\acsfs\DEPTOS\Operacao\PCP\5 - Comum\PLANEJAMENTO BV\14 - ACOMPANHAMENTO\1 - REPORT ACOMPANHAMENTO\2020\1 - JANEIRO\FINANCEIRA\~$Pausas - FINANCEIRA.xlsb</t>
  </si>
  <si>
    <t>01/16/2020 10:59:52</t>
  </si>
  <si>
    <t>3bd9c8c8-2d3b-4eca-b58d-2acc39bf0aa6;</t>
  </si>
  <si>
    <t>01/16/2020 11:00:06</t>
  </si>
  <si>
    <t>01/16/2020 11:01:06</t>
  </si>
  <si>
    <t>01/16/2020 10:57:06</t>
  </si>
  <si>
    <t>01/16/2020 11:02:36</t>
  </si>
  <si>
    <t>01/16/2020 11:00:57</t>
  </si>
  <si>
    <t>01/16/2020 11:01:03</t>
  </si>
  <si>
    <t>01/16/2020 10:58:40</t>
  </si>
  <si>
    <t>457ee337-edf2-4161-b15d-de6d3effd901.tmp</t>
  </si>
  <si>
    <t>\\acsfs\profiles$\gabrielafs\Downloads\457ee337-edf2-4161-b15d-de6d3effd901.tmp</t>
  </si>
  <si>
    <t>01/16/2020 11:02:21</t>
  </si>
  <si>
    <t>8d0aa618-1407-443c-b71a-77275b1f817f.tmp</t>
  </si>
  <si>
    <t>\\acsfs\profiles$\gabrielafs\Downloads\8d0aa618-1407-443c-b71a-77275b1f817f.tmp</t>
  </si>
  <si>
    <t>01/16/2020 11:02:24</t>
  </si>
  <si>
    <t>d6324b40-1607-418b-a44f-9e3092734daf.tmp</t>
  </si>
  <si>
    <t>\\acsfs\profiles$\gabrielafs\Downloads\d6324b40-1607-418b-a44f-9e3092734daf.tmp</t>
  </si>
  <si>
    <t>01/16/2020 11:02:49</t>
  </si>
  <si>
    <t>01/16/2020 11:04:36</t>
  </si>
  <si>
    <t>870ecd87-91d1-40c0-b9c1-4b35cdcb1039.tmp</t>
  </si>
  <si>
    <t>\\acsfs\profiles$\lorrainerdl\Downloads\870ecd87-91d1-40c0-b9c1-4b35cdcb1039.tmp</t>
  </si>
  <si>
    <t>01/16/2020 11:03:38</t>
  </si>
  <si>
    <t>22eb6ca5-1308-4282-bc0e-122ebb81f7f3.tmp</t>
  </si>
  <si>
    <t>\\acsfs\profiles$\lorrainerdl\Downloads\22eb6ca5-1308-4282-bc0e-122ebb81f7f3.tmp</t>
  </si>
  <si>
    <t>01/16/2020 11:00:59</t>
  </si>
  <si>
    <t>01/16/2020 11:01:01</t>
  </si>
  <si>
    <t>01/16/2020 10:59:36</t>
  </si>
  <si>
    <t>01/16/2020 11:03:46</t>
  </si>
  <si>
    <t>01/16/2020 11:05:35</t>
  </si>
  <si>
    <t>1bb07982-46aa-40fe-80e6-1cc99476d00e.tmp</t>
  </si>
  <si>
    <t>\\acsfs\profiles$\mariajra\Downloads\1bb07982-46aa-40fe-80e6-1cc99476d00e.tmp</t>
  </si>
  <si>
    <t>01/16/2020 11:03:07</t>
  </si>
  <si>
    <t>01/16/2020 11:06:35</t>
  </si>
  <si>
    <t>01/16/2020 11:05:07</t>
  </si>
  <si>
    <t>01/16/2020 11:05:38</t>
  </si>
  <si>
    <t>01/16/2020 11:07:35</t>
  </si>
  <si>
    <t>01/16/2020 11:02:22</t>
  </si>
  <si>
    <t>\\acsfs\Deptos\Operacao\Banco_Votorantim\Supervisao\SUPERS BV CARTÕES\ADILSON\Coaching GTH Padrão.txt</t>
  </si>
  <si>
    <t>01/16/2020 11:09:06</t>
  </si>
  <si>
    <t>01/16/2020 11:09:35</t>
  </si>
  <si>
    <t>3574aec0-9f8e-4c65-a34b-5575d51982b0.tmp</t>
  </si>
  <si>
    <t>\\acsfs\profiles$\dhiulliananads\Downloads\3574aec0-9f8e-4c65-a34b-5575d51982b0.tmp</t>
  </si>
  <si>
    <t>01/16/2020 11:08:57</t>
  </si>
  <si>
    <t>01/16/2020 11:08:32</t>
  </si>
  <si>
    <t>ff908521-88aa-4c0f-89f0-068a2e6bb2ab.tmp</t>
  </si>
  <si>
    <t>\\acsfs\profiles$\wedersonbadr\My Documents\My Music\ff908521-88aa-4c0f-89f0-068a2e6bb2ab.tmp</t>
  </si>
  <si>
    <t>01/16/2020 11:04:40</t>
  </si>
  <si>
    <t>01/16/2020 11:10:35</t>
  </si>
  <si>
    <t>01/16/2020 11:04:43</t>
  </si>
  <si>
    <t>01/16/2020 11:04:49</t>
  </si>
  <si>
    <t>01/16/2020 11:04:57</t>
  </si>
  <si>
    <t>01/16/2020 11:05:18</t>
  </si>
  <si>
    <t>01/16/2020 11:05:25</t>
  </si>
  <si>
    <t>01/16/2020 11:07:09</t>
  </si>
  <si>
    <t>01/16/2020 11:07:10</t>
  </si>
  <si>
    <t>01/16/2020 11:07:11</t>
  </si>
  <si>
    <t>01/16/2020 11:07:34</t>
  </si>
  <si>
    <t>01/16/2020 11:08:16</t>
  </si>
  <si>
    <t>\\udpavonfs01\AVON\00 - ACOMPANHAMENTO AVON\04 - BACKOFFICE CORNERSTONE\2020\01.2020\RELATORIO\15.01.2020\</t>
  </si>
  <si>
    <t>01/16/2020 11:08:11</t>
  </si>
  <si>
    <t>0e01c248-7055-4fa9-a7a2-bba66df3a82d.tmp</t>
  </si>
  <si>
    <t>\\acsfs\profiles$\nayarasds\Downloads\0e01c248-7055-4fa9-a7a2-bba66df3a82d.tmp</t>
  </si>
  <si>
    <t>01/16/2020 11:09:53</t>
  </si>
  <si>
    <t>01/16/2020 11:06:46</t>
  </si>
  <si>
    <t>01/16/2020 11:11:36</t>
  </si>
  <si>
    <t>.~lock.RENEG BV - Venc 17.01.2020 - Lucas.ods#</t>
  </si>
  <si>
    <t>\\acsfs\profiles$\LUCASBS\RENEG BV\Consolidado\.~lock.RENEG BV - Venc 17.01.2020 - Lucas.ods#</t>
  </si>
  <si>
    <t>01/16/2020 11:06:55</t>
  </si>
  <si>
    <t>lu232362w2313.tmp</t>
  </si>
  <si>
    <t>\\acsfs\profiles$\LUCASBS\RENEG BV\Consolidado\lu232362w2313.tmp</t>
  </si>
  <si>
    <t>\\acsfs\profiles$\LUCASBS\RENEG BV\Consolidado\lu232362w2313.tmp\</t>
  </si>
  <si>
    <t>01/16/2020 11:06:56</t>
  </si>
  <si>
    <t>\\acsfs\profiles$\LUCASBS\RENEG BV\Consolidado\lu232362w2313.tmp\META-INF\</t>
  </si>
  <si>
    <t>\\acsfs\profiles$\LUCASBS\RENEG BV\Consolidado\lu232362w2313.tmp\Thumbnails\</t>
  </si>
  <si>
    <t>01/16/2020 11:07:38</t>
  </si>
  <si>
    <t>01/16/2020 11:08:08</t>
  </si>
  <si>
    <t>01/16/2020 11:08:38</t>
  </si>
  <si>
    <t>01/16/2020 11:06:30</t>
  </si>
  <si>
    <t>01/16/2020 11:06:42</t>
  </si>
  <si>
    <t>01/16/2020 11:06:44</t>
  </si>
  <si>
    <t>01/16/2020 11:10:30</t>
  </si>
  <si>
    <t>01/16/2020 11:12:35</t>
  </si>
  <si>
    <t>acbe104e-3634-4a84-9759-a86533492c2d.tmp</t>
  </si>
  <si>
    <t>\\acsfs\profiles$\lucasgpe\Downloads\acbe104e-3634-4a84-9759-a86533492c2d.tmp</t>
  </si>
  <si>
    <t>01/16/2020 11:08:30</t>
  </si>
  <si>
    <t>01/16/2020 11:08:31</t>
  </si>
  <si>
    <t>01/16/2020 11:11:02</t>
  </si>
  <si>
    <t>01/16/2020 11:13:35</t>
  </si>
  <si>
    <t>01/16/2020 11:14:35</t>
  </si>
  <si>
    <t>01/16/2020 11:13:10</t>
  </si>
  <si>
    <t>\\acsfs\DEPTOS\EDUCACAO EMPRESARIAL\2 - Operações\0 - BV\1 - TREINADORES\Haruna\Templates\</t>
  </si>
  <si>
    <t>\\acsfs\DEPTOS\EDUCACAO EMPRESARIAL\2 - Operações\0 - BV\1 - TREINADORES\Haruna\Templates\Thumbs.db</t>
  </si>
  <si>
    <t>01/16/2020 11:13:34</t>
  </si>
  <si>
    <t>01/16/2020 11:15:35</t>
  </si>
  <si>
    <t>01/16/2020 11:10:47</t>
  </si>
  <si>
    <t>01/16/2020 11:10:48</t>
  </si>
  <si>
    <t>lu230282can4s.tmp</t>
  </si>
  <si>
    <t>\\acsfs\profiles$\jalilebds\Downloads\lu230282can4s.tmp</t>
  </si>
  <si>
    <t>01/16/2020 11:14:08</t>
  </si>
  <si>
    <t>01/16/2020 11:16:35</t>
  </si>
  <si>
    <t>2d8317bb-d6a8-4d48-a1ca-32e09bf79d75.tmp</t>
  </si>
  <si>
    <t>\\acsfs\profiles$\joselrb\Downloads\2d8317bb-d6a8-4d48-a1ca-32e09bf79d75.tmp</t>
  </si>
  <si>
    <t>01/16/2020 11:15:00</t>
  </si>
  <si>
    <t>fedc4f0b-ffed-450f-95b3-91938afeccd9.tmp</t>
  </si>
  <si>
    <t>\\acsfs\profiles$\jhonatadss\Downloads\fedc4f0b-ffed-450f-95b3-91938afeccd9.tmp</t>
  </si>
  <si>
    <t>01/16/2020 11:13:29</t>
  </si>
  <si>
    <t>163154dd-9a76-4321-9918-e81cd85b7e8a.tmp</t>
  </si>
  <si>
    <t>\\acsfs\profiles$\adelvinsonle\Downloads\163154dd-9a76-4321-9918-e81cd85b7e8a.tmp</t>
  </si>
  <si>
    <t>01/16/2020 11:17:26</t>
  </si>
  <si>
    <t>01/16/2020 11:18:35</t>
  </si>
  <si>
    <t>db7e8cca-a32a-438c-8188-80aec6c82f56.tmp</t>
  </si>
  <si>
    <t>\\acsfs\profiles$\vivianalds\Downloads\db7e8cca-a32a-438c-8188-80aec6c82f56.tmp</t>
  </si>
  <si>
    <t>01/16/2020 11:15:11</t>
  </si>
  <si>
    <t>01/16/2020 11:19:35</t>
  </si>
  <si>
    <t>01/16/2020 11:15:41</t>
  </si>
  <si>
    <t>01/16/2020 11:20:35</t>
  </si>
  <si>
    <t>01/16/2020 11:16:18</t>
  </si>
  <si>
    <t>01/16/2020 11:17:33</t>
  </si>
  <si>
    <t>01/16/2020 11:17:39</t>
  </si>
  <si>
    <t>01/16/2020 11:17:56</t>
  </si>
  <si>
    <t>01/16/2020 11:18:01</t>
  </si>
  <si>
    <t>01/16/2020 11:18:12</t>
  </si>
  <si>
    <t>01/16/2020 11:18:23</t>
  </si>
  <si>
    <t>01/16/2020 11:18:31</t>
  </si>
  <si>
    <t>01/16/2020 11:18:40</t>
  </si>
  <si>
    <t>01/16/2020 11:18:46</t>
  </si>
  <si>
    <t>01/16/2020 11:19:01</t>
  </si>
  <si>
    <t>01/16/2020 11:19:17</t>
  </si>
  <si>
    <t>01/16/2020 11:19:19</t>
  </si>
  <si>
    <t>01/16/2020 11:19:22</t>
  </si>
  <si>
    <t>01/16/2020 11:19:41</t>
  </si>
  <si>
    <t>01/16/2020 11:18:25</t>
  </si>
  <si>
    <t>01/16/2020 11:21:35</t>
  </si>
  <si>
    <t>~$embaixadores eleitos.pptx</t>
  </si>
  <si>
    <t>\\acsfs\DEPTOS\EDUCACAO EMPRESARIAL\2 - Operações\0 - BV\1 - TREINADORES\Haruna\BV NA ESSENCIA\~$embaixadores eleitos.pptx</t>
  </si>
  <si>
    <t>01/16/2020 11:18:32</t>
  </si>
  <si>
    <t>01/16/2020 11:19:34</t>
  </si>
  <si>
    <t>\\acsfs\DEPTOS\EDUCACAO EMPRESARIAL\2 - Operações\0 - BV\1 - TREINADORES\Haruna\haruna\</t>
  </si>
  <si>
    <t>~$Multiplicadores Internos - Técnicas educacionais.pptx</t>
  </si>
  <si>
    <t>\\acsfs\DEPTOS\EDUCACAO EMPRESARIAL\2 - Operações\0 - BV\1 - TREINADORES\Haruna\haruna\~$Multiplicadores Internos - Técnicas educacionais.pptx</t>
  </si>
  <si>
    <t>01/16/2020 11:20:04</t>
  </si>
  <si>
    <t>01/16/2020 11:16:04</t>
  </si>
  <si>
    <t>263e61e0-325c-46d5-b32f-7db9c3dba46b.tmp</t>
  </si>
  <si>
    <t>\\acsfs\profiles$\joselrb\Downloads\263e61e0-325c-46d5-b32f-7db9c3dba46b.tmp</t>
  </si>
  <si>
    <t>01/16/2020 11:16:44</t>
  </si>
  <si>
    <t>7d2e569f-e76b-40cd-8f35-e7bf9018003e.tmp</t>
  </si>
  <si>
    <t>\\acsfs\profiles$\joselrb\Downloads\7d2e569f-e76b-40cd-8f35-e7bf9018003e.tmp</t>
  </si>
  <si>
    <t>01/16/2020 11:17:17</t>
  </si>
  <si>
    <t>43b06011-d8ef-444b-8118-f0205b06a7fb.tmp</t>
  </si>
  <si>
    <t>\\acsfs\profiles$\joselrb\Downloads\43b06011-d8ef-444b-8118-f0205b06a7fb.tmp</t>
  </si>
  <si>
    <t>01/16/2020 11:17:50</t>
  </si>
  <si>
    <t>Agent State Details 15.01.2020.xlsx</t>
  </si>
  <si>
    <t>\\acsfs\DEPTOS\Operacao\PCP\5 - Comum\PLANEJAMENTO BV\23 - EXTRAÇÕES\Agent State Details\2020\JANEIRO\Agent State Details 15.01.2020.xlsx</t>
  </si>
  <si>
    <t>01/16/2020 11:22:35</t>
  </si>
  <si>
    <t>01/16/2020 11:20:16</t>
  </si>
  <si>
    <t>00ee5ec7-b9ca-41d1-a572-13372ce4b481.tmp</t>
  </si>
  <si>
    <t>\\acsfs\profiles$\Angelicacldr\Downloads\00ee5ec7-b9ca-41d1-a572-13372ce4b481.tmp</t>
  </si>
  <si>
    <t>01/16/2020 11:20:36</t>
  </si>
  <si>
    <t>01/16/2020 11:23:35</t>
  </si>
  <si>
    <t>01/16/2020 11:18:30</t>
  </si>
  <si>
    <t>CASO 00819447 (REF 175302662) - OPERADOR HENRIQUE HUMBERTO MARCELINO DE OLIVEIRA_1_6780335733496422445_1_32.wav</t>
  </si>
  <si>
    <t>\\acsfs\Deptos\EDUCACAO EMPRESARIAL\KÉSIA\OUVIDORIA, PROCON, BACEN E RECLAME AQUI\CASO 00819447 (REF 175302662) - OPERADOR HENRIQUE HUMBERTO MARCELINO DE OLIVEIRA_1_6780335733496422445_1_32.wav</t>
  </si>
  <si>
    <t>01/16/2020 11:21:50</t>
  </si>
  <si>
    <t>CASO 00819447 (REF 175302662) - ELIANE CRISTINA GUERRA.pdf</t>
  </si>
  <si>
    <t>\\acsfs\Deptos\EDUCACAO EMPRESARIAL\KÉSIA\OUVIDORIA, PROCON, BACEN E RECLAME AQUI\CASO 00819447 (REF 175302662) - ELIANE CRISTINA GUERRA.pdf</t>
  </si>
  <si>
    <t>01/16/2020 11:23:07</t>
  </si>
  <si>
    <t>01/16/2020 11:24:35</t>
  </si>
  <si>
    <t>01/16/2020 11:22:02</t>
  </si>
  <si>
    <t>01/16/2020 11:25:35</t>
  </si>
  <si>
    <t>01/16/2020 11:20:40</t>
  </si>
  <si>
    <t>01/16/2020 11:21:18</t>
  </si>
  <si>
    <t>01/16/2020 11:26:35</t>
  </si>
  <si>
    <t>\\acsfs\DEPTOS\EDUCACAO EMPRESARIAL\2 - Operações\0 - BV\1 - TREINADORES\Haruna\VENDAS\Vendas Icatu\</t>
  </si>
  <si>
    <t>\\acsfs\DEPTOS\EDUCACAO EMPRESARIAL\2 - Operações\0 - BV\1 - TREINADORES\Haruna\VENDAS\Vendas Icatu\Thumbs.db</t>
  </si>
  <si>
    <t>01/16/2020 11:25:01</t>
  </si>
  <si>
    <t>\\acsfs\DEPTOS\EDUCACAO EMPRESARIAL\2 - Operações\0 - BV\1 - TREINADORES\Haruna\BITMOJIS\</t>
  </si>
  <si>
    <t>\\acsfs\DEPTOS\EDUCACAO EMPRESARIAL\2 - Operações\0 - BV\1 - TREINADORES\Haruna\BITMOJIS\Thumbs.db</t>
  </si>
  <si>
    <t>01/16/2020 11:22:27</t>
  </si>
  <si>
    <t>81f0f258-0d85-4883-9f24-1c11400d1661.tmp</t>
  </si>
  <si>
    <t>\\acsfs\profiles$\joselrb\Downloads\81f0f258-0d85-4883-9f24-1c11400d1661.tmp</t>
  </si>
  <si>
    <t>01/16/2020 11:22:42</t>
  </si>
  <si>
    <t>01/16/2020 11:26:08</t>
  </si>
  <si>
    <t>01/16/2020 11:22:54</t>
  </si>
  <si>
    <t>01/16/2020 11:27:35</t>
  </si>
  <si>
    <t>4c4bf5d8-ea48-4766-a6b1-6775ef882fbc.tmp</t>
  </si>
  <si>
    <t>\\acsfs\profiles$\monicargds\Downloads\4c4bf5d8-ea48-4766-a6b1-6775ef882fbc.tmp</t>
  </si>
  <si>
    <t>01/16/2020 11:25:39</t>
  </si>
  <si>
    <t>8da88b94-f2d8-489c-9007-5a9335b9e7d2.tmp</t>
  </si>
  <si>
    <t>\\acsfs\profiles$\BRUNAAR\Downloads\8da88b94-f2d8-489c-9007-5a9335b9e7d2.tmp</t>
  </si>
  <si>
    <t>01/16/2020 11:25:32</t>
  </si>
  <si>
    <t>01/16/2020 11:25:58</t>
  </si>
  <si>
    <t>01/16/2020 11:28:35</t>
  </si>
  <si>
    <t>f4f44c87-8372-4a4c-bb15-d3c670759a85.tmp</t>
  </si>
  <si>
    <t>\\acsfs\profiles$\quindaizaagds\Downloads\f4f44c87-8372-4a4c-bb15-d3c670759a85.tmp</t>
  </si>
  <si>
    <t>01/16/2020 11:23:42</t>
  </si>
  <si>
    <t>CASO 00819447 (REF 175445007) - OPERADOR HENRIQUE HUMBERTO MARCELINO DE OLIVEIRA_1_6781442426309510731_1_32.wav</t>
  </si>
  <si>
    <t>\\acsfs\Deptos\EDUCACAO EMPRESARIAL\KÉSIA\OUVIDORIA, PROCON, BACEN E RECLAME AQUI\CASO 00819447 (REF 175445007) - OPERADOR HENRIQUE HUMBERTO MARCELINO DE OLIVEIRA_1_6781442426309510731_1_32.wav</t>
  </si>
  <si>
    <t>01/16/2020 11:24:50</t>
  </si>
  <si>
    <t>01/16/2020 11:25:05</t>
  </si>
  <si>
    <t>01/16/2020 11:25:25</t>
  </si>
  <si>
    <t>01/16/2020 11:25:46</t>
  </si>
  <si>
    <t>01/16/2020 11:25:51</t>
  </si>
  <si>
    <t>bvs-centralcartoes@bv.com.br;cintia.souza-domingues@dxc.com;eduardo.santana@bv.com.br;fernandaab@algartech.com;fernandorsju@algartech.com;lilianls@algartech.com;marianeps@algartech.com;suportebv@mutantbr.com;talmaiardo@algartech.com;tatiane.biassi@mutantbr.com;thiagordu@algartech.com;</t>
  </si>
  <si>
    <t>bvs-centralcartoes@bv.com.br,cintia.souza-domingues@dxc.com,eduardo.santana@bv.com.br,fernandaab@algartech.com,fernandorsju@algartech.com,lilianls@algartech.com,marianeps@algartech.com,suportebv@mutantbr.com,talmaiardo@algartech.com,tatiane.biassi@mutantbr.com,thiagordu@algartech.com</t>
  </si>
  <si>
    <t>01/16/2020 11:25:55</t>
  </si>
  <si>
    <t>01/16/2020 11:26:03</t>
  </si>
  <si>
    <t>01/16/2020 11:27:04</t>
  </si>
  <si>
    <t>01/16/2020 11:29:35</t>
  </si>
  <si>
    <t>8cb2022e-e488-4870-9347-f2a58f567255.tmp</t>
  </si>
  <si>
    <t>\\acsfs\profiles$\francislayneads\Downloads\8cb2022e-e488-4870-9347-f2a58f567255.tmp</t>
  </si>
  <si>
    <t>01/16/2020 11:26:58</t>
  </si>
  <si>
    <t>01/16/2020 11:31:35</t>
  </si>
  <si>
    <t>01/16/2020 11:31:07</t>
  </si>
  <si>
    <t>100029219261351;joaogvc@algartech.com;marianadjc@algartech.com;rafaelggs@algartech.com;taysdss@algartech.com;viniciussg@algartech.com;</t>
  </si>
  <si>
    <t>https://100029219261351,joaogvc@algartech.com,marianadjc@algartech.com,rafaelggs@algartech.com,taysdss@algartech.com,viniciussg@algartech.com</t>
  </si>
  <si>
    <t>01/16/2020 11:30:51</t>
  </si>
  <si>
    <t>01/16/2020 11:32:35</t>
  </si>
  <si>
    <t>01/16/2020 11:30:56</t>
  </si>
  <si>
    <t>4142d668-2c6a-42da-9bf9-139f8da90c75.tmp</t>
  </si>
  <si>
    <t>\\acsfs\profiles$\antoniosva\Downloads\4142d668-2c6a-42da-9bf9-139f8da90c75.tmp</t>
  </si>
  <si>
    <t>01/16/2020 11:30:08</t>
  </si>
  <si>
    <t>aa12da7a-eab6-4a84-baee-64d2c808d3e7.tmp</t>
  </si>
  <si>
    <t>\\acsfs\profiles$\monicargds\Downloads\aa12da7a-eab6-4a84-baee-64d2c808d3e7.tmp</t>
  </si>
  <si>
    <t>01/16/2020 11:32:08</t>
  </si>
  <si>
    <t>01/16/2020 11:30:50</t>
  </si>
  <si>
    <t>01/16/2020 11:33:36</t>
  </si>
  <si>
    <t>lu10556ftp5.tmp</t>
  </si>
  <si>
    <t>\\acsfs\profiles$\VIVIANALDS\My Documents\lu10556ftp5.tmp</t>
  </si>
  <si>
    <t>\\acsfs\profiles$\VIVIANALDS\My Documents\lu10556ftp5.tmp\</t>
  </si>
  <si>
    <t>\\acsfs\profiles$\VIVIANALDS\My Documents\lu10556ftp5.tmp\META-INF\</t>
  </si>
  <si>
    <t>\\acsfs\profiles$\VIVIANALDS\My Documents\lu10556ftp5.tmp\Thumbnails\</t>
  </si>
  <si>
    <t>01/16/2020 11:30:54</t>
  </si>
  <si>
    <t>lu10556ftp9.tmp</t>
  </si>
  <si>
    <t>\\acsfs\profiles$\VIVIANALDS\My Documents\lu10556ftp9.tmp</t>
  </si>
  <si>
    <t>\\acsfs\profiles$\VIVIANALDS\My Documents\lu10556ftp9.tmp\</t>
  </si>
  <si>
    <t>\\acsfs\profiles$\VIVIANALDS\My Documents\lu10556ftp9.tmp\META-INF\</t>
  </si>
  <si>
    <t>\\acsfs\profiles$\VIVIANALDS\My Documents\lu10556ftp9.tmp\Thumbnails\</t>
  </si>
  <si>
    <t>01/16/2020 11:31:03</t>
  </si>
  <si>
    <t>01/16/2020 11:31:04</t>
  </si>
  <si>
    <t>lu10556ftpd.tmp</t>
  </si>
  <si>
    <t>\\acsfs\profiles$\VIVIANALDS\My Documents\lu10556ftpd.tmp</t>
  </si>
  <si>
    <t>\\acsfs\profiles$\VIVIANALDS\My Documents\lu10556ftpd.tmp\</t>
  </si>
  <si>
    <t>\\acsfs\profiles$\VIVIANALDS\My Documents\lu10556ftpd.tmp\META-INF\</t>
  </si>
  <si>
    <t>\\acsfs\profiles$\VIVIANALDS\My Documents\lu10556ftpd.tmp\Thumbnails\</t>
  </si>
  <si>
    <t>01/16/2020 11:31:18</t>
  </si>
  <si>
    <t>lu10556ftph.tmp</t>
  </si>
  <si>
    <t>\\acsfs\profiles$\VIVIANALDS\My Documents\lu10556ftph.tmp</t>
  </si>
  <si>
    <t>\\acsfs\profiles$\VIVIANALDS\My Documents\lu10556ftph.tmp\</t>
  </si>
  <si>
    <t>\\acsfs\profiles$\VIVIANALDS\My Documents\lu10556ftph.tmp\META-INF\</t>
  </si>
  <si>
    <t>\\acsfs\profiles$\VIVIANALDS\My Documents\lu10556ftph.tmp\Thumbnails\</t>
  </si>
  <si>
    <t>01/16/2020 11:32:33</t>
  </si>
  <si>
    <t>adrianoms@algartech.com;alexandre.m.souza@bradesco.com.br;alvarobgadm@algartech.com.br;anaprp@algartech.com;andreavm@algartech.com.br;brunos.leite@bradesco.com.br;bvs-centralcartoes@bv.com.br;carlaicc@algartech.com.br;cintia.souza-domingues@dxc.com;daniela.souza@bradesco.com.br;eduardo.santana@bv.com.br;elainesilva@bradesco.com.br;fernandaab@algartech.com;fernandorsju@algartech.com;helidafp@algartech.com.br;johnatards@algartech.com.br;karitacsm@algartech.com.br;mariacsc@algartech.com;nivia.queiroz@bradesco.com.br;qualidadealerta@algartech.com;rosana.m.goncalves@bradesco.com.br;rubia.pereira@bradesco.com.br;talmaiardo@algartech.com;thiagordu@algartech.com;veslianeaf@algartech.com;</t>
  </si>
  <si>
    <t>adrianoms@algartech.com,alexandre.m.souza@bradesco.com.br,alvarobgadm@algartech.com.br,anaprp@algartech.com,andreavm@algartech.com.br,brunos.leite@bradesco.com.br,bvs-centralcartoes@bv.com.br,carlaicc@algartech.com.br,cintia.souza-domingues@dxc.com,daniela.souza@bradesco.com.br,eduardo.santana@bv.com.br,elainesilva@bradesco.com.br,fernandaab@algartech.com,fernandorsju@algartech.com,helidafp@algartech.com.br,johnatards@algartech.com.br,karitacsm@algartech.com.br,mariacsc@algartech.com,nivia.queiroz@bradesco.com.br,qualidadealerta@algartech.com,rosana.m.goncalves@bradesco.com.br,rubia.pereira@bradesco.com.br,talmaiardo@algartech.com,thiagordu@algartech.com,veslianeaf@algartech.com</t>
  </si>
  <si>
    <t>01/16/2020 11:32:41</t>
  </si>
  <si>
    <t>01/16/2020 11:32:49</t>
  </si>
  <si>
    <t>01/16/2020 11:33:08</t>
  </si>
  <si>
    <t>01/16/2020 11:33:28</t>
  </si>
  <si>
    <t>01/16/2020 11:34:35</t>
  </si>
  <si>
    <t>acd98124-2403-44ba-9392-39946237423f.tmp</t>
  </si>
  <si>
    <t>\\acsfs\profiles$\larissaad\Downloads\acd98124-2403-44ba-9392-39946237423f.tmp</t>
  </si>
  <si>
    <t>01/16/2020 11:33:37</t>
  </si>
  <si>
    <t>01/16/2020 11:35:01</t>
  </si>
  <si>
    <t>01/16/2020 11:36:35</t>
  </si>
  <si>
    <t>01/16/2020 11:32:24</t>
  </si>
  <si>
    <t>01/16/2020 11:35:34</t>
  </si>
  <si>
    <t>01/16/2020 11:35:35</t>
  </si>
  <si>
    <t>01/16/2020 11:32:18</t>
  </si>
  <si>
    <t>01/16/2020 11:34:11</t>
  </si>
  <si>
    <t>01/16/2020 11:37:35</t>
  </si>
  <si>
    <t>.~lock.exclusoesXdocx.xlsx#</t>
  </si>
  <si>
    <t>\\acsfs\ACS\Gabriel da Silva\Contemporânea\Acessos\.~lock.exclusoesXdocx.xlsx#</t>
  </si>
  <si>
    <t>01/16/2020 11:36:39</t>
  </si>
  <si>
    <t>.~lock.Pasta6.xlsx#</t>
  </si>
  <si>
    <t>\\acsfs\ACS\Gabriel da Silva\Contemporânea\Acessos\.~lock.Pasta6.xlsx#</t>
  </si>
  <si>
    <t>01/16/2020 11:33:59</t>
  </si>
  <si>
    <t>01/16/2020 11:33:16</t>
  </si>
  <si>
    <t>01/16/2020 11:35:30</t>
  </si>
  <si>
    <t>01/16/2020 11:38:35</t>
  </si>
  <si>
    <t>3f8149dd-2e3b-4cb0-a145-2d14d5061684.tmp</t>
  </si>
  <si>
    <t>\\acsfs\profiles$\esterasg\Downloads\3f8149dd-2e3b-4cb0-a145-2d14d5061684.tmp</t>
  </si>
  <si>
    <t>01/16/2020 11:34:15</t>
  </si>
  <si>
    <t>01/16/2020 11:34:16</t>
  </si>
  <si>
    <t>lu10556ftpl.tmp</t>
  </si>
  <si>
    <t>\\acsfs\profiles$\VIVIANALDS\My Documents\lu10556ftpl.tmp</t>
  </si>
  <si>
    <t>\\acsfs\profiles$\VIVIANALDS\My Documents\lu10556ftpl.tmp\</t>
  </si>
  <si>
    <t>\\acsfs\profiles$\VIVIANALDS\My Documents\lu10556ftpl.tmp\META-INF\</t>
  </si>
  <si>
    <t>\\acsfs\profiles$\VIVIANALDS\My Documents\lu10556ftpl.tmp\Thumbnails\</t>
  </si>
  <si>
    <t>CASO 00819447 (REF 175445007) - ELIANE CRISTINA GUERRA.pdf</t>
  </si>
  <si>
    <t>\\acsfs\Deptos\EDUCACAO EMPRESARIAL\KÉSIA\OUVIDORIA, PROCON, BACEN E RECLAME AQUI\CASO 00819447 (REF 175445007) - ELIANE CRISTINA GUERRA.pdf</t>
  </si>
  <si>
    <t>01/16/2020 11:34:22</t>
  </si>
  <si>
    <t>01/16/2020 11:35:15</t>
  </si>
  <si>
    <t>01/16/2020 11:35:37</t>
  </si>
  <si>
    <t>01/16/2020 11:35:41</t>
  </si>
  <si>
    <t>01/16/2020 11:35:42</t>
  </si>
  <si>
    <t>01/16/2020 11:35:45</t>
  </si>
  <si>
    <t>01/16/2020 11:35:51</t>
  </si>
  <si>
    <t>01/16/2020 11:35:52</t>
  </si>
  <si>
    <t>01/16/2020 11:35:57</t>
  </si>
  <si>
    <t>01/16/2020 11:35:59</t>
  </si>
  <si>
    <t>01/16/2020 11:36:28</t>
  </si>
  <si>
    <t>01/16/2020 11:36:23</t>
  </si>
  <si>
    <t>01/16/2020 11:39:35</t>
  </si>
  <si>
    <t>01/16/2020 11:34:38</t>
  </si>
  <si>
    <t>01/16/2020 11:36:29</t>
  </si>
  <si>
    <t>01/16/2020 11:40:35</t>
  </si>
  <si>
    <t>01/16/2020 11:36:34</t>
  </si>
  <si>
    <t>lu156202imcc7.tmp</t>
  </si>
  <si>
    <t>\\acsfs\profiles$\Flaviojmm\My Documents\lu156202imcc7.tmp</t>
  </si>
  <si>
    <t>\\acsfs\profiles$\Flaviojmm\My Documents\lu156202imcc7.tmp\</t>
  </si>
  <si>
    <t>\\acsfs\profiles$\Flaviojmm\My Documents\lu156202imcc7.tmp\META-INF\</t>
  </si>
  <si>
    <t>\\acsfs\profiles$\Flaviojmm\My Documents\lu156202imcc7.tmp\Thumbnails\</t>
  </si>
  <si>
    <t>01/16/2020 11:36:04</t>
  </si>
  <si>
    <t>01/16/2020 11:38:07</t>
  </si>
  <si>
    <t>01/16/2020 11:41:36</t>
  </si>
  <si>
    <t>a2cb70ab-906d-4b49-b0ed-b480d9b49964.tmp</t>
  </si>
  <si>
    <t>\\acsfs\profiles$\gabriellalpr\Downloads\a2cb70ab-906d-4b49-b0ed-b480d9b49964.tmp</t>
  </si>
  <si>
    <t>01/16/2020 11:36:40</t>
  </si>
  <si>
    <t>01/16/2020 11:37:59</t>
  </si>
  <si>
    <t>01/16/2020 11:38:59</t>
  </si>
  <si>
    <t>01/16/2020 11:39:23</t>
  </si>
  <si>
    <t>01/16/2020 11:39:34</t>
  </si>
  <si>
    <t>01/16/2020 11:42:35</t>
  </si>
  <si>
    <t>01/16/2020 11:37:56</t>
  </si>
  <si>
    <t>1f06f413-c777-4d66-98a0-dc87bb30540e.tmp</t>
  </si>
  <si>
    <t>\\acsfs\profiles$\gustavoab\Downloads\1f06f413-c777-4d66-98a0-dc87bb30540e.tmp</t>
  </si>
  <si>
    <t>01/16/2020 11:37:10</t>
  </si>
  <si>
    <t>.~lock.Vendas ALGAR.xlsb#</t>
  </si>
  <si>
    <t>\\acsfs\ACS\Gabriel da Silva\Contemporânea\.~lock.Vendas ALGAR.xlsb#</t>
  </si>
  <si>
    <t>01/16/2020 11:37:34</t>
  </si>
  <si>
    <t>01/16/2020 11:37:12</t>
  </si>
  <si>
    <t>6189b134-2d97-43c0-81eb-c0ba635aeaca.tmp</t>
  </si>
  <si>
    <t>\\acsfs\profiles$\danielmlds\Downloads\6189b134-2d97-43c0-81eb-c0ba635aeaca.tmp</t>
  </si>
  <si>
    <t>01/16/2020 11:38:18</t>
  </si>
  <si>
    <t>f4570d63-9e9b-4b7d-87a3-70622e0638f4.tmp</t>
  </si>
  <si>
    <t>\\acsfs\profiles$\danielmlds\Downloads\f4570d63-9e9b-4b7d-87a3-70622e0638f4.tmp</t>
  </si>
  <si>
    <t>01/16/2020 11:37:13</t>
  </si>
  <si>
    <t>1160ff48-ad45-4377-bd4d-cfa22927ec73.tmp</t>
  </si>
  <si>
    <t>\\acsfs\profiles$\lucasgpe\Downloads\1160ff48-ad45-4377-bd4d-cfa22927ec73.tmp</t>
  </si>
  <si>
    <t>01/16/2020 11:39:53</t>
  </si>
  <si>
    <t>01/16/2020 11:40:09</t>
  </si>
  <si>
    <t>01/16/2020 11:40:24</t>
  </si>
  <si>
    <t>01/16/2020 11:40:31</t>
  </si>
  <si>
    <t>anderson.magalhaes@dxc.com;brcardsparametros@dxc.com;bvcartes-supervisores@algarnet.onmicrosoft.com;daniela.ribeiro@bv.com.br;eric.delomodarme@dxc.com;fabio.ernest@bv.com.br;jean.loiola@bv.com.br;priscila.pedro@dxc.com;thiagordu@algartech.com;</t>
  </si>
  <si>
    <t>anderson.magalhaes@dxc.com,brcardsparametros@dxc.com,bvcartes-supervisores@algarnet.onmicrosoft.com,daniela.ribeiro@bv.com.br,eric.delomodarme@dxc.com,fabio.ernest@bv.com.br,jean.loiola@bv.com.br,priscila.pedro@dxc.com,thiagordu@algartech.com</t>
  </si>
  <si>
    <t>01/16/2020 11:40:46</t>
  </si>
  <si>
    <t>01/16/2020 11:41:01</t>
  </si>
  <si>
    <t>01/16/2020 11:41:18</t>
  </si>
  <si>
    <t>01/16/2020 11:41:54</t>
  </si>
  <si>
    <t>01/16/2020 11:42:04</t>
  </si>
  <si>
    <t>01/16/2020 11:42:10</t>
  </si>
  <si>
    <t>01/16/2020 11:38:50</t>
  </si>
  <si>
    <t>01/16/2020 11:43:35</t>
  </si>
  <si>
    <t>01/16/2020 11:38:56</t>
  </si>
  <si>
    <t>01/16/2020 11:40:56</t>
  </si>
  <si>
    <t>01/16/2020 11:42:21</t>
  </si>
  <si>
    <t>01/16/2020 11:42:30</t>
  </si>
  <si>
    <t>01/16/2020 11:42:33</t>
  </si>
  <si>
    <t>01/16/2020 11:42:43</t>
  </si>
  <si>
    <t>01/16/2020 11:42:49</t>
  </si>
  <si>
    <t>01/16/2020 11:41:42</t>
  </si>
  <si>
    <t>01/16/2020 11:41:33</t>
  </si>
  <si>
    <t>01/16/2020 11:43:42</t>
  </si>
  <si>
    <t>01/16/2020 11:44:35</t>
  </si>
  <si>
    <t>b8c8ae31-005f-4f00-b3ee-30240fc39d11.tmp</t>
  </si>
  <si>
    <t>\\acsfs\profiles$\larissaad\Downloads\b8c8ae31-005f-4f00-b3ee-30240fc39d11.tmp</t>
  </si>
  <si>
    <t>01/16/2020 11:40:55</t>
  </si>
  <si>
    <t>01/16/2020 11:43:31</t>
  </si>
  <si>
    <t>01/16/2020 11:45:36</t>
  </si>
  <si>
    <t>8d77d52b-1512-4736-a9c3-9dd6a16373f0.tmp</t>
  </si>
  <si>
    <t>\\acsfs\profiles$\mariajra\Downloads\8d77d52b-1512-4736-a9c3-9dd6a16373f0.tmp</t>
  </si>
  <si>
    <t>01/16/2020 11:45:02</t>
  </si>
  <si>
    <t>01/16/2020 11:46:35</t>
  </si>
  <si>
    <t>01/16/2020 11:42:53</t>
  </si>
  <si>
    <t>01/16/2020 11:42:54</t>
  </si>
  <si>
    <t>01/16/2020 11:41:40</t>
  </si>
  <si>
    <t>100014123564284;100029219261351;joaogvc@algartech.com;marianadjc@algartech.com;planejamentodeoperacoesetrafego@bv.com.br;raphaelmco@algartech.com.br;ricardodfm@algartech.com.br;taysdss@algartech.com;viniciussg@algartech.com;</t>
  </si>
  <si>
    <t>https://100014123564284,100029219261351,joaogvc@algartech.com,marianadjc@algartech.com,planejamentodeoperacoesetrafego@bv.com.br,raphaelmco@algartech.com.br,ricardodfm@algartech.com.br,taysdss@algartech.com,viniciussg@algartech.com</t>
  </si>
  <si>
    <t>01/16/2020 11:43:03</t>
  </si>
  <si>
    <t>01/16/2020 11:43:48</t>
  </si>
  <si>
    <t>01/16/2020 11:44:07</t>
  </si>
  <si>
    <t>01/16/2020 11:44:53</t>
  </si>
  <si>
    <t>01/16/2020 11:46:12</t>
  </si>
  <si>
    <t>01/16/2020 11:41:34</t>
  </si>
  <si>
    <t>01/16/2020 11:47:35</t>
  </si>
  <si>
    <t>01/16/2020 11:45:01</t>
  </si>
  <si>
    <t>01/16/2020 11:48:35</t>
  </si>
  <si>
    <t>lu10556ftpp.tmp</t>
  </si>
  <si>
    <t>\\acsfs\profiles$\VIVIANALDS\My Documents\lu10556ftpp.tmp</t>
  </si>
  <si>
    <t>\\acsfs\profiles$\VIVIANALDS\My Documents\lu10556ftpp.tmp\</t>
  </si>
  <si>
    <t>\\acsfs\profiles$\VIVIANALDS\My Documents\lu10556ftpp.tmp\META-INF\</t>
  </si>
  <si>
    <t>\\acsfs\profiles$\VIVIANALDS\My Documents\lu10556ftpp.tmp\Thumbnails\</t>
  </si>
  <si>
    <t>01/16/2020 11:42:59</t>
  </si>
  <si>
    <t>01/16/2020 11:43:10</t>
  </si>
  <si>
    <t>01/16/2020 11:43:23</t>
  </si>
  <si>
    <t>01/16/2020 11:44:36</t>
  </si>
  <si>
    <t>01/16/2020 11:44:49</t>
  </si>
  <si>
    <t>01/16/2020 11:44:57</t>
  </si>
  <si>
    <t>01/16/2020 11:45:08</t>
  </si>
  <si>
    <t>01/16/2020 11:49:35</t>
  </si>
  <si>
    <t>fa263931-8fbf-4d93-b4fe-2b802f49368b.tmp</t>
  </si>
  <si>
    <t>\\acsfs\profiles$\larissaad\Downloads\fa263931-8fbf-4d93-b4fe-2b802f49368b.tmp</t>
  </si>
  <si>
    <t>01/16/2020 11:47:17</t>
  </si>
  <si>
    <t>01/16/2020 11:44:21</t>
  </si>
  <si>
    <t>33511532-e15c-4ae3-9bf4-407bd75bcf37.tmp</t>
  </si>
  <si>
    <t>\\acsfs\profiles$\mariagsg\Downloads\33511532-e15c-4ae3-9bf4-407bd75bcf37.tmp</t>
  </si>
  <si>
    <t>01/16/2020 11:48:56</t>
  </si>
  <si>
    <t>01/16/2020 11:50:36</t>
  </si>
  <si>
    <t>01/16/2020 11:48:24</t>
  </si>
  <si>
    <t>4d3bc1ed-9796-42c3-843e-bbef4c50d4ce.tmp</t>
  </si>
  <si>
    <t>\\acsfs\profiles$\danielac\Downloads\4d3bc1ed-9796-42c3-843e-bbef4c50d4ce.tmp</t>
  </si>
  <si>
    <t>01/16/2020 11:49:05</t>
  </si>
  <si>
    <t>52730eb2-da90-4ff0-93c9-06e11da62b9c.tmp</t>
  </si>
  <si>
    <t>\\acsfs\profiles$\danielac\Downloads\52730eb2-da90-4ff0-93c9-06e11da62b9c.tmp</t>
  </si>
  <si>
    <t>01/16/2020 11:49:34</t>
  </si>
  <si>
    <t>01/16/2020 11:51:35</t>
  </si>
  <si>
    <t>01/16/2020 11:49:40</t>
  </si>
  <si>
    <t>lu232362w231k.tmp</t>
  </si>
  <si>
    <t>\\acsfs\profiles$\LUCASBS\RENEG BV\Consolidado\lu232362w231k.tmp</t>
  </si>
  <si>
    <t>\\acsfs\profiles$\LUCASBS\RENEG BV\Consolidado\lu232362w231k.tmp\</t>
  </si>
  <si>
    <t>\\acsfs\profiles$\LUCASBS\RENEG BV\Consolidado\lu232362w231k.tmp\META-INF\</t>
  </si>
  <si>
    <t>\\acsfs\profiles$\LUCASBS\RENEG BV\Consolidado\lu232362w231k.tmp\Thumbnails\</t>
  </si>
  <si>
    <t>01/16/2020 11:50:41</t>
  </si>
  <si>
    <t>57e85c66-0470-4d8e-8800-de6c92fc9e41.tmp</t>
  </si>
  <si>
    <t>\\acsfs\profiles$\gabriellalpr\Downloads\57e85c66-0470-4d8e-8800-de6c92fc9e41.tmp</t>
  </si>
  <si>
    <t>01/16/2020 11:48:10</t>
  </si>
  <si>
    <t>01/16/2020 11:48:14</t>
  </si>
  <si>
    <t>100029219261351;joaogvc@algartech.com;marianadjc@algartech.com;planejamentodeoperacoesetrafego@bv.com.br;rafaelggs@algartech.com;raphaelmco@algartech.com.br;ricardodfm@algartech.com.br;taysdss@algartech.com;viniciussg@algartech.com;</t>
  </si>
  <si>
    <t>https://100029219261351,joaogvc@algartech.com,marianadjc@algartech.com,planejamentodeoperacoesetrafego@bv.com.br,rafaelggs@algartech.com,raphaelmco@algartech.com.br,ricardodfm@algartech.com.br,taysdss@algartech.com,viniciussg@algartech.com</t>
  </si>
  <si>
    <t>01/16/2020 11:48:53</t>
  </si>
  <si>
    <t>01/16/2020 11:53:35</t>
  </si>
  <si>
    <t>01/16/2020 11:50:13</t>
  </si>
  <si>
    <t>01/16/2020 11:54:35</t>
  </si>
  <si>
    <t>01/16/2020 11:51:36</t>
  </si>
  <si>
    <t>01/16/2020 11:55:35</t>
  </si>
  <si>
    <t>lu7668qmie.tmp</t>
  </si>
  <si>
    <t>\\acsfs\profiles$\ALEXANDREMM\lu7668qmie.tmp</t>
  </si>
  <si>
    <t>\\acsfs\profiles$\ALEXANDREMM\lu7668qmie.tmp\</t>
  </si>
  <si>
    <t>\\acsfs\profiles$\ALEXANDREMM\lu7668qmie.tmp\META-INF\</t>
  </si>
  <si>
    <t>\\acsfs\profiles$\ALEXANDREMM\lu7668qmie.tmp\Thumbnails\</t>
  </si>
  <si>
    <t>01/16/2020 11:51:38</t>
  </si>
  <si>
    <t>01/16/2020 11:51:39</t>
  </si>
  <si>
    <t>lu7668qmii.tmp</t>
  </si>
  <si>
    <t>\\acsfs\profiles$\ALEXANDREMM\lu7668qmii.tmp</t>
  </si>
  <si>
    <t>\\acsfs\profiles$\ALEXANDREMM\lu7668qmii.tmp\</t>
  </si>
  <si>
    <t>\\acsfs\profiles$\ALEXANDREMM\lu7668qmii.tmp\META-INF\</t>
  </si>
  <si>
    <t>\\acsfs\profiles$\ALEXANDREMM\lu7668qmii.tmp\Thumbnails\</t>
  </si>
  <si>
    <t>01/16/2020 11:52:10</t>
  </si>
  <si>
    <t>01/16/2020 11:52:11</t>
  </si>
  <si>
    <t>lu230282can50.tmp</t>
  </si>
  <si>
    <t>\\acsfs\profiles$\jalilebds\Downloads\lu230282can50.tmp</t>
  </si>
  <si>
    <t>01/16/2020 11:54:28</t>
  </si>
  <si>
    <t>01/16/2020 11:54:52</t>
  </si>
  <si>
    <t>01/16/2020 11:56:35</t>
  </si>
  <si>
    <t>01/16/2020 11:52:57</t>
  </si>
  <si>
    <t>7bcdcee6-0c77-4e95-89d9-dce00624191f.tmp</t>
  </si>
  <si>
    <t>\\acsfs\profiles$\sarahbal\Downloads\7bcdcee6-0c77-4e95-89d9-dce00624191f.tmp</t>
  </si>
  <si>
    <t>01/16/2020 11:55:56</t>
  </si>
  <si>
    <t>01/16/2020 11:58:35</t>
  </si>
  <si>
    <t>01/16/2020 11:56:03</t>
  </si>
  <si>
    <t>01/16/2020 11:55:12</t>
  </si>
  <si>
    <t>80ffc7f6-a1e2-49b5-8b70-5bcfde773e1b.tmp</t>
  </si>
  <si>
    <t>\\acsfs\profiles$\cintiadcf\Downloads\80ffc7f6-a1e2-49b5-8b70-5bcfde773e1b.tmp</t>
  </si>
  <si>
    <t>01/16/2020 11:56:10</t>
  </si>
  <si>
    <t>01/16/2020 11:59:36</t>
  </si>
  <si>
    <t>01/16/2020 12:00:35</t>
  </si>
  <si>
    <t>01/16/2020 11:55:31</t>
  </si>
  <si>
    <t>7a996b82-df5a-40d3-b1b2-1a078a6a42e3.tmp</t>
  </si>
  <si>
    <t>\\acsfs\profiles$\jalilebds\Downloads\7a996b82-df5a-40d3-b1b2-1a078a6a42e3.tmp</t>
  </si>
  <si>
    <t>01/16/2020 11:55:38</t>
  </si>
  <si>
    <t>01/16/2020 12:00:22</t>
  </si>
  <si>
    <t>01/16/2020 12:01:35</t>
  </si>
  <si>
    <t>01/16/2020 12:00:28</t>
  </si>
  <si>
    <t>lu232362w231t.tmp</t>
  </si>
  <si>
    <t>\\acsfs\profiles$\LUCASBS\RENEG BV\Consolidado\lu232362w231t.tmp</t>
  </si>
  <si>
    <t>\\acsfs\profiles$\LUCASBS\RENEG BV\Consolidado\lu232362w231t.tmp\</t>
  </si>
  <si>
    <t>\\acsfs\profiles$\LUCASBS\RENEG BV\Consolidado\lu232362w231t.tmp\META-INF\</t>
  </si>
  <si>
    <t>\\acsfs\profiles$\LUCASBS\RENEG BV\Consolidado\lu232362w231t.tmp\Thumbnails\</t>
  </si>
  <si>
    <t>01/16/2020 11:57:14</t>
  </si>
  <si>
    <t>01/16/2020 12:02:35</t>
  </si>
  <si>
    <t>01/16/2020 11:57:22</t>
  </si>
  <si>
    <t>3c13bddc-4141-4572-a21f-db963c8c971b.tmp</t>
  </si>
  <si>
    <t>\\acsfs\profiles$\BRUNAAR\Downloads\3c13bddc-4141-4572-a21f-db963c8c971b.tmp</t>
  </si>
  <si>
    <t>01/16/2020 11:58:42</t>
  </si>
  <si>
    <t>01/16/2020 12:03:35</t>
  </si>
  <si>
    <t>3b92e7ca-fec0-412b-891a-3abb660286d9.tmp</t>
  </si>
  <si>
    <t>\\acsfs\profiles$\esterasg\Downloads\3b92e7ca-fec0-412b-891a-3abb660286d9.tmp</t>
  </si>
  <si>
    <t>01/16/2020 11:57:59</t>
  </si>
  <si>
    <t>01/16/2020 12:00:58</t>
  </si>
  <si>
    <t>Isabel Dias Soares Teles_1_6777743450150349326_1_32.wav</t>
  </si>
  <si>
    <t>\\acsfs\Deptos\EDUCACAO EMPRESARIAL\FERNANDA MONIT\Fernanda\MONITORIA JANEIRO\Ligação para MUTANT segundo ciclo janeiro\Isabel Dias Soares Teles_1_6777743450150349326_1_32.wav</t>
  </si>
  <si>
    <t>01/16/2020 12:02:25</t>
  </si>
  <si>
    <t>01/16/2020 12:02:36</t>
  </si>
  <si>
    <t>01/16/2020 12:02:44</t>
  </si>
  <si>
    <t>01/16/2020 12:02:50</t>
  </si>
  <si>
    <t>01/16/2020 12:02:53</t>
  </si>
  <si>
    <t>01/16/2020 12:01:34</t>
  </si>
  <si>
    <t>01/16/2020 12:04:35</t>
  </si>
  <si>
    <t>01/16/2020 12:00:50</t>
  </si>
  <si>
    <t>01/16/2020 12:04:00</t>
  </si>
  <si>
    <t>01/16/2020 12:05:35</t>
  </si>
  <si>
    <t>01/16/2020 12:01:33</t>
  </si>
  <si>
    <t>01/16/2020 12:01:38</t>
  </si>
  <si>
    <t>lu156202imcck.tmp</t>
  </si>
  <si>
    <t>\\acsfs\profiles$\Flaviojmm\My Documents\lu156202imcck.tmp</t>
  </si>
  <si>
    <t>\\acsfs\profiles$\Flaviojmm\My Documents\lu156202imcck.tmp\</t>
  </si>
  <si>
    <t>\\acsfs\profiles$\Flaviojmm\My Documents\lu156202imcck.tmp\META-INF\</t>
  </si>
  <si>
    <t>\\acsfs\profiles$\Flaviojmm\My Documents\lu156202imcck.tmp\Thumbnails\</t>
  </si>
  <si>
    <t>01/16/2020 12:04:57</t>
  </si>
  <si>
    <t>3ad17038-53be-4b93-bcf0-96c49daac482.tmp</t>
  </si>
  <si>
    <t>\\acsfs\profiles$\ayalabfi\Downloads\3ad17038-53be-4b93-bcf0-96c49daac482.tmp</t>
  </si>
  <si>
    <t>01/16/2020 12:03:46</t>
  </si>
  <si>
    <t>01/16/2020 12:06:35</t>
  </si>
  <si>
    <t>01/16/2020 12:07:36</t>
  </si>
  <si>
    <t>01/16/2020 12:02:51</t>
  </si>
  <si>
    <t>01/16/2020 12:06:56</t>
  </si>
  <si>
    <t>01/16/2020 12:02:58</t>
  </si>
  <si>
    <t>01/16/2020 12:08:35</t>
  </si>
  <si>
    <t>01/16/2020 12:03:31</t>
  </si>
  <si>
    <t>01/16/2020 12:03:33</t>
  </si>
  <si>
    <t>01/16/2020 12:06:00</t>
  </si>
  <si>
    <t>01/16/2020 12:05:55</t>
  </si>
  <si>
    <t>01/16/2020 12:09:36</t>
  </si>
  <si>
    <t>01/16/2020 12:07:30</t>
  </si>
  <si>
    <t>01/16/2020 12:06:17</t>
  </si>
  <si>
    <t>01/16/2020 12:10:35</t>
  </si>
  <si>
    <t>01/16/2020 12:07:57</t>
  </si>
  <si>
    <t>lu230282can56.tmp</t>
  </si>
  <si>
    <t>\\acsfs\profiles$\jalilebds\Downloads\lu230282can56.tmp</t>
  </si>
  <si>
    <t>01/16/2020 12:05:50</t>
  </si>
  <si>
    <t>bf7956f4-bfed-44bb-8322-8dd30d672ea2.tmp</t>
  </si>
  <si>
    <t>\\acsfs\profiles$\mariajra\Downloads\bf7956f4-bfed-44bb-8322-8dd30d672ea2.tmp</t>
  </si>
  <si>
    <t>01/16/2020 12:07:41</t>
  </si>
  <si>
    <t>f8d09450-4235-49c3-ac25-7ba394cfca68.tmp</t>
  </si>
  <si>
    <t>\\acsfs\profiles$\mariajra\Downloads\f8d09450-4235-49c3-ac25-7ba394cfca68.tmp</t>
  </si>
  <si>
    <t>01/16/2020 12:08:21</t>
  </si>
  <si>
    <t>01/16/2020 12:11:35</t>
  </si>
  <si>
    <t>d6178df4-80f7-42d3-adcc-7b33a1bc8076.tmp</t>
  </si>
  <si>
    <t>\\acsfs\profiles$\luanarda\Downloads\d6178df4-80f7-42d3-adcc-7b33a1bc8076.tmp</t>
  </si>
  <si>
    <t>01/16/2020 12:08:46</t>
  </si>
  <si>
    <t>01/16/2020 12:08:47</t>
  </si>
  <si>
    <t>01/16/2020 12:08:58</t>
  </si>
  <si>
    <t>01/16/2020 12:08:59</t>
  </si>
  <si>
    <t>01/16/2020 12:10:37</t>
  </si>
  <si>
    <t>01/16/2020 12:10:38</t>
  </si>
  <si>
    <t>01/16/2020 12:10:39</t>
  </si>
  <si>
    <t>01/16/2020 12:10:40</t>
  </si>
  <si>
    <t>01/16/2020 12:10:10</t>
  </si>
  <si>
    <t>01/16/2020 12:09:39</t>
  </si>
  <si>
    <t>01/16/2020 12:12:35</t>
  </si>
  <si>
    <t>01/16/2020 12:09:51</t>
  </si>
  <si>
    <t>01/16/2020 12:13:35</t>
  </si>
  <si>
    <t>01/16/2020 12:08:11</t>
  </si>
  <si>
    <t>01/16/2020 12:08:14</t>
  </si>
  <si>
    <t>01/16/2020 12:08:15</t>
  </si>
  <si>
    <t>01/16/2020 12:08:22</t>
  </si>
  <si>
    <t>01/16/2020 12:08:34</t>
  </si>
  <si>
    <t>01/16/2020 12:08:44</t>
  </si>
  <si>
    <t>01/16/2020 12:08:49</t>
  </si>
  <si>
    <t>01/16/2020 12:09:02</t>
  </si>
  <si>
    <t>01/16/2020 12:09:32</t>
  </si>
  <si>
    <t>01/16/2020 12:09:43</t>
  </si>
  <si>
    <t>01/16/2020 12:09:47</t>
  </si>
  <si>
    <t>01/16/2020 12:12:27</t>
  </si>
  <si>
    <t>01/16/2020 12:14:35</t>
  </si>
  <si>
    <t>b139b01e-25e6-421e-9f53-bf89b09ea5d0.tmp</t>
  </si>
  <si>
    <t>\\acsfs\profiles$\mariagsg\Downloads\b139b01e-25e6-421e-9f53-bf89b09ea5d0.tmp</t>
  </si>
  <si>
    <t>01/16/2020 12:12:30</t>
  </si>
  <si>
    <t>1488cfc3-6056-4c69-b08e-d331d32880e3.tmp</t>
  </si>
  <si>
    <t>\\acsfs\profiles$\mariagsg\Downloads\1488cfc3-6056-4c69-b08e-d331d32880e3.tmp</t>
  </si>
  <si>
    <t>01/16/2020 12:09:42</t>
  </si>
  <si>
    <t>01/16/2020 12:13:43</t>
  </si>
  <si>
    <t>01/16/2020 12:10:33</t>
  </si>
  <si>
    <t>4838ae01-4783-48e0-b9c8-1eb93ec8e233.tmp</t>
  </si>
  <si>
    <t>\\acsfs\profiles$\ROZENCAM\Downloads\4838ae01-4783-48e0-b9c8-1eb93ec8e233.tmp</t>
  </si>
  <si>
    <t>c71d0857-ef9f-4ef3-b54a-c7cfb4f5562c.tmp</t>
  </si>
  <si>
    <t>\\acsfs\profiles$\ROZENCAM\Downloads\c71d0857-ef9f-4ef3-b54a-c7cfb4f5562c.tmp</t>
  </si>
  <si>
    <t>01/16/2020 12:12:14</t>
  </si>
  <si>
    <t>01/16/2020 12:16:36</t>
  </si>
  <si>
    <t>01/16/2020 12:15:33</t>
  </si>
  <si>
    <t>22104c39-ea55-48de-afbf-8a436514196b.tmp</t>
  </si>
  <si>
    <t>\\acsfs\profiles$\joselrb\Downloads\22104c39-ea55-48de-afbf-8a436514196b.tmp</t>
  </si>
  <si>
    <t>01/16/2020 12:12:56</t>
  </si>
  <si>
    <t>01/16/2020 12:11:26</t>
  </si>
  <si>
    <t>01/16/2020 12:11:56</t>
  </si>
  <si>
    <t>01/16/2020 12:12:26</t>
  </si>
  <si>
    <t>01/16/2020 12:12:57</t>
  </si>
  <si>
    <t>01/16/2020 12:13:27</t>
  </si>
  <si>
    <t>01/16/2020 12:15:27</t>
  </si>
  <si>
    <t>01/16/2020 12:13:54</t>
  </si>
  <si>
    <t>01/16/2020 12:14:05</t>
  </si>
  <si>
    <t>01/16/2020 12:14:24</t>
  </si>
  <si>
    <t>01/16/2020 12:17:35</t>
  </si>
  <si>
    <t>01/16/2020 12:14:29</t>
  </si>
  <si>
    <t>lu324162x3mfi.tmp</t>
  </si>
  <si>
    <t>\\acsfs\profiles$\CLAUDIAJCA\Reneg 18-12\lu324162x3mfi.tmp</t>
  </si>
  <si>
    <t>\\acsfs\profiles$\CLAUDIAJCA\Reneg 18-12\lu324162x3mfi.tmp\</t>
  </si>
  <si>
    <t>\\acsfs\profiles$\CLAUDIAJCA\Reneg 18-12\lu324162x3mfi.tmp\META-INF\</t>
  </si>
  <si>
    <t>\\acsfs\profiles$\CLAUDIAJCA\Reneg 18-12\lu324162x3mfi.tmp\Thumbnails\</t>
  </si>
  <si>
    <t>01/16/2020 12:16:46</t>
  </si>
  <si>
    <t>01/16/2020 12:18:35</t>
  </si>
  <si>
    <t>01/16/2020 12:19:35</t>
  </si>
  <si>
    <t>01/16/2020 12:18:49</t>
  </si>
  <si>
    <t>01/16/2020 12:20:35</t>
  </si>
  <si>
    <t>01/16/2020 12:18:51</t>
  </si>
  <si>
    <t>01/16/2020 12:18:38</t>
  </si>
  <si>
    <t>e544338a-2fc1-4aa1-9188-7d5782e90036.tmp</t>
  </si>
  <si>
    <t>\\acsfs\profiles$\ayalabfi\Downloads\e544338a-2fc1-4aa1-9188-7d5782e90036.tmp</t>
  </si>
  <si>
    <t>01/16/2020 12:18:41</t>
  </si>
  <si>
    <t>01/16/2020 12:21:35</t>
  </si>
  <si>
    <t>01/16/2020 12:18:42</t>
  </si>
  <si>
    <t>01/16/2020 12:19:07</t>
  </si>
  <si>
    <t>01/16/2020 12:19:08</t>
  </si>
  <si>
    <t>01/16/2020 12:19:30</t>
  </si>
  <si>
    <t>01/16/2020 12:22:35</t>
  </si>
  <si>
    <t>01/16/2020 12:21:36</t>
  </si>
  <si>
    <t>ae905a06-5f8c-4a63-9ab9-921378cb5d71.tmp</t>
  </si>
  <si>
    <t>\\acsfs\profiles$\lucasgpe\Downloads\ae905a06-5f8c-4a63-9ab9-921378cb5d71.tmp</t>
  </si>
  <si>
    <t>01/16/2020 12:17:45</t>
  </si>
  <si>
    <t>01/16/2020 12:19:37</t>
  </si>
  <si>
    <t>01/16/2020 12:23:35</t>
  </si>
  <si>
    <t>objetivos 2 semestre 2019.JPG</t>
  </si>
  <si>
    <t>01/16/2020 12:21:03</t>
  </si>
  <si>
    <t>01/16/2020 12:19:34</t>
  </si>
  <si>
    <t>01/16/2020 12:24:36</t>
  </si>
  <si>
    <t>01/16/2020 12:25:35</t>
  </si>
  <si>
    <t>01/16/2020 12:24:37</t>
  </si>
  <si>
    <t>01/16/2020 12:26:35</t>
  </si>
  <si>
    <t>3b82d362-2c61-4952-8eb9-05a030ec6be5.tmp</t>
  </si>
  <si>
    <t>\\acsfs\profiles$\sarahbal\Downloads\3b82d362-2c61-4952-8eb9-05a030ec6be5.tmp</t>
  </si>
  <si>
    <t>01/16/2020 12:23:31</t>
  </si>
  <si>
    <t>01/16/2020 12:24:00</t>
  </si>
  <si>
    <t>01/16/2020 12:25:01</t>
  </si>
  <si>
    <t>01/16/2020 12:26:01</t>
  </si>
  <si>
    <t>01/16/2020 12:26:39</t>
  </si>
  <si>
    <t>01/16/2020 12:27:35</t>
  </si>
  <si>
    <t>0ee18d87-f006-42a1-86ec-595d804de12b.tmp</t>
  </si>
  <si>
    <t>\\acsfs\profiles$\LUISPLS\Downloads\0ee18d87-f006-42a1-86ec-595d804de12b.tmp</t>
  </si>
  <si>
    <t>01/16/2020 12:28:13</t>
  </si>
  <si>
    <t>01/16/2020 12:29:35</t>
  </si>
  <si>
    <t>01/16/2020 12:29:07</t>
  </si>
  <si>
    <t>7967f53c-3610-4053-8e1d-0ac716325a52.tmp</t>
  </si>
  <si>
    <t>\\acsfs\profiles$\PEDROHAB\Downloads\7967f53c-3610-4053-8e1d-0ac716325a52.tmp</t>
  </si>
  <si>
    <t>01/16/2020 12:28:12</t>
  </si>
  <si>
    <t>01/16/2020 12:30:35</t>
  </si>
  <si>
    <t>01/16/2020 12:25:24</t>
  </si>
  <si>
    <t>01/16/2020 12:28:07</t>
  </si>
  <si>
    <t>Agent utilization 01.01.2020 a 13.01.2020.xlsx</t>
  </si>
  <si>
    <t>\\acsfs\deptos\Operacao\PCP\5 - Comum\PLANEJAMENTO BV\23 - EXTRAÇÕES\Agent utilization\2020\Agent utilization 01.01.2020 a 13.01.2020.xlsx</t>
  </si>
  <si>
    <t>01/16/2020 12:28:19</t>
  </si>
  <si>
    <t>01/16/2020 12:30:39</t>
  </si>
  <si>
    <t>01/16/2020 12:31:35</t>
  </si>
  <si>
    <t>01/16/2020 12:27:32</t>
  </si>
  <si>
    <t>01/16/2020 12:28:02</t>
  </si>
  <si>
    <t>01/16/2020 12:28:32</t>
  </si>
  <si>
    <t>01/16/2020 12:29:02</t>
  </si>
  <si>
    <t>01/16/2020 12:29:32</t>
  </si>
  <si>
    <t>01/16/2020 12:30:02</t>
  </si>
  <si>
    <t>01/16/2020 12:28:55</t>
  </si>
  <si>
    <t>01/16/2020 12:29:05</t>
  </si>
  <si>
    <t>01/16/2020 12:29:14</t>
  </si>
  <si>
    <t>01/16/2020 12:29:19</t>
  </si>
  <si>
    <t>01/16/2020 12:29:23</t>
  </si>
  <si>
    <t>01/16/2020 12:29:29</t>
  </si>
  <si>
    <t>01/16/2020 12:29:37</t>
  </si>
  <si>
    <t>01/16/2020 12:27:37</t>
  </si>
  <si>
    <t>01/16/2020 12:29:15</t>
  </si>
  <si>
    <t>01/16/2020 12:32:35</t>
  </si>
  <si>
    <t>e138093b-a1c6-4d93-a5b8-cf91911b52e1.tmp</t>
  </si>
  <si>
    <t>\\acsfs\profiles$\gabrielafs\Downloads\e138093b-a1c6-4d93-a5b8-cf91911b52e1.tmp</t>
  </si>
  <si>
    <t>01/16/2020 12:28:00</t>
  </si>
  <si>
    <t>fc73510b-a557-4562-a9a8-5c6a471297f6.tmp</t>
  </si>
  <si>
    <t>\\acsfs\profiles$\LUISPLS\Downloads\fc73510b-a557-4562-a9a8-5c6a471297f6.tmp</t>
  </si>
  <si>
    <t>01/16/2020 12:35:36</t>
  </si>
  <si>
    <t>01/16/2020 12:31:13</t>
  </si>
  <si>
    <t>01/16/2020 12:33:25</t>
  </si>
  <si>
    <t>AGENT LOGIN LOGOUT DETAILS REPORT 15.01.2020.xlsx</t>
  </si>
  <si>
    <t>\\acsfs\deptos\Operacao\PCP\5 - Comum\PLANEJAMENTO BV\23 - EXTRAÇÕES\Agente Login Logout details report\2020\JANEIRO\AGENT LOGIN LOGOUT DETAILS REPORT 15.01.2020.xlsx</t>
  </si>
  <si>
    <t>01/16/2020 12:34:16</t>
  </si>
  <si>
    <t>100014082285011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</t>
  </si>
  <si>
    <t>https://100014082285011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</t>
  </si>
  <si>
    <t>01/16/2020 12:34:20</t>
  </si>
  <si>
    <t>100014082285011;100014122394468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https://100014082285011,10001412239446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6/2020 12:30:25</t>
  </si>
  <si>
    <t>81a632df-d1f8-4c75-9c3b-082bfae8b412.tmp</t>
  </si>
  <si>
    <t>\\acsfs\profiles$\matheushds\Downloads\81a632df-d1f8-4c75-9c3b-082bfae8b412.tmp</t>
  </si>
  <si>
    <t>01/16/2020 12:34:43</t>
  </si>
  <si>
    <t>01/16/2020 12:36:35</t>
  </si>
  <si>
    <t>30fc5b1a-2a23-4dae-99ea-c50f22b523a1.tmp</t>
  </si>
  <si>
    <t>\\acsfs\profiles$\sarahbal\Downloads\30fc5b1a-2a23-4dae-99ea-c50f22b523a1.tmp</t>
  </si>
  <si>
    <t>01/16/2020 12:31:33</t>
  </si>
  <si>
    <t>01/16/2020 12:32:03</t>
  </si>
  <si>
    <t>01/16/2020 12:33:34</t>
  </si>
  <si>
    <t>01/16/2020 12:35:34</t>
  </si>
  <si>
    <t>01/16/2020 12:36:05</t>
  </si>
  <si>
    <t>01/16/2020 12:34:05</t>
  </si>
  <si>
    <t>https://algar.workplace.com/ajax/ufi/comment_fetch.php</t>
  </si>
  <si>
    <t>01/16/2020 12:35:23</t>
  </si>
  <si>
    <t>01/16/2020 12:37:35</t>
  </si>
  <si>
    <t>01/16/2020 12:32:40</t>
  </si>
  <si>
    <t>01/16/2020 12:38:20</t>
  </si>
  <si>
    <t>01/16/2020 12:38:35</t>
  </si>
  <si>
    <t>01/16/2020 12:36:16</t>
  </si>
  <si>
    <t>01/16/2020 12:39:35</t>
  </si>
  <si>
    <t>51d314ac-e25f-4fb5-bc23-2b412699fac9.tmp</t>
  </si>
  <si>
    <t>\\acsfs\profiles$\nathaliarmr\Downloads\51d314ac-e25f-4fb5-bc23-2b412699fac9.tmp</t>
  </si>
  <si>
    <t>01/16/2020 12:40:35</t>
  </si>
  <si>
    <t>01/15/2020 20:51:54</t>
  </si>
  <si>
    <t>01/16/2020 12:41:35</t>
  </si>
  <si>
    <t>01/16/2020 12:40:50</t>
  </si>
  <si>
    <t>01/16/2020 12:41:32</t>
  </si>
  <si>
    <t>01/16/2020 12:42:36</t>
  </si>
  <si>
    <t>cb3407c5-f9b2-440c-9ff3-00f8722f38e5.tmp</t>
  </si>
  <si>
    <t>\\acsfs\profiles$\geovannasm\Downloads\cb3407c5-f9b2-440c-9ff3-00f8722f38e5.tmp</t>
  </si>
  <si>
    <t>01/16/2020 12:41:39</t>
  </si>
  <si>
    <t>c53f4c7d-5812-4d5a-8a58-3bcc665bcc37.tmp</t>
  </si>
  <si>
    <t>\\acsfs\profiles$\geovannasm\Downloads\c53f4c7d-5812-4d5a-8a58-3bcc665bcc37.tmp</t>
  </si>
  <si>
    <t>01/16/2020 12:39:09</t>
  </si>
  <si>
    <t>01/16/2020 12:39:56</t>
  </si>
  <si>
    <t>01/16/2020 12:43:35</t>
  </si>
  <si>
    <t>\\acsfs\profiles$\rafaelahpn\My Documents\My Pictures\$RECYCLE.BIN\</t>
  </si>
  <si>
    <t>$IGET2HA.jpg</t>
  </si>
  <si>
    <t>\\acsfs\profiles$\rafaelahpn\My Documents\My Pictures\$RECYCLE.BIN\$IGET2HA.jpg</t>
  </si>
  <si>
    <t>01/16/2020 12:39:59</t>
  </si>
  <si>
    <t>$IXXHXHE</t>
  </si>
  <si>
    <t>\\acsfs\profiles$\rafaelahpn\My Documents\My Pictures\$RECYCLE.BIN\$IXXHXHE</t>
  </si>
  <si>
    <t>01/16/2020 12:40:23</t>
  </si>
  <si>
    <t>\\acsfs\profiles$\rafaelahpn\My Documents\$RECYCLE.BIN\</t>
  </si>
  <si>
    <t>$I23JX58.txt</t>
  </si>
  <si>
    <t>\\acsfs\profiles$\rafaelahpn\My Documents\$RECYCLE.BIN\$I23JX58.txt</t>
  </si>
  <si>
    <t>01/16/2020 12:40:42</t>
  </si>
  <si>
    <t>\\acsfs\profiles$\rafaelahpn\Downloads\$RECYCLE.BIN\</t>
  </si>
  <si>
    <t>$IOMAMSJ.jpeg</t>
  </si>
  <si>
    <t>\\acsfs\profiles$\rafaelahpn\Downloads\$RECYCLE.BIN\$IOMAMSJ.jpeg</t>
  </si>
  <si>
    <t>$I948DHD.jpeg</t>
  </si>
  <si>
    <t>\\acsfs\profiles$\rafaelahpn\Downloads\$RECYCLE.BIN\$I948DHD.jpeg</t>
  </si>
  <si>
    <t>01/16/2020 12:40:43</t>
  </si>
  <si>
    <t>$I2GQZX2.jpeg</t>
  </si>
  <si>
    <t>\\acsfs\profiles$\rafaelahpn\Downloads\$RECYCLE.BIN\$I2GQZX2.jpeg</t>
  </si>
  <si>
    <t>01/16/2020 12:40:46</t>
  </si>
  <si>
    <t>$IOMXIW6.jpeg</t>
  </si>
  <si>
    <t>\\acsfs\profiles$\rafaelahpn\Downloads\$RECYCLE.BIN\$IOMXIW6.jpeg</t>
  </si>
  <si>
    <t>01/16/2020 12:40:59</t>
  </si>
  <si>
    <t>$I9COQO8.png</t>
  </si>
  <si>
    <t>\\acsfs\profiles$\rafaelahpn\Downloads\$RECYCLE.BIN\$I9COQO8.png</t>
  </si>
  <si>
    <t>$IKGS7JE.jpg</t>
  </si>
  <si>
    <t>\\acsfs\profiles$\rafaelahpn\Downloads\$RECYCLE.BIN\$IKGS7JE.jpg</t>
  </si>
  <si>
    <t>$IF582EZ.jpg</t>
  </si>
  <si>
    <t>\\acsfs\profiles$\rafaelahpn\Downloads\$RECYCLE.BIN\$IF582EZ.jpg</t>
  </si>
  <si>
    <t>$IGWFBSH.jpg</t>
  </si>
  <si>
    <t>\\acsfs\profiles$\rafaelahpn\Downloads\$RECYCLE.BIN\$IGWFBSH.jpg</t>
  </si>
  <si>
    <t>01/16/2020 12:41:00</t>
  </si>
  <si>
    <t>$IS06I0H.jpg</t>
  </si>
  <si>
    <t>\\acsfs\profiles$\rafaelahpn\Downloads\$RECYCLE.BIN\$IS06I0H.jpg</t>
  </si>
  <si>
    <t>$IJRBEBF.jpg</t>
  </si>
  <si>
    <t>\\acsfs\profiles$\rafaelahpn\Downloads\$RECYCLE.BIN\$IJRBEBF.jpg</t>
  </si>
  <si>
    <t>$IHZK14J.jpg</t>
  </si>
  <si>
    <t>\\acsfs\profiles$\rafaelahpn\Downloads\$RECYCLE.BIN\$IHZK14J.jpg</t>
  </si>
  <si>
    <t>$IJRE1F0.jpg</t>
  </si>
  <si>
    <t>\\acsfs\profiles$\rafaelahpn\Downloads\$RECYCLE.BIN\$IJRE1F0.jpg</t>
  </si>
  <si>
    <t>01/16/2020 12:41:01</t>
  </si>
  <si>
    <t>$I9GNUSB.jpg</t>
  </si>
  <si>
    <t>\\acsfs\profiles$\rafaelahpn\Downloads\$RECYCLE.BIN\$I9GNUSB.jpg</t>
  </si>
  <si>
    <t>$IFWERZY.jpg</t>
  </si>
  <si>
    <t>\\acsfs\profiles$\rafaelahpn\Downloads\$RECYCLE.BIN\$IFWERZY.jpg</t>
  </si>
  <si>
    <t>$IG0L7SY.jpg</t>
  </si>
  <si>
    <t>\\acsfs\profiles$\rafaelahpn\Downloads\$RECYCLE.BIN\$IG0L7SY.jpg</t>
  </si>
  <si>
    <t>$IZR9BDH.tmp</t>
  </si>
  <si>
    <t>\\acsfs\profiles$\rafaelahpn\Downloads\$RECYCLE.BIN\$IZR9BDH.tmp</t>
  </si>
  <si>
    <t>01/16/2020 12:41:09</t>
  </si>
  <si>
    <t>$ICRBTGY.jpg</t>
  </si>
  <si>
    <t>\\acsfs\profiles$\rafaelahpn\Downloads\$RECYCLE.BIN\$ICRBTGY.jpg</t>
  </si>
  <si>
    <t>$IO3K5NR.jpg</t>
  </si>
  <si>
    <t>\\acsfs\profiles$\rafaelahpn\Downloads\$RECYCLE.BIN\$IO3K5NR.jpg</t>
  </si>
  <si>
    <t>01/16/2020 12:40:40</t>
  </si>
  <si>
    <t>01/16/2020 12:44:35</t>
  </si>
  <si>
    <t>01/16/2020 12:39:27</t>
  </si>
  <si>
    <t>01/16/2020 12:42:44</t>
  </si>
  <si>
    <t>01/16/2020 12:42:49</t>
  </si>
  <si>
    <t>01/16/2020 12:45:35</t>
  </si>
  <si>
    <t>01/16/2020 12:39:55</t>
  </si>
  <si>
    <t>01/16/2020 12:43:27</t>
  </si>
  <si>
    <t>01/16/2020 12:44:03</t>
  </si>
  <si>
    <t>01/16/2020 12:44:20</t>
  </si>
  <si>
    <t>01/16/2020 12:46:35</t>
  </si>
  <si>
    <t>f44f2e6d-0ab5-4d9c-bbb8-1590e441dce8.tmp</t>
  </si>
  <si>
    <t>\\acsfs\profiles$\sarahbal\Downloads\f44f2e6d-0ab5-4d9c-bbb8-1590e441dce8.tmp</t>
  </si>
  <si>
    <t>01/16/2020 12:41:49</t>
  </si>
  <si>
    <t>23aa7dc3-0b55-4ac5-9acb-a3d206b677fc.tmp</t>
  </si>
  <si>
    <t>\\acsfs\profiles$\regisedsj\Downloads\23aa7dc3-0b55-4ac5-9acb-a3d206b677fc.tmp</t>
  </si>
  <si>
    <t>a234fb77-f56d-4f3a-a1ab-b016240c4788.tmp</t>
  </si>
  <si>
    <t>\\acsfs\profiles$\regisedsj\Downloads\a234fb77-f56d-4f3a-a1ab-b016240c4788.tmp</t>
  </si>
  <si>
    <t>01/16/2020 12:41:57</t>
  </si>
  <si>
    <t>01/16/2020 12:42:16</t>
  </si>
  <si>
    <t>01/16/2020 12:42:23</t>
  </si>
  <si>
    <t>ca4d0dcd-2668-411b-828d-34d95f4128d3.tmp</t>
  </si>
  <si>
    <t>\\acsfs\profiles$\regisedsj\Downloads\ca4d0dcd-2668-411b-828d-34d95f4128d3.tmp</t>
  </si>
  <si>
    <t>01/16/2020 12:41:44</t>
  </si>
  <si>
    <t>01/16/2020 12:47:35</t>
  </si>
  <si>
    <t>3afa7786-ba46-475a-a81b-edb0b3e23fdc.tmp</t>
  </si>
  <si>
    <t>\\acsfs\profiles$\geovannasm\Downloads\3afa7786-ba46-475a-a81b-edb0b3e23fdc.tmp</t>
  </si>
  <si>
    <t>01/16/2020 12:45:41</t>
  </si>
  <si>
    <t>lu341402v447j.tmp</t>
  </si>
  <si>
    <t>\\acsfs\profiles$\BRUNAAR\Numero\lu341402v447j.tmp</t>
  </si>
  <si>
    <t>01/16/2020 12:44:12</t>
  </si>
  <si>
    <t>c43ff8da-e12d-431d-9765-6b4f1c448d9b.tmp</t>
  </si>
  <si>
    <t>\\acsfs\profiles$\vivianealda\Downloads\c43ff8da-e12d-431d-9765-6b4f1c448d9b.tmp</t>
  </si>
  <si>
    <t>01/16/2020 12:44:50</t>
  </si>
  <si>
    <t>01/16/2020 12:45:14</t>
  </si>
  <si>
    <t>01/16/2020 12:48:36</t>
  </si>
  <si>
    <t>\\acsfs\profiles$\rafaelahpn\Contacts\$RECYCLE.BIN\</t>
  </si>
  <si>
    <t>$IEXVQ8I.contact</t>
  </si>
  <si>
    <t>\\acsfs\profiles$\rafaelahpn\Contacts\$RECYCLE.BIN\$IEXVQ8I.contact</t>
  </si>
  <si>
    <t>01/16/2020 12:45:39</t>
  </si>
  <si>
    <t>$I3LUDA9.contact</t>
  </si>
  <si>
    <t>\\acsfs\profiles$\rafaelahpn\Contacts\$RECYCLE.BIN\$I3LUDA9.contact</t>
  </si>
  <si>
    <t>01/16/2020 12:45:40</t>
  </si>
  <si>
    <t>$I9S2FMZ.contact</t>
  </si>
  <si>
    <t>\\acsfs\profiles$\rafaelahpn\Contacts\$RECYCLE.BIN\$I9S2FMZ.contact</t>
  </si>
  <si>
    <t>$I6A1T2Q.contact</t>
  </si>
  <si>
    <t>\\acsfs\profiles$\rafaelahpn\Contacts\$RECYCLE.BIN\$I6A1T2Q.contact</t>
  </si>
  <si>
    <t>$IETZGG8.contact</t>
  </si>
  <si>
    <t>\\acsfs\profiles$\rafaelahpn\Contacts\$RECYCLE.BIN\$IETZGG8.contact</t>
  </si>
  <si>
    <t>$IUKKCNR.contact</t>
  </si>
  <si>
    <t>\\acsfs\profiles$\rafaelahpn\Contacts\$RECYCLE.BIN\$IUKKCNR.contact</t>
  </si>
  <si>
    <t>$I1WQQL1.contact</t>
  </si>
  <si>
    <t>\\acsfs\profiles$\rafaelahpn\Contacts\$RECYCLE.BIN\$I1WQQL1.contact</t>
  </si>
  <si>
    <t>$IA2FA7Q.contact</t>
  </si>
  <si>
    <t>\\acsfs\profiles$\rafaelahpn\Contacts\$RECYCLE.BIN\$IA2FA7Q.contact</t>
  </si>
  <si>
    <t>$I4KFII3.contact</t>
  </si>
  <si>
    <t>\\acsfs\profiles$\rafaelahpn\Contacts\$RECYCLE.BIN\$I4KFII3.contact</t>
  </si>
  <si>
    <t>$IGI7AUP.contact</t>
  </si>
  <si>
    <t>\\acsfs\profiles$\rafaelahpn\Contacts\$RECYCLE.BIN\$IGI7AUP.contact</t>
  </si>
  <si>
    <t>01/16/2020 12:45:42</t>
  </si>
  <si>
    <t>$I6JR0GD.contact</t>
  </si>
  <si>
    <t>\\acsfs\profiles$\rafaelahpn\Contacts\$RECYCLE.BIN\$I6JR0GD.contact</t>
  </si>
  <si>
    <t>$I9O73PZ.contact</t>
  </si>
  <si>
    <t>\\acsfs\profiles$\rafaelahpn\Contacts\$RECYCLE.BIN\$I9O73PZ.contact</t>
  </si>
  <si>
    <t>$I0X2X4K.contact</t>
  </si>
  <si>
    <t>\\acsfs\profiles$\rafaelahpn\Contacts\$RECYCLE.BIN\$I0X2X4K.contact</t>
  </si>
  <si>
    <t>$IAF3PEN.contact</t>
  </si>
  <si>
    <t>\\acsfs\profiles$\rafaelahpn\Contacts\$RECYCLE.BIN\$IAF3PEN.contact</t>
  </si>
  <si>
    <t>$I6I9TGX.contact</t>
  </si>
  <si>
    <t>\\acsfs\profiles$\rafaelahpn\Contacts\$RECYCLE.BIN\$I6I9TGX.contact</t>
  </si>
  <si>
    <t>01/16/2020 12:45:43</t>
  </si>
  <si>
    <t>$IEJUKQA.contact</t>
  </si>
  <si>
    <t>\\acsfs\profiles$\rafaelahpn\Contacts\$RECYCLE.BIN\$IEJUKQA.contact</t>
  </si>
  <si>
    <t>$I2JPTOV.contact</t>
  </si>
  <si>
    <t>\\acsfs\profiles$\rafaelahpn\Contacts\$RECYCLE.BIN\$I2JPTOV.contact</t>
  </si>
  <si>
    <t>$I6NWUZJ.contact</t>
  </si>
  <si>
    <t>\\acsfs\profiles$\rafaelahpn\Contacts\$RECYCLE.BIN\$I6NWUZJ.contact</t>
  </si>
  <si>
    <t>$I4F75TN.contact</t>
  </si>
  <si>
    <t>\\acsfs\profiles$\rafaelahpn\Contacts\$RECYCLE.BIN\$I4F75TN.contact</t>
  </si>
  <si>
    <t>01/16/2020 12:45:44</t>
  </si>
  <si>
    <t>$I369066.contact</t>
  </si>
  <si>
    <t>\\acsfs\profiles$\rafaelahpn\Contacts\$RECYCLE.BIN\$I369066.contact</t>
  </si>
  <si>
    <t>$I1R7BPH.contact</t>
  </si>
  <si>
    <t>\\acsfs\profiles$\rafaelahpn\Contacts\$RECYCLE.BIN\$I1R7BPH.contact</t>
  </si>
  <si>
    <t>$I9C8CX8.contact</t>
  </si>
  <si>
    <t>\\acsfs\profiles$\rafaelahpn\Contacts\$RECYCLE.BIN\$I9C8CX8.contact</t>
  </si>
  <si>
    <t>$I0QKCGU.contact</t>
  </si>
  <si>
    <t>\\acsfs\profiles$\rafaelahpn\Contacts\$RECYCLE.BIN\$I0QKCGU.contact</t>
  </si>
  <si>
    <t>01/16/2020 12:45:45</t>
  </si>
  <si>
    <t>$IYMFHA9.contact</t>
  </si>
  <si>
    <t>\\acsfs\profiles$\rafaelahpn\Contacts\$RECYCLE.BIN\$IYMFHA9.contact</t>
  </si>
  <si>
    <t>$I7JYAYO.contact</t>
  </si>
  <si>
    <t>\\acsfs\profiles$\rafaelahpn\Contacts\$RECYCLE.BIN\$I7JYAYO.contact</t>
  </si>
  <si>
    <t>$IGHKLS2.contact</t>
  </si>
  <si>
    <t>\\acsfs\profiles$\rafaelahpn\Contacts\$RECYCLE.BIN\$IGHKLS2.contact</t>
  </si>
  <si>
    <t>$ISWKGHX.contact</t>
  </si>
  <si>
    <t>\\acsfs\profiles$\rafaelahpn\Contacts\$RECYCLE.BIN\$ISWKGHX.contact</t>
  </si>
  <si>
    <t>01/16/2020 12:45:46</t>
  </si>
  <si>
    <t>01/16/2020 12:49:35</t>
  </si>
  <si>
    <t>$I87OR9D.contact</t>
  </si>
  <si>
    <t>\\acsfs\profiles$\rafaelahpn\Contacts\$RECYCLE.BIN\$I87OR9D.contact</t>
  </si>
  <si>
    <t>$IC0FMSO.contact</t>
  </si>
  <si>
    <t>\\acsfs\profiles$\rafaelahpn\Contacts\$RECYCLE.BIN\$IC0FMSO.contact</t>
  </si>
  <si>
    <t>$I28SA1F.contact</t>
  </si>
  <si>
    <t>\\acsfs\profiles$\rafaelahpn\Contacts\$RECYCLE.BIN\$I28SA1F.contact</t>
  </si>
  <si>
    <t>$IHW1V87.contact</t>
  </si>
  <si>
    <t>\\acsfs\profiles$\rafaelahpn\Contacts\$RECYCLE.BIN\$IHW1V87.contact</t>
  </si>
  <si>
    <t>01/16/2020 12:45:47</t>
  </si>
  <si>
    <t>$IKKC8U4.contact</t>
  </si>
  <si>
    <t>\\acsfs\profiles$\rafaelahpn\Contacts\$RECYCLE.BIN\$IKKC8U4.contact</t>
  </si>
  <si>
    <t>$ISCMH9N.contact</t>
  </si>
  <si>
    <t>\\acsfs\profiles$\rafaelahpn\Contacts\$RECYCLE.BIN\$ISCMH9N.contact</t>
  </si>
  <si>
    <t>$I6DOR02.contact</t>
  </si>
  <si>
    <t>\\acsfs\profiles$\rafaelahpn\Contacts\$RECYCLE.BIN\$I6DOR02.contact</t>
  </si>
  <si>
    <t>$I6WI15M.contact</t>
  </si>
  <si>
    <t>\\acsfs\profiles$\rafaelahpn\Contacts\$RECYCLE.BIN\$I6WI15M.contact</t>
  </si>
  <si>
    <t>01/16/2020 12:45:48</t>
  </si>
  <si>
    <t>$IY2ATGI.contact</t>
  </si>
  <si>
    <t>\\acsfs\profiles$\rafaelahpn\Contacts\$RECYCLE.BIN\$IY2ATGI.contact</t>
  </si>
  <si>
    <t>$I94ZLN5.contact</t>
  </si>
  <si>
    <t>\\acsfs\profiles$\rafaelahpn\Contacts\$RECYCLE.BIN\$I94ZLN5.contact</t>
  </si>
  <si>
    <t>$I8NWDA6.contact</t>
  </si>
  <si>
    <t>\\acsfs\profiles$\rafaelahpn\Contacts\$RECYCLE.BIN\$I8NWDA6.contact</t>
  </si>
  <si>
    <t>01/16/2020 12:45:49</t>
  </si>
  <si>
    <t>$I6QOVBV.contact</t>
  </si>
  <si>
    <t>\\acsfs\profiles$\rafaelahpn\Contacts\$RECYCLE.BIN\$I6QOVBV.contact</t>
  </si>
  <si>
    <t>$I9FPAL8.contact</t>
  </si>
  <si>
    <t>\\acsfs\profiles$\rafaelahpn\Contacts\$RECYCLE.BIN\$I9FPAL8.contact</t>
  </si>
  <si>
    <t>$I9WH51T.contact</t>
  </si>
  <si>
    <t>\\acsfs\profiles$\rafaelahpn\Contacts\$RECYCLE.BIN\$I9WH51T.contact</t>
  </si>
  <si>
    <t>$INGDGDP.contact</t>
  </si>
  <si>
    <t>\\acsfs\profiles$\rafaelahpn\Contacts\$RECYCLE.BIN\$INGDGDP.contact</t>
  </si>
  <si>
    <t>01/16/2020 12:45:50</t>
  </si>
  <si>
    <t>$IMHM35C.contact</t>
  </si>
  <si>
    <t>\\acsfs\profiles$\rafaelahpn\Contacts\$RECYCLE.BIN\$IMHM35C.contact</t>
  </si>
  <si>
    <t>$IL7107X.contact</t>
  </si>
  <si>
    <t>\\acsfs\profiles$\rafaelahpn\Contacts\$RECYCLE.BIN\$IL7107X.contact</t>
  </si>
  <si>
    <t>$IBTS75G.contact</t>
  </si>
  <si>
    <t>\\acsfs\profiles$\rafaelahpn\Contacts\$RECYCLE.BIN\$IBTS75G.contact</t>
  </si>
  <si>
    <t>01/16/2020 12:45:51</t>
  </si>
  <si>
    <t>$IYY6VK4.contact</t>
  </si>
  <si>
    <t>\\acsfs\profiles$\rafaelahpn\Contacts\$RECYCLE.BIN\$IYY6VK4.contact</t>
  </si>
  <si>
    <t>$IP04B7N.contact</t>
  </si>
  <si>
    <t>\\acsfs\profiles$\rafaelahpn\Contacts\$RECYCLE.BIN\$IP04B7N.contact</t>
  </si>
  <si>
    <t>$I6NY4JA.contact</t>
  </si>
  <si>
    <t>\\acsfs\profiles$\rafaelahpn\Contacts\$RECYCLE.BIN\$I6NY4JA.contact</t>
  </si>
  <si>
    <t>$IETUJJV.contact</t>
  </si>
  <si>
    <t>\\acsfs\profiles$\rafaelahpn\Contacts\$RECYCLE.BIN\$IETUJJV.contact</t>
  </si>
  <si>
    <t>$IDWA7H1.contact</t>
  </si>
  <si>
    <t>\\acsfs\profiles$\rafaelahpn\Contacts\$RECYCLE.BIN\$IDWA7H1.contact</t>
  </si>
  <si>
    <t>01/16/2020 12:45:52</t>
  </si>
  <si>
    <t>$ICONIGI.contact</t>
  </si>
  <si>
    <t>\\acsfs\profiles$\rafaelahpn\Contacts\$RECYCLE.BIN\$ICONIGI.contact</t>
  </si>
  <si>
    <t>$IJR2GFS.contact</t>
  </si>
  <si>
    <t>\\acsfs\profiles$\rafaelahpn\Contacts\$RECYCLE.BIN\$IJR2GFS.contact</t>
  </si>
  <si>
    <t>$I8BEMVS.contact</t>
  </si>
  <si>
    <t>\\acsfs\profiles$\rafaelahpn\Contacts\$RECYCLE.BIN\$I8BEMVS.contact</t>
  </si>
  <si>
    <t>01/16/2020 12:45:53</t>
  </si>
  <si>
    <t>$INZPM7B.contact</t>
  </si>
  <si>
    <t>\\acsfs\profiles$\rafaelahpn\Contacts\$RECYCLE.BIN\$INZPM7B.contact</t>
  </si>
  <si>
    <t>$I76QM78.contact</t>
  </si>
  <si>
    <t>\\acsfs\profiles$\rafaelahpn\Contacts\$RECYCLE.BIN\$I76QM78.contact</t>
  </si>
  <si>
    <t>$ITQARNU.contact</t>
  </si>
  <si>
    <t>\\acsfs\profiles$\rafaelahpn\Contacts\$RECYCLE.BIN\$ITQARNU.contact</t>
  </si>
  <si>
    <t>$IS32ULK.contact</t>
  </si>
  <si>
    <t>\\acsfs\profiles$\rafaelahpn\Contacts\$RECYCLE.BIN\$IS32ULK.contact</t>
  </si>
  <si>
    <t>$I26X24W.contact</t>
  </si>
  <si>
    <t>\\acsfs\profiles$\rafaelahpn\Contacts\$RECYCLE.BIN\$I26X24W.contact</t>
  </si>
  <si>
    <t>01/16/2020 12:45:54</t>
  </si>
  <si>
    <t>$I7549M0.contact</t>
  </si>
  <si>
    <t>\\acsfs\profiles$\rafaelahpn\Contacts\$RECYCLE.BIN\$I7549M0.contact</t>
  </si>
  <si>
    <t>$I0JI26K.contact</t>
  </si>
  <si>
    <t>\\acsfs\profiles$\rafaelahpn\Contacts\$RECYCLE.BIN\$I0JI26K.contact</t>
  </si>
  <si>
    <t>$IWS65WI.contact</t>
  </si>
  <si>
    <t>\\acsfs\profiles$\rafaelahpn\Contacts\$RECYCLE.BIN\$IWS65WI.contact</t>
  </si>
  <si>
    <t>$IH5B7BW.contact</t>
  </si>
  <si>
    <t>\\acsfs\profiles$\rafaelahpn\Contacts\$RECYCLE.BIN\$IH5B7BW.contact</t>
  </si>
  <si>
    <t>01/16/2020 12:45:55</t>
  </si>
  <si>
    <t>$I61FPFL.contact</t>
  </si>
  <si>
    <t>\\acsfs\profiles$\rafaelahpn\Contacts\$RECYCLE.BIN\$I61FPFL.contact</t>
  </si>
  <si>
    <t>$I5CQMKY.contact</t>
  </si>
  <si>
    <t>\\acsfs\profiles$\rafaelahpn\Contacts\$RECYCLE.BIN\$I5CQMKY.contact</t>
  </si>
  <si>
    <t>$IMKAPQT.contact</t>
  </si>
  <si>
    <t>\\acsfs\profiles$\rafaelahpn\Contacts\$RECYCLE.BIN\$IMKAPQT.contact</t>
  </si>
  <si>
    <t>$IPU55LN.contact</t>
  </si>
  <si>
    <t>\\acsfs\profiles$\rafaelahpn\Contacts\$RECYCLE.BIN\$IPU55LN.contact</t>
  </si>
  <si>
    <t>01/16/2020 12:45:56</t>
  </si>
  <si>
    <t>$IMEFO3M.contact</t>
  </si>
  <si>
    <t>\\acsfs\profiles$\rafaelahpn\Contacts\$RECYCLE.BIN\$IMEFO3M.contact</t>
  </si>
  <si>
    <t>$IU25YUW.contact</t>
  </si>
  <si>
    <t>\\acsfs\profiles$\rafaelahpn\Contacts\$RECYCLE.BIN\$IU25YUW.contact</t>
  </si>
  <si>
    <t>$IYLOR9Q.contact</t>
  </si>
  <si>
    <t>\\acsfs\profiles$\rafaelahpn\Contacts\$RECYCLE.BIN\$IYLOR9Q.contact</t>
  </si>
  <si>
    <t>$IQYQW5V.contact</t>
  </si>
  <si>
    <t>\\acsfs\profiles$\rafaelahpn\Contacts\$RECYCLE.BIN\$IQYQW5V.contact</t>
  </si>
  <si>
    <t>01/16/2020 12:45:58</t>
  </si>
  <si>
    <t>$I4N7SQL.contact</t>
  </si>
  <si>
    <t>\\acsfs\profiles$\rafaelahpn\Contacts\$RECYCLE.BIN\$I4N7SQL.contact</t>
  </si>
  <si>
    <t>01/16/2020 12:45:20</t>
  </si>
  <si>
    <t>667f7334-6ec8-4180-a81c-6fe2d6ae5345.tmp</t>
  </si>
  <si>
    <t>\\acsfs\profiles$\leticiala\Downloads\667f7334-6ec8-4180-a81c-6fe2d6ae5345.tmp</t>
  </si>
  <si>
    <t>01/16/2020 12:45:24</t>
  </si>
  <si>
    <t>86df3242-ea4e-41b0-a925-c720c6e0f890.tmp</t>
  </si>
  <si>
    <t>\\acsfs\profiles$\leticiala\Downloads\86df3242-ea4e-41b0-a925-c720c6e0f890.tmp</t>
  </si>
  <si>
    <t>01/16/2020 12:45:11</t>
  </si>
  <si>
    <t>01/16/2020 12:50:36</t>
  </si>
  <si>
    <t>01/16/2020 12:46:10</t>
  </si>
  <si>
    <t>1b8add82-a8f5-4308-b8d5-397debc924d3.tmp</t>
  </si>
  <si>
    <t>\\acsfs\profiles$\adelvinsonle\Downloads\1b8add82-a8f5-4308-b8d5-397debc924d3.tmp</t>
  </si>
  <si>
    <t>01/16/2020 12:46:17</t>
  </si>
  <si>
    <t>Q29udHJvbGxlci5DYWxjdWxhZG9yYURlVmVuY2lt (14).ica</t>
  </si>
  <si>
    <t>\\acsfs\profiles$\adelvinsonle\Downloads\Q29udHJvbGxlci5DYWxjdWxhZG9yYURlVmVuY2lt (14).ica</t>
  </si>
  <si>
    <t>01/16/2020 12:46:29</t>
  </si>
  <si>
    <t>01/16/2020 12:51:35</t>
  </si>
  <si>
    <t>01/16/2020 12:46:34</t>
  </si>
  <si>
    <t>lu232362w2322.tmp</t>
  </si>
  <si>
    <t>\\acsfs\profiles$\LUCASBS\RENEG BV\Consolidado\lu232362w2322.tmp</t>
  </si>
  <si>
    <t>\\acsfs\profiles$\LUCASBS\RENEG BV\Consolidado\lu232362w2322.tmp\</t>
  </si>
  <si>
    <t>\\acsfs\profiles$\LUCASBS\RENEG BV\Consolidado\lu232362w2322.tmp\META-INF\</t>
  </si>
  <si>
    <t>\\acsfs\profiles$\LUCASBS\RENEG BV\Consolidado\lu232362w2322.tmp\Thumbnails\</t>
  </si>
  <si>
    <t>01/16/2020 12:50:00</t>
  </si>
  <si>
    <t>01/16/2020 12:47:39</t>
  </si>
  <si>
    <t>01/16/2020 12:49:10</t>
  </si>
  <si>
    <t>01/16/2020 12:49:40</t>
  </si>
  <si>
    <t>01/16/2020 12:49:41</t>
  </si>
  <si>
    <t>01/16/2020 12:48:04</t>
  </si>
  <si>
    <t>01/16/2020 12:52:36</t>
  </si>
  <si>
    <t>lu341402v447n.tmp</t>
  </si>
  <si>
    <t>\\acsfs\profiles$\BRUNAAR\Numero\lu341402v447n.tmp</t>
  </si>
  <si>
    <t>01/16/2020 12:48:35</t>
  </si>
  <si>
    <t>lu341402v447r.tmp</t>
  </si>
  <si>
    <t>\\acsfs\profiles$\BRUNAAR\Numero\lu341402v447r.tmp</t>
  </si>
  <si>
    <t>01/16/2020 12:48:59</t>
  </si>
  <si>
    <t>01/16/2020 12:52:30</t>
  </si>
  <si>
    <t>01/16/2020 12:54:35</t>
  </si>
  <si>
    <t>f1e0c939-f1b7-4175-a0b8-c55e9ca91134.tmp</t>
  </si>
  <si>
    <t>\\acsfs\profiles$\larissaad\Downloads\f1e0c939-f1b7-4175-a0b8-c55e9ca91134.tmp</t>
  </si>
  <si>
    <t>01/16/2020 12:52:29</t>
  </si>
  <si>
    <t>01/16/2020 12:51:49</t>
  </si>
  <si>
    <t>a26d06ce-b66a-4257-a92a-b349f16334bf.tmp</t>
  </si>
  <si>
    <t>\\acsfs\profiles$\laylaams\Downloads\a26d06ce-b66a-4257-a92a-b349f16334bf.tmp</t>
  </si>
  <si>
    <t>01/16/2020 12:55:36</t>
  </si>
  <si>
    <t>01/16/2020 12:54:18</t>
  </si>
  <si>
    <t>01/16/2020 12:54:23</t>
  </si>
  <si>
    <t>lu156202imcd1.tmp</t>
  </si>
  <si>
    <t>\\acsfs\profiles$\Flaviojmm\My Documents\lu156202imcd1.tmp</t>
  </si>
  <si>
    <t>\\acsfs\profiles$\Flaviojmm\My Documents\lu156202imcd1.tmp\</t>
  </si>
  <si>
    <t>\\acsfs\profiles$\Flaviojmm\My Documents\lu156202imcd1.tmp\META-INF\</t>
  </si>
  <si>
    <t>\\acsfs\profiles$\Flaviojmm\My Documents\lu156202imcd1.tmp\Thumbnails\</t>
  </si>
  <si>
    <t>01/16/2020 12:52:37</t>
  </si>
  <si>
    <t>01/16/2020 12:54:19</t>
  </si>
  <si>
    <t>85d7ce29-1607-458b-b635-df1b1a665192.tmp</t>
  </si>
  <si>
    <t>\\acsfs\profiles$\adelvinsonle\Downloads\85d7ce29-1607-458b-b635-df1b1a665192.tmp</t>
  </si>
  <si>
    <t>01/16/2020 12:52:50</t>
  </si>
  <si>
    <t>01/16/2020 12:56:35</t>
  </si>
  <si>
    <t>01/16/2020 12:52:57</t>
  </si>
  <si>
    <t>lu232362w2327.tmp</t>
  </si>
  <si>
    <t>\\acsfs\profiles$\LUCASBS\RENEG BV\Consolidado\lu232362w2327.tmp</t>
  </si>
  <si>
    <t>\\acsfs\profiles$\LUCASBS\RENEG BV\Consolidado\lu232362w2327.tmp\</t>
  </si>
  <si>
    <t>\\acsfs\profiles$\LUCASBS\RENEG BV\Consolidado\lu232362w2327.tmp\META-INF\</t>
  </si>
  <si>
    <t>\\acsfs\profiles$\LUCASBS\RENEG BV\Consolidado\lu232362w2327.tmp\Thumbnails\</t>
  </si>
  <si>
    <t>01/16/2020 12:54:50</t>
  </si>
  <si>
    <t>01/16/2020 12:56:01</t>
  </si>
  <si>
    <t>e1af82f6-8eb1-456c-ac17-0c798b00d2a6.tmp</t>
  </si>
  <si>
    <t>\\acsfs\profiles$\regisedsj\Downloads\e1af82f6-8eb1-456c-ac17-0c798b00d2a6.tmp</t>
  </si>
  <si>
    <t>01/16/2020 12:56:12</t>
  </si>
  <si>
    <t>01/16/2020 12:52:38</t>
  </si>
  <si>
    <t>01/16/2020 12:53:04</t>
  </si>
  <si>
    <t>\\acsfs\profiles$\victoriaksr\My Documents\My Pictures\</t>
  </si>
  <si>
    <t>\\acsfs\profiles$\victoriaksr\My Documents\My Videos\desktop.ini</t>
  </si>
  <si>
    <t>01/16/2020 12:53:06</t>
  </si>
  <si>
    <t>\\acsfs\profiles$\victoriaksr\My Documents\My Videos\</t>
  </si>
  <si>
    <t>01/16/2020 12:53:17</t>
  </si>
  <si>
    <t>01/16/2020 12:53:18</t>
  </si>
  <si>
    <t>01/16/2020 12:53:19</t>
  </si>
  <si>
    <t>01/16/2020 12:53:21</t>
  </si>
  <si>
    <t>\\acsfs\profiles$\victoriaksr\My Documents\My Music\</t>
  </si>
  <si>
    <t>\\acsfs\profiles$\victoriaksr\My Documents\My Pictures\desktop.ini</t>
  </si>
  <si>
    <t>01/16/2020 12:53:22</t>
  </si>
  <si>
    <t>01/16/2020 12:53:25</t>
  </si>
  <si>
    <t>01/16/2020 12:53:26</t>
  </si>
  <si>
    <t>01/16/2020 12:53:30</t>
  </si>
  <si>
    <t>01/16/2020 12:53:34</t>
  </si>
  <si>
    <t>\\acsfs\profiles$\victoriaksr\Contacts\</t>
  </si>
  <si>
    <t>\\acsfs\profiles$\victoriaksr\Contacts\desktop.ini</t>
  </si>
  <si>
    <t>01/16/2020 12:53:35</t>
  </si>
  <si>
    <t>01/16/2020 12:53:37</t>
  </si>
  <si>
    <t>01/16/2020 12:53:39</t>
  </si>
  <si>
    <t>01/16/2020 12:53:40</t>
  </si>
  <si>
    <t>01/16/2020 12:53:41</t>
  </si>
  <si>
    <t>01/16/2020 12:53:42</t>
  </si>
  <si>
    <t>\\acsfs\profiles$\victoriaksr\Favorites\desktop.ini</t>
  </si>
  <si>
    <t>01/16/2020 12:53:43</t>
  </si>
  <si>
    <t>01/16/2020 12:53:45</t>
  </si>
  <si>
    <t>01/16/2020 12:53:46</t>
  </si>
  <si>
    <t>01/16/2020 12:53:48</t>
  </si>
  <si>
    <t>01/16/2020 12:53:50</t>
  </si>
  <si>
    <t>01/16/2020 12:53:51</t>
  </si>
  <si>
    <t>01/16/2020 12:53:52</t>
  </si>
  <si>
    <t>\\acsfs\profiles$\victoriaksr\My Documents\My Music\desktop.ini</t>
  </si>
  <si>
    <t>01/16/2020 12:53:53</t>
  </si>
  <si>
    <t>01/16/2020 12:53:55</t>
  </si>
  <si>
    <t>01/16/2020 12:53:57</t>
  </si>
  <si>
    <t>01/16/2020 12:53:58</t>
  </si>
  <si>
    <t>\\acsfs\profiles$\victoriaksr\Searches\</t>
  </si>
  <si>
    <t>\\acsfs\profiles$\victoriaksr\Searches\desktop.ini</t>
  </si>
  <si>
    <t>01/16/2020 12:53:59</t>
  </si>
  <si>
    <t>01/16/2020 12:54:01</t>
  </si>
  <si>
    <t>01/16/2020 12:54:02</t>
  </si>
  <si>
    <t>01/16/2020 12:54:04</t>
  </si>
  <si>
    <t>\\acsfs\profiles$\victoriaksr\Downloads\desktop.ini</t>
  </si>
  <si>
    <t>01/16/2020 12:54:05</t>
  </si>
  <si>
    <t>01/16/2020 12:54:06</t>
  </si>
  <si>
    <t>\\acsfs\profiles$\victoriaksr\Favorites\</t>
  </si>
  <si>
    <t>\\acsfs\profiles$\victoriaksr\My Documents\desktop.ini</t>
  </si>
  <si>
    <t>01/16/2020 12:54:08</t>
  </si>
  <si>
    <t>01/16/2020 12:54:10</t>
  </si>
  <si>
    <t>01/16/2020 12:54:12</t>
  </si>
  <si>
    <t>01/16/2020 12:54:14</t>
  </si>
  <si>
    <t>\\acsfs\profiles$\victoriaksr\Saved Games\desktop.ini</t>
  </si>
  <si>
    <t>01/16/2020 12:54:15</t>
  </si>
  <si>
    <t>01/16/2020 12:54:56</t>
  </si>
  <si>
    <t>winrt--{S-1-5-21-602162358-764733703-839522115-334966}-.searchconnector-ms</t>
  </si>
  <si>
    <t>\\acsfs\profiles$\victoriaksr\Searches\winrt--{S-1-5-21-602162358-764733703-839522115-334966}-.searchconnector-ms</t>
  </si>
  <si>
    <t>01/16/2020 12:55:58</t>
  </si>
  <si>
    <t>01/16/2020 12:57:35</t>
  </si>
  <si>
    <t>5ba59fab-67ae-4c43-b5e1-9318a0d3c30f.tmp</t>
  </si>
  <si>
    <t>\\acsfs\profiles$\monicargds\Downloads\5ba59fab-67ae-4c43-b5e1-9318a0d3c30f.tmp</t>
  </si>
  <si>
    <t>01/16/2020 12:52:03</t>
  </si>
  <si>
    <t>.~lock.TMO.xlsm#</t>
  </si>
  <si>
    <t>\\acsfs\ACS\Gabriel da Silva\Contemporânea\.~lock.TMO.xlsm#</t>
  </si>
  <si>
    <t>01/16/2020 12:58:26</t>
  </si>
  <si>
    <t>01/16/2020 12:58:36</t>
  </si>
  <si>
    <t>01/16/2020 12:58:50</t>
  </si>
  <si>
    <t>01/16/2020 12:59:35</t>
  </si>
  <si>
    <t>01/16/2020 12:54:58</t>
  </si>
  <si>
    <t>5fd3fa5f-05ab-4af1-bbb2-59694d405149.tmp</t>
  </si>
  <si>
    <t>\\acsfs\profiles$\laylaams\Downloads\5fd3fa5f-05ab-4af1-bbb2-59694d405149.tmp</t>
  </si>
  <si>
    <t>01/16/2020 13:00:36</t>
  </si>
  <si>
    <t>01/16/2020 12:57:47</t>
  </si>
  <si>
    <t>01/16/2020 12:58:01</t>
  </si>
  <si>
    <t>01/16/2020 12:56:08</t>
  </si>
  <si>
    <t>01/16/2020 12:56:15</t>
  </si>
  <si>
    <t>01/16/2020 12:58:37</t>
  </si>
  <si>
    <t>01/16/2020 13:01:35</t>
  </si>
  <si>
    <t>91465d79-39be-49cf-96f6-ef3f28cd0e37.tmp</t>
  </si>
  <si>
    <t>\\acsfs\profiles$\victoriaksr\Downloads\91465d79-39be-49cf-96f6-ef3f28cd0e37.tmp</t>
  </si>
  <si>
    <t>01/16/2020 12:58:41</t>
  </si>
  <si>
    <t>314b130a-c540-4ebd-96e6-531ee4d6b8c8.tmp</t>
  </si>
  <si>
    <t>\\acsfs\profiles$\victoriaksr\Downloads\314b130a-c540-4ebd-96e6-531ee4d6b8c8.tmp</t>
  </si>
  <si>
    <t>01/16/2020 12:58:40</t>
  </si>
  <si>
    <t>01/16/2020 13:02:35</t>
  </si>
  <si>
    <t>01/16/2020 12:59:01</t>
  </si>
  <si>
    <t>01/16/2020 12:57:32</t>
  </si>
  <si>
    <t>01/16/2020 12:58:33</t>
  </si>
  <si>
    <t>01/16/2020 13:00:35</t>
  </si>
  <si>
    <t>01/16/2020 13:04:35</t>
  </si>
  <si>
    <t>6f02e9c2-f9d4-4b7b-a521-8303607a733d.tmp</t>
  </si>
  <si>
    <t>\\acsfs\profiles$\esterasg\Downloads\6f02e9c2-f9d4-4b7b-a521-8303607a733d.tmp</t>
  </si>
  <si>
    <t>01/16/2020 13:00:50</t>
  </si>
  <si>
    <t>afbb67a8-b423-429f-933c-717c3a0c7e4b.tmp</t>
  </si>
  <si>
    <t>\\acsfs\profiles$\esterasg\Downloads\afbb67a8-b423-429f-933c-717c3a0c7e4b.tmp</t>
  </si>
  <si>
    <t>01/16/2020 13:00:55</t>
  </si>
  <si>
    <t>1efcb0f4-0c44-445e-937c-0504fa5ab0a3.tmp</t>
  </si>
  <si>
    <t>\\acsfs\profiles$\esterasg\Downloads\1efcb0f4-0c44-445e-937c-0504fa5ab0a3.tmp</t>
  </si>
  <si>
    <t>01/16/2020 13:05:36</t>
  </si>
  <si>
    <t>01/16/2020 13:04:24</t>
  </si>
  <si>
    <t>01/16/2020 13:04:26</t>
  </si>
  <si>
    <t>01/16/2020 13:02:45</t>
  </si>
  <si>
    <t>01/16/2020 13:06:35</t>
  </si>
  <si>
    <t>01/16/2020 13:03:15</t>
  </si>
  <si>
    <t>01/16/2020 13:03:46</t>
  </si>
  <si>
    <t>01/16/2020 13:05:35</t>
  </si>
  <si>
    <t>\\acsfs\profiles$\VICTORIAKSR\My Documents\</t>
  </si>
  <si>
    <t>\\acsfs\profiles$\VICTORIAKSR\My Documents\.~lock.Filas.xlsx#</t>
  </si>
  <si>
    <t>01/16/2020 13:04:55</t>
  </si>
  <si>
    <t>01/16/2020 13:07:36</t>
  </si>
  <si>
    <t>01/16/2020 13:04:51</t>
  </si>
  <si>
    <t>01/16/2020 13:05:37</t>
  </si>
  <si>
    <t>01/16/2020 13:03:13</t>
  </si>
  <si>
    <t>0a8059fe-9401-404b-8ec5-c192d344922d.tmp</t>
  </si>
  <si>
    <t>\\acsfs\profiles$\kellzylenneasr\Downloads\0a8059fe-9401-404b-8ec5-c192d344922d.tmp</t>
  </si>
  <si>
    <t>01/16/2020 13:05:04</t>
  </si>
  <si>
    <t>01/16/2020 13:08:35</t>
  </si>
  <si>
    <t>01/16/2020 13:07:41</t>
  </si>
  <si>
    <t>01/16/2020 13:09:35</t>
  </si>
  <si>
    <t>1c5a85f5-39fb-4319-8bc5-bbfc80fb17e2.tmp</t>
  </si>
  <si>
    <t>\\acsfs\profiles$\KARENDSR\Downloads\1c5a85f5-39fb-4319-8bc5-bbfc80fb17e2.tmp</t>
  </si>
  <si>
    <t>01/16/2020 13:08:53</t>
  </si>
  <si>
    <t>01/16/2020 13:10:35</t>
  </si>
  <si>
    <t>01/16/2020 13:09:39</t>
  </si>
  <si>
    <t>01/16/2020 13:09:44</t>
  </si>
  <si>
    <t>lu156202imcda.tmp</t>
  </si>
  <si>
    <t>\\acsfs\profiles$\Flaviojmm\My Documents\lu156202imcda.tmp</t>
  </si>
  <si>
    <t>\\acsfs\profiles$\Flaviojmm\My Documents\lu156202imcda.tmp\</t>
  </si>
  <si>
    <t>\\acsfs\profiles$\Flaviojmm\My Documents\lu156202imcda.tmp\META-INF\</t>
  </si>
  <si>
    <t>\\acsfs\profiles$\Flaviojmm\My Documents\lu156202imcda.tmp\Thumbnails\</t>
  </si>
  <si>
    <t>01/16/2020 13:07:44</t>
  </si>
  <si>
    <t>01/16/2020 13:07:51</t>
  </si>
  <si>
    <t>01/16/2020 13:12:35</t>
  </si>
  <si>
    <t>01/16/2020 13:09:29</t>
  </si>
  <si>
    <t>01/16/2020 13:09:30</t>
  </si>
  <si>
    <t>lu2733221pjw8.tmp</t>
  </si>
  <si>
    <t>\\acsfs\profiles$\RAFAELRF\meu\lu2733221pjw8.tmp</t>
  </si>
  <si>
    <t>01/16/2020 13:10:18</t>
  </si>
  <si>
    <t>01/16/2020 13:07:50</t>
  </si>
  <si>
    <t>710f4fcb-ca61-444a-abef-4f60106dddeb.tmp</t>
  </si>
  <si>
    <t>\\acsfs\profiles$\gabrielafs\Downloads\710f4fcb-ca61-444a-abef-4f60106dddeb.tmp</t>
  </si>
  <si>
    <t>01/16/2020 13:15:35</t>
  </si>
  <si>
    <t>01/16/2020 13:12:37</t>
  </si>
  <si>
    <t>01/16/2020 13:13:50</t>
  </si>
  <si>
    <t>01/16/2020 13:16:34</t>
  </si>
  <si>
    <t>01/16/2020 13:11:49</t>
  </si>
  <si>
    <t>01/16/2020 13:12:19</t>
  </si>
  <si>
    <t>01/16/2020 13:12:50</t>
  </si>
  <si>
    <t>01/16/2020 13:13:20</t>
  </si>
  <si>
    <t>01/16/2020 13:15:51</t>
  </si>
  <si>
    <t>01/16/2020 13:13:33</t>
  </si>
  <si>
    <t>01/16/2020 13:11:43</t>
  </si>
  <si>
    <t>01/16/2020 13:17:35</t>
  </si>
  <si>
    <t>01/16/2020 13:13:48</t>
  </si>
  <si>
    <t>01/16/2020 13:15:47</t>
  </si>
  <si>
    <t>.~lock.TMO.ods#</t>
  </si>
  <si>
    <t>\\acsfs\ACS\Gabriel da Silva\Contemporânea\.~lock.TMO.ods#</t>
  </si>
  <si>
    <t>01/16/2020 13:15:50</t>
  </si>
  <si>
    <t>lu75808obrm.tmp</t>
  </si>
  <si>
    <t>\\acsfs\ACS\Gabriel da Silva\Contemporânea\lu75808obrm.tmp</t>
  </si>
  <si>
    <t>\\acsfs\ACS\Gabriel da Silva\Contemporânea\lu75808obrm.tmp\Basic\</t>
  </si>
  <si>
    <t>\\acsfs\ACS\Gabriel da Silva\Contemporânea\lu75808obrm.tmp\Basic\Standard\</t>
  </si>
  <si>
    <t>\\acsfs\ACS\Gabriel da Silva\Contemporânea\lu75808obrm.tmp\Basic\VBAProject\</t>
  </si>
  <si>
    <t>BaseGenesys.xml</t>
  </si>
  <si>
    <t>EstaPasta_de_trabalho.xml</t>
  </si>
  <si>
    <t>MÃ³dulo1.xml</t>
  </si>
  <si>
    <t>Relatorio.xml</t>
  </si>
  <si>
    <t>\\acsfs\ACS\Gabriel da Silva\Contemporânea\lu75808obrm.tmp\</t>
  </si>
  <si>
    <t>\\acsfs\ACS\Gabriel da Silva\Contemporânea\lu75808obrm.tmp\META-INF\</t>
  </si>
  <si>
    <t>\\acsfs\ACS\Gabriel da Silva\Contemporânea\lu75808obrm.tmp\Thumbnails\</t>
  </si>
  <si>
    <t>01/16/2020 13:16:10</t>
  </si>
  <si>
    <t>01/16/2020 13:14:52</t>
  </si>
  <si>
    <t>01/16/2020 13:13:45</t>
  </si>
  <si>
    <t>01/16/2020 13:15:27</t>
  </si>
  <si>
    <t>01/16/2020 13:19:35</t>
  </si>
  <si>
    <t>376b6ff1-14b8-44d3-873c-432ee110db93.tmp</t>
  </si>
  <si>
    <t>\\acsfs\profiles$\henriquehmdo\Downloads\376b6ff1-14b8-44d3-873c-432ee110db93.tmp</t>
  </si>
  <si>
    <t>01/16/2020 13:17:52</t>
  </si>
  <si>
    <t>01/16/2020 13:20:35</t>
  </si>
  <si>
    <t>01/16/2020 13:15:40</t>
  </si>
  <si>
    <t>01/16/2020 13:19:26</t>
  </si>
  <si>
    <t>10.200.66.24</t>
  </si>
  <si>
    <t>brunodof</t>
  </si>
  <si>
    <t>https://udpwfmniceap02/web/guest/home?p_auth=vr9ctpta&amp;p_p_id=58&amp;p_p_lifecycle=1&amp;p_p_state=maximized&amp;p_p_mode=view&amp;savelastpath=0&amp;_58_struts_action=/login/forgot_password</t>
  </si>
  <si>
    <t>01/16/2020 13:19:49</t>
  </si>
  <si>
    <t>01/16/2020 13:20:09</t>
  </si>
  <si>
    <t>01/16/2020 13:21:35</t>
  </si>
  <si>
    <t>01/16/2020 13:16:48</t>
  </si>
  <si>
    <t>a5c69884-c9b9-4fa6-9ead-9293e2ff76a7.tmp</t>
  </si>
  <si>
    <t>\\acsfs\profiles$\gabrielhca\Downloads\a5c69884-c9b9-4fa6-9ead-9293e2ff76a7.tmp</t>
  </si>
  <si>
    <t>01/16/2020 13:20:31</t>
  </si>
  <si>
    <t>01/16/2020 13:16:21</t>
  </si>
  <si>
    <t>01/16/2020 13:19:53</t>
  </si>
  <si>
    <t>01/16/2020 13:17:15</t>
  </si>
  <si>
    <t>01/16/2020 13:22:35</t>
  </si>
  <si>
    <t>\\acsfs\ACS\Gabriel da Silva\Contemporânea\Thumbs.db</t>
  </si>
  <si>
    <t>01/16/2020 13:17:55</t>
  </si>
  <si>
    <t>01/16/2020 13:23:35</t>
  </si>
  <si>
    <t>2cd50ee8-8a50-499c-9030-aaf74548ab15.tmp</t>
  </si>
  <si>
    <t>\\acsfs\profiles$\paulovadc\Downloads\2cd50ee8-8a50-499c-9030-aaf74548ab15.tmp</t>
  </si>
  <si>
    <t>01/16/2020 13:19:28</t>
  </si>
  <si>
    <t>9ee1930f-8ca8-4040-aa91-b6ebb33886ae.tmp</t>
  </si>
  <si>
    <t>\\acsfs\profiles$\paulovadc\Downloads\9ee1930f-8ca8-4040-aa91-b6ebb33886ae.tmp</t>
  </si>
  <si>
    <t>01/16/2020 13:22:21</t>
  </si>
  <si>
    <t>094f7ef1-625f-485e-b9b4-7639740afb1b.tmp</t>
  </si>
  <si>
    <t>\\acsfs\profiles$\quindaizaagds\Downloads\094f7ef1-625f-485e-b9b4-7639740afb1b.tmp</t>
  </si>
  <si>
    <t>01/16/2020 13:22:19</t>
  </si>
  <si>
    <t>01/16/2020 13:24:35</t>
  </si>
  <si>
    <t>01/16/2020 13:21:40</t>
  </si>
  <si>
    <t>ad1fd2b4-8c37-4f9c-8ba3-100da2e9d450.tmp</t>
  </si>
  <si>
    <t>\\acsfs\profiles$\leticiala\Downloads\ad1fd2b4-8c37-4f9c-8ba3-100da2e9d450.tmp</t>
  </si>
  <si>
    <t>01/16/2020 13:21:14</t>
  </si>
  <si>
    <t>01/16/2020 13:25:35</t>
  </si>
  <si>
    <t>01/16/2020 13:20:25</t>
  </si>
  <si>
    <t>01/16/2020 13:20:42</t>
  </si>
  <si>
    <t>01/16/2020 13:25:25</t>
  </si>
  <si>
    <t>01/16/2020 13:26:35</t>
  </si>
  <si>
    <t>64285ac7-afdc-48f7-bd83-7ca3232e4ccc.tmp</t>
  </si>
  <si>
    <t>\\acsfs\profiles$\joselrb\Downloads\64285ac7-afdc-48f7-bd83-7ca3232e4ccc.tmp</t>
  </si>
  <si>
    <t>01/16/2020 13:23:10</t>
  </si>
  <si>
    <t>f948205b-89d6-4aea-b2aa-7e3adbc0498f.tmp</t>
  </si>
  <si>
    <t>\\acsfs\profiles$\regisedsj\Downloads\f948205b-89d6-4aea-b2aa-7e3adbc0498f.tmp</t>
  </si>
  <si>
    <t>01/16/2020 13:23:24</t>
  </si>
  <si>
    <t>01/16/2020 13:23:55</t>
  </si>
  <si>
    <t>01/16/2020 13:24:25</t>
  </si>
  <si>
    <t>01/16/2020 13:22:46</t>
  </si>
  <si>
    <t>01/16/2020 13:27:35</t>
  </si>
  <si>
    <t>Política de Gratificação BV Cartões - Janeiro.ppt</t>
  </si>
  <si>
    <t>\\acsfs\DEPTOS\Operacao\Banco_Votorantim\Comum\00 - COMUM - BV CARTÕES\EQUIPE ADILSON\Política de Gratificação BV Cartões - Janeiro.ppt</t>
  </si>
  <si>
    <t>\\acsfs\DEPTOS\Operacao\Banco_Votorantim\Comum\00 - COMUM - BV CARTÕES\EQUIPE ADILSON\Política de Gratificação BV Cartões - Janeiro.ppt\s4\</t>
  </si>
  <si>
    <t>PowerPoint.MetroBlob7.pptx</t>
  </si>
  <si>
    <t>PowerPoint.MetroBlob4.pptx</t>
  </si>
  <si>
    <t>PowerPoint.MetroBlob5.pptx</t>
  </si>
  <si>
    <t>PowerPoint.MetroBlob6.pptx</t>
  </si>
  <si>
    <t>01/16/2020 13:26:22</t>
  </si>
  <si>
    <t>811f08d0-8851-47bc-8a72-30e3ef9a2300.tmp</t>
  </si>
  <si>
    <t>\\acsfs\profiles$\vivianealda\Downloads\811f08d0-8851-47bc-8a72-30e3ef9a2300.tmp</t>
  </si>
  <si>
    <t>01/16/2020 13:23:21</t>
  </si>
  <si>
    <t>01/16/2020 13:28:35</t>
  </si>
  <si>
    <t>01/16/2020 13:24:22</t>
  </si>
  <si>
    <t>01/16/2020 13:29:35</t>
  </si>
  <si>
    <t>92d9cf9e-068f-47e3-b83f-e75451fdcde0.tmp</t>
  </si>
  <si>
    <t>\\acsfs\profiles$\nathaliaos\Downloads\92d9cf9e-068f-47e3-b83f-e75451fdcde0.tmp</t>
  </si>
  <si>
    <t>01/16/2020 13:25:41</t>
  </si>
  <si>
    <t>51ea2126-cf0b-4d5e-b6ce-7e257399b2ea.tmp</t>
  </si>
  <si>
    <t>\\acsfs\profiles$\nathaliaos\Downloads\51ea2126-cf0b-4d5e-b6ce-7e257399b2ea.tmp</t>
  </si>
  <si>
    <t>01/16/2020 13:25:10</t>
  </si>
  <si>
    <t>d4dcbfd1-bdce-47e2-af17-229e709025a6.tmp</t>
  </si>
  <si>
    <t>\\acsfs\profiles$\PEDROHAB\Downloads\d4dcbfd1-bdce-47e2-af17-229e709025a6.tmp</t>
  </si>
  <si>
    <t>01/16/2020 13:26:10</t>
  </si>
  <si>
    <t>https://udpwfmniceap02/web/guest/home?p_auth=mcu8e1m9&amp;p_p_id=58&amp;p_p_lifecycle=1&amp;p_p_state=maximized&amp;p_p_mode=view&amp;savelastpath=0&amp;_58_struts_action=/login/forgot_password</t>
  </si>
  <si>
    <t>01/16/2020 13:26:30</t>
  </si>
  <si>
    <t>01/16/2020 13:25:59</t>
  </si>
  <si>
    <t>01/16/2020 13:26:02</t>
  </si>
  <si>
    <t>01/16/2020 13:30:36</t>
  </si>
  <si>
    <t>01/16/2020 13:27:39</t>
  </si>
  <si>
    <t>01/16/2020 13:31:35</t>
  </si>
  <si>
    <t>01/16/2020 13:26:34</t>
  </si>
  <si>
    <t>01/16/2020 13:26:40</t>
  </si>
  <si>
    <t>lu232362w232o.tmp</t>
  </si>
  <si>
    <t>\\acsfs\profiles$\LUCASBS\RENEG BV\Consolidado\lu232362w232o.tmp</t>
  </si>
  <si>
    <t>\\acsfs\profiles$\LUCASBS\RENEG BV\Consolidado\lu232362w232o.tmp\</t>
  </si>
  <si>
    <t>\\acsfs\profiles$\LUCASBS\RENEG BV\Consolidado\lu232362w232o.tmp\META-INF\</t>
  </si>
  <si>
    <t>\\acsfs\profiles$\LUCASBS\RENEG BV\Consolidado\lu232362w232o.tmp\Thumbnails\</t>
  </si>
  <si>
    <t>01/16/2020 13:26:26</t>
  </si>
  <si>
    <t>01/16/2020 13:26:56</t>
  </si>
  <si>
    <t>01/16/2020 13:28:26</t>
  </si>
  <si>
    <t>01/16/2020 13:28:57</t>
  </si>
  <si>
    <t>01/16/2020 13:29:57</t>
  </si>
  <si>
    <t>01/16/2020 13:35:35</t>
  </si>
  <si>
    <t>01/16/2020 13:34:48</t>
  </si>
  <si>
    <t>01/16/2020 13:36:35</t>
  </si>
  <si>
    <t>01/16/2020 13:33:29</t>
  </si>
  <si>
    <t>ee675bba-b9a2-4e84-bc38-fe35a0d77b9f.tmp</t>
  </si>
  <si>
    <t>\\acsfs\profiles$\gabriellalpr\Downloads\ee675bba-b9a2-4e84-bc38-fe35a0d77b9f.tmp</t>
  </si>
  <si>
    <t>01/16/2020 13:32:35</t>
  </si>
  <si>
    <t>marioefn</t>
  </si>
  <si>
    <t>https://udpwfmniceap02/web/guest/home?p_auth=cit3lfpo&amp;p_p_id=58&amp;p_p_lifecycle=1&amp;p_p_state=maximized&amp;p_p_mode=view&amp;savelastpath=0&amp;_58_struts_action=/login/forgot_password</t>
  </si>
  <si>
    <t>01/16/2020 13:33:36</t>
  </si>
  <si>
    <t>01/16/2020 13:33:51</t>
  </si>
  <si>
    <t>01/16/2020 13:34:15</t>
  </si>
  <si>
    <t>01/16/2020 13:31:58</t>
  </si>
  <si>
    <t>01/16/2020 13:32:28</t>
  </si>
  <si>
    <t>01/16/2020 13:32:49</t>
  </si>
  <si>
    <t>01/16/2020 13:37:35</t>
  </si>
  <si>
    <t>.~lock.Agent_Utilization_Report.xlsx#</t>
  </si>
  <si>
    <t>\\acsfs\ACS\Gabriel da Silva\Contemporânea\Gen\.~lock.Agent_Utilization_Report.xlsx#</t>
  </si>
  <si>
    <t>01/16/2020 13:32:26</t>
  </si>
  <si>
    <t>01/16/2020 13:37:31</t>
  </si>
  <si>
    <t>01/16/2020 13:38:35</t>
  </si>
  <si>
    <t>01/16/2020 13:35:49</t>
  </si>
  <si>
    <t>01/16/2020 13:39:35</t>
  </si>
  <si>
    <t>01/16/2020 13:35:38</t>
  </si>
  <si>
    <t>01/16/2020 13:36:30</t>
  </si>
  <si>
    <t>01/16/2020 13:37:03</t>
  </si>
  <si>
    <t>01/16/2020 13:37:08</t>
  </si>
  <si>
    <t>01/16/2020 13:37:15</t>
  </si>
  <si>
    <t>01/16/2020 13:40:36</t>
  </si>
  <si>
    <t>01/16/2020 13:37:21</t>
  </si>
  <si>
    <t>01/16/2020 13:37:28</t>
  </si>
  <si>
    <t>01/16/2020 13:37:34</t>
  </si>
  <si>
    <t>01/16/2020 13:37:36</t>
  </si>
  <si>
    <t>01/16/2020 13:37:41</t>
  </si>
  <si>
    <t>01/16/2020 13:37:47</t>
  </si>
  <si>
    <t>01/16/2020 13:37:51</t>
  </si>
  <si>
    <t>01/16/2020 13:35:53</t>
  </si>
  <si>
    <t>01/16/2020 13:35:59</t>
  </si>
  <si>
    <t>lu156202imcdn.tmp</t>
  </si>
  <si>
    <t>\\acsfs\profiles$\Flaviojmm\My Documents\lu156202imcdn.tmp</t>
  </si>
  <si>
    <t>\\acsfs\profiles$\Flaviojmm\My Documents\lu156202imcdn.tmp\</t>
  </si>
  <si>
    <t>\\acsfs\profiles$\Flaviojmm\My Documents\lu156202imcdn.tmp\META-INF\</t>
  </si>
  <si>
    <t>\\acsfs\profiles$\Flaviojmm\My Documents\lu156202imcdn.tmp\Thumbnails\</t>
  </si>
  <si>
    <t>01/16/2020 13:36:06</t>
  </si>
  <si>
    <t>921cbb3d-2975-4421-9d3b-8e066a0c653a.tmp</t>
  </si>
  <si>
    <t>\\acsfs\profiles$\matheushds\Downloads\921cbb3d-2975-4421-9d3b-8e066a0c653a.tmp</t>
  </si>
  <si>
    <t>01/16/2020 13:36:44</t>
  </si>
  <si>
    <t>01/16/2020 13:38:31</t>
  </si>
  <si>
    <t>01/16/2020 13:41:36</t>
  </si>
  <si>
    <t>01/16/2020 13:39:01</t>
  </si>
  <si>
    <t>01/16/2020 13:40:02</t>
  </si>
  <si>
    <t>01/16/2020 13:41:19</t>
  </si>
  <si>
    <t>01/16/2020 13:42:36</t>
  </si>
  <si>
    <t>f2d8ef37-379a-4d74-a567-5f0d4a694322.tmp</t>
  </si>
  <si>
    <t>\\acsfs\profiles$\geovannasm\Downloads\f2d8ef37-379a-4d74-a567-5f0d4a694322.tmp</t>
  </si>
  <si>
    <t>01/16/2020 13:41:31</t>
  </si>
  <si>
    <t>f455bc01-09f4-4b3a-8df1-7e6f26e8ad90.tmp</t>
  </si>
  <si>
    <t>\\acsfs\profiles$\geovannasm\Downloads\f455bc01-09f4-4b3a-8df1-7e6f26e8ad90.tmp</t>
  </si>
  <si>
    <t>01/16/2020 13:41:41</t>
  </si>
  <si>
    <t>bf0de75c-c6ed-4431-845e-3557f569ecc4.tmp</t>
  </si>
  <si>
    <t>\\acsfs\profiles$\geovannasm\Downloads\bf0de75c-c6ed-4431-845e-3557f569ecc4.tmp</t>
  </si>
  <si>
    <t>01/16/2020 13:38:32</t>
  </si>
  <si>
    <t>01/16/2020 13:41:49</t>
  </si>
  <si>
    <t>01/16/2020 13:37:32</t>
  </si>
  <si>
    <t>01/16/2020 13:42:02</t>
  </si>
  <si>
    <t>01/16/2020 13:42:08</t>
  </si>
  <si>
    <t>lu324162x3mgb.tmp</t>
  </si>
  <si>
    <t>\\acsfs\profiles$\CLAUDIAJCA\Reneg 18-12\lu324162x3mgb.tmp</t>
  </si>
  <si>
    <t>\\acsfs\profiles$\CLAUDIAJCA\Reneg 18-12\lu324162x3mgb.tmp\</t>
  </si>
  <si>
    <t>\\acsfs\profiles$\CLAUDIAJCA\Reneg 18-12\lu324162x3mgb.tmp\META-INF\</t>
  </si>
  <si>
    <t>\\acsfs\profiles$\CLAUDIAJCA\Reneg 18-12\lu324162x3mgb.tmp\Thumbnails\</t>
  </si>
  <si>
    <t>01/16/2020 13:40:49</t>
  </si>
  <si>
    <t>01/16/2020 13:44:37</t>
  </si>
  <si>
    <t>17fbeb9a-b292-40da-a4d9-27a452dcb570.tmp</t>
  </si>
  <si>
    <t>\\acsfs\profiles$\mariagsg\Downloads\17fbeb9a-b292-40da-a4d9-27a452dcb570.tmp</t>
  </si>
  <si>
    <t>01/16/2020 13:43:40</t>
  </si>
  <si>
    <t>6d598685-dd79-4ae4-be89-9ef28fe981cd.tmp</t>
  </si>
  <si>
    <t>\\acsfs\profiles$\brendadsl\Downloads\6d598685-dd79-4ae4-be89-9ef28fe981cd.tmp</t>
  </si>
  <si>
    <t>01/16/2020 13:39:21</t>
  </si>
  <si>
    <t>01/16/2020 13:45:36</t>
  </si>
  <si>
    <t>Dimensionamento_Janeiro Financeira (1) (3).xlsx</t>
  </si>
  <si>
    <t>\\acsfs\DEPTOS\Operacao\Banco_Votorantim\Qualidade\Anderson\Dimensionamento Elii kk\Dimensionamento_Janeiro Financeira (1) (3).xlsx</t>
  </si>
  <si>
    <t>01/16/2020 13:43:41</t>
  </si>
  <si>
    <t>dff56936-ce51-4e7f-ac0d-337744b1da0f.tmp</t>
  </si>
  <si>
    <t>\\acsfs\profiles$\brendadsl\Downloads\dff56936-ce51-4e7f-ac0d-337744b1da0f.tmp</t>
  </si>
  <si>
    <t>01/16/2020 13:39:22</t>
  </si>
  <si>
    <t>\\acsfs\DEPTOS\Operacao\Banco_Votorantim\Qualidade\Anderson\Dimensionamento Elii kk\Dimensionamento_Janeiro Financeira (1) (3).xlsx\</t>
  </si>
  <si>
    <t>\\acsfs\DEPTOS\Operacao\Banco_Votorantim\Qualidade\Anderson\Dimensionamento Elii kk\Dimensionamento_Janeiro Financeira (1) (3).xlsx\:Zone.Identifier:$DATA</t>
  </si>
  <si>
    <t>01/16/2020 13:43:42</t>
  </si>
  <si>
    <t>5a3b9f2b-576d-4206-b19d-0c8f38863d3b.tmp</t>
  </si>
  <si>
    <t>\\acsfs\profiles$\brendadsl\Downloads\5a3b9f2b-576d-4206-b19d-0c8f38863d3b.tmp</t>
  </si>
  <si>
    <t>01/16/2020 13:43:43</t>
  </si>
  <si>
    <t>259e79d5-da18-4375-bbb2-ad7b525c60d0.tmp</t>
  </si>
  <si>
    <t>\\acsfs\profiles$\brendadsl\Downloads\259e79d5-da18-4375-bbb2-ad7b525c60d0.tmp</t>
  </si>
  <si>
    <t>01/16/2020 13:43:44</t>
  </si>
  <si>
    <t>43b9544d-7ee6-4cdc-b91f-cbea1e5747c5.tmp</t>
  </si>
  <si>
    <t>\\acsfs\profiles$\brendadsl\Downloads\43b9544d-7ee6-4cdc-b91f-cbea1e5747c5.tmp</t>
  </si>
  <si>
    <t>01/16/2020 13:41:26</t>
  </si>
  <si>
    <t>cd2a26d2-2b06-47b3-b552-2254cc7c5f85.tmp</t>
  </si>
  <si>
    <t>\\acsfs\profiles$\georgendsq\Downloads\cd2a26d2-2b06-47b3-b552-2254cc7c5f85.tmp</t>
  </si>
  <si>
    <t>01/16/2020 13:43:22</t>
  </si>
  <si>
    <t>075f1ca1-71e4-4414-83bd-ceb0df36ad0b.tmp</t>
  </si>
  <si>
    <t>\\acsfs\profiles$\georgendsq\Downloads\075f1ca1-71e4-4414-83bd-ceb0df36ad0b.tmp</t>
  </si>
  <si>
    <t>01/16/2020 13:43:35</t>
  </si>
  <si>
    <t>c84a5609-709c-423e-88da-c5d9aa680e87.tmp</t>
  </si>
  <si>
    <t>\\acsfs\profiles$\georgendsq\Downloads\c84a5609-709c-423e-88da-c5d9aa680e87.tmp</t>
  </si>
  <si>
    <t>01/16/2020 13:44:09</t>
  </si>
  <si>
    <t>1fb187bd-6651-4996-a3d2-39fd764bf4fd.tmp</t>
  </si>
  <si>
    <t>\\acsfs\profiles$\georgendsq\Downloads\1fb187bd-6651-4996-a3d2-39fd764bf4fd.tmp</t>
  </si>
  <si>
    <t>01/16/2020 13:44:21</t>
  </si>
  <si>
    <t>928dbc33-5ef6-4e02-8184-2f6d74a828ab.tmp</t>
  </si>
  <si>
    <t>\\acsfs\profiles$\georgendsq\Downloads\928dbc33-5ef6-4e02-8184-2f6d74a828ab.tmp</t>
  </si>
  <si>
    <t>01/16/2020 13:44:39</t>
  </si>
  <si>
    <t>54397727-e58c-4ca1-9d64-cc2cab73ca4e.tmp</t>
  </si>
  <si>
    <t>\\acsfs\profiles$\georgendsq\Downloads\54397727-e58c-4ca1-9d64-cc2cab73ca4e.tmp</t>
  </si>
  <si>
    <t>01/16/2020 13:42:30</t>
  </si>
  <si>
    <t>01/16/2020 13:42:35</t>
  </si>
  <si>
    <t>lu156202imcds.tmp</t>
  </si>
  <si>
    <t>\\acsfs\profiles$\Flaviojmm\My Documents\lu156202imcds.tmp</t>
  </si>
  <si>
    <t>\\acsfs\profiles$\Flaviojmm\My Documents\lu156202imcds.tmp\</t>
  </si>
  <si>
    <t>\\acsfs\profiles$\Flaviojmm\My Documents\lu156202imcds.tmp\META-INF\</t>
  </si>
  <si>
    <t>\\acsfs\profiles$\Flaviojmm\My Documents\lu156202imcds.tmp\Thumbnails\</t>
  </si>
  <si>
    <t>01/16/2020 13:41:58</t>
  </si>
  <si>
    <t>01/16/2020 13:41:59</t>
  </si>
  <si>
    <t>01/16/2020 13:42:00</t>
  </si>
  <si>
    <t>01/16/2020 13:42:01</t>
  </si>
  <si>
    <t>01/16/2020 13:42:03</t>
  </si>
  <si>
    <t>01/16/2020 13:42:04</t>
  </si>
  <si>
    <t>01/16/2020 13:42:05</t>
  </si>
  <si>
    <t>01/16/2020 13:42:06</t>
  </si>
  <si>
    <t>01/16/2020 13:42:07</t>
  </si>
  <si>
    <t>01/16/2020 13:42:09</t>
  </si>
  <si>
    <t>01/16/2020 13:42:10</t>
  </si>
  <si>
    <t>01/16/2020 13:42:11</t>
  </si>
  <si>
    <t>01/16/2020 13:42:12</t>
  </si>
  <si>
    <t>01/16/2020 13:42:13</t>
  </si>
  <si>
    <t>01/16/2020 13:44:48</t>
  </si>
  <si>
    <t>01/16/2020 13:46:36</t>
  </si>
  <si>
    <t>01/16/2020 13:44:53</t>
  </si>
  <si>
    <t>lu232362w232x.tmp</t>
  </si>
  <si>
    <t>\\acsfs\profiles$\LUCASBS\RENEG BV\Consolidado\lu232362w232x.tmp</t>
  </si>
  <si>
    <t>01/16/2020 13:44:54</t>
  </si>
  <si>
    <t>\\acsfs\profiles$\LUCASBS\RENEG BV\Consolidado\lu232362w232x.tmp\</t>
  </si>
  <si>
    <t>\\acsfs\profiles$\LUCASBS\RENEG BV\Consolidado\lu232362w232x.tmp\META-INF\</t>
  </si>
  <si>
    <t>\\acsfs\profiles$\LUCASBS\RENEG BV\Consolidado\lu232362w232x.tmp\Thumbnails\</t>
  </si>
  <si>
    <t>01/16/2020 13:44:24</t>
  </si>
  <si>
    <t>01/16/2020 13:44:25</t>
  </si>
  <si>
    <t>lu103081e8ss.tmp</t>
  </si>
  <si>
    <t>\\acsfs\profiles$\dhiulliananads\My Documents\lu103081e8ss.tmp</t>
  </si>
  <si>
    <t>\\acsfs\profiles$\dhiulliananads\My Documents\lu103081e8ss.tmp\</t>
  </si>
  <si>
    <t>\\acsfs\profiles$\dhiulliananads\My Documents\lu103081e8ss.tmp\META-INF\</t>
  </si>
  <si>
    <t>\\acsfs\profiles$\dhiulliananads\My Documents\lu103081e8ss.tmp\Thumbnails\</t>
  </si>
  <si>
    <t>01/16/2020 13:44:33</t>
  </si>
  <si>
    <t>01/16/2020 13:44:34</t>
  </si>
  <si>
    <t>lu103081e8sy.tmp</t>
  </si>
  <si>
    <t>\\acsfs\profiles$\dhiulliananads\My Documents\lu103081e8sy.tmp</t>
  </si>
  <si>
    <t>\\acsfs\profiles$\dhiulliananads\My Documents\lu103081e8sy.tmp\</t>
  </si>
  <si>
    <t>\\acsfs\profiles$\dhiulliananads\My Documents\lu103081e8sy.tmp\META-INF\</t>
  </si>
  <si>
    <t>\\acsfs\profiles$\dhiulliananads\My Documents\lu103081e8sy.tmp\Thumbnails\</t>
  </si>
  <si>
    <t>01/16/2020 13:46:46</t>
  </si>
  <si>
    <t>01/16/2020 13:48:36</t>
  </si>
  <si>
    <t>01/16/2020 13:46:47</t>
  </si>
  <si>
    <t>lu10556ftpw.tmp</t>
  </si>
  <si>
    <t>\\acsfs\profiles$\VIVIANALDS\My Documents\lu10556ftpw.tmp</t>
  </si>
  <si>
    <t>\\acsfs\profiles$\VIVIANALDS\My Documents\lu10556ftpw.tmp\</t>
  </si>
  <si>
    <t>\\acsfs\profiles$\VIVIANALDS\My Documents\lu10556ftpw.tmp\META-INF\</t>
  </si>
  <si>
    <t>\\acsfs\profiles$\VIVIANALDS\My Documents\lu10556ftpw.tmp\Thumbnails\</t>
  </si>
  <si>
    <t>01/16/2020 13:47:24</t>
  </si>
  <si>
    <t>99dd5b16-b2ae-45c1-8e1a-0c14db995a5f.tmp</t>
  </si>
  <si>
    <t>\\acsfs\profiles$\KARENJSS\Downloads\99dd5b16-b2ae-45c1-8e1a-0c14db995a5f.tmp</t>
  </si>
  <si>
    <t>01/16/2020 13:45:15</t>
  </si>
  <si>
    <t>01/16/2020 13:47:29</t>
  </si>
  <si>
    <t>c8bd3c50-fc62-4f5a-9b2c-46403a10f541.tmp</t>
  </si>
  <si>
    <t>\\acsfs\profiles$\milenaas\Downloads\c8bd3c50-fc62-4f5a-9b2c-46403a10f541.tmp</t>
  </si>
  <si>
    <t>01/16/2020 13:48:48</t>
  </si>
  <si>
    <t>01/16/2020 13:49:36</t>
  </si>
  <si>
    <t>01/16/2020 13:46:11</t>
  </si>
  <si>
    <t>01/16/2020 13:45:51</t>
  </si>
  <si>
    <t>01/16/2020 13:50:37</t>
  </si>
  <si>
    <t>f48b9038-c740-4e59-b58c-56c36f258a81.tmp</t>
  </si>
  <si>
    <t>\\acsfs\profiles$\brendadsl\Downloads\f48b9038-c740-4e59-b58c-56c36f258a81.tmp</t>
  </si>
  <si>
    <t>01/16/2020 13:47:20</t>
  </si>
  <si>
    <t>386d2f5b-046a-4ac9-8dee-65df5ce107c7.tmp</t>
  </si>
  <si>
    <t>\\acsfs\profiles$\brendadsl\Downloads\386d2f5b-046a-4ac9-8dee-65df5ce107c7.tmp</t>
  </si>
  <si>
    <t>01/16/2020 13:49:10</t>
  </si>
  <si>
    <t>01/16/2020 13:49:11</t>
  </si>
  <si>
    <t>lu7668qmim.tmp</t>
  </si>
  <si>
    <t>\\acsfs\profiles$\ALEXANDREMM\lu7668qmim.tmp</t>
  </si>
  <si>
    <t>\\acsfs\profiles$\ALEXANDREMM\lu7668qmim.tmp\</t>
  </si>
  <si>
    <t>\\acsfs\profiles$\ALEXANDREMM\lu7668qmim.tmp\META-INF\</t>
  </si>
  <si>
    <t>\\acsfs\profiles$\ALEXANDREMM\lu7668qmim.tmp\Thumbnails\</t>
  </si>
  <si>
    <t>01/16/2020 13:49:16</t>
  </si>
  <si>
    <t>01/16/2020 13:51:36</t>
  </si>
  <si>
    <t>XLOG_leydianeamd_14012020_112508.log</t>
  </si>
  <si>
    <t>\\acsfs\profiles$\leydianeamd\My Documents\xworkcenter\logs\XLOG_leydianeamd_14012020_112508.log</t>
  </si>
  <si>
    <t>01/16/2020 13:49:37</t>
  </si>
  <si>
    <t>01/16/2020 13:47:58</t>
  </si>
  <si>
    <t>01/16/2020 13:47:04</t>
  </si>
  <si>
    <t>01/16/2020 13:52:37</t>
  </si>
  <si>
    <t>85983add-97bd-4162-8655-6b16cfd25dc8.tmp</t>
  </si>
  <si>
    <t>\\acsfs\profiles$\inarajst\Downloads\85983add-97bd-4162-8655-6b16cfd25dc8.tmp</t>
  </si>
  <si>
    <t>01/16/2020 13:48:30</t>
  </si>
  <si>
    <t>01/16/2020 13:53:36</t>
  </si>
  <si>
    <t>716520a3-a0b5-4efd-8b35-e6b8842ab13b.tmp</t>
  </si>
  <si>
    <t>\\acsfs\profiles$\KARENJSS\Downloads\716520a3-a0b5-4efd-8b35-e6b8842ab13b.tmp</t>
  </si>
  <si>
    <t>a47542bf-f827-4efe-aac6-2c4eae7eaee8.tmp</t>
  </si>
  <si>
    <t>\\acsfs\profiles$\KARENJSS\Downloads\a47542bf-f827-4efe-aac6-2c4eae7eaee8.tmp</t>
  </si>
  <si>
    <t>01/16/2020 13:50:26</t>
  </si>
  <si>
    <t>01/16/2020 13:48:38</t>
  </si>
  <si>
    <t>1220 - 1174819 MASTER - OPERADORA CLAUDIA JANAINA CELESTE DE ANDRADE_1_6780342021328550715_1_32.wav</t>
  </si>
  <si>
    <t>\\acsfs\Deptos\EDUCACAO EMPRESARIAL\KÉSIA\LIGAÇÕES 1220\1220 - 1174819 MASTER - OPERADORA CLAUDIA JANAINA CELESTE DE ANDRADE_1_6780342021328550715_1_32.wav</t>
  </si>
  <si>
    <t>01/16/2020 13:51:33</t>
  </si>
  <si>
    <t>01/16/2020 13:54:37</t>
  </si>
  <si>
    <t>a2712a88-dd4d-4825-adcc-0e4d5a5ac2d4.tmp</t>
  </si>
  <si>
    <t>\\acsfs\profiles$\wedersonbadr\My Documents\My Music\a2712a88-dd4d-4825-adcc-0e4d5a5ac2d4.tmp</t>
  </si>
  <si>
    <t>01/16/2020 13:53:32</t>
  </si>
  <si>
    <t>c2c4a7a2-433e-4c49-afc3-f032d6341d3e.tmp</t>
  </si>
  <si>
    <t>\\acsfs\profiles$\wedersonbadr\My Documents\My Music\c2c4a7a2-433e-4c49-afc3-f032d6341d3e.tmp</t>
  </si>
  <si>
    <t>01/16/2020 13:53:39</t>
  </si>
  <si>
    <t>511600cf-ad7d-461a-ad61-7a297f15d36a.tmp</t>
  </si>
  <si>
    <t>\\acsfs\profiles$\wedersonbadr\My Documents\My Music\511600cf-ad7d-461a-ad61-7a297f15d36a.tmp</t>
  </si>
  <si>
    <t>01/16/2020 13:49:48</t>
  </si>
  <si>
    <t>01/16/2020 13:55:36</t>
  </si>
  <si>
    <t>01/16/2020 13:49:50</t>
  </si>
  <si>
    <t>01/16/2020 13:54:21</t>
  </si>
  <si>
    <t>Mateus de Jesus Morais_1_6777730831536434748_1_32.wav</t>
  </si>
  <si>
    <t>\\acsfs\Deptos\EDUCACAO EMPRESARIAL\FERNANDA MONIT\Fernanda\MONITORIA JANEIRO\Ligação para MUTANT segundo ciclo janeiro\Mateus de Jesus Morais_1_6777730831536434748_1_32.wav</t>
  </si>
  <si>
    <t>01/16/2020 13:54:36</t>
  </si>
  <si>
    <t>01/16/2020 13:51:02</t>
  </si>
  <si>
    <t>01/16/2020 13:51:07</t>
  </si>
  <si>
    <t>01/16/2020 13:51:32</t>
  </si>
  <si>
    <t>01/16/2020 13:51:38</t>
  </si>
  <si>
    <t>01/16/2020 13:52:03</t>
  </si>
  <si>
    <t>01/16/2020 13:52:06</t>
  </si>
  <si>
    <t>01/16/2020 13:52:25</t>
  </si>
  <si>
    <t>01/16/2020 13:52:40</t>
  </si>
  <si>
    <t>01/16/2020 13:52:47</t>
  </si>
  <si>
    <t>01/16/2020 13:52:56</t>
  </si>
  <si>
    <t>01/16/2020 13:53:00</t>
  </si>
  <si>
    <t>01/16/2020 13:53:05</t>
  </si>
  <si>
    <t>01/16/2020 13:53:11</t>
  </si>
  <si>
    <t>01/16/2020 13:53:33</t>
  </si>
  <si>
    <t>andrelpsa@algartech.com;br accept-language: pt-br;cpc-controldeskavon@algartech.com;deflate;en-us;q=0.8;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9f533b9b1abb210aa8a6644075aff34d</t>
  </si>
  <si>
    <t>andrelpsa@algartech.com,br accept-language: pt-br,cpc-controldeskavon@algartech.com,deflate,en-us;q=0.8,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9f533b9b1abb210aa8a6644075aff34d</t>
  </si>
  <si>
    <t>01/16/2020 13:53:57</t>
  </si>
  <si>
    <t>01/16/2020 13:54:01</t>
  </si>
  <si>
    <t>01/16/2020 13:54:02</t>
  </si>
  <si>
    <t>01/16/2020 13:54:04</t>
  </si>
  <si>
    <t>01/16/2020 13:54:35</t>
  </si>
  <si>
    <t>https://andrelpsa@algartech.com,br accept-language: pt-br,cpc-controldeskavon@algartech.com,deflate,en-us;q=0.8,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9f533b9b1abb210aa8a66440</t>
  </si>
  <si>
    <t>01/16/2020 13:53:51</t>
  </si>
  <si>
    <t>01/16/2020 13:54:00</t>
  </si>
  <si>
    <t>01/16/2020 13:54:15</t>
  </si>
  <si>
    <t>01/16/2020 13:54:57</t>
  </si>
  <si>
    <t>01/16/2020 13:53:46</t>
  </si>
  <si>
    <t>01/16/2020 13:56:37</t>
  </si>
  <si>
    <t>01/16/2020 13:54:18</t>
  </si>
  <si>
    <t>59ef6a3a-6e7c-4833-b9b4-231c52674fb0.tmp</t>
  </si>
  <si>
    <t>\\acsfs\profiles$\marcosvnds\Downloads\59ef6a3a-6e7c-4833-b9b4-231c52674fb0.tmp</t>
  </si>
  <si>
    <t>01/16/2020 13:52:49</t>
  </si>
  <si>
    <t>d45aaf63-f6c3-4157-8ad3-9671180e88f9.tmp</t>
  </si>
  <si>
    <t>\\acsfs\profiles$\marcosvnds\Downloads\d45aaf63-f6c3-4157-8ad3-9671180e88f9.tmp</t>
  </si>
  <si>
    <t>01/16/2020 13:52:55</t>
  </si>
  <si>
    <t>ab22b219-3fb0-4288-be53-6a3806acf932.tmp</t>
  </si>
  <si>
    <t>\\acsfs\profiles$\marcosvnds\Downloads\ab22b219-3fb0-4288-be53-6a3806acf932.tmp</t>
  </si>
  <si>
    <t>8feae223-bbb7-4bcd-a14a-a39e855ee457.tmp</t>
  </si>
  <si>
    <t>\\acsfs\profiles$\marcosvnds\Downloads\8feae223-bbb7-4bcd-a14a-a39e855ee457.tmp</t>
  </si>
  <si>
    <t>01/16/2020 13:52:39</t>
  </si>
  <si>
    <t>01/16/2020 13:53:48</t>
  </si>
  <si>
    <t>01/16/2020 13:57:36</t>
  </si>
  <si>
    <t>bf02769a-0d01-405e-9cb3-86ffc374315d.tmp</t>
  </si>
  <si>
    <t>\\acsfs\profiles$\nataliacsl\Downloads\bf02769a-0d01-405e-9cb3-86ffc374315d.tmp</t>
  </si>
  <si>
    <t>01/16/2020 13:52:45</t>
  </si>
  <si>
    <t>6aa2dd57-de43-4d96-b616-6e298cb1ce95.tmp</t>
  </si>
  <si>
    <t>\\acsfs\profiles$\ingridsm\Downloads\6aa2dd57-de43-4d96-b616-6e298cb1ce95.tmp</t>
  </si>
  <si>
    <t>01/16/2020 13:54:11</t>
  </si>
  <si>
    <t>3f189e9a-8f76-45b1-91b1-7397d2c09c32.tmp</t>
  </si>
  <si>
    <t>\\acsfs\profiles$\ingridsm\Downloads\3f189e9a-8f76-45b1-91b1-7397d2c09c32.tmp</t>
  </si>
  <si>
    <t>01/16/2020 13:52:04</t>
  </si>
  <si>
    <t>01/16/2020 13:52:07</t>
  </si>
  <si>
    <t>lu63248rdi1.tmp</t>
  </si>
  <si>
    <t>\\acsfs\ACS\Gabriel da Silva\Contemporânea\lu63248rdi1.tmp</t>
  </si>
  <si>
    <t>\\acsfs\ACS\Gabriel da Silva\Contemporânea\lu63248rdi1.tmp\Basic\</t>
  </si>
  <si>
    <t>\\acsfs\ACS\Gabriel da Silva\Contemporânea\lu63248rdi1.tmp\Basic\Standard\</t>
  </si>
  <si>
    <t>\\acsfs\ACS\Gabriel da Silva\Contemporânea\lu63248rdi1.tmp\Basic\VBAProject\</t>
  </si>
  <si>
    <t>\\acsfs\ACS\Gabriel da Silva\Contemporânea\lu63248rdi1.tmp\</t>
  </si>
  <si>
    <t>\\acsfs\ACS\Gabriel da Silva\Contemporânea\lu63248rdi1.tmp\META-INF\</t>
  </si>
  <si>
    <t>\\acsfs\ACS\Gabriel da Silva\Contemporânea\lu63248rdi1.tmp\Thumbnails\</t>
  </si>
  <si>
    <t>01/16/2020 13:54:24</t>
  </si>
  <si>
    <t>01/16/2020 13:54:27</t>
  </si>
  <si>
    <t>lu63248rdi6.tmp</t>
  </si>
  <si>
    <t>\\acsfs\ACS\Gabriel da Silva\Contemporânea\lu63248rdi6.tmp</t>
  </si>
  <si>
    <t>\\acsfs\ACS\Gabriel da Silva\Contemporânea\lu63248rdi6.tmp\Basic\</t>
  </si>
  <si>
    <t>\\acsfs\ACS\Gabriel da Silva\Contemporânea\lu63248rdi6.tmp\Basic\Standard\</t>
  </si>
  <si>
    <t>\\acsfs\ACS\Gabriel da Silva\Contemporânea\lu63248rdi6.tmp\Basic\VBAProject\</t>
  </si>
  <si>
    <t>\\acsfs\ACS\Gabriel da Silva\Contemporânea\lu63248rdi6.tmp\</t>
  </si>
  <si>
    <t>\\acsfs\ACS\Gabriel da Silva\Contemporânea\lu63248rdi6.tmp\META-INF\</t>
  </si>
  <si>
    <t>\\acsfs\ACS\Gabriel da Silva\Contemporânea\lu63248rdi6.tmp\Thumbnails\</t>
  </si>
  <si>
    <t>01/16/2020 13:52:29</t>
  </si>
  <si>
    <t>01/16/2020 13:53:01</t>
  </si>
  <si>
    <t>\\acsfs\DEPTOS\Operacao\Banco_Votorantim\Supervisao\SUPERS BV CARTÕES\ADILSON\Vendas\Política de Gratificação BV Cartões - Janeiro.ppt</t>
  </si>
  <si>
    <t>01/16/2020 13:53:02</t>
  </si>
  <si>
    <t>\\acsfs\DEPTOS\Operacao\Banco_Votorantim\Comum\00 - COMUM - BV CARTÕES\EQUIPE ADILSON\Thumbs.db</t>
  </si>
  <si>
    <t>\\acsfs\DEPTOS\Operacao\Banco_Votorantim\Supervisao\SUPERS BV CARTÕES\ADILSON\Vendas\Thumbs.db</t>
  </si>
  <si>
    <t>01/16/2020 13:53:16</t>
  </si>
  <si>
    <t>\\acsfs\DEPTOS\Operacao\Banco_Votorantim\Comum\00 - COMUM - BV CARTÕES\Política de Gratificação BV Cartões - Janeiro.ppt</t>
  </si>
  <si>
    <t>\\acsfs\DEPTOS\Operacao\Banco_Votorantim\Supervisao\SUPERS BV CARTÕES\ADILSON\Vendas\Política de Gratificação BV Cartões - Janeiro.ppt\s4\</t>
  </si>
  <si>
    <t>01/16/2020 13:53:28</t>
  </si>
  <si>
    <t>01/16/2020 13:53:44</t>
  </si>
  <si>
    <t>bvcartes-supervisores@algarnet.onmicrosoft.com;raquelfsil@algartech.com;thiagordu@algartech.com;</t>
  </si>
  <si>
    <t>bvcartes-supervisores@algarnet.onmicrosoft.com,raquelfsil@algartech.com,thiagordu@algartech.com</t>
  </si>
  <si>
    <t>01/16/2020 13:54:28</t>
  </si>
  <si>
    <t>01/16/2020 13:54:53</t>
  </si>
  <si>
    <t>mail.google.com/sync/u/0/i/bv?hl=pt-BR&amp;c=551</t>
  </si>
  <si>
    <t>01/16/2020 13:55:29</t>
  </si>
  <si>
    <t>\\acsfs\DEPTOS\Operacao\Banco_Votorantim\Comum\00 - COMUM - BV CARTÕES\Thumbs.db</t>
  </si>
  <si>
    <t>01/16/2020 13:54:31</t>
  </si>
  <si>
    <t>01/16/2020 13:58:37</t>
  </si>
  <si>
    <t>f913140a-a883-421c-bdbd-30f7fb2522be.tmp</t>
  </si>
  <si>
    <t>\\acsfs\profiles$\KARENJSS\Downloads\f913140a-a883-421c-bdbd-30f7fb2522be.tmp</t>
  </si>
  <si>
    <t>01/16/2020 13:55:39</t>
  </si>
  <si>
    <t>067474bb-a5c8-4610-bb96-569a75cb9778.tmp</t>
  </si>
  <si>
    <t>\\acsfs\profiles$\milenaas\Downloads\067474bb-a5c8-4610-bb96-569a75cb9778.tmp</t>
  </si>
  <si>
    <t>01/16/2020 13:57:07</t>
  </si>
  <si>
    <t>d2bbafaa-68b8-4ab2-9c10-2d3174e491e5.tmp</t>
  </si>
  <si>
    <t>\\acsfs\profiles$\milenaas\Downloads\d2bbafaa-68b8-4ab2-9c10-2d3174e491e5.tmp</t>
  </si>
  <si>
    <t>01/16/2020 13:57:13</t>
  </si>
  <si>
    <t>ff3bb452-983b-44f8-bfb9-02982b9705c4.tmp</t>
  </si>
  <si>
    <t>\\acsfs\profiles$\milenaas\Downloads\ff3bb452-983b-44f8-bfb9-02982b9705c4.tmp</t>
  </si>
  <si>
    <t>01/16/2020 13:57:14</t>
  </si>
  <si>
    <t>01/16/2020 13:59:36</t>
  </si>
  <si>
    <t>01/16/2020 13:57:15</t>
  </si>
  <si>
    <t>01/16/2020 13:56:56</t>
  </si>
  <si>
    <t>01/16/2020 13:57:34</t>
  </si>
  <si>
    <t>a17bdfda-3173-4cce-b332-b81a70628a84.tmp</t>
  </si>
  <si>
    <t>\\acsfs\profiles$\fabianafv\Downloads\a17bdfda-3173-4cce-b332-b81a70628a84.tmp</t>
  </si>
  <si>
    <t>01/16/2020 13:58:47</t>
  </si>
  <si>
    <t>c7fb89ec-ff2e-47d3-b63b-298de33e80ca.tmp</t>
  </si>
  <si>
    <t>\\acsfs\profiles$\fabianafv\Downloads\c7fb89ec-ff2e-47d3-b63b-298de33e80ca.tmp</t>
  </si>
  <si>
    <t>01/16/2020 13:58:49</t>
  </si>
  <si>
    <t>667dafb6-25e2-4acd-b179-2924054da197.tmp</t>
  </si>
  <si>
    <t>\\acsfs\profiles$\fabianafv\Downloads\667dafb6-25e2-4acd-b179-2924054da197.tmp</t>
  </si>
  <si>
    <t>01/16/2020 13:54:09</t>
  </si>
  <si>
    <t>e959123e-32aa-45d7-9f01-4efc31928d5b.tmp</t>
  </si>
  <si>
    <t>\\acsfs\profiles$\leticiala\Downloads\e959123e-32aa-45d7-9f01-4efc31928d5b.tmp</t>
  </si>
  <si>
    <t>01/16/2020 13:41:51</t>
  </si>
  <si>
    <t>01/16/2020 13:41:52</t>
  </si>
  <si>
    <t>lu15268eaen0.tmp</t>
  </si>
  <si>
    <t>\\acsfs\profiles$\CINTIADCF\lu15268eaen0.tmp</t>
  </si>
  <si>
    <t>\\acsfs\profiles$\CINTIADCF\lu15268eaen0.tmp\</t>
  </si>
  <si>
    <t>\\acsfs\profiles$\CINTIADCF\lu15268eaen0.tmp\META-INF\</t>
  </si>
  <si>
    <t>\\acsfs\profiles$\CINTIADCF\lu15268eaen0.tmp\Thumbnails\</t>
  </si>
  <si>
    <t>01/16/2020 14:00:36</t>
  </si>
  <si>
    <t>01/16/2020 13:55:13</t>
  </si>
  <si>
    <t>01/16/2020 13:56:34</t>
  </si>
  <si>
    <t>ff06179e-abb1-4004-9b4f-73bb4c5de768.tmp</t>
  </si>
  <si>
    <t>\\acsfs\profiles$\matheushds\Downloads\ff06179e-abb1-4004-9b4f-73bb4c5de768.tmp</t>
  </si>
  <si>
    <t>01/16/2020 13:55:37</t>
  </si>
  <si>
    <t>01/16/2020 13:55:38</t>
  </si>
  <si>
    <t>01/16/2020 13:55:40</t>
  </si>
  <si>
    <t>01/16/2020 13:55:42</t>
  </si>
  <si>
    <t>01/16/2020 13:55:43</t>
  </si>
  <si>
    <t>01/16/2020 13:55:44</t>
  </si>
  <si>
    <t>01/16/2020 13:55:48</t>
  </si>
  <si>
    <t>01/16/2020 13:55:50</t>
  </si>
  <si>
    <t>01/16/2020 13:55:51</t>
  </si>
  <si>
    <t>01/16/2020 13:55:57</t>
  </si>
  <si>
    <t>01/16/2020 13:55:58</t>
  </si>
  <si>
    <t>01/16/2020 13:56:01</t>
  </si>
  <si>
    <t>01/16/2020 13:56:03</t>
  </si>
  <si>
    <t>01/16/2020 13:56:04</t>
  </si>
  <si>
    <t>01/16/2020 13:56:05</t>
  </si>
  <si>
    <t>01/16/2020 14:00:37</t>
  </si>
  <si>
    <t>01/16/2020 13:56:07</t>
  </si>
  <si>
    <t>01/16/2020 13:56:08</t>
  </si>
  <si>
    <t>01/16/2020 13:56:09</t>
  </si>
  <si>
    <t>01/16/2020 13:56:10</t>
  </si>
  <si>
    <t>01/16/2020 14:01:36</t>
  </si>
  <si>
    <t>01/16/2020 13:56:11</t>
  </si>
  <si>
    <t>01/16/2020 13:56:12</t>
  </si>
  <si>
    <t>01/16/2020 13:56:13</t>
  </si>
  <si>
    <t>01/16/2020 13:56:17</t>
  </si>
  <si>
    <t>01/16/2020 13:56:18</t>
  </si>
  <si>
    <t>01/16/2020 13:58:29</t>
  </si>
  <si>
    <t>01/16/2020 13:58:30</t>
  </si>
  <si>
    <t>01/16/2020 13:58:31</t>
  </si>
  <si>
    <t>01/16/2020 13:58:32</t>
  </si>
  <si>
    <t>01/16/2020 13:58:34</t>
  </si>
  <si>
    <t>01/16/2020 13:58:36</t>
  </si>
  <si>
    <t>01/16/2020 13:58:41</t>
  </si>
  <si>
    <t>01/16/2020 13:59:15</t>
  </si>
  <si>
    <t>01/16/2020 13:59:28</t>
  </si>
  <si>
    <t>01/16/2020 13:59:29</t>
  </si>
  <si>
    <t>01/16/2020 13:59:30</t>
  </si>
  <si>
    <t>01/16/2020 13:59:34</t>
  </si>
  <si>
    <t>01/16/2020 13:59:35</t>
  </si>
  <si>
    <t>01/16/2020 14:00:17</t>
  </si>
  <si>
    <t>002c3146-cc6a-4e82-808c-fd7dd79d1ae4.tmp</t>
  </si>
  <si>
    <t>\\acsfs\profiles$\regisadsa\Downloads\002c3146-cc6a-4e82-808c-fd7dd79d1ae4.tmp</t>
  </si>
  <si>
    <t>https://udpmailboxap01.acs.com.br:8443/service/soap/savedraftrequest</t>
  </si>
  <si>
    <t>01/16/2020 13:59:33</t>
  </si>
  <si>
    <t>01/16/2020 13:59:12</t>
  </si>
  <si>
    <t>01/16/2020 13:59:13</t>
  </si>
  <si>
    <t>01/16/2020 14:00:13</t>
  </si>
  <si>
    <t>01/16/2020 14:01:14</t>
  </si>
  <si>
    <t>01/16/2020 14:02:36</t>
  </si>
  <si>
    <t>\\acsfs\profiles$\VICTORIAKSR\My Documents\.~lock.Retratação Qualidade.xlsx#</t>
  </si>
  <si>
    <t>01/16/2020 13:58:50</t>
  </si>
  <si>
    <t>$IMOVT4X.ica</t>
  </si>
  <si>
    <t>\\acsfs\profiles$\victoriaksr\Downloads\$RECYCLE.BIN\$IMOVT4X.ica</t>
  </si>
  <si>
    <t>01/16/2020 13:58:51</t>
  </si>
  <si>
    <t>$IQT0NVW.ica</t>
  </si>
  <si>
    <t>\\acsfs\profiles$\victoriaksr\Downloads\$RECYCLE.BIN\$IQT0NVW.ica</t>
  </si>
  <si>
    <t>$IM74JFO.ica</t>
  </si>
  <si>
    <t>\\acsfs\profiles$\victoriaksr\Downloads\$RECYCLE.BIN\$IM74JFO.ica</t>
  </si>
  <si>
    <t>01/16/2020 13:58:56</t>
  </si>
  <si>
    <t>$IXXFNNT.ica</t>
  </si>
  <si>
    <t>\\acsfs\profiles$\victoriaksr\Downloads\$RECYCLE.BIN\$IXXFNNT.ica</t>
  </si>
  <si>
    <t>01/16/2020 13:58:59</t>
  </si>
  <si>
    <t>\\acsfs\profiles$\VICTORIAKSR\Downloads\</t>
  </si>
  <si>
    <t>\\acsfs\profiles$\VICTORIAKSR\Downloads\.~lock.Retratação Qualidade Janeiro.xlsx#</t>
  </si>
  <si>
    <t>01/16/2020 14:00:45</t>
  </si>
  <si>
    <t>c81d4ee4-f828-4776-ab55-1791c2d2aaaf.tmp</t>
  </si>
  <si>
    <t>\\acsfs\profiles$\gabrielamdp\Downloads\c81d4ee4-f828-4776-ab55-1791c2d2aaaf.tmp</t>
  </si>
  <si>
    <t>01/16/2020 14:00:46</t>
  </si>
  <si>
    <t>78930368-a563-4a15-bbae-0e07c17ef45d.tmp</t>
  </si>
  <si>
    <t>\\acsfs\profiles$\gabrielamdp\Downloads\78930368-a563-4a15-bbae-0e07c17ef45d.tmp</t>
  </si>
  <si>
    <t>01/16/2020 14:00:54</t>
  </si>
  <si>
    <t>6f005e05-9a36-488c-91e7-2b5ee458c628.tmp</t>
  </si>
  <si>
    <t>\\acsfs\profiles$\gabrielamdp\Downloads\6f005e05-9a36-488c-91e7-2b5ee458c628.tmp</t>
  </si>
  <si>
    <t>01/16/2020 14:01:48</t>
  </si>
  <si>
    <t>76f52da7-218c-4306-af85-0b1ccf57f883.tmp</t>
  </si>
  <si>
    <t>\\acsfs\profiles$\gabrielamdp\Downloads\76f52da7-218c-4306-af85-0b1ccf57f883.tmp</t>
  </si>
  <si>
    <t>01/16/2020 13:57:33</t>
  </si>
  <si>
    <t>01/16/2020 13:59:05</t>
  </si>
  <si>
    <t>01/16/2020 14:03:36</t>
  </si>
  <si>
    <t>0a16251c-55bd-428e-8051-191e1a1d66e0.tmp</t>
  </si>
  <si>
    <t>\\acsfs\profiles$\milenaas\Downloads\0a16251c-55bd-428e-8051-191e1a1d66e0.tmp</t>
  </si>
  <si>
    <t>01/16/2020 14:02:11</t>
  </si>
  <si>
    <t>ac372905-f2f1-476f-9585-fe8d9d369f18.tmp</t>
  </si>
  <si>
    <t>\\acsfs\profiles$\milenaas\Downloads\ac372905-f2f1-476f-9585-fe8d9d369f18.tmp</t>
  </si>
  <si>
    <t>01/16/2020 13:59:21</t>
  </si>
  <si>
    <t>01/16/2020 14:04:36</t>
  </si>
  <si>
    <t>cc8bf55f-a06a-4348-b883-19bec502ff04.tmp</t>
  </si>
  <si>
    <t>\\acsfs\profiles$\fabianafv\Downloads\cc8bf55f-a06a-4348-b883-19bec502ff04.tmp</t>
  </si>
  <si>
    <t>01/16/2020 13:59:54</t>
  </si>
  <si>
    <t>c9970c1f-a529-4f7d-a6a5-f3cab14cb4c2.tmp</t>
  </si>
  <si>
    <t>\\acsfs\profiles$\fabianafv\Downloads\c9970c1f-a529-4f7d-a6a5-f3cab14cb4c2.tmp</t>
  </si>
  <si>
    <t>01/16/2020 13:59:46</t>
  </si>
  <si>
    <t>01/16/2020 14:00:42</t>
  </si>
  <si>
    <t>\\acsfs\DEPTOS\EDUCACAO EMPRESARIAL\2 - Operações\0 - BV\1 - TREINADORES\Haruna\Modelo 2.pptx\</t>
  </si>
  <si>
    <t>\\acsfs\DEPTOS\EDUCACAO EMPRESARIAL\2 - Operações\0 - BV\1 - TREINADORES\Haruna\Modelo 2.pptx</t>
  </si>
  <si>
    <t>image11.svg</t>
  </si>
  <si>
    <t>image25.svg</t>
  </si>
  <si>
    <t>image31.svg</t>
  </si>
  <si>
    <t>image7.svg</t>
  </si>
  <si>
    <t>image9.svg</t>
  </si>
  <si>
    <t>Modelo 2.pptx</t>
  </si>
  <si>
    <t>01/16/2020 13:59:38</t>
  </si>
  <si>
    <t>01/16/2020 13:59:39</t>
  </si>
  <si>
    <t>01/16/2020 13:59:40</t>
  </si>
  <si>
    <t>01/16/2020 13:59:41</t>
  </si>
  <si>
    <t>01/16/2020 13:59:42</t>
  </si>
  <si>
    <t>01/16/2020 13:59:43</t>
  </si>
  <si>
    <t>01/16/2020 13:59:45</t>
  </si>
  <si>
    <t>01/16/2020 13:59:47</t>
  </si>
  <si>
    <t>01/16/2020 13:59:49</t>
  </si>
  <si>
    <t>01/16/2020 13:59:51</t>
  </si>
  <si>
    <t>01/16/2020 13:59:53</t>
  </si>
  <si>
    <t>01/16/2020 13:59:55</t>
  </si>
  <si>
    <t>01/16/2020 13:59:57</t>
  </si>
  <si>
    <t>01/16/2020 13:59:58</t>
  </si>
  <si>
    <t>01/16/2020 14:00:00</t>
  </si>
  <si>
    <t>01/16/2020 14:00:01</t>
  </si>
  <si>
    <t>01/16/2020 14:00:02</t>
  </si>
  <si>
    <t>01/16/2020 14:00:04</t>
  </si>
  <si>
    <t>01/16/2020 14:00:06</t>
  </si>
  <si>
    <t>01/16/2020 14:00:07</t>
  </si>
  <si>
    <t>01/16/2020 14:00:08</t>
  </si>
  <si>
    <t>01/16/2020 14:00:10</t>
  </si>
  <si>
    <t>01/16/2020 14:00:12</t>
  </si>
  <si>
    <t>01/16/2020 14:00:14</t>
  </si>
  <si>
    <t>01/16/2020 14:00:15</t>
  </si>
  <si>
    <t>01/16/2020 14:00:16</t>
  </si>
  <si>
    <t>01/16/2020 14:00:19</t>
  </si>
  <si>
    <t>01/16/2020 14:00:21</t>
  </si>
  <si>
    <t>01/16/2020 14:00:22</t>
  </si>
  <si>
    <t>01/16/2020 14:00:23</t>
  </si>
  <si>
    <t>01/16/2020 14:00:26</t>
  </si>
  <si>
    <t>01/16/2020 14:00:27</t>
  </si>
  <si>
    <t>01/16/2020 14:00:29</t>
  </si>
  <si>
    <t>01/16/2020 14:00:30</t>
  </si>
  <si>
    <t>01/16/2020 14:03:04</t>
  </si>
  <si>
    <t>01/16/2020 14:05:37</t>
  </si>
  <si>
    <t>01/16/2020 14:03:39</t>
  </si>
  <si>
    <t>01/16/2020 14:03:49</t>
  </si>
  <si>
    <t>01/16/2020 14:04:02</t>
  </si>
  <si>
    <t>01/16/2020 14:04:13</t>
  </si>
  <si>
    <t>01/16/2020 14:04:16</t>
  </si>
  <si>
    <t>01/16/2020 14:04:24</t>
  </si>
  <si>
    <t>01/16/2020 14:04:29</t>
  </si>
  <si>
    <t>01/16/2020 14:04:33</t>
  </si>
  <si>
    <t>01/16/2020 14:01:02</t>
  </si>
  <si>
    <t>01/16/2020 14:01:08</t>
  </si>
  <si>
    <t>lu156202imce1.tmp</t>
  </si>
  <si>
    <t>\\acsfs\profiles$\Flaviojmm\My Documents\lu156202imce1.tmp</t>
  </si>
  <si>
    <t>\\acsfs\profiles$\Flaviojmm\My Documents\lu156202imce1.tmp\</t>
  </si>
  <si>
    <t>\\acsfs\profiles$\Flaviojmm\My Documents\lu156202imce1.tmp\META-INF\</t>
  </si>
  <si>
    <t>\\acsfs\profiles$\Flaviojmm\My Documents\lu156202imce1.tmp\Thumbnails\</t>
  </si>
  <si>
    <t>01/16/2020 14:03:26</t>
  </si>
  <si>
    <t>f6d41ab4-dd16-468b-ad95-2f3d4dec4075.tmp</t>
  </si>
  <si>
    <t>\\acsfs\profiles$\adelvinsonle\Downloads\f6d41ab4-dd16-468b-ad95-2f3d4dec4075.tmp</t>
  </si>
  <si>
    <t>01/16/2020 14:03:28</t>
  </si>
  <si>
    <t>01/16/2020 14:06:36</t>
  </si>
  <si>
    <t>01/16/2020 14:02:05</t>
  </si>
  <si>
    <t>6f70e2b4-f610-4cd8-912d-4c2eab4efd4a.tmp</t>
  </si>
  <si>
    <t>\\acsfs\profiles$\regisadsa\Downloads\6f70e2b4-f610-4cd8-912d-4c2eab4efd4a.tmp</t>
  </si>
  <si>
    <t>01/16/2020 14:02:49</t>
  </si>
  <si>
    <t>220700c5-d6b2-4dd3-968d-c167f5f994d2.tmp</t>
  </si>
  <si>
    <t>\\acsfs\profiles$\regisadsa\Downloads\220700c5-d6b2-4dd3-968d-c167f5f994d2.tmp</t>
  </si>
  <si>
    <t>01/16/2020 14:02:52</t>
  </si>
  <si>
    <t>bd3f06cb-6153-4393-8b5e-3c6b7695c480.tmp</t>
  </si>
  <si>
    <t>\\acsfs\profiles$\regisadsa\Downloads\bd3f06cb-6153-4393-8b5e-3c6b7695c480.tmp</t>
  </si>
  <si>
    <t>01/16/2020 14:02:18</t>
  </si>
  <si>
    <t>01/16/2020 14:01:38</t>
  </si>
  <si>
    <t>01/16/2020 14:03:34</t>
  </si>
  <si>
    <t>01/16/2020 14:07:36</t>
  </si>
  <si>
    <t>002324b4-2143-461f-a4e3-6e46f4ba60ac.tmp</t>
  </si>
  <si>
    <t>\\acsfs\profiles$\ingridsm\Downloads\002324b4-2143-461f-a4e3-6e46f4ba60ac.tmp</t>
  </si>
  <si>
    <t>01/16/2020 14:04:43</t>
  </si>
  <si>
    <t>d3dbdfb6-d29b-452d-a563-9755c97451cc.tmp</t>
  </si>
  <si>
    <t>\\acsfs\profiles$\ingridsm\Downloads\d3dbdfb6-d29b-452d-a563-9755c97451cc.tmp</t>
  </si>
  <si>
    <t>01/16/2020 14:05:33</t>
  </si>
  <si>
    <t>2445e40a-f373-4df7-8949-e8e78b899310.tmp</t>
  </si>
  <si>
    <t>\\acsfs\profiles$\ingridsm\Downloads\2445e40a-f373-4df7-8949-e8e78b899310.tmp</t>
  </si>
  <si>
    <t>01/16/2020 14:03:56</t>
  </si>
  <si>
    <t>01/16/2020 12:51:43</t>
  </si>
  <si>
    <t>01/16/2020 14:05:35</t>
  </si>
  <si>
    <t>01/16/2020 14:08:36</t>
  </si>
  <si>
    <t>5fca69ea-e8a6-4ee2-98d6-cd051b8626e4.tmp</t>
  </si>
  <si>
    <t>\\acsfs\profiles$\vivianalds\Downloads\5fca69ea-e8a6-4ee2-98d6-cd051b8626e4.tmp</t>
  </si>
  <si>
    <t>01/16/2020 14:04:53</t>
  </si>
  <si>
    <t>01/16/2020 14:09:36</t>
  </si>
  <si>
    <t>01/16/2020 14:06:10</t>
  </si>
  <si>
    <t>C:\Users\TEMP.ACS.000\Downloads\Treinamento Auto Market Place BV_Produtos (1).pptx\</t>
  </si>
  <si>
    <t>\\acsfs\DEPTOS\EDUCACAO EMPRESARIAL\2 - Operações\0 - BV\1 - TREINADORES\Haruna\LEANDRA\Treinamento Auto Market Place BV_Produtos (1).pptx</t>
  </si>
  <si>
    <t>Treinamento Auto Market Place BV_Produtos (1).pptx</t>
  </si>
  <si>
    <t>\\acsfs\DEPTOS\EDUCACAO EMPRESARIAL\2 - Operações\0 - BV\1 - TREINADORES\Haruna\LEANDRA\Treinamento Auto Market Place BV_Produtos (1).pptx\</t>
  </si>
  <si>
    <t>\\acsfs\DEPTOS\EDUCACAO EMPRESARIAL\2 - Operações\0 - BV\1 - TREINADORES\Haruna\LEANDRA\Treinamento Auto Market Place BV_Produtos (1).pptx\:Zone.Identifier:$DATA</t>
  </si>
  <si>
    <t>01/16/2020 14:06:12</t>
  </si>
  <si>
    <t>01/16/2020 14:06:50</t>
  </si>
  <si>
    <t>\\acsfs\DEPTOS\EDUCACAO EMPRESARIAL\2 - Operações\0 - BV\1 - TREINADORES\Haruna\LEANDRA\Modelo 2.pptx\</t>
  </si>
  <si>
    <t>\\acsfs\DEPTOS\EDUCACAO EMPRESARIAL\2 - Operações\0 - BV\1 - TREINADORES\Haruna\LEANDRA\</t>
  </si>
  <si>
    <t>01/16/2020 14:05:21</t>
  </si>
  <si>
    <t>ed4b4467-57cc-4ae2-a7be-159e450f1b52.tmp</t>
  </si>
  <si>
    <t>\\acsfs\profiles$\nathaliarmr\Downloads\ed4b4467-57cc-4ae2-a7be-159e450f1b52.tmp</t>
  </si>
  <si>
    <t>01/16/2020 14:04:46</t>
  </si>
  <si>
    <t>01/16/2020 14:10:37</t>
  </si>
  <si>
    <t>01/16/2020 14:05:19</t>
  </si>
  <si>
    <t>01/16/2020 14:05:32</t>
  </si>
  <si>
    <t>01/16/2020 14:06:42</t>
  </si>
  <si>
    <t>01/16/2020 14:06:56</t>
  </si>
  <si>
    <t>01/16/2020 14:07:22</t>
  </si>
  <si>
    <t>01/16/2020 14:07:51</t>
  </si>
  <si>
    <t>01/16/2020 14:07:55</t>
  </si>
  <si>
    <t>01/16/2020 14:08:28</t>
  </si>
  <si>
    <t>01/16/2020 14:08:32</t>
  </si>
  <si>
    <t>01/16/2020 14:08:38</t>
  </si>
  <si>
    <t>01/16/2020 14:08:41</t>
  </si>
  <si>
    <t>01/16/2020 14:07:27</t>
  </si>
  <si>
    <t>01/16/2020 14:07:43</t>
  </si>
  <si>
    <t>01/16/2020 14:11:36</t>
  </si>
  <si>
    <t>01/16/2020 14:07:47</t>
  </si>
  <si>
    <t>01/16/2020 14:07:56</t>
  </si>
  <si>
    <t>01/16/2020 14:05:56</t>
  </si>
  <si>
    <t>79c2c3db-0256-4bb4-8ce6-53c32e04763d.tmp</t>
  </si>
  <si>
    <t>\\acsfs\profiles$\regisadsa\Downloads\79c2c3db-0256-4bb4-8ce6-53c32e04763d.tmp</t>
  </si>
  <si>
    <t>01/16/2020 14:07:31</t>
  </si>
  <si>
    <t>01/16/2020 14:12:37</t>
  </si>
  <si>
    <t>ce054a38-44a0-4042-abab-c5487160414a.tmp</t>
  </si>
  <si>
    <t>\\acsfs\profiles$\gabrielamdp\Downloads\ce054a38-44a0-4042-abab-c5487160414a.tmp</t>
  </si>
  <si>
    <t>01/16/2020 14:10:33</t>
  </si>
  <si>
    <t>d8eccbe3-64d7-4f49-86e7-009d195cf6f3.tmp</t>
  </si>
  <si>
    <t>\\acsfs\profiles$\kellzylenneasr\Downloads\d8eccbe3-64d7-4f49-86e7-009d195cf6f3.tmp</t>
  </si>
  <si>
    <t>01/16/2020 14:07:24</t>
  </si>
  <si>
    <t>01/16/2020 14:09:31</t>
  </si>
  <si>
    <t>243bb977-799f-4f33-a2bb-560c9b4789cc.tmp</t>
  </si>
  <si>
    <t>\\acsfs\profiles$\erichds\Downloads\243bb977-799f-4f33-a2bb-560c9b4789cc.tmp</t>
  </si>
  <si>
    <t>01/16/2020 14:10:59</t>
  </si>
  <si>
    <t>8d568ab6-4249-4f40-b6d1-824026d0e4b6.tmp</t>
  </si>
  <si>
    <t>\\acsfs\profiles$\erichds\Downloads\8d568ab6-4249-4f40-b6d1-824026d0e4b6.tmp</t>
  </si>
  <si>
    <t>01/16/2020 14:10:40</t>
  </si>
  <si>
    <t>01/16/2020 14:13:36</t>
  </si>
  <si>
    <t>01/16/2020 14:12:24</t>
  </si>
  <si>
    <t>.~lock.TV ANA E VITOR ATUALIZADO.ppt#</t>
  </si>
  <si>
    <t>\\acsfs\Deptos\Operacao\Banco_Votorantim\Supervisao\SUPERS BV CARTÕES\LAYOUT TV´S\.~lock.TV ANA E VITOR ATUALIZADO.ppt#</t>
  </si>
  <si>
    <t>01/16/2020 14:08:19</t>
  </si>
  <si>
    <t>lu10556ftq3.tmp</t>
  </si>
  <si>
    <t>\\acsfs\profiles$\VIVIANALDS\My Documents\lu10556ftq3.tmp</t>
  </si>
  <si>
    <t>\\acsfs\profiles$\VIVIANALDS\My Documents\lu10556ftq3.tmp\</t>
  </si>
  <si>
    <t>\\acsfs\profiles$\VIVIANALDS\My Documents\lu10556ftq3.tmp\META-INF\</t>
  </si>
  <si>
    <t>\\acsfs\profiles$\VIVIANALDS\My Documents\lu10556ftq3.tmp\Thumbnails\</t>
  </si>
  <si>
    <t>01/16/2020 14:08:22</t>
  </si>
  <si>
    <t>lu10556ftq7.tmp</t>
  </si>
  <si>
    <t>\\acsfs\profiles$\VIVIANALDS\My Documents\lu10556ftq7.tmp</t>
  </si>
  <si>
    <t>\\acsfs\profiles$\VIVIANALDS\My Documents\lu10556ftq7.tmp\</t>
  </si>
  <si>
    <t>\\acsfs\profiles$\VIVIANALDS\My Documents\lu10556ftq7.tmp\META-INF\</t>
  </si>
  <si>
    <t>\\acsfs\profiles$\VIVIANALDS\My Documents\lu10556ftq7.tmp\Thumbnails\</t>
  </si>
  <si>
    <t>01/16/2020 14:08:26</t>
  </si>
  <si>
    <t>01/16/2020 14:08:27</t>
  </si>
  <si>
    <t>lu10556ftqb.tmp</t>
  </si>
  <si>
    <t>\\acsfs\profiles$\VIVIANALDS\My Documents\lu10556ftqb.tmp</t>
  </si>
  <si>
    <t>\\acsfs\profiles$\VIVIANALDS\My Documents\lu10556ftqb.tmp\</t>
  </si>
  <si>
    <t>\\acsfs\profiles$\VIVIANALDS\My Documents\lu10556ftqb.tmp\META-INF\</t>
  </si>
  <si>
    <t>\\acsfs\profiles$\VIVIANALDS\My Documents\lu10556ftqb.tmp\Thumbnails\</t>
  </si>
  <si>
    <t>01/16/2020 14:09:26</t>
  </si>
  <si>
    <t>01/16/2020 14:09:38</t>
  </si>
  <si>
    <t>01/16/2020 14:09:39</t>
  </si>
  <si>
    <t>01/16/2020 14:09:41</t>
  </si>
  <si>
    <t>01/16/2020 14:09:46</t>
  </si>
  <si>
    <t>01/16/2020 14:09:48</t>
  </si>
  <si>
    <t>01/16/2020 14:09:49</t>
  </si>
  <si>
    <t>01/16/2020 14:09:51</t>
  </si>
  <si>
    <t>01/16/2020 14:09:54</t>
  </si>
  <si>
    <t>01/16/2020 14:09:57</t>
  </si>
  <si>
    <t>01/16/2020 14:09:59</t>
  </si>
  <si>
    <t>01/16/2020 14:10:10</t>
  </si>
  <si>
    <t>01/16/2020 14:10:13</t>
  </si>
  <si>
    <t>01/16/2020 14:10:22</t>
  </si>
  <si>
    <t>01/16/2020 14:10:23</t>
  </si>
  <si>
    <t>01/16/2020 14:10:24</t>
  </si>
  <si>
    <t>01/16/2020 14:10:30</t>
  </si>
  <si>
    <t>01/16/2020 14:10:32</t>
  </si>
  <si>
    <t>01/16/2020 14:10:35</t>
  </si>
  <si>
    <t>01/16/2020 14:10:36</t>
  </si>
  <si>
    <t>01/16/2020 14:10:38</t>
  </si>
  <si>
    <t>01/16/2020 14:10:42</t>
  </si>
  <si>
    <t>01/16/2020 14:10:43</t>
  </si>
  <si>
    <t>01/16/2020 14:10:44</t>
  </si>
  <si>
    <t>01/16/2020 14:10:47</t>
  </si>
  <si>
    <t>01/16/2020 14:10:49</t>
  </si>
  <si>
    <t>01/16/2020 14:10:50</t>
  </si>
  <si>
    <t>01/16/2020 14:10:51</t>
  </si>
  <si>
    <t>01/16/2020 14:10:52</t>
  </si>
  <si>
    <t>01/16/2020 14:10:53</t>
  </si>
  <si>
    <t>01/16/2020 14:10:54</t>
  </si>
  <si>
    <t>01/16/2020 14:10:55</t>
  </si>
  <si>
    <t>01/16/2020 14:10:56</t>
  </si>
  <si>
    <t>01/16/2020 14:10:57</t>
  </si>
  <si>
    <t>01/16/2020 14:10:58</t>
  </si>
  <si>
    <t>01/16/2020 14:11:00</t>
  </si>
  <si>
    <t>01/16/2020 14:11:02</t>
  </si>
  <si>
    <t>01/16/2020 14:11:03</t>
  </si>
  <si>
    <t>01/16/2020 14:11:32</t>
  </si>
  <si>
    <t>01/16/2020 14:12:20</t>
  </si>
  <si>
    <t>\\acsfs\Deptos\EDUCACAO EMPRESARIAL\KÉSIA\LOG CHAMADAS DETALHADO - BV CARTÕES DEZ_JAN (2).xlsx\</t>
  </si>
  <si>
    <t>\\acsfs\Deptos\EDUCACAO EMPRESARIAL\KÉSIA\LOG CHAMADAS DETALHADO - BV CARTÕES DEZ_JAN (2).xlsx\:Zone.Identifier:$DATA</t>
  </si>
  <si>
    <t>01/16/2020 14:12:44</t>
  </si>
  <si>
    <t>LOG CHAMADAS DETALHADO - BV CARTÕES DEZ_JAN (2).xlsx</t>
  </si>
  <si>
    <t>\\acsfs\Deptos\EDUCACAO EMPRESARIAL\KÉSIA\LOG CHAMADAS DETALHADO - BV CARTÕES DEZ_JAN (2).xlsx</t>
  </si>
  <si>
    <t>01/16/2020 14:11:33</t>
  </si>
  <si>
    <t>01/16/2020 14:11:35</t>
  </si>
  <si>
    <t>01/16/2020 14:11:37</t>
  </si>
  <si>
    <t>01/16/2020 14:11:51</t>
  </si>
  <si>
    <t>01/16/2020 14:11:58</t>
  </si>
  <si>
    <t>01/16/2020 14:12:01</t>
  </si>
  <si>
    <t>01/16/2020 14:12:14</t>
  </si>
  <si>
    <t>01/16/2020 14:14:37</t>
  </si>
  <si>
    <t>01/16/2020 14:12:15</t>
  </si>
  <si>
    <t>01/16/2020 14:11:40</t>
  </si>
  <si>
    <t>8d592c54-2c9b-4782-ba46-e79348bfba56.tmp</t>
  </si>
  <si>
    <t>\\acsfs\profiles$\larissaad\Downloads\8d592c54-2c9b-4782-ba46-e79348bfba56.tmp</t>
  </si>
  <si>
    <t>01/16/2020 14:10:06</t>
  </si>
  <si>
    <t>01/16/2020 14:12:40</t>
  </si>
  <si>
    <t>ef8ffff6-8256-4354-ab6c-84716a4b57cd.tmp</t>
  </si>
  <si>
    <t>\\acsfs\profiles$\PEDROHAB\Downloads\ef8ffff6-8256-4354-ab6c-84716a4b57cd.tmp</t>
  </si>
  <si>
    <t>01/16/2020 14:14:00</t>
  </si>
  <si>
    <t>01/16/2020 14:15:36</t>
  </si>
  <si>
    <t>4bce854c-51dc-4ec8-a10b-a6708c037c97.tmp</t>
  </si>
  <si>
    <t>\\acsfs\profiles$\brendadsl\Downloads\4bce854c-51dc-4ec8-a10b-a6708c037c97.tmp</t>
  </si>
  <si>
    <t>01/16/2020 14:11:42</t>
  </si>
  <si>
    <t>01/16/2020 14:13:27</t>
  </si>
  <si>
    <t>\\acsfs\Deptos\EDUCACAO EMPRESARIAL\FERNANDA MONIT\LOG CHAMADAS DETALHADO - BV CARTÕES DEZ_JAN (2).xlsx</t>
  </si>
  <si>
    <t>\\acsfs\Deptos\EDUCACAO EMPRESARIAL\FERNANDA MONIT\LOG CHAMADAS DETALHADO - BV CARTÕES DEZ_JAN (2).xlsx\</t>
  </si>
  <si>
    <t>\\acsfs\Deptos\EDUCACAO EMPRESARIAL\FERNANDA MONIT\LOG CHAMADAS DETALHADO - BV CARTÕES DEZ_JAN (2).xlsx\:Zone.Identifier:$DATA</t>
  </si>
  <si>
    <t>01/16/2020 14:11:31</t>
  </si>
  <si>
    <t>01/16/2020 14:11:43</t>
  </si>
  <si>
    <t>01/16/2020 14:11:47</t>
  </si>
  <si>
    <t>01/16/2020 14:11:50</t>
  </si>
  <si>
    <t>01/16/2020 14:11:52</t>
  </si>
  <si>
    <t>01/16/2020 14:12:22</t>
  </si>
  <si>
    <t>100014082285011;100014122394468;catianalv@algartech.com;cpc-controldeskavon@algartech.com;joseasn@algartech.com;lucianarsantos@algartech.com;marianadjc@algartech.com;senildapdo@algartecnologia.com.br;</t>
  </si>
  <si>
    <t>100014082285011,100014122394468,catianalv@algartech.com,cpc-controldeskavon@algartech.com,joseasn@algartech.com,lucianarsantos@algartech.com,marianadjc@algartech.com,senildapdo@algartecnologia.com.br</t>
  </si>
  <si>
    <t>01/16/2020 14:13:03</t>
  </si>
  <si>
    <t>01/16/2020 14:13:31</t>
  </si>
  <si>
    <t>01/16/2020 14:13:41</t>
  </si>
  <si>
    <t>01/16/2020 14:13:47</t>
  </si>
  <si>
    <t>01/16/2020 14:14:04</t>
  </si>
  <si>
    <t>01/16/2020 14:14:05</t>
  </si>
  <si>
    <t>01/16/2020 14:14:10</t>
  </si>
  <si>
    <t>01/16/2020 14:14:16</t>
  </si>
  <si>
    <t>01/16/2020 14:12:23</t>
  </si>
  <si>
    <t>01/16/2020 14:11:21</t>
  </si>
  <si>
    <t>01/16/2020 14:14:52</t>
  </si>
  <si>
    <t>01/16/2020 14:11:11</t>
  </si>
  <si>
    <t>01/16/2020 14:16:37</t>
  </si>
  <si>
    <t>758a8726-df34-4971-89d0-91f208f9a270.tmp</t>
  </si>
  <si>
    <t>\\acsfs\profiles$\DALVADFB\Downloads\758a8726-df34-4971-89d0-91f208f9a270.tmp</t>
  </si>
  <si>
    <t>01/16/2020 14:11:46</t>
  </si>
  <si>
    <t>da89c4ff-c9fd-4885-a6c6-20f8194273d4.tmp</t>
  </si>
  <si>
    <t>\\acsfs\profiles$\DALVADFB\Downloads\da89c4ff-c9fd-4885-a6c6-20f8194273d4.tmp</t>
  </si>
  <si>
    <t>01/16/2020 14:12:00</t>
  </si>
  <si>
    <t>425496de-caf7-45f6-b4a8-a136b904765b.tmp</t>
  </si>
  <si>
    <t>\\acsfs\profiles$\DALVADFB\Downloads\425496de-caf7-45f6-b4a8-a136b904765b.tmp</t>
  </si>
  <si>
    <t>01/16/2020 14:12:47</t>
  </si>
  <si>
    <t>2e681940-cc82-4629-8597-fd304030952c.tmp</t>
  </si>
  <si>
    <t>\\acsfs\profiles$\DALVADFB\Downloads\2e681940-cc82-4629-8597-fd304030952c.tmp</t>
  </si>
  <si>
    <t>01/16/2020 14:14:13</t>
  </si>
  <si>
    <t>6b0a286c-44cd-4fdf-b010-fcccf4d2188f.tmp</t>
  </si>
  <si>
    <t>\\acsfs\profiles$\DALVADFB\Downloads\6b0a286c-44cd-4fdf-b010-fcccf4d2188f.tmp</t>
  </si>
  <si>
    <t>01/16/2020 14:12:49</t>
  </si>
  <si>
    <t>65395c60-49be-4056-9995-9b7be825af04.tmp</t>
  </si>
  <si>
    <t>\\acsfs\profiles$\joselrb\Downloads\65395c60-49be-4056-9995-9b7be825af04.tmp</t>
  </si>
  <si>
    <t>01/16/2020 14:12:05</t>
  </si>
  <si>
    <t>01/16/2020 14:17:36</t>
  </si>
  <si>
    <t>lu8412ilbd.tmp</t>
  </si>
  <si>
    <t>\\acsfs\profiles$\VICTORIAKSR\Downloads\lu8412ilbd.tmp</t>
  </si>
  <si>
    <t>01/16/2020 14:16:40</t>
  </si>
  <si>
    <t>323ff193-dfd1-41c6-8bc6-b8425ee3115f.tmp</t>
  </si>
  <si>
    <t>\\acsfs\profiles$\victorgl\Downloads\323ff193-dfd1-41c6-8bc6-b8425ee3115f.tmp</t>
  </si>
  <si>
    <t>01/16/2020 14:13:43</t>
  </si>
  <si>
    <t>e48284cc-137c-41f6-8d2a-7f14af7ed04b.tmp</t>
  </si>
  <si>
    <t>\\acsfs\profiles$\victorgl\Downloads\e48284cc-137c-41f6-8d2a-7f14af7ed04b.tmp</t>
  </si>
  <si>
    <t>01/16/2020 14:12:52</t>
  </si>
  <si>
    <t>2deb8485-4b81-46a1-a4a8-8c7aac1a4bce.tmp</t>
  </si>
  <si>
    <t>\\acsfs\profiles$\lucasgpe\Downloads\2deb8485-4b81-46a1-a4a8-8c7aac1a4bce.tmp</t>
  </si>
  <si>
    <t>01/16/2020 14:18:36</t>
  </si>
  <si>
    <t>01/16/2020 14:13:49</t>
  </si>
  <si>
    <t>01/16/2020 14:13:50</t>
  </si>
  <si>
    <t>lu10556ftqf.tmp</t>
  </si>
  <si>
    <t>\\acsfs\profiles$\VIVIANALDS\My Documents\lu10556ftqf.tmp</t>
  </si>
  <si>
    <t>\\acsfs\profiles$\VIVIANALDS\My Documents\lu10556ftqf.tmp\</t>
  </si>
  <si>
    <t>\\acsfs\profiles$\VIVIANALDS\My Documents\lu10556ftqf.tmp\META-INF\</t>
  </si>
  <si>
    <t>\\acsfs\profiles$\VIVIANALDS\My Documents\lu10556ftqf.tmp\Thumbnails\</t>
  </si>
  <si>
    <t>01/16/2020 14:14:46</t>
  </si>
  <si>
    <t>36e4b745-febe-46a0-90ae-fe4ec4220662.tmp</t>
  </si>
  <si>
    <t>\\acsfs\profiles$\edicarlosdl\Downloads\36e4b745-febe-46a0-90ae-fe4ec4220662.tmp</t>
  </si>
  <si>
    <t>01/16/2020 14:15:49</t>
  </si>
  <si>
    <t>40c9ed5c-954b-4b56-8f89-08ac2693d8cf.tmp</t>
  </si>
  <si>
    <t>\\acsfs\profiles$\edicarlosdl\Downloads\40c9ed5c-954b-4b56-8f89-08ac2693d8cf.tmp</t>
  </si>
  <si>
    <t>01/16/2020 14:16:17</t>
  </si>
  <si>
    <t>01/16/2020 14:16:13</t>
  </si>
  <si>
    <t>01/16/2020 14:19:36</t>
  </si>
  <si>
    <t>01/16/2020 14:16:16</t>
  </si>
  <si>
    <t>01/16/2020 14:17:22</t>
  </si>
  <si>
    <t>01/16/2020 14:17:23</t>
  </si>
  <si>
    <t>lu1263611eup.tmp</t>
  </si>
  <si>
    <t>\\acsfs\profiles$\luanarda\lu1263611eup.tmp</t>
  </si>
  <si>
    <t>\\acsfs\profiles$\luanarda\lu1263611eup.tmp\</t>
  </si>
  <si>
    <t>\\acsfs\profiles$\luanarda\lu1263611eup.tmp\META-INF\</t>
  </si>
  <si>
    <t>\\acsfs\profiles$\luanarda\lu1263611eup.tmp\Thumbnails\</t>
  </si>
  <si>
    <t>01/16/2020 14:17:54</t>
  </si>
  <si>
    <t>01/16/2020 14:14:59</t>
  </si>
  <si>
    <t>01/16/2020 14:20:36</t>
  </si>
  <si>
    <t>01/16/2020 14:18:14</t>
  </si>
  <si>
    <t>ffcd0c82-8aaa-4e09-a1b6-0c9b866ce32a.tmp</t>
  </si>
  <si>
    <t>\\acsfs\profiles$\lorenabmc\Downloads\ffcd0c82-8aaa-4e09-a1b6-0c9b866ce32a.tmp</t>
  </si>
  <si>
    <t>01/16/2020 14:18:25</t>
  </si>
  <si>
    <t>be0e4f38-aa3e-4a32-bed9-ae095e22f2f6.tmp</t>
  </si>
  <si>
    <t>\\acsfs\profiles$\lorenabmc\Downloads\be0e4f38-aa3e-4a32-bed9-ae095e22f2f6.tmp</t>
  </si>
  <si>
    <t>01/16/2020 14:18:33</t>
  </si>
  <si>
    <t>c30377bd-3f06-4c05-9dcd-981ee5b0bc4e.tmp</t>
  </si>
  <si>
    <t>\\acsfs\profiles$\milenaas\Downloads\c30377bd-3f06-4c05-9dcd-981ee5b0bc4e.tmp</t>
  </si>
  <si>
    <t>01/16/2020 14:19:07</t>
  </si>
  <si>
    <t>443cfd09-341e-4064-8ced-e55257537ea1.tmp</t>
  </si>
  <si>
    <t>\\acsfs\profiles$\milenaas\Downloads\443cfd09-341e-4064-8ced-e55257537ea1.tmp</t>
  </si>
  <si>
    <t>01/16/2020 14:15:44</t>
  </si>
  <si>
    <t>01/16/2020 14:19:08</t>
  </si>
  <si>
    <t>01/16/2020 14:18:30</t>
  </si>
  <si>
    <t>01/16/2020 14:21:37</t>
  </si>
  <si>
    <t>01/16/2020 14:19:24</t>
  </si>
  <si>
    <t>01/16/2020 14:19:55</t>
  </si>
  <si>
    <t>01/16/2020 14:20:25</t>
  </si>
  <si>
    <t>01/16/2020 14:20:55</t>
  </si>
  <si>
    <t>01/16/2020 14:17:51</t>
  </si>
  <si>
    <t>01/16/2020 14:22:36</t>
  </si>
  <si>
    <t>872cef0f-f25d-482e-b370-0e3bcb771aab.tmp</t>
  </si>
  <si>
    <t>\\acsfs\profiles$\gustavoab\Downloads\872cef0f-f25d-482e-b370-0e3bcb771aab.tmp</t>
  </si>
  <si>
    <t>01/16/2020 14:19:59</t>
  </si>
  <si>
    <t>resultadosMarcileia.xlsx</t>
  </si>
  <si>
    <t>\\acsfs\ACS\Gabriel da Silva\Contemporânea\Gen\resultadosMarcileia.xlsx</t>
  </si>
  <si>
    <t>01/16/2020 14:21:23</t>
  </si>
  <si>
    <t>9d65c39a-0eec-4b35-b099-e7a7f19115bf.tmp</t>
  </si>
  <si>
    <t>\\acsfs\profiles$\gabrielsma\Downloads\9d65c39a-0eec-4b35-b099-e7a7f19115bf.tmp</t>
  </si>
  <si>
    <t>01/16/2020 14:21:35</t>
  </si>
  <si>
    <t>Não confirmado 129272.crdownload</t>
  </si>
  <si>
    <t>\\acsfs\ACS\Gabriel da Silva\Contemporânea\Acessos\Não confirmado 129272.crdownload</t>
  </si>
  <si>
    <t>01/16/2020 14:20:08</t>
  </si>
  <si>
    <t>01/16/2020 14:18:56</t>
  </si>
  <si>
    <t>01/16/2020 14:23:36</t>
  </si>
  <si>
    <t>01/16/2020 14:22:46</t>
  </si>
  <si>
    <t>01/16/2020 14:22:47</t>
  </si>
  <si>
    <t>lu10556ftqj.tmp</t>
  </si>
  <si>
    <t>\\acsfs\profiles$\VIVIANALDS\My Documents\lu10556ftqj.tmp</t>
  </si>
  <si>
    <t>\\acsfs\profiles$\VIVIANALDS\My Documents\lu10556ftqj.tmp\</t>
  </si>
  <si>
    <t>\\acsfs\profiles$\VIVIANALDS\My Documents\lu10556ftqj.tmp\META-INF\</t>
  </si>
  <si>
    <t>\\acsfs\profiles$\VIVIANALDS\My Documents\lu10556ftqj.tmp\Thumbnails\</t>
  </si>
  <si>
    <t>01/16/2020 14:21:09</t>
  </si>
  <si>
    <t>5755dd62-15b5-476b-9b98-77fd2f0998f1.tmp</t>
  </si>
  <si>
    <t>\\acsfs\profiles$\KARENJSS\Downloads\5755dd62-15b5-476b-9b98-77fd2f0998f1.tmp</t>
  </si>
  <si>
    <t>01/16/2020 14:23:41</t>
  </si>
  <si>
    <t>01/16/2020 14:24:37</t>
  </si>
  <si>
    <t>06b1740d-bd85-427d-b97d-01afd0b901ff.tmp</t>
  </si>
  <si>
    <t>\\acsfs\profiles$\ingridsm\Downloads\06b1740d-bd85-427d-b97d-01afd0b901ff.tmp</t>
  </si>
  <si>
    <t>01/16/2020 14:20:49</t>
  </si>
  <si>
    <t>01/16/2020 14:22:07</t>
  </si>
  <si>
    <t>01/16/2020 14:21:52</t>
  </si>
  <si>
    <t>01/16/2020 14:25:36</t>
  </si>
  <si>
    <t>Lais Lima Gonçalves_1_6778049346311109298_1_32.wav</t>
  </si>
  <si>
    <t>\\acsfs\Deptos\EDUCACAO EMPRESARIAL\FERNANDA MONIT\Fernanda\MONITORIA JANEIRO\Ligação para MUTANT segundo ciclo janeiro\Lais Lima Gonçalves_1_6778049346311109298_1_32.wav</t>
  </si>
  <si>
    <t>01/16/2020 14:22:42</t>
  </si>
  <si>
    <t>01/16/2020 14:23:35</t>
  </si>
  <si>
    <t>01/16/2020 14:22:04</t>
  </si>
  <si>
    <t>4ae6d763-62b2-412e-a392-e86f6a4e25fb.tmp</t>
  </si>
  <si>
    <t>\\acsfs\profiles$\regisadsa\Downloads\4ae6d763-62b2-412e-a392-e86f6a4e25fb.tmp</t>
  </si>
  <si>
    <t>01/16/2020 14:22:38</t>
  </si>
  <si>
    <t>4f0eb56a-efbe-43b4-b45a-aa83376cbfdc.tmp</t>
  </si>
  <si>
    <t>\\acsfs\profiles$\regisadsa\Downloads\4f0eb56a-efbe-43b4-b45a-aa83376cbfdc.tmp</t>
  </si>
  <si>
    <t>01/16/2020 14:21:57</t>
  </si>
  <si>
    <t>01/16/2020 14:26:37</t>
  </si>
  <si>
    <t>01/16/2020 14:22:03</t>
  </si>
  <si>
    <t>lu232362w233e.tmp</t>
  </si>
  <si>
    <t>\\acsfs\profiles$\LUCASBS\RENEG BV\Consolidado\lu232362w233e.tmp</t>
  </si>
  <si>
    <t>\\acsfs\profiles$\LUCASBS\RENEG BV\Consolidado\lu232362w233e.tmp\</t>
  </si>
  <si>
    <t>\\acsfs\profiles$\LUCASBS\RENEG BV\Consolidado\lu232362w233e.tmp\META-INF\</t>
  </si>
  <si>
    <t>\\acsfs\profiles$\LUCASBS\RENEG BV\Consolidado\lu232362w233e.tmp\Thumbnails\</t>
  </si>
  <si>
    <t>01/16/2020 14:22:06</t>
  </si>
  <si>
    <t>01/16/2020 14:24:00</t>
  </si>
  <si>
    <t>1fa2b9b3-83c1-4fdf-b651-6fbf82941001.tmp</t>
  </si>
  <si>
    <t>\\acsfs\profiles$\THYAGOSP\Downloads\1fa2b9b3-83c1-4fdf-b651-6fbf82941001.tmp</t>
  </si>
  <si>
    <t>01/16/2020 14:21:25</t>
  </si>
  <si>
    <t>01/16/2020 14:22:23</t>
  </si>
  <si>
    <t>4c8b8367-1972-4312-b65b-b08922727246.tmp</t>
  </si>
  <si>
    <t>\\acsfs\profiles$\joselrb\Downloads\4c8b8367-1972-4312-b65b-b08922727246.tmp</t>
  </si>
  <si>
    <t>01/16/2020 14:24:39</t>
  </si>
  <si>
    <t>6377f6d1-6787-4af9-8598-aa6435db4d4f.tmp</t>
  </si>
  <si>
    <t>\\acsfs\profiles$\joselrb\Downloads\6377f6d1-6787-4af9-8598-aa6435db4d4f.tmp</t>
  </si>
  <si>
    <t>01/16/2020 14:25:13</t>
  </si>
  <si>
    <t>01/16/2020 14:27:36</t>
  </si>
  <si>
    <t>.~lock.Revisão PF_Dir_Clientes_eliane.martins.xlsx#</t>
  </si>
  <si>
    <t>\\acsfs\ACS\Gabriel da Silva\Contemporânea\Acessos\.~lock.Revisão PF_Dir_Clientes_eliane.martins.xlsx#</t>
  </si>
  <si>
    <t>01/16/2020 14:26:33</t>
  </si>
  <si>
    <t>081612db-81bf-463d-878c-12aa3eeb398a.tmp</t>
  </si>
  <si>
    <t>\\acsfs\profiles$\gabrielsma\Downloads\081612db-81bf-463d-878c-12aa3eeb398a.tmp</t>
  </si>
  <si>
    <t>01/16/2020 14:26:36</t>
  </si>
  <si>
    <t>01/16/2020 14:25:08</t>
  </si>
  <si>
    <t>01/16/2020 14:27:11</t>
  </si>
  <si>
    <t>01/16/2020 14:28:37</t>
  </si>
  <si>
    <t>01/16/2020 14:25:04</t>
  </si>
  <si>
    <t>01/16/2020 14:25:06</t>
  </si>
  <si>
    <t>01/16/2020 14:25:09</t>
  </si>
  <si>
    <t>01/16/2020 14:25:11</t>
  </si>
  <si>
    <t>01/16/2020 14:25:12</t>
  </si>
  <si>
    <t>01/16/2020 14:25:14</t>
  </si>
  <si>
    <t>01/16/2020 14:25:15</t>
  </si>
  <si>
    <t>01/16/2020 14:25:16</t>
  </si>
  <si>
    <t>01/16/2020 14:25:17</t>
  </si>
  <si>
    <t>01/16/2020 14:25:18</t>
  </si>
  <si>
    <t>01/16/2020 14:25:20</t>
  </si>
  <si>
    <t>01/16/2020 14:25:21</t>
  </si>
  <si>
    <t>01/16/2020 14:25:22</t>
  </si>
  <si>
    <t>01/16/2020 14:25:23</t>
  </si>
  <si>
    <t>01/16/2020 14:25:24</t>
  </si>
  <si>
    <t>01/16/2020 14:25:25</t>
  </si>
  <si>
    <t>01/16/2020 14:25:27</t>
  </si>
  <si>
    <t>01/16/2020 14:25:28</t>
  </si>
  <si>
    <t>01/16/2020 14:25:30</t>
  </si>
  <si>
    <t>01/16/2020 14:25:31</t>
  </si>
  <si>
    <t>01/16/2020 14:25:32</t>
  </si>
  <si>
    <t>01/16/2020 14:25:34</t>
  </si>
  <si>
    <t>01/16/2020 14:25:35</t>
  </si>
  <si>
    <t>01/16/2020 14:25:37</t>
  </si>
  <si>
    <t>01/16/2020 14:25:38</t>
  </si>
  <si>
    <t>01/16/2020 14:25:39</t>
  </si>
  <si>
    <t>01/16/2020 14:25:41</t>
  </si>
  <si>
    <t>01/16/2020 14:25:43</t>
  </si>
  <si>
    <t>01/16/2020 14:25:45</t>
  </si>
  <si>
    <t>01/16/2020 14:25:46</t>
  </si>
  <si>
    <t>01/16/2020 14:25:48</t>
  </si>
  <si>
    <t>01/16/2020 14:25:49</t>
  </si>
  <si>
    <t>01/16/2020 14:25:50</t>
  </si>
  <si>
    <t>01/16/2020 14:25:52</t>
  </si>
  <si>
    <t>01/16/2020 14:25:53</t>
  </si>
  <si>
    <t>01/16/2020 14:26:53</t>
  </si>
  <si>
    <t>01/16/2020 14:23:37</t>
  </si>
  <si>
    <t>karolinelb</t>
  </si>
  <si>
    <t>https://udpwfmniceap02/web/guest/home?p_auth=ubkt32os&amp;p_p_id=58&amp;p_p_lifecycle=1&amp;p_p_state=maximized&amp;p_p_mode=view&amp;savelastpath=0&amp;_58_struts_action=/login/forgot_password</t>
  </si>
  <si>
    <t>01/16/2020 14:29:36</t>
  </si>
  <si>
    <t>22a88505-c5ad-4720-b488-9c7bf7b76979.tmp</t>
  </si>
  <si>
    <t>\\acsfs\profiles$\ingridsm\Downloads\22a88505-c5ad-4720-b488-9c7bf7b76979.tmp</t>
  </si>
  <si>
    <t>01/16/2020 14:26:48</t>
  </si>
  <si>
    <t>01/16/2020 14:29:08</t>
  </si>
  <si>
    <t>01/16/2020 14:30:36</t>
  </si>
  <si>
    <t>01/16/2020 14:29:28</t>
  </si>
  <si>
    <t>01/16/2020 14:27:28</t>
  </si>
  <si>
    <t>01/16/2020 14:27:33</t>
  </si>
  <si>
    <t>lu156202imcee.tmp</t>
  </si>
  <si>
    <t>\\acsfs\profiles$\Flaviojmm\My Documents\lu156202imcee.tmp</t>
  </si>
  <si>
    <t>\\acsfs\profiles$\Flaviojmm\My Documents\lu156202imcee.tmp\</t>
  </si>
  <si>
    <t>\\acsfs\profiles$\Flaviojmm\My Documents\lu156202imcee.tmp\META-INF\</t>
  </si>
  <si>
    <t>\\acsfs\profiles$\Flaviojmm\My Documents\lu156202imcee.tmp\Thumbnails\</t>
  </si>
  <si>
    <t>01/16/2020 14:28:32</t>
  </si>
  <si>
    <t>01/16/2020 14:31:37</t>
  </si>
  <si>
    <t>marianacgs@algartech.com;</t>
  </si>
  <si>
    <t>01/16/2020 14:29:22</t>
  </si>
  <si>
    <t>01/16/2020 14:29:39</t>
  </si>
  <si>
    <t>01/16/2020 14:30:10</t>
  </si>
  <si>
    <t>01/16/2020 14:30:25</t>
  </si>
  <si>
    <t>01/16/2020 14:29:35</t>
  </si>
  <si>
    <t>4ec48236-3abc-42ff-995c-2dd58cd98c32.tmp</t>
  </si>
  <si>
    <t>\\acsfs\profiles$\regisadsa\Downloads\4ec48236-3abc-42ff-995c-2dd58cd98c32.tmp</t>
  </si>
  <si>
    <t>01/16/2020 14:30:22</t>
  </si>
  <si>
    <t>fa1f4235-519e-413d-b3b2-849e4058b39f.tmp</t>
  </si>
  <si>
    <t>\\acsfs\profiles$\regisadsa\Downloads\fa1f4235-519e-413d-b3b2-849e4058b39f.tmp</t>
  </si>
  <si>
    <t>01/16/2020 14:27:22</t>
  </si>
  <si>
    <t>01/16/2020 14:29:27</t>
  </si>
  <si>
    <t>01/16/2020 14:26:29</t>
  </si>
  <si>
    <t>01/16/2020 14:26:59</t>
  </si>
  <si>
    <t>01/16/2020 14:28:51</t>
  </si>
  <si>
    <t>01/16/2020 14:28:20</t>
  </si>
  <si>
    <t>01/16/2020 14:32:36</t>
  </si>
  <si>
    <t>outlook.office.com/owa/service.svc?action=createitem&amp;app=mail&amp;n=137</t>
  </si>
  <si>
    <t>andrelpsa@algartech.com;eliane.martins@bv.com.br;robsonams@algartech.com;</t>
  </si>
  <si>
    <t>andrelpsa@algartech.com,eliane.martins@bv.com.br,robsonams@algartech.com</t>
  </si>
  <si>
    <t>01/16/2020 14:28:23</t>
  </si>
  <si>
    <t>outlook.office.com/owa/service.svc?action=createitem&amp;app=mail&amp;n=143</t>
  </si>
  <si>
    <t>01/16/2020 14:28:41</t>
  </si>
  <si>
    <t>outlook.office.com/owa/service.svc?action=createitem&amp;app=mail&amp;n=170</t>
  </si>
  <si>
    <t>01/16/2020 14:29:11</t>
  </si>
  <si>
    <t>outlook.office.com/owa/service.svc?action=CreateItem&amp;app=Mail&amp;n=176</t>
  </si>
  <si>
    <t>01/16/2020 14:29:41</t>
  </si>
  <si>
    <t>01/16/2020 14:30:11</t>
  </si>
  <si>
    <t>outlook.office.com/owa/service.svc?action=CreateItem&amp;app=Mail&amp;n=206</t>
  </si>
  <si>
    <t>01/16/2020 14:30:41</t>
  </si>
  <si>
    <t>outlook.office.com/owa/service.svc?action=CreateItem&amp;app=Mail&amp;n=213</t>
  </si>
  <si>
    <t>01/16/2020 14:31:17</t>
  </si>
  <si>
    <t>01/16/2020 14:29:25</t>
  </si>
  <si>
    <t>780c12c0-16fa-4019-b4c0-52c409aab9a1.tmp</t>
  </si>
  <si>
    <t>\\acsfs\profiles$\victorgl\Downloads\780c12c0-16fa-4019-b4c0-52c409aab9a1.tmp</t>
  </si>
  <si>
    <t>f920b80c-0c98-440d-9e1e-fe9b114f895e.tmp</t>
  </si>
  <si>
    <t>\\acsfs\profiles$\LUCASNS\Downloads\f920b80c-0c98-440d-9e1e-fe9b114f895e.tmp</t>
  </si>
  <si>
    <t>01/16/2020 14:32:11</t>
  </si>
  <si>
    <t>01/16/2020 14:31:36</t>
  </si>
  <si>
    <t>d3959845-c2be-464f-be20-d882850c8fd4.tmp</t>
  </si>
  <si>
    <t>\\acsfs\profiles$\fabianobmf\Downloads\d3959845-c2be-464f-be20-d882850c8fd4.tmp</t>
  </si>
  <si>
    <t>01/16/2020 14:31:05</t>
  </si>
  <si>
    <t>01/16/2020 14:33:37</t>
  </si>
  <si>
    <t>01/16/2020 14:31:06</t>
  </si>
  <si>
    <t>lu10556ftqn.tmp</t>
  </si>
  <si>
    <t>\\acsfs\profiles$\VIVIANALDS\My Documents\lu10556ftqn.tmp</t>
  </si>
  <si>
    <t>\\acsfs\profiles$\VIVIANALDS\My Documents\lu10556ftqn.tmp\</t>
  </si>
  <si>
    <t>\\acsfs\profiles$\VIVIANALDS\My Documents\lu10556ftqn.tmp\META-INF\</t>
  </si>
  <si>
    <t>\\acsfs\profiles$\VIVIANALDS\My Documents\lu10556ftqn.tmp\Thumbnails\</t>
  </si>
  <si>
    <t>01/16/2020 14:32:07</t>
  </si>
  <si>
    <t>01/16/2020 14:32:08</t>
  </si>
  <si>
    <t>lu10556ftqr.tmp</t>
  </si>
  <si>
    <t>\\acsfs\profiles$\VIVIANALDS\My Documents\lu10556ftqr.tmp</t>
  </si>
  <si>
    <t>\\acsfs\profiles$\VIVIANALDS\My Documents\lu10556ftqr.tmp\</t>
  </si>
  <si>
    <t>\\acsfs\profiles$\VIVIANALDS\My Documents\lu10556ftqr.tmp\META-INF\</t>
  </si>
  <si>
    <t>\\acsfs\profiles$\VIVIANALDS\My Documents\lu10556ftqr.tmp\Thumbnails\</t>
  </si>
  <si>
    <t>01/16/2020 14:29:54</t>
  </si>
  <si>
    <t>aa9d4156-4655-447d-aced-2dbd7a2425ab.tmp</t>
  </si>
  <si>
    <t>\\acsfs\profiles$\inarajst\Downloads\aa9d4156-4655-447d-aced-2dbd7a2425ab.tmp</t>
  </si>
  <si>
    <t>01/16/2020 14:30:28</t>
  </si>
  <si>
    <t>01/16/2020 14:29:12</t>
  </si>
  <si>
    <t>8d26d080-3011-4b47-bd5b-a03c098a7678.tmp</t>
  </si>
  <si>
    <t>\\acsfs\profiles$\philipegsf\Downloads\8d26d080-3011-4b47-bd5b-a03c098a7678.tmp</t>
  </si>
  <si>
    <t>01/16/2020 14:31:38</t>
  </si>
  <si>
    <t>01/16/2020 14:34:36</t>
  </si>
  <si>
    <t>01/16/2020 14:32:19</t>
  </si>
  <si>
    <t>01/16/2020 14:32:22</t>
  </si>
  <si>
    <t>01/16/2020 14:32:29</t>
  </si>
  <si>
    <t>01/16/2020 14:30:06</t>
  </si>
  <si>
    <t>01/16/2020 14:35:36</t>
  </si>
  <si>
    <t>01/16/2020 14:30:12</t>
  </si>
  <si>
    <t>01/16/2020 14:30:15</t>
  </si>
  <si>
    <t>01/16/2020 14:30:20</t>
  </si>
  <si>
    <t>01/16/2020 14:30:39</t>
  </si>
  <si>
    <t>01/16/2020 14:31:04</t>
  </si>
  <si>
    <t>01/16/2020 14:31:07</t>
  </si>
  <si>
    <t>01/16/2020 14:31:26</t>
  </si>
  <si>
    <t>01/16/2020 14:31:49</t>
  </si>
  <si>
    <t>01/16/2020 14:31:59</t>
  </si>
  <si>
    <t>01/16/2020 14:33:22</t>
  </si>
  <si>
    <t>01/16/2020 14:33:47</t>
  </si>
  <si>
    <t>01/16/2020 14:33:58</t>
  </si>
  <si>
    <t>01/16/2020 14:34:28</t>
  </si>
  <si>
    <t>01/16/2020 14:32:06</t>
  </si>
  <si>
    <t>01/16/2020 14:36:36</t>
  </si>
  <si>
    <t>01/16/2020 14:32:09</t>
  </si>
  <si>
    <t>01/16/2020 14:32:10</t>
  </si>
  <si>
    <t>01/16/2020 14:32:12</t>
  </si>
  <si>
    <t>01/16/2020 14:32:13</t>
  </si>
  <si>
    <t>01/16/2020 14:32:14</t>
  </si>
  <si>
    <t>01/16/2020 14:32:15</t>
  </si>
  <si>
    <t>01/16/2020 14:32:16</t>
  </si>
  <si>
    <t>01/16/2020 14:32:17</t>
  </si>
  <si>
    <t>01/16/2020 14:32:18</t>
  </si>
  <si>
    <t>01/16/2020 14:32:20</t>
  </si>
  <si>
    <t>01/16/2020 14:32:21</t>
  </si>
  <si>
    <t>01/16/2020 14:32:23</t>
  </si>
  <si>
    <t>01/16/2020 14:32:24</t>
  </si>
  <si>
    <t>01/16/2020 14:32:25</t>
  </si>
  <si>
    <t>01/16/2020 14:32:26</t>
  </si>
  <si>
    <t>01/16/2020 14:32:27</t>
  </si>
  <si>
    <t>01/16/2020 14:32:28</t>
  </si>
  <si>
    <t>01/16/2020 14:32:30</t>
  </si>
  <si>
    <t>01/16/2020 14:30:48</t>
  </si>
  <si>
    <t>01/16/2020 14:30:51</t>
  </si>
  <si>
    <t>01/16/2020 14:31:23</t>
  </si>
  <si>
    <t>01/16/2020 14:31:30</t>
  </si>
  <si>
    <t>81787d39-ce2b-465c-80f7-96683a22a134.tmp</t>
  </si>
  <si>
    <t>\\acsfs\profiles$\regisadsa\Downloads\81787d39-ce2b-465c-80f7-96683a22a134.tmp</t>
  </si>
  <si>
    <t>01/16/2020 14:35:34</t>
  </si>
  <si>
    <t>01/16/2020 14:36:05</t>
  </si>
  <si>
    <t>01/16/2020 14:37:36</t>
  </si>
  <si>
    <t>outlook.office.com/owa/service.svc?action=CreateItem&amp;app=Mail&amp;n=219</t>
  </si>
  <si>
    <t>01/16/2020 14:34:25</t>
  </si>
  <si>
    <t>8516B825.tmp</t>
  </si>
  <si>
    <t>\\acsfs\ACS\Gabriel da Silva\Contemporânea\Gen\8516B825.tmp</t>
  </si>
  <si>
    <t>01/16/2020 14:34:43</t>
  </si>
  <si>
    <t>~$Agent_Utilization_Report_Dez.xlsx</t>
  </si>
  <si>
    <t>\\acsfs\ACS\Gabriel da Silva\Contemporânea\Gen\~$Agent_Utilization_Report_Dez.xlsx</t>
  </si>
  <si>
    <t>01/16/2020 14:35:30</t>
  </si>
  <si>
    <t>01/16/2020 14:33:32</t>
  </si>
  <si>
    <t>601250e0-c550-4d54-96ff-3e5c6338dde0.tmp</t>
  </si>
  <si>
    <t>\\acsfs\profiles$\fabianobmf\Downloads\601250e0-c550-4d54-96ff-3e5c6338dde0.tmp</t>
  </si>
  <si>
    <t>01/16/2020 14:38:37</t>
  </si>
  <si>
    <t>01/16/2020 14:38:04</t>
  </si>
  <si>
    <t>0e077827-a1c9-4cbf-860f-21be3ebd748e.tmp</t>
  </si>
  <si>
    <t>\\acsfs\profiles$\quindaizaagds\Downloads\0e077827-a1c9-4cbf-860f-21be3ebd748e.tmp</t>
  </si>
  <si>
    <t>01/16/2020 14:34:46</t>
  </si>
  <si>
    <t>01/16/2020 14:40:36</t>
  </si>
  <si>
    <t>01/16/2020 14:34:56</t>
  </si>
  <si>
    <t>01/16/2020 14:35:06</t>
  </si>
  <si>
    <t>01/16/2020 14:35:08</t>
  </si>
  <si>
    <t>01/16/2020 14:35:22</t>
  </si>
  <si>
    <t>01/16/2020 14:35:33</t>
  </si>
  <si>
    <t>01/16/2020 14:35:43</t>
  </si>
  <si>
    <t>01/16/2020 14:35:50</t>
  </si>
  <si>
    <t>01/16/2020 14:36:01</t>
  </si>
  <si>
    <t>01/16/2020 14:36:11</t>
  </si>
  <si>
    <t>01/16/2020 14:36:14</t>
  </si>
  <si>
    <t>01/16/2020 14:36:28</t>
  </si>
  <si>
    <t>01/16/2020 14:36:40</t>
  </si>
  <si>
    <t>01/16/2020 14:36:46</t>
  </si>
  <si>
    <t>01/16/2020 14:36:56</t>
  </si>
  <si>
    <t>01/16/2020 14:37:14</t>
  </si>
  <si>
    <t>01/16/2020 14:37:30</t>
  </si>
  <si>
    <t>01/16/2020 14:37:45</t>
  </si>
  <si>
    <t>01/16/2020 14:37:50</t>
  </si>
  <si>
    <t>01/16/2020 14:37:53</t>
  </si>
  <si>
    <t>01/16/2020 14:38:00</t>
  </si>
  <si>
    <t>01/16/2020 14:38:25</t>
  </si>
  <si>
    <t>01/16/2020 14:36:25</t>
  </si>
  <si>
    <t>01/16/2020 14:41:36</t>
  </si>
  <si>
    <t>retenção.txt</t>
  </si>
  <si>
    <t>\\acsfs\profiles$\talitafdc\My Documents\retenção.txt</t>
  </si>
  <si>
    <t>01/16/2020 14:36:31</t>
  </si>
  <si>
    <t>01/16/2020 14:36:32</t>
  </si>
  <si>
    <t>01/16/2020 14:36:35</t>
  </si>
  <si>
    <t>01/16/2020 14:37:05</t>
  </si>
  <si>
    <t>01/16/2020 14:38:36</t>
  </si>
  <si>
    <t>01/16/2020 14:39:07</t>
  </si>
  <si>
    <t>01/16/2020 14:37:57</t>
  </si>
  <si>
    <t>01/16/2020 14:42:36</t>
  </si>
  <si>
    <t>.~lock.Agent_Utilization_Report_Dez.xlsx#</t>
  </si>
  <si>
    <t>\\acsfs\ACS\Gabriel da Silva\Contemporânea\Gen\.~lock.Agent_Utilization_Report_Dez.xlsx#</t>
  </si>
  <si>
    <t>01/16/2020 14:41:51</t>
  </si>
  <si>
    <t>.~lock.TMO_Dez.ods#</t>
  </si>
  <si>
    <t>\\acsfs\ACS\Gabriel da Silva\Contemporânea\.~lock.TMO_Dez.ods#</t>
  </si>
  <si>
    <t>01/16/2020 14:41:54</t>
  </si>
  <si>
    <t>lu9936ble4d.tmp</t>
  </si>
  <si>
    <t>\\acsfs\ACS\Gabriel da Silva\Contemporânea\lu9936ble4d.tmp</t>
  </si>
  <si>
    <t>\\acsfs\ACS\Gabriel da Silva\Contemporânea\lu9936ble4d.tmp\Basic\</t>
  </si>
  <si>
    <t>\\acsfs\ACS\Gabriel da Silva\Contemporânea\lu9936ble4d.tmp\Basic\Standard\</t>
  </si>
  <si>
    <t>\\acsfs\ACS\Gabriel da Silva\Contemporânea\lu9936ble4d.tmp\Basic\VBAProject\</t>
  </si>
  <si>
    <t>\\acsfs\ACS\Gabriel da Silva\Contemporânea\lu9936ble4d.tmp\</t>
  </si>
  <si>
    <t>\\acsfs\ACS\Gabriel da Silva\Contemporânea\lu9936ble4d.tmp\META-INF\</t>
  </si>
  <si>
    <t>\\acsfs\ACS\Gabriel da Silva\Contemporânea\lu9936ble4d.tmp\Thumbnails\</t>
  </si>
  <si>
    <t>01/16/2020 14:40:09</t>
  </si>
  <si>
    <t>01/16/2020 14:40:16</t>
  </si>
  <si>
    <t>01/16/2020 14:43:36</t>
  </si>
  <si>
    <t>9ac82809-9530-4809-aa8b-25f9996f52e0.tmp</t>
  </si>
  <si>
    <t>\\acsfs\profiles$\quindaizaagds\Downloads\9ac82809-9530-4809-aa8b-25f9996f52e0.tmp</t>
  </si>
  <si>
    <t>01/16/2020 14:39:57</t>
  </si>
  <si>
    <t>01/16/2020 14:44:36</t>
  </si>
  <si>
    <t>01/16/2020 14:43:38</t>
  </si>
  <si>
    <t>01/16/2020 14:40:02</t>
  </si>
  <si>
    <t>01/16/2020 14:45:36</t>
  </si>
  <si>
    <t>01/16/2020 14:44:13</t>
  </si>
  <si>
    <t>fd2f128c-cff9-4318-9984-5b128abbb230.tmp</t>
  </si>
  <si>
    <t>\\acsfs\profiles$\milenaas\Downloads\fd2f128c-cff9-4318-9984-5b128abbb230.tmp</t>
  </si>
  <si>
    <t>01/16/2020 14:39:46</t>
  </si>
  <si>
    <t>01/16/2020 14:40:08</t>
  </si>
  <si>
    <t>01/16/2020 14:40:14</t>
  </si>
  <si>
    <t>01/16/2020 14:40:18</t>
  </si>
  <si>
    <t>01/16/2020 14:40:43</t>
  </si>
  <si>
    <t>01/16/2020 14:40:44</t>
  </si>
  <si>
    <t>01/16/2020 14:40:50</t>
  </si>
  <si>
    <t>01/16/2020 14:41:16</t>
  </si>
  <si>
    <t>01/16/2020 14:41:23</t>
  </si>
  <si>
    <t>01/16/2020 14:43:28</t>
  </si>
  <si>
    <t>01/16/2020 14:42:01</t>
  </si>
  <si>
    <t>01/16/2020 14:43:40</t>
  </si>
  <si>
    <t>01/16/2020 14:46:36</t>
  </si>
  <si>
    <t>01/16/2020 14:44:10</t>
  </si>
  <si>
    <t>01/16/2020 14:44:17</t>
  </si>
  <si>
    <t>01/16/2020 14:47:36</t>
  </si>
  <si>
    <t>lu8412ilbh.tmp</t>
  </si>
  <si>
    <t>\\acsfs\profiles$\VICTORIAKSR\Downloads\lu8412ilbh.tmp</t>
  </si>
  <si>
    <t>01/16/2020 14:42:48</t>
  </si>
  <si>
    <t>01/16/2020 14:42:51</t>
  </si>
  <si>
    <t>lu9936ble4i.tmp</t>
  </si>
  <si>
    <t>\\acsfs\ACS\Gabriel da Silva\Contemporânea\lu9936ble4i.tmp</t>
  </si>
  <si>
    <t>\\acsfs\ACS\Gabriel da Silva\Contemporânea\lu9936ble4i.tmp\Basic\</t>
  </si>
  <si>
    <t>\\acsfs\ACS\Gabriel da Silva\Contemporânea\lu9936ble4i.tmp\Basic\Standard\</t>
  </si>
  <si>
    <t>\\acsfs\ACS\Gabriel da Silva\Contemporânea\lu9936ble4i.tmp\Basic\VBAProject\</t>
  </si>
  <si>
    <t>\\acsfs\ACS\Gabriel da Silva\Contemporânea\lu9936ble4i.tmp\</t>
  </si>
  <si>
    <t>\\acsfs\ACS\Gabriel da Silva\Contemporânea\lu9936ble4i.tmp\META-INF\</t>
  </si>
  <si>
    <t>\\acsfs\ACS\Gabriel da Silva\Contemporânea\lu9936ble4i.tmp\Thumbnails\</t>
  </si>
  <si>
    <t>01/16/2020 14:44:56</t>
  </si>
  <si>
    <t>01/16/2020 14:42:50</t>
  </si>
  <si>
    <t>01/16/2020 14:48:36</t>
  </si>
  <si>
    <t>01/16/2020 14:44:26</t>
  </si>
  <si>
    <t>99226628-ec06-4d05-8e9b-5e522181f77c.tmp</t>
  </si>
  <si>
    <t>\\acsfs\profiles$\quindaizaagds\Downloads\99226628-ec06-4d05-8e9b-5e522181f77c.tmp</t>
  </si>
  <si>
    <t>01/16/2020 14:45:22</t>
  </si>
  <si>
    <t>01/16/2020 14:49:37</t>
  </si>
  <si>
    <t>01/16/2020 14:44:22</t>
  </si>
  <si>
    <t>b96fff68-5159-4661-afd7-3efa9774a0a5.tmp</t>
  </si>
  <si>
    <t>\\acsfs\profiles$\philipegsf\Downloads\b96fff68-5159-4661-afd7-3efa9774a0a5.tmp</t>
  </si>
  <si>
    <t>01/16/2020 14:45:20</t>
  </si>
  <si>
    <t>9a7c72fd-11f9-4f59-a7cd-f340beb7bf80.tmp</t>
  </si>
  <si>
    <t>\\acsfs\profiles$\philipegsf\Downloads\9a7c72fd-11f9-4f59-a7cd-f340beb7bf80.tmp</t>
  </si>
  <si>
    <t>01/16/2020 14:47:13</t>
  </si>
  <si>
    <t>01/16/2020 14:45:45</t>
  </si>
  <si>
    <t>45dfe676-8b29-4015-8f0a-dc04bb0c2bc3.tmp</t>
  </si>
  <si>
    <t>\\acsfs\profiles$\henriqueco\Downloads\45dfe676-8b29-4015-8f0a-dc04bb0c2bc3.tmp</t>
  </si>
  <si>
    <t>01/16/2020 14:47:07</t>
  </si>
  <si>
    <t>24721d3f-9090-4e45-830a-13c6f32ba627.tmp</t>
  </si>
  <si>
    <t>\\acsfs\profiles$\henriqueco\Downloads\24721d3f-9090-4e45-830a-13c6f32ba627.tmp</t>
  </si>
  <si>
    <t>01/16/2020 14:49:07</t>
  </si>
  <si>
    <t>01/16/2020 14:50:36</t>
  </si>
  <si>
    <t>01/16/2020 14:45:40</t>
  </si>
  <si>
    <t>7d8f661c-5c84-4f81-9e41-7cd77f485cac.tmp</t>
  </si>
  <si>
    <t>\\acsfs\profiles$\milenaas\Downloads\7d8f661c-5c84-4f81-9e41-7cd77f485cac.tmp</t>
  </si>
  <si>
    <t>01/16/2020 14:47:37</t>
  </si>
  <si>
    <t>e6901c6c-9d4d-4734-aa0b-cfe0be8118bb.tmp</t>
  </si>
  <si>
    <t>\\acsfs\profiles$\milenaas\Downloads\e6901c6c-9d4d-4734-aa0b-cfe0be8118bb.tmp</t>
  </si>
  <si>
    <t>01/16/2020 14:48:20</t>
  </si>
  <si>
    <t>ADEVILSON GABRIEL LINDEMBERG EVANGELISTA_1_6777420361235512858_1_32.wav</t>
  </si>
  <si>
    <t>\\acsfs\Deptos\EDUCACAO EMPRESARIAL\FERNANDA MONIT\Fernanda\MONITORIA JANEIRO\Ligação para MUTANT segundo ciclo janeiro\ADEVILSON GABRIEL LINDEMBERG EVANGELISTA_1_6777420361235512858_1_32.wav</t>
  </si>
  <si>
    <t>01/16/2020 14:48:37</t>
  </si>
  <si>
    <t>01/16/2020 14:48:44</t>
  </si>
  <si>
    <t>01/16/2020 14:48:58</t>
  </si>
  <si>
    <t>01/16/2020 14:49:09</t>
  </si>
  <si>
    <t>01/16/2020 14:49:13</t>
  </si>
  <si>
    <t>01/16/2020 14:49:19</t>
  </si>
  <si>
    <t>01/16/2020 14:49:26</t>
  </si>
  <si>
    <t>01/16/2020 14:49:40</t>
  </si>
  <si>
    <t>01/16/2020 14:50:08</t>
  </si>
  <si>
    <t>01/16/2020 14:51:36</t>
  </si>
  <si>
    <t>01/16/2020 14:50:42</t>
  </si>
  <si>
    <t>01/16/2020 14:52:36</t>
  </si>
  <si>
    <t>51df4d14-a63c-4cfa-99df-cbf08a67aec6.tmp</t>
  </si>
  <si>
    <t>\\acsfs\profiles$\antoniosva\Downloads\51df4d14-a63c-4cfa-99df-cbf08a67aec6.tmp</t>
  </si>
  <si>
    <t>01/16/2020 14:51:06</t>
  </si>
  <si>
    <t>c6ecaf9a-967e-495d-bc29-632e0cad2e02.tmp</t>
  </si>
  <si>
    <t>\\acsfs\profiles$\antoniosva\Downloads\c6ecaf9a-967e-495d-bc29-632e0cad2e02.tmp</t>
  </si>
  <si>
    <t>01/16/2020 14:47:31</t>
  </si>
  <si>
    <t>bde20806-0949-40f6-9ca4-ca488a13ccb2.tmp</t>
  </si>
  <si>
    <t>\\acsfs\profiles$\gabrielsma\Downloads\bde20806-0949-40f6-9ca4-ca488a13ccb2.tmp</t>
  </si>
  <si>
    <t>01/16/2020 14:47:38</t>
  </si>
  <si>
    <t>Não confirmado 455353.crdownload</t>
  </si>
  <si>
    <t>\\acsfs\ACS\Gabriel da Silva\Contemporânea\Acessos\Não confirmado 455353.crdownload</t>
  </si>
  <si>
    <t>01/16/2020 14:47:47</t>
  </si>
  <si>
    <t>01/16/2020 14:47:23</t>
  </si>
  <si>
    <t>01/16/2020 14:47:27</t>
  </si>
  <si>
    <t>01/16/2020 14:47:28</t>
  </si>
  <si>
    <t>01/16/2020 14:47:29</t>
  </si>
  <si>
    <t>01/16/2020 14:47:30</t>
  </si>
  <si>
    <t>01/16/2020 14:47:33</t>
  </si>
  <si>
    <t>01/16/2020 14:47:35</t>
  </si>
  <si>
    <t>01/16/2020 14:47:39</t>
  </si>
  <si>
    <t>01/16/2020 14:47:40</t>
  </si>
  <si>
    <t>01/16/2020 14:47:42</t>
  </si>
  <si>
    <t>01/16/2020 14:47:43</t>
  </si>
  <si>
    <t>01/16/2020 14:47:44</t>
  </si>
  <si>
    <t>01/16/2020 14:47:45</t>
  </si>
  <si>
    <t>01/16/2020 14:47:46</t>
  </si>
  <si>
    <t>01/16/2020 14:47:49</t>
  </si>
  <si>
    <t>01/16/2020 14:47:50</t>
  </si>
  <si>
    <t>01/16/2020 14:47:54</t>
  </si>
  <si>
    <t>01/16/2020 14:47:55</t>
  </si>
  <si>
    <t>01/16/2020 14:47:57</t>
  </si>
  <si>
    <t>01/16/2020 14:47:58</t>
  </si>
  <si>
    <t>01/16/2020 14:47:59</t>
  </si>
  <si>
    <t>01/16/2020 14:48:00</t>
  </si>
  <si>
    <t>01/16/2020 14:48:03</t>
  </si>
  <si>
    <t>01/16/2020 14:48:04</t>
  </si>
  <si>
    <t>01/16/2020 14:48:05</t>
  </si>
  <si>
    <t>01/16/2020 14:48:06</t>
  </si>
  <si>
    <t>01/16/2020 14:48:08</t>
  </si>
  <si>
    <t>01/16/2020 14:48:09</t>
  </si>
  <si>
    <t>01/16/2020 14:48:10</t>
  </si>
  <si>
    <t>01/16/2020 14:48:11</t>
  </si>
  <si>
    <t>01/16/2020 14:48:12</t>
  </si>
  <si>
    <t>01/16/2020 14:48:13</t>
  </si>
  <si>
    <t>01/16/2020 14:48:15</t>
  </si>
  <si>
    <t>01/16/2020 14:48:16</t>
  </si>
  <si>
    <t>01/16/2020 14:48:17</t>
  </si>
  <si>
    <t>01/16/2020 14:48:19</t>
  </si>
  <si>
    <t>01/16/2020 14:48:23</t>
  </si>
  <si>
    <t>01/16/2020 14:48:25</t>
  </si>
  <si>
    <t>01/16/2020 14:48:49</t>
  </si>
  <si>
    <t>01/16/2020 14:51:59</t>
  </si>
  <si>
    <t>01/16/2020 14:54:36</t>
  </si>
  <si>
    <t>\\acsfs\Deptos\Operacao\Banco_Votorantim\Supervisao\Maristela\CRBV vendas\Desligamento\Não confirmado 617833.crdownload\</t>
  </si>
  <si>
    <t>\\acsfs\Deptos\Operacao\Banco_Votorantim\Supervisao\Maristela\CRBV vendas\Desligamento\Não confirmado 617833.crdownload</t>
  </si>
  <si>
    <t>Não confirmado 617833.crdownload</t>
  </si>
  <si>
    <t>01/16/2020 14:52:02</t>
  </si>
  <si>
    <t>0d547f49-d3a7-4c7a-a6c1-d515f4ab26dc.tmp</t>
  </si>
  <si>
    <t>\\acsfs\profiles$\wedersonbadr\My Documents\My Music\0d547f49-d3a7-4c7a-a6c1-d515f4ab26dc.tmp</t>
  </si>
  <si>
    <t>01/16/2020 14:55:36</t>
  </si>
  <si>
    <t>01/15/2020 21:27:47</t>
  </si>
  <si>
    <t>01/15/2020 21:27:48</t>
  </si>
  <si>
    <t>lu166643qs47z.tmp</t>
  </si>
  <si>
    <t>\\acsfs\profiles$\rafaelacdoc\lu166643qs47z.tmp</t>
  </si>
  <si>
    <t>\\acsfs\profiles$\rafaelacdoc\lu166643qs47z.tmp\</t>
  </si>
  <si>
    <t>\\acsfs\profiles$\rafaelacdoc\lu166643qs47z.tmp\META-INF\</t>
  </si>
  <si>
    <t>01/16/2020 14:51:45</t>
  </si>
  <si>
    <t>01/16/2020 14:51:50</t>
  </si>
  <si>
    <t>01/16/2020 14:53:25</t>
  </si>
  <si>
    <t>\\acsfs\profiles$\rafaelacdoc\lu166643qs47z.tmp\Thumbnails\</t>
  </si>
  <si>
    <t>01/16/2020 14:53:29</t>
  </si>
  <si>
    <t>01/15/2020 15:53:42</t>
  </si>
  <si>
    <t>01/16/2020 14:56:36</t>
  </si>
  <si>
    <t>2a47189c-6c62-4be7-a205-1aa268b87f04.tmp</t>
  </si>
  <si>
    <t>\\acsfs\profiles$\cintiadjl\Downloads\2a47189c-6c62-4be7-a205-1aa268b87f04.tmp</t>
  </si>
  <si>
    <t>01/16/2020 14:54:43</t>
  </si>
  <si>
    <t>34b70468-468a-4008-bbd1-3445858b4935.tmp</t>
  </si>
  <si>
    <t>\\acsfs\profiles$\cintiadjl\Downloads\34b70468-468a-4008-bbd1-3445858b4935.tmp</t>
  </si>
  <si>
    <t>01/16/2020 14:53:47</t>
  </si>
  <si>
    <t>01/16/2020 14:52:22</t>
  </si>
  <si>
    <t>01/16/2020 14:56:06</t>
  </si>
  <si>
    <t>01/16/2020 14:57:36</t>
  </si>
  <si>
    <t>01/16/2020 14:55:14</t>
  </si>
  <si>
    <t>lu2733221pjx9.tmp</t>
  </si>
  <si>
    <t>\\acsfs\profiles$\RAFAELRF\meu\lu2733221pjx9.tmp</t>
  </si>
  <si>
    <t>\\acsfs\profiles$\RAFAELRF\meu\lu2733221pjx9.tmp\</t>
  </si>
  <si>
    <t>\\acsfs\profiles$\RAFAELRF\meu\lu2733221pjx9.tmp\META-INF\</t>
  </si>
  <si>
    <t>\\acsfs\profiles$\RAFAELRF\meu\lu2733221pjx9.tmp\Thumbnails\</t>
  </si>
  <si>
    <t>01/16/2020 14:53:04</t>
  </si>
  <si>
    <t>97790bbb-ce51-4521-9b5e-316c6d93f675.tmp</t>
  </si>
  <si>
    <t>\\acsfs\profiles$\fernandofs\Downloads\97790bbb-ce51-4521-9b5e-316c6d93f675.tmp</t>
  </si>
  <si>
    <t>01/16/2020 14:53:10</t>
  </si>
  <si>
    <t>58e8b57a-f4ed-44ab-813a-37b4fba223f1.tmp</t>
  </si>
  <si>
    <t>\\acsfs\profiles$\fernandofs\Downloads\58e8b57a-f4ed-44ab-813a-37b4fba223f1.tmp</t>
  </si>
  <si>
    <t>01/16/2020 14:56:35</t>
  </si>
  <si>
    <t>01/16/2020 14:56:37</t>
  </si>
  <si>
    <t>01/16/2020 14:56:38</t>
  </si>
  <si>
    <t>01/16/2020 14:56:40</t>
  </si>
  <si>
    <t>01/16/2020 14:56:41</t>
  </si>
  <si>
    <t>01/16/2020 14:56:42</t>
  </si>
  <si>
    <t>01/16/2020 14:56:43</t>
  </si>
  <si>
    <t>01/16/2020 14:56:44</t>
  </si>
  <si>
    <t>01/16/2020 14:56:45</t>
  </si>
  <si>
    <t>01/16/2020 14:56:46</t>
  </si>
  <si>
    <t>01/16/2020 14:56:47</t>
  </si>
  <si>
    <t>01/16/2020 14:56:48</t>
  </si>
  <si>
    <t>01/16/2020 14:56:49</t>
  </si>
  <si>
    <t>01/16/2020 14:56:51</t>
  </si>
  <si>
    <t>01/16/2020 14:56:52</t>
  </si>
  <si>
    <t>01/16/2020 14:56:54</t>
  </si>
  <si>
    <t>01/16/2020 14:56:57</t>
  </si>
  <si>
    <t>01/16/2020 14:56:59</t>
  </si>
  <si>
    <t>01/16/2020 14:57:00</t>
  </si>
  <si>
    <t>01/16/2020 14:57:02</t>
  </si>
  <si>
    <t>01/16/2020 14:57:03</t>
  </si>
  <si>
    <t>01/16/2020 14:57:04</t>
  </si>
  <si>
    <t>01/16/2020 14:57:06</t>
  </si>
  <si>
    <t>01/16/2020 14:57:08</t>
  </si>
  <si>
    <t>01/16/2020 14:57:09</t>
  </si>
  <si>
    <t>01/16/2020 14:57:10</t>
  </si>
  <si>
    <t>01/16/2020 14:57:11</t>
  </si>
  <si>
    <t>01/16/2020 14:57:13</t>
  </si>
  <si>
    <t>01/16/2020 14:57:15</t>
  </si>
  <si>
    <t>01/16/2020 14:57:16</t>
  </si>
  <si>
    <t>01/16/2020 14:57:18</t>
  </si>
  <si>
    <t>01/16/2020 14:57:21</t>
  </si>
  <si>
    <t>01/16/2020 14:57:23</t>
  </si>
  <si>
    <t>01/16/2020 14:57:24</t>
  </si>
  <si>
    <t>01/16/2020 14:57:38</t>
  </si>
  <si>
    <t>01/16/2020 14:58:36</t>
  </si>
  <si>
    <t>1220 - ENVIO DE LIGAÇÃO - 1174819 MASTER - QUISLANE EDNA DA SILVA ZADRA.pdf</t>
  </si>
  <si>
    <t>\\acsfs\Deptos\EDUCACAO EMPRESARIAL\KÉSIA\LIGAÇÕES 1220\1220 - ENVIO DE LIGAÇÃO - 1174819 MASTER - QUISLANE EDNA DA SILVA ZADRA.pdf</t>
  </si>
  <si>
    <t>01/16/2020 14:55:19</t>
  </si>
  <si>
    <t>01/16/2020 14:59:36</t>
  </si>
  <si>
    <t>01/16/2020 14:58:54</t>
  </si>
  <si>
    <t>01/16/2020 15:00:36</t>
  </si>
  <si>
    <t>01/16/2020 14:55:52</t>
  </si>
  <si>
    <t>8957010e-321c-4e40-a236-b3c91822a531.tmp</t>
  </si>
  <si>
    <t>\\acsfs\profiles$\rafaelacdoc\Downloads\8957010e-321c-4e40-a236-b3c91822a531.tmp</t>
  </si>
  <si>
    <t>01/16/2020 14:56:25</t>
  </si>
  <si>
    <t>42138f5c-c500-490a-8537-a60b96798da2.tmp</t>
  </si>
  <si>
    <t>\\acsfs\profiles$\rafaelacdoc\Downloads\42138f5c-c500-490a-8537-a60b96798da2.tmp</t>
  </si>
  <si>
    <t>01/16/2020 14:56:53</t>
  </si>
  <si>
    <t>6146905d-cda1-4ccd-aab7-5eaba23d2613.tmp</t>
  </si>
  <si>
    <t>\\acsfs\profiles$\rafaelacdoc\Downloads\6146905d-cda1-4ccd-aab7-5eaba23d2613.tmp</t>
  </si>
  <si>
    <t>01/16/2020 14:57:54</t>
  </si>
  <si>
    <t>31b98530-f897-4e63-8764-f404ffcbe2a3.tmp</t>
  </si>
  <si>
    <t>\\acsfs\profiles$\rafaelacdoc\Downloads\31b98530-f897-4e63-8764-f404ffcbe2a3.tmp</t>
  </si>
  <si>
    <t>01/16/2020 15:01:36</t>
  </si>
  <si>
    <t>5ea56b7a-e378-49e3-8f5b-75f49a39c82f.tmp</t>
  </si>
  <si>
    <t>\\acsfs\profiles$\milenaas\Downloads\5ea56b7a-e378-49e3-8f5b-75f49a39c82f.tmp</t>
  </si>
  <si>
    <t>01/16/2020 14:58:49</t>
  </si>
  <si>
    <t>63e7f38c-ab12-4f02-b741-bbed1754d470.tmp</t>
  </si>
  <si>
    <t>\\acsfs\profiles$\milenaas\Downloads\63e7f38c-ab12-4f02-b741-bbed1754d470.tmp</t>
  </si>
  <si>
    <t>01/16/2020 15:00:29</t>
  </si>
  <si>
    <t>b64f94e2-31a7-40c5-b63c-693782d4e6b1.tmp</t>
  </si>
  <si>
    <t>\\acsfs\profiles$\milenaas\Downloads\b64f94e2-31a7-40c5-b63c-693782d4e6b1.tmp</t>
  </si>
  <si>
    <t>01/16/2020 14:57:50</t>
  </si>
  <si>
    <t>01/16/2020 15:00:52</t>
  </si>
  <si>
    <t>01/16/2020 14:57:40</t>
  </si>
  <si>
    <t>01/16/2020 15:02:36</t>
  </si>
  <si>
    <t>01/16/2020 14:58:44</t>
  </si>
  <si>
    <t>bvcartes-supervisores@algarnet.onmicrosoft.com;bvs-centralcartoes@bv.com.br;leonardoao@algartech.com;ricardodfm@algartech.com;</t>
  </si>
  <si>
    <t>bvcartes-supervisores@algarnet.onmicrosoft.com,bvs-centralcartoes@bv.com.br,leonardoao@algartech.com,ricardodfm@algartech.com</t>
  </si>
  <si>
    <t>01/16/2020 14:58:51</t>
  </si>
  <si>
    <t>01/16/2020 14:59:04</t>
  </si>
  <si>
    <t>bvcartes-supervisores@algarnet.onmicrosoft.com;bvs-centralcartoes@bv.com.br;leonardoao@algartech.com;ricardodfm@algartech.com;thiagordu@algartech.com;</t>
  </si>
  <si>
    <t>bvcartes-supervisores@algarnet.onmicrosoft.com,bvs-centralcartoes@bv.com.br,leonardoao@algartech.com,ricardodfm@algartech.com,thiagordu@algartech.com</t>
  </si>
  <si>
    <t>01/16/2020 15:01:25</t>
  </si>
  <si>
    <t>7bf6444e-06af-4939-81d5-890cb76f016f.tmp</t>
  </si>
  <si>
    <t>\\acsfs\profiles$\vivianealda\Downloads\7bf6444e-06af-4939-81d5-890cb76f016f.tmp</t>
  </si>
  <si>
    <t>01/16/2020 14:58:30</t>
  </si>
  <si>
    <t>01/16/2020 14:58:15</t>
  </si>
  <si>
    <t>cb8c0bc9-6fd7-4264-a603-6cee635be44d.tmp</t>
  </si>
  <si>
    <t>\\acsfs\profiles$\LUISPLS\Downloads\cb8c0bc9-6fd7-4264-a603-6cee635be44d.tmp</t>
  </si>
  <si>
    <t>01/16/2020 15:02:01</t>
  </si>
  <si>
    <t>501edd36-60bb-43ac-bdb8-f293e87cc469.tmp</t>
  </si>
  <si>
    <t>\\acsfs\profiles$\brunalas\Downloads\501edd36-60bb-43ac-bdb8-f293e87cc469.tmp</t>
  </si>
  <si>
    <t>01/16/2020 15:02:29</t>
  </si>
  <si>
    <t>01/16/2020 14:58:28</t>
  </si>
  <si>
    <t>01/16/2020 15:03:36</t>
  </si>
  <si>
    <t>01/16/2020 14:59:03</t>
  </si>
  <si>
    <t>backofficebv@dxc.com;jean.loiola@bv.com.br;jose.ric.dos-santos@dxc.com;larissa.alcantara@bv.com.br;talmaiardo@algartech.com;thiagordu@algartech.com;</t>
  </si>
  <si>
    <t>backofficebv@dxc.com,jean.loiola@bv.com.br,jose.ric.dos-santos@dxc.com,larissa.alcantara@bv.com.br,talmaiardo@algartech.com,thiagordu@algartech.com</t>
  </si>
  <si>
    <t>01/16/2020 14:59:07</t>
  </si>
  <si>
    <t>01/16/2020 14:59:26</t>
  </si>
  <si>
    <t>01/16/2020 14:59:40</t>
  </si>
  <si>
    <t>01/16/2020 14:59:42</t>
  </si>
  <si>
    <t>01/16/2020 15:00:05</t>
  </si>
  <si>
    <t>01/16/2020 15:00:11</t>
  </si>
  <si>
    <t>01/16/2020 15:01:11</t>
  </si>
  <si>
    <t>01/16/2020 15:02:51</t>
  </si>
  <si>
    <t>01/16/2020 15:00:20</t>
  </si>
  <si>
    <t>01/16/2020 15:04:36</t>
  </si>
  <si>
    <t>01/16/2020 15:03:42</t>
  </si>
  <si>
    <t>cfc39650-5200-4432-97d7-17457e642584.tmp</t>
  </si>
  <si>
    <t>\\acsfs\profiles$\nathaliarmr\Downloads\cfc39650-5200-4432-97d7-17457e642584.tmp</t>
  </si>
  <si>
    <t>01/16/2020 15:01:44</t>
  </si>
  <si>
    <t>01/16/2020 15:01:46</t>
  </si>
  <si>
    <t>01/16/2020 15:01:47</t>
  </si>
  <si>
    <t>01/16/2020 15:01:48</t>
  </si>
  <si>
    <t>01/16/2020 15:01:49</t>
  </si>
  <si>
    <t>01/16/2020 15:01:50</t>
  </si>
  <si>
    <t>01/16/2020 15:01:51</t>
  </si>
  <si>
    <t>01/16/2020 15:01:52</t>
  </si>
  <si>
    <t>01/16/2020 15:01:53</t>
  </si>
  <si>
    <t>01/16/2020 15:01:55</t>
  </si>
  <si>
    <t>01/16/2020 15:01:56</t>
  </si>
  <si>
    <t>01/16/2020 15:01:57</t>
  </si>
  <si>
    <t>01/16/2020 15:01:58</t>
  </si>
  <si>
    <t>01/16/2020 15:01:59</t>
  </si>
  <si>
    <t>01/16/2020 15:02:00</t>
  </si>
  <si>
    <t>01/16/2020 15:00:04</t>
  </si>
  <si>
    <t>01/16/2020 15:02:02</t>
  </si>
  <si>
    <t>01/16/2020 15:02:03</t>
  </si>
  <si>
    <t>01/16/2020 15:02:05</t>
  </si>
  <si>
    <t>01/16/2020 15:02:06</t>
  </si>
  <si>
    <t>01/16/2020 15:02:07</t>
  </si>
  <si>
    <t>01/16/2020 15:02:08</t>
  </si>
  <si>
    <t>01/16/2020 15:02:09</t>
  </si>
  <si>
    <t>01/16/2020 15:02:10</t>
  </si>
  <si>
    <t>01/16/2020 15:02:11</t>
  </si>
  <si>
    <t>01/16/2020 15:02:12</t>
  </si>
  <si>
    <t>01/16/2020 15:02:13</t>
  </si>
  <si>
    <t>01/16/2020 15:02:15</t>
  </si>
  <si>
    <t>01/16/2020 15:02:16</t>
  </si>
  <si>
    <t>01/16/2020 15:02:17</t>
  </si>
  <si>
    <t>01/16/2020 15:02:18</t>
  </si>
  <si>
    <t>01/16/2020 15:02:19</t>
  </si>
  <si>
    <t>01/16/2020 15:02:22</t>
  </si>
  <si>
    <t>01/16/2020 15:02:23</t>
  </si>
  <si>
    <t>01/16/2020 15:02:24</t>
  </si>
  <si>
    <t>01/16/2020 15:02:25</t>
  </si>
  <si>
    <t>01/16/2020 15:02:27</t>
  </si>
  <si>
    <t>01/16/2020 15:02:30</t>
  </si>
  <si>
    <t>01/16/2020 15:02:47</t>
  </si>
  <si>
    <t>01/16/2020 15:04:01</t>
  </si>
  <si>
    <t>1408812f-9292-44c4-8b8e-da72874bab5e.tmp</t>
  </si>
  <si>
    <t>\\acsfs\profiles$\laurandos\Downloads\1408812f-9292-44c4-8b8e-da72874bab5e.tmp</t>
  </si>
  <si>
    <t>01/16/2020 15:05:36</t>
  </si>
  <si>
    <t>01/16/2020 15:04:41</t>
  </si>
  <si>
    <t>01/16/2020 15:04:49</t>
  </si>
  <si>
    <t>01/16/2020 15:00:37</t>
  </si>
  <si>
    <t>01/16/2020 15:04:29</t>
  </si>
  <si>
    <t>01/16/2020 15:04:34</t>
  </si>
  <si>
    <t>lu156202imcen.tmp</t>
  </si>
  <si>
    <t>\\acsfs\profiles$\Flaviojmm\My Documents\lu156202imcen.tmp</t>
  </si>
  <si>
    <t>\\acsfs\profiles$\Flaviojmm\My Documents\lu156202imcen.tmp\</t>
  </si>
  <si>
    <t>\\acsfs\profiles$\Flaviojmm\My Documents\lu156202imcen.tmp\META-INF\</t>
  </si>
  <si>
    <t>\\acsfs\profiles$\Flaviojmm\My Documents\lu156202imcen.tmp\Thumbnails\</t>
  </si>
  <si>
    <t>01/16/2020 15:03:21</t>
  </si>
  <si>
    <t>01/16/2020 15:06:36</t>
  </si>
  <si>
    <t>d4c6d1bc-6cd2-4460-a2c3-dcda717b2a39.tmp</t>
  </si>
  <si>
    <t>\\acsfs\profiles$\milenaas\Downloads\d4c6d1bc-6cd2-4460-a2c3-dcda717b2a39.tmp</t>
  </si>
  <si>
    <t>01/16/2020 15:01:22</t>
  </si>
  <si>
    <t>01/16/2020 15:04:40</t>
  </si>
  <si>
    <t>01/16/2020 15:07:36</t>
  </si>
  <si>
    <t>01/16/2020 15:04:42</t>
  </si>
  <si>
    <t>01/16/2020 15:04:44</t>
  </si>
  <si>
    <t>01/16/2020 15:04:45</t>
  </si>
  <si>
    <t>01/16/2020 15:04:53</t>
  </si>
  <si>
    <t>01/16/2020 15:03:25</t>
  </si>
  <si>
    <t>01/16/2020 15:04:06</t>
  </si>
  <si>
    <t>3da587d3-4378-4f96-a6a4-52e6825943fc.tmp</t>
  </si>
  <si>
    <t>\\acsfs\profiles$\brunalas\Downloads\3da587d3-4378-4f96-a6a4-52e6825943fc.tmp</t>
  </si>
  <si>
    <t>01/16/2020 15:05:05</t>
  </si>
  <si>
    <t>01/16/2020 15:08:36</t>
  </si>
  <si>
    <t>lu10556ftqy.tmp</t>
  </si>
  <si>
    <t>\\acsfs\profiles$\VIVIANALDS\My Documents\lu10556ftqy.tmp</t>
  </si>
  <si>
    <t>\\acsfs\profiles$\VIVIANALDS\My Documents\lu10556ftqy.tmp\</t>
  </si>
  <si>
    <t>\\acsfs\profiles$\VIVIANALDS\My Documents\lu10556ftqy.tmp\META-INF\</t>
  </si>
  <si>
    <t>\\acsfs\profiles$\VIVIANALDS\My Documents\lu10556ftqy.tmp\Thumbnails\</t>
  </si>
  <si>
    <t>01/16/2020 15:05:43</t>
  </si>
  <si>
    <t>01/16/2020 15:05:44</t>
  </si>
  <si>
    <t>lu10556ftr2.tmp</t>
  </si>
  <si>
    <t>\\acsfs\profiles$\VIVIANALDS\My Documents\lu10556ftr2.tmp</t>
  </si>
  <si>
    <t>\\acsfs\profiles$\VIVIANALDS\My Documents\lu10556ftr2.tmp\</t>
  </si>
  <si>
    <t>\\acsfs\profiles$\VIVIANALDS\My Documents\lu10556ftr2.tmp\META-INF\</t>
  </si>
  <si>
    <t>\\acsfs\profiles$\VIVIANALDS\My Documents\lu10556ftr2.tmp\Thumbnails\</t>
  </si>
  <si>
    <t>01/16/2020 15:04:37</t>
  </si>
  <si>
    <t>01/16/2020 15:03:56</t>
  </si>
  <si>
    <t>01/16/2020 15:08:51</t>
  </si>
  <si>
    <t>01/16/2020 15:09:36</t>
  </si>
  <si>
    <t>01/16/2020 15:05:02</t>
  </si>
  <si>
    <t>22b33149-3f8f-41c0-937b-87f572a40cc2.tmp</t>
  </si>
  <si>
    <t>\\acsfs\profiles$\laurandos\Downloads\22b33149-3f8f-41c0-937b-87f572a40cc2.tmp</t>
  </si>
  <si>
    <t>01/16/2020 15:10:36</t>
  </si>
  <si>
    <t>01/16/2020 15:06:21</t>
  </si>
  <si>
    <t>01/16/2020 15:06:26</t>
  </si>
  <si>
    <t>01/16/2020 15:06:49</t>
  </si>
  <si>
    <t>01/16/2020 15:07:10</t>
  </si>
  <si>
    <t>01/16/2020 15:07:29</t>
  </si>
  <si>
    <t>01/16/2020 15:07:48</t>
  </si>
  <si>
    <t>01/16/2020 15:07:06</t>
  </si>
  <si>
    <t>01/16/2020 15:07:12</t>
  </si>
  <si>
    <t>01/16/2020 15:08:17</t>
  </si>
  <si>
    <t>Welidi Cristina De Jesus_1_6777402330962797545_1_32.wav</t>
  </si>
  <si>
    <t>\\acsfs\Deptos\EDUCACAO EMPRESARIAL\FERNANDA MONIT\Fernanda\MONITORIA JANEIRO\Ligação para MUTANT segundo ciclo janeiro\Welidi Cristina De Jesus_1_6777402330962797545_1_32.wav</t>
  </si>
  <si>
    <t>01/16/2020 15:08:43</t>
  </si>
  <si>
    <t>01/16/2020 15:09:13</t>
  </si>
  <si>
    <t>01/16/2020 15:09:33</t>
  </si>
  <si>
    <t>01/16/2020 15:09:44</t>
  </si>
  <si>
    <t>01/16/2020 15:09:43</t>
  </si>
  <si>
    <t>01/16/2020 15:09:47</t>
  </si>
  <si>
    <t>01/16/2020 15:06:06</t>
  </si>
  <si>
    <t>01/16/2020 15:06:33</t>
  </si>
  <si>
    <t>01/16/2020 15:06:51</t>
  </si>
  <si>
    <t>01/16/2020 15:10:31</t>
  </si>
  <si>
    <t>01/16/2020 15:11:36</t>
  </si>
  <si>
    <t>01/16/2020 15:10:37</t>
  </si>
  <si>
    <t>lu232362w233r.tmp</t>
  </si>
  <si>
    <t>\\acsfs\profiles$\LUCASBS\RENEG BV\Consolidado\lu232362w233r.tmp</t>
  </si>
  <si>
    <t>\\acsfs\profiles$\LUCASBS\RENEG BV\Consolidado\lu232362w233r.tmp\</t>
  </si>
  <si>
    <t>\\acsfs\profiles$\LUCASBS\RENEG BV\Consolidado\lu232362w233r.tmp\META-INF\</t>
  </si>
  <si>
    <t>\\acsfs\profiles$\LUCASBS\RENEG BV\Consolidado\lu232362w233r.tmp\Thumbnails\</t>
  </si>
  <si>
    <t>01/16/2020 15:07:35</t>
  </si>
  <si>
    <t>6bbe224a-d27d-43f2-a624-edeed45fba19.tmp</t>
  </si>
  <si>
    <t>\\acsfs\profiles$\milenaas\Downloads\6bbe224a-d27d-43f2-a624-edeed45fba19.tmp</t>
  </si>
  <si>
    <t>01/16/2020 15:08:33</t>
  </si>
  <si>
    <t>afc070da-10b8-48d5-a4d0-a673215b1933.tmp</t>
  </si>
  <si>
    <t>\\acsfs\profiles$\milenaas\Downloads\afc070da-10b8-48d5-a4d0-a673215b1933.tmp</t>
  </si>
  <si>
    <t>01/16/2020 15:08:55</t>
  </si>
  <si>
    <t>810f8b9f-8314-425d-896b-480856ae2a9e.tmp</t>
  </si>
  <si>
    <t>\\acsfs\profiles$\milenaas\Downloads\810f8b9f-8314-425d-896b-480856ae2a9e.tmp</t>
  </si>
  <si>
    <t>01/16/2020 15:09:59</t>
  </si>
  <si>
    <t>650e80fd-b269-4a6c-81a3-1442af49e617.tmp</t>
  </si>
  <si>
    <t>\\acsfs\profiles$\milenaas\Downloads\650e80fd-b269-4a6c-81a3-1442af49e617.tmp</t>
  </si>
  <si>
    <t>01/16/2020 15:10:56</t>
  </si>
  <si>
    <t>.~lock.isabelle 16.01.2020.ods#</t>
  </si>
  <si>
    <t>\\acsfs\profiles$\ISABELLEGTDS\Nova pasta\.~lock.isabelle 16.01.2020.ods#</t>
  </si>
  <si>
    <t>01/16/2020 15:11:01</t>
  </si>
  <si>
    <t>lu1367612p2dl.tmp</t>
  </si>
  <si>
    <t>\\acsfs\profiles$\ISABELLEGTDS\Nova pasta\lu1367612p2dl.tmp</t>
  </si>
  <si>
    <t>\\acsfs\profiles$\ISABELLEGTDS\Nova pasta\lu1367612p2dl.tmp\</t>
  </si>
  <si>
    <t>\\acsfs\profiles$\ISABELLEGTDS\Nova pasta\lu1367612p2dl.tmp\META-INF\</t>
  </si>
  <si>
    <t>\\acsfs\profiles$\ISABELLEGTDS\Nova pasta\lu1367612p2dl.tmp\Thumbnails\</t>
  </si>
  <si>
    <t>01/16/2020 15:06:54</t>
  </si>
  <si>
    <t>01/16/2020 15:12:37</t>
  </si>
  <si>
    <t>01/16/2020 15:11:56</t>
  </si>
  <si>
    <t>XLOG_tiagosno_16012020_071317.log</t>
  </si>
  <si>
    <t>\\acsfs\profiles$\tiagosno\My Documents\xworkcenter\logs\XLOG_tiagosno_16012020_071317.log</t>
  </si>
  <si>
    <t>01/16/2020 15:09:38</t>
  </si>
  <si>
    <t>be23c1b8-9415-4c67-96cf-e9ce522a8be6;</t>
  </si>
  <si>
    <t>outlook.office.com/owa/service.svc?action=CreateItem&amp;app=Mail&amp;n=306</t>
  </si>
  <si>
    <t>andrelpsa@algartech.com;eliane.martins@bv.com.br;robsonams@algartech.com;yuriifd@algartech.com;</t>
  </si>
  <si>
    <t>andrelpsa@algartech.com,eliane.martins@bv.com.br,robsonams@algartech.com,yuriifd@algartech.com</t>
  </si>
  <si>
    <t>01/16/2020 15:09:57</t>
  </si>
  <si>
    <t>outlook.office.com/owa/service.svc?action=CreateItem&amp;app=Mail&amp;n=318</t>
  </si>
  <si>
    <t>01/16/2020 15:09:28</t>
  </si>
  <si>
    <t>01/16/2020 15:09:54</t>
  </si>
  <si>
    <t>01/16/2020 15:07:42</t>
  </si>
  <si>
    <t>01/16/2020 15:11:29</t>
  </si>
  <si>
    <t>01/16/2020 15:12:54</t>
  </si>
  <si>
    <t>01/16/2020 15:13:36</t>
  </si>
  <si>
    <t>bf2e6228-30d7-4f6f-b535-8ae5b8632ded.tmp</t>
  </si>
  <si>
    <t>\\acsfs\profiles$\inarajst\Downloads\bf2e6228-30d7-4f6f-b535-8ae5b8632ded.tmp</t>
  </si>
  <si>
    <t>01/16/2020 15:09:58</t>
  </si>
  <si>
    <t>01/16/2020 15:15:36</t>
  </si>
  <si>
    <t>01/16/2020 15:13:10</t>
  </si>
  <si>
    <t>39e9f26a-5f51-4b71-a26c-8364957d66c2.tmp</t>
  </si>
  <si>
    <t>\\acsfs\profiles$\rafaelacdoc\Downloads\39e9f26a-5f51-4b71-a26c-8364957d66c2.tmp</t>
  </si>
  <si>
    <t>01/16/2020 15:10:00</t>
  </si>
  <si>
    <t>01/16/2020 15:10:11</t>
  </si>
  <si>
    <t>01/16/2020 15:10:14</t>
  </si>
  <si>
    <t>01/16/2020 15:11:04</t>
  </si>
  <si>
    <t>01/16/2020 15:16:36</t>
  </si>
  <si>
    <t>01/16/2020 15:15:01</t>
  </si>
  <si>
    <t>01/16/2020 15:11:12</t>
  </si>
  <si>
    <t>01/16/2020 15:11:18</t>
  </si>
  <si>
    <t>lu232362w233w.tmp</t>
  </si>
  <si>
    <t>\\acsfs\profiles$\LUCASBS\RENEG BV\Consolidado\lu232362w233w.tmp</t>
  </si>
  <si>
    <t>\\acsfs\profiles$\LUCASBS\RENEG BV\Consolidado\lu232362w233w.tmp\</t>
  </si>
  <si>
    <t>\\acsfs\profiles$\LUCASBS\RENEG BV\Consolidado\lu232362w233w.tmp\META-INF\</t>
  </si>
  <si>
    <t>\\acsfs\profiles$\LUCASBS\RENEG BV\Consolidado\lu232362w233w.tmp\Thumbnails\</t>
  </si>
  <si>
    <t>01/16/2020 15:15:10</t>
  </si>
  <si>
    <t>01/16/2020 15:12:48</t>
  </si>
  <si>
    <t>01/16/2020 15:14:37</t>
  </si>
  <si>
    <t>01/16/2020 15:16:37</t>
  </si>
  <si>
    <t>01/16/2020 15:14:38</t>
  </si>
  <si>
    <t>01/16/2020 15:14:57</t>
  </si>
  <si>
    <t>01/16/2020 15:15:05</t>
  </si>
  <si>
    <t>01/16/2020 15:15:06</t>
  </si>
  <si>
    <t>01/16/2020 15:15:11</t>
  </si>
  <si>
    <t>01/16/2020 15:15:17</t>
  </si>
  <si>
    <t>01/16/2020 15:15:21</t>
  </si>
  <si>
    <t>01/16/2020 15:15:22</t>
  </si>
  <si>
    <t>01/16/2020 15:15:23</t>
  </si>
  <si>
    <t>01/16/2020 15:15:25</t>
  </si>
  <si>
    <t>01/16/2020 15:15:26</t>
  </si>
  <si>
    <t>01/16/2020 15:15:28</t>
  </si>
  <si>
    <t>01/16/2020 15:15:30</t>
  </si>
  <si>
    <t>01/16/2020 15:15:39</t>
  </si>
  <si>
    <t>01/16/2020 15:15:41</t>
  </si>
  <si>
    <t>01/16/2020 15:15:42</t>
  </si>
  <si>
    <t>01/16/2020 15:15:44</t>
  </si>
  <si>
    <t>01/16/2020 15:15:46</t>
  </si>
  <si>
    <t>01/16/2020 15:15:47</t>
  </si>
  <si>
    <t>01/16/2020 15:15:48</t>
  </si>
  <si>
    <t>01/16/2020 15:15:51</t>
  </si>
  <si>
    <t>01/16/2020 15:15:53</t>
  </si>
  <si>
    <t>01/16/2020 15:15:56</t>
  </si>
  <si>
    <t>01/16/2020 15:15:57</t>
  </si>
  <si>
    <t>01/16/2020 15:15:58</t>
  </si>
  <si>
    <t>01/16/2020 15:15:59</t>
  </si>
  <si>
    <t>01/16/2020 15:16:00</t>
  </si>
  <si>
    <t>01/16/2020 15:16:01</t>
  </si>
  <si>
    <t>01/16/2020 15:16:02</t>
  </si>
  <si>
    <t>01/16/2020 15:16:04</t>
  </si>
  <si>
    <t>01/16/2020 15:16:05</t>
  </si>
  <si>
    <t>01/16/2020 15:16:06</t>
  </si>
  <si>
    <t>01/16/2020 15:16:08</t>
  </si>
  <si>
    <t>01/16/2020 15:12:47</t>
  </si>
  <si>
    <t>01/16/2020 15:13:59</t>
  </si>
  <si>
    <t>01/16/2020 15:17:36</t>
  </si>
  <si>
    <t>XLOG_anacdos_16012020_071014.log</t>
  </si>
  <si>
    <t>\\acsfs\profiles$\anacdos\My Documents\xworkcenter\logs\XLOG_anacdos_16012020_071014.log</t>
  </si>
  <si>
    <t>01/16/2020 15:13:22</t>
  </si>
  <si>
    <t>01/16/2020 15:17:06</t>
  </si>
  <si>
    <t>01/16/2020 15:18:36</t>
  </si>
  <si>
    <t>1f44c446-edaf-4f33-83d4-18478569b4bf.tmp</t>
  </si>
  <si>
    <t>\\acsfs\profiles$\vivianalds\Downloads\1f44c446-edaf-4f33-83d4-18478569b4bf.tmp</t>
  </si>
  <si>
    <t>01/16/2020 15:17:37</t>
  </si>
  <si>
    <t>e1b8e906-0f07-4267-b7e0-f668ccea2868.tmp</t>
  </si>
  <si>
    <t>\\acsfs\profiles$\vivianalds\Downloads\e1b8e906-0f07-4267-b7e0-f668ccea2868.tmp</t>
  </si>
  <si>
    <t>01/16/2020 15:16:28</t>
  </si>
  <si>
    <t>01/16/2020 15:19:36</t>
  </si>
  <si>
    <t>978cc568-19e9-4c78-9f9d-59d3fe06ba26.tmp</t>
  </si>
  <si>
    <t>\\acsfs\profiles$\larissaad\Downloads\978cc568-19e9-4c78-9f9d-59d3fe06ba26.tmp</t>
  </si>
  <si>
    <t>01/16/2020 15:14:15</t>
  </si>
  <si>
    <t>9086d74f-5c75-42ac-9420-703d05104361.tmp</t>
  </si>
  <si>
    <t>\\acsfs\profiles$\leticiala\Downloads\9086d74f-5c75-42ac-9420-703d05104361.tmp</t>
  </si>
  <si>
    <t>01/16/2020 15:20:36</t>
  </si>
  <si>
    <t>01/16/2020 15:18:42</t>
  </si>
  <si>
    <t>NATHALIA RIOS MODESTO RODRIGUES_1_6777386272080072716_1_32.wav</t>
  </si>
  <si>
    <t>\\acsfs\Deptos\EDUCACAO EMPRESARIAL\FERNANDA MONIT\Fernanda\MONITORIA JANEIRO\Ligação para MUTANT segundo ciclo janeiro\NATHALIA RIOS MODESTO RODRIGUES_1_6777386272080072716_1_32.wav</t>
  </si>
  <si>
    <t>01/16/2020 15:19:04</t>
  </si>
  <si>
    <t>01/16/2020 15:19:11</t>
  </si>
  <si>
    <t>01/16/2020 15:19:55</t>
  </si>
  <si>
    <t>01/16/2020 15:21:36</t>
  </si>
  <si>
    <t>01/16/2020 15:19:53</t>
  </si>
  <si>
    <t>01/16/2020 15:18:27</t>
  </si>
  <si>
    <t>01/16/2020 15:22:08</t>
  </si>
  <si>
    <t>01/16/2020 15:22:37</t>
  </si>
  <si>
    <t>01/16/2020 15:22:09</t>
  </si>
  <si>
    <t>lu2733221pjxp.tmp</t>
  </si>
  <si>
    <t>\\acsfs\profiles$\RAFAELRF\meu\lu2733221pjxp.tmp</t>
  </si>
  <si>
    <t>01/16/2020 15:19:46</t>
  </si>
  <si>
    <t>01/16/2020 15:23:36</t>
  </si>
  <si>
    <t>01/16/2020 15:21:16</t>
  </si>
  <si>
    <t>01/16/2020 15:24:36</t>
  </si>
  <si>
    <t>01/16/2020 15:20:58</t>
  </si>
  <si>
    <t>01/16/2020 15:25:36</t>
  </si>
  <si>
    <t>01/16/2020 15:21:19</t>
  </si>
  <si>
    <t>01/16/2020 15:21:23</t>
  </si>
  <si>
    <t>01/16/2020 15:21:24</t>
  </si>
  <si>
    <t>01/16/2020 15:21:26</t>
  </si>
  <si>
    <t>01/16/2020 15:21:30</t>
  </si>
  <si>
    <t>01/16/2020 15:21:32</t>
  </si>
  <si>
    <t>01/16/2020 15:21:33</t>
  </si>
  <si>
    <t>01/16/2020 15:21:37</t>
  </si>
  <si>
    <t>01/16/2020 15:21:38</t>
  </si>
  <si>
    <t>01/16/2020 15:21:45</t>
  </si>
  <si>
    <t>01/16/2020 15:22:01</t>
  </si>
  <si>
    <t>01/16/2020 15:22:02</t>
  </si>
  <si>
    <t>01/16/2020 15:22:03</t>
  </si>
  <si>
    <t>01/16/2020 15:22:04</t>
  </si>
  <si>
    <t>01/16/2020 15:22:06</t>
  </si>
  <si>
    <t>01/16/2020 15:22:17</t>
  </si>
  <si>
    <t>01/16/2020 15:22:18</t>
  </si>
  <si>
    <t>01/16/2020 15:22:20</t>
  </si>
  <si>
    <t>01/16/2020 15:22:31</t>
  </si>
  <si>
    <t>01/16/2020 15:22:32</t>
  </si>
  <si>
    <t>01/16/2020 15:22:34</t>
  </si>
  <si>
    <t>01/16/2020 15:22:35</t>
  </si>
  <si>
    <t>01/16/2020 15:22:38</t>
  </si>
  <si>
    <t>01/16/2020 15:22:40</t>
  </si>
  <si>
    <t>01/16/2020 15:22:42</t>
  </si>
  <si>
    <t>01/16/2020 15:22:44</t>
  </si>
  <si>
    <t>01/16/2020 15:20:30</t>
  </si>
  <si>
    <t>01/16/2020 15:22:45</t>
  </si>
  <si>
    <t>01/16/2020 15:22:46</t>
  </si>
  <si>
    <t>01/16/2020 15:22:47</t>
  </si>
  <si>
    <t>01/16/2020 15:22:48</t>
  </si>
  <si>
    <t>01/16/2020 15:22:49</t>
  </si>
  <si>
    <t>01/16/2020 15:22:50</t>
  </si>
  <si>
    <t>01/16/2020 15:22:51</t>
  </si>
  <si>
    <t>01/16/2020 15:22:52</t>
  </si>
  <si>
    <t>01/16/2020 15:22:53</t>
  </si>
  <si>
    <t>01/16/2020 15:22:54</t>
  </si>
  <si>
    <t>01/16/2020 15:22:55</t>
  </si>
  <si>
    <t>01/16/2020 15:22:57</t>
  </si>
  <si>
    <t>01/16/2020 15:23:21</t>
  </si>
  <si>
    <t>01/16/2020 15:20:10</t>
  </si>
  <si>
    <t>01/16/2020 15:20:19</t>
  </si>
  <si>
    <t>01/16/2020 15:20:25</t>
  </si>
  <si>
    <t>01/16/2020 15:20:43</t>
  </si>
  <si>
    <t>01/16/2020 15:26:36</t>
  </si>
  <si>
    <t>01/16/2020 15:21:12</t>
  </si>
  <si>
    <t>d049a788-4bb6-4724-928b-4a5adc25843a.tmp</t>
  </si>
  <si>
    <t>\\acsfs\profiles$\milenaas\Downloads\d049a788-4bb6-4724-928b-4a5adc25843a.tmp</t>
  </si>
  <si>
    <t>274d245c-3e1d-4218-ab9e-1b2623efac5c.tmp</t>
  </si>
  <si>
    <t>\\acsfs\profiles$\milenaas\Downloads\274d245c-3e1d-4218-ab9e-1b2623efac5c.tmp</t>
  </si>
  <si>
    <t>01/16/2020 15:23:31</t>
  </si>
  <si>
    <t>d18e279c-aae4-46ac-b858-a6ddd92e41cd.tmp</t>
  </si>
  <si>
    <t>\\acsfs\profiles$\milenaas\Downloads\d18e279c-aae4-46ac-b858-a6ddd92e41cd.tmp</t>
  </si>
  <si>
    <t>01/16/2020 15:23:39</t>
  </si>
  <si>
    <t>45bd71c6-01f2-4a39-be7e-73b6dfd7c086.tmp</t>
  </si>
  <si>
    <t>\\acsfs\profiles$\milenaas\Downloads\45bd71c6-01f2-4a39-be7e-73b6dfd7c086.tmp</t>
  </si>
  <si>
    <t>01/16/2020 15:27:36</t>
  </si>
  <si>
    <t>\\acsfs\profiles$\RAFAELRF\meu\lu2733221pjxp.tmp\</t>
  </si>
  <si>
    <t>\\acsfs\profiles$\RAFAELRF\meu\lu2733221pjxp.tmp\META-INF\</t>
  </si>
  <si>
    <t>\\acsfs\profiles$\RAFAELRF\meu\lu2733221pjxp.tmp\Thumbnails\</t>
  </si>
  <si>
    <t>01/16/2020 15:25:23</t>
  </si>
  <si>
    <t>01/16/2020 15:23:18</t>
  </si>
  <si>
    <t>01/16/2020 15:25:56</t>
  </si>
  <si>
    <t>01/16/2020 15:28:37</t>
  </si>
  <si>
    <t>976969a7-7544-4f4f-a644-893b9477f6b4.tmp</t>
  </si>
  <si>
    <t>\\acsfs\profiles$\inarajst\Downloads\976969a7-7544-4f4f-a644-893b9477f6b4.tmp</t>
  </si>
  <si>
    <t>01/16/2020 15:25:03</t>
  </si>
  <si>
    <t>01/16/2020 15:25:04</t>
  </si>
  <si>
    <t>01/16/2020 15:28:13</t>
  </si>
  <si>
    <t>44075f2f-9543-431c-830b-7228e927a347.tmp</t>
  </si>
  <si>
    <t>\\acsfs\profiles$\andreapdsg\Downloads\44075f2f-9543-431c-830b-7228e927a347.tmp</t>
  </si>
  <si>
    <t>01/16/2020 15:27:22</t>
  </si>
  <si>
    <t>01/16/2020 15:29:36</t>
  </si>
  <si>
    <t>8b2861a7-4b4c-4d5d-a2a2-b95d4669401c.tmp</t>
  </si>
  <si>
    <t>\\acsfs\profiles$\larissaad\Downloads\8b2861a7-4b4c-4d5d-a2a2-b95d4669401c.tmp</t>
  </si>
  <si>
    <t>01/16/2020 15:29:16</t>
  </si>
  <si>
    <t>01/16/2020 15:30:36</t>
  </si>
  <si>
    <t>57e8728b-b44a-4430-9f9f-0ec05f0bcf6b.tmp</t>
  </si>
  <si>
    <t>\\acsfs\profiles$\brendadsl\Downloads\57e8728b-b44a-4430-9f9f-0ec05f0bcf6b.tmp</t>
  </si>
  <si>
    <t>01/16/2020 15:28:21</t>
  </si>
  <si>
    <t>01/16/2020 15:25:30</t>
  </si>
  <si>
    <t>01/16/2020 15:25:15</t>
  </si>
  <si>
    <t>01/16/2020 15:25:07</t>
  </si>
  <si>
    <t>2ea108ee-e86f-4591-bd79-cf31f5eeea9f.tmp</t>
  </si>
  <si>
    <t>\\acsfs\profiles$\taylaedoa\Downloads\2ea108ee-e86f-4591-bd79-cf31f5eeea9f.tmp</t>
  </si>
  <si>
    <t>01/16/2020 15:26:15</t>
  </si>
  <si>
    <t>f796d0d2-4cd5-48ef-a118-d5e4f79ad129.tmp</t>
  </si>
  <si>
    <t>\\acsfs\profiles$\taylaedoa\Downloads\f796d0d2-4cd5-48ef-a118-d5e4f79ad129.tmp</t>
  </si>
  <si>
    <t>01/16/2020 15:26:49</t>
  </si>
  <si>
    <t>e4357c24-bd60-4d77-9632-8f0e65ba75c4.tmp</t>
  </si>
  <si>
    <t>\\acsfs\profiles$\taylaedoa\Downloads\e4357c24-bd60-4d77-9632-8f0e65ba75c4.tmp</t>
  </si>
  <si>
    <t>01/16/2020 15:26:18</t>
  </si>
  <si>
    <t>01/16/2020 15:31:36</t>
  </si>
  <si>
    <t>01/16/2020 15:26:50</t>
  </si>
  <si>
    <t>01/16/2020 15:28:26</t>
  </si>
  <si>
    <t>01/16/2020 15:28:32</t>
  </si>
  <si>
    <t>01/16/2020 15:28:35</t>
  </si>
  <si>
    <t>01/16/2020 15:28:38</t>
  </si>
  <si>
    <t>01/16/2020 15:31:10</t>
  </si>
  <si>
    <t>47ef1c84-67f4-48a5-9d02-0d17b6dc458a.tmp</t>
  </si>
  <si>
    <t>\\acsfs\profiles$\joselrb\Downloads\47ef1c84-67f4-48a5-9d02-0d17b6dc458a.tmp</t>
  </si>
  <si>
    <t>01/16/2020 15:33:36</t>
  </si>
  <si>
    <t>01/16/2020 15:29:44</t>
  </si>
  <si>
    <t>4dffde34-097a-4c2a-b4a5-feb8fe374de9.tmp</t>
  </si>
  <si>
    <t>\\acsfs\profiles$\andreapdsg\Downloads\4dffde34-097a-4c2a-b4a5-feb8fe374de9.tmp</t>
  </si>
  <si>
    <t>01/16/2020 15:30:52</t>
  </si>
  <si>
    <t>01/16/2020 15:34:36</t>
  </si>
  <si>
    <t>6c8bcb51-961d-44e9-8d7e-c96799b65ed9.tmp</t>
  </si>
  <si>
    <t>\\acsfs\profiles$\nycolleemdj\Downloads\6c8bcb51-961d-44e9-8d7e-c96799b65ed9.tmp</t>
  </si>
  <si>
    <t>01/16/2020 15:31:32</t>
  </si>
  <si>
    <t>01/16/2020 15:31:53</t>
  </si>
  <si>
    <t>07c6431a-1d13-4b5f-823d-f50f0a871771.tmp</t>
  </si>
  <si>
    <t>\\acsfs\profiles$\nycolleemdj\Downloads\07c6431a-1d13-4b5f-823d-f50f0a871771.tmp</t>
  </si>
  <si>
    <t>01/16/2020 15:31:17</t>
  </si>
  <si>
    <t>9b2a7244-f2bc-4603-be27-cf011eb6a1a9.tmp</t>
  </si>
  <si>
    <t>\\acsfs\profiles$\lorraynevam\Downloads\9b2a7244-f2bc-4603-be27-cf011eb6a1a9.tmp</t>
  </si>
  <si>
    <t>01/16/2020 15:31:56</t>
  </si>
  <si>
    <t>a9c11320-d60a-4c58-b0a1-b2c7e06247d2.tmp</t>
  </si>
  <si>
    <t>\\acsfs\profiles$\lorraynevam\Downloads\a9c11320-d60a-4c58-b0a1-b2c7e06247d2.tmp</t>
  </si>
  <si>
    <t>01/16/2020 15:32:43</t>
  </si>
  <si>
    <t>be51fe76-6a39-484f-a0ab-266fc2c4ecb5.tmp</t>
  </si>
  <si>
    <t>\\acsfs\profiles$\laurandos\Downloads\be51fe76-6a39-484f-a0ab-266fc2c4ecb5.tmp</t>
  </si>
  <si>
    <t>01/16/2020 15:32:46</t>
  </si>
  <si>
    <t>c5ad973c-a3f8-4504-8829-fe86d805afff.tmp</t>
  </si>
  <si>
    <t>\\acsfs\profiles$\laurandos\Downloads\c5ad973c-a3f8-4504-8829-fe86d805afff.tmp</t>
  </si>
  <si>
    <t>01/16/2020 15:35:36</t>
  </si>
  <si>
    <t>01/16/2020 15:32:31</t>
  </si>
  <si>
    <t>01/16/2020 15:32:56</t>
  </si>
  <si>
    <t>01/16/2020 15:33:02</t>
  </si>
  <si>
    <t>01/16/2020 15:33:12</t>
  </si>
  <si>
    <t>01/16/2020 15:33:24</t>
  </si>
  <si>
    <t>01/16/2020 15:33:28</t>
  </si>
  <si>
    <t>01/16/2020 15:33:41</t>
  </si>
  <si>
    <t>01/16/2020 15:33:49</t>
  </si>
  <si>
    <t>01/16/2020 15:33:50</t>
  </si>
  <si>
    <t>01/16/2020 15:33:52</t>
  </si>
  <si>
    <t>01/16/2020 15:34:28</t>
  </si>
  <si>
    <t>01/16/2020 15:34:50</t>
  </si>
  <si>
    <t>01/16/2020 15:34:33</t>
  </si>
  <si>
    <t>01/16/2020 15:36:36</t>
  </si>
  <si>
    <t>XLOG_ellencds_16012020_073036.log</t>
  </si>
  <si>
    <t>\\acsfs\profiles$\ellencds\My Documents\xworkcenter\logs\XLOG_ellencds_16012020_073036.log</t>
  </si>
  <si>
    <t>01/16/2020 15:32:17</t>
  </si>
  <si>
    <t>01/16/2020 15:33:48</t>
  </si>
  <si>
    <t>01/16/2020 15:37:36</t>
  </si>
  <si>
    <t>ef231106-9168-472b-9b1c-b86cbb4bcbf2.tmp</t>
  </si>
  <si>
    <t>\\acsfs\profiles$\victoriaksr\Downloads\ef231106-9168-472b-9b1c-b86cbb4bcbf2.tmp</t>
  </si>
  <si>
    <t>01/16/2020 15:34:34</t>
  </si>
  <si>
    <t>\\acsfs\profiles$\VICTORIAKSR\Downloads\.~lock.Status Filas.xlsx#</t>
  </si>
  <si>
    <t>ea1df7eb-b8d9-4cb4-8117-3c0085ed613d.tmp</t>
  </si>
  <si>
    <t>\\acsfs\profiles$\fabianobmf\Downloads\ea1df7eb-b8d9-4cb4-8117-3c0085ed613d.tmp</t>
  </si>
  <si>
    <t>01/16/2020 15:35:20</t>
  </si>
  <si>
    <t>01/16/2020 15:36:40</t>
  </si>
  <si>
    <t>01/16/2020 15:37:41</t>
  </si>
  <si>
    <t>01/16/2020 15:38:36</t>
  </si>
  <si>
    <t>01/16/2020 15:36:35</t>
  </si>
  <si>
    <t>01/16/2020 15:39:36</t>
  </si>
  <si>
    <t>01/16/2020 15:38:29</t>
  </si>
  <si>
    <t>01/16/2020 15:37:34</t>
  </si>
  <si>
    <t>01/16/2020 15:31:34</t>
  </si>
  <si>
    <t>c8cde732-907f-4783-b8a9-34307022d2e9.tmp</t>
  </si>
  <si>
    <t>\\acsfs\profiles$\marcosvnds\Downloads\c8cde732-907f-4783-b8a9-34307022d2e9.tmp</t>
  </si>
  <si>
    <t>01/16/2020 15:40:36</t>
  </si>
  <si>
    <t>01/16/2020 15:35:18</t>
  </si>
  <si>
    <t>01/16/2020 15:35:51</t>
  </si>
  <si>
    <t>01/16/2020 15:36:21</t>
  </si>
  <si>
    <t>01/16/2020 15:36:28</t>
  </si>
  <si>
    <t>01/16/2020 15:36:41</t>
  </si>
  <si>
    <t>01/16/2020 15:37:16</t>
  </si>
  <si>
    <t>01/16/2020 15:37:18</t>
  </si>
  <si>
    <t>01/16/2020 15:37:19</t>
  </si>
  <si>
    <t>01/16/2020 15:37:56</t>
  </si>
  <si>
    <t>01/16/2020 15:38:08</t>
  </si>
  <si>
    <t>01/16/2020 15:38:15</t>
  </si>
  <si>
    <t>01/16/2020 15:38:18</t>
  </si>
  <si>
    <t>01/16/2020 15:38:25</t>
  </si>
  <si>
    <t>01/16/2020 15:38:58</t>
  </si>
  <si>
    <t>01/16/2020 15:39:18</t>
  </si>
  <si>
    <t>01/16/2020 15:39:46</t>
  </si>
  <si>
    <t>01/16/2020 15:39:54</t>
  </si>
  <si>
    <t>01/16/2020 15:36:56</t>
  </si>
  <si>
    <t>01/16/2020 15:36:17</t>
  </si>
  <si>
    <t>01/16/2020 15:41:36</t>
  </si>
  <si>
    <t>0130f021-a14a-437c-a1f1-51f4cbf1f2f0.tmp</t>
  </si>
  <si>
    <t>\\acsfs\profiles$\welidicdj\Downloads\0130f021-a14a-437c-a1f1-51f4cbf1f2f0.tmp</t>
  </si>
  <si>
    <t>01/16/2020 15:36:22</t>
  </si>
  <si>
    <t>01/16/2020 15:36:47</t>
  </si>
  <si>
    <t>01/16/2020 15:37:06</t>
  </si>
  <si>
    <t>fd597324-2eb8-4261-9fb6-b2d52c2b47df.tmp</t>
  </si>
  <si>
    <t>\\acsfs\profiles$\welidicdj\Downloads\fd597324-2eb8-4261-9fb6-b2d52c2b47df.tmp</t>
  </si>
  <si>
    <t>32cc1416-3d0c-4fa1-83c7-3860d6739837.tmp</t>
  </si>
  <si>
    <t>\\acsfs\profiles$\welidicdj\Downloads\32cc1416-3d0c-4fa1-83c7-3860d6739837.tmp</t>
  </si>
  <si>
    <t>01/16/2020 15:43:36</t>
  </si>
  <si>
    <t>3fb5ecc6-7388-4c5b-8266-10210f22e164.tmp</t>
  </si>
  <si>
    <t>\\acsfs\profiles$\inarajst\Downloads\3fb5ecc6-7388-4c5b-8266-10210f22e164.tmp</t>
  </si>
  <si>
    <t>01/16/2020 15:40:14</t>
  </si>
  <si>
    <t>01/16/2020 15:44:36</t>
  </si>
  <si>
    <t>01/16/2020 15:41:34</t>
  </si>
  <si>
    <t>63a0a547-6c0d-469a-846d-1529be2bcac7.tmp</t>
  </si>
  <si>
    <t>\\acsfs\profiles$\myllenardl\Downloads\63a0a547-6c0d-469a-846d-1529be2bcac7.tmp</t>
  </si>
  <si>
    <t>01/16/2020 15:43:02</t>
  </si>
  <si>
    <t>179ef61b-93f3-480c-a971-7c40acdc9e59.tmp</t>
  </si>
  <si>
    <t>\\acsfs\profiles$\marcosvnds\Downloads\179ef61b-93f3-480c-a971-7c40acdc9e59.tmp</t>
  </si>
  <si>
    <t>01/16/2020 15:44:18</t>
  </si>
  <si>
    <t>01/16/2020 15:45:36</t>
  </si>
  <si>
    <t>01/16/2020 15:41:45</t>
  </si>
  <si>
    <t>01/16/2020 15:41:11</t>
  </si>
  <si>
    <t>01/16/2020 15:41:13</t>
  </si>
  <si>
    <t>01/16/2020 15:41:23</t>
  </si>
  <si>
    <t>01/16/2020 15:44:45</t>
  </si>
  <si>
    <t>01/16/2020 15:45:13</t>
  </si>
  <si>
    <t>01/16/2020 15:46:25</t>
  </si>
  <si>
    <t>01/16/2020 15:47:36</t>
  </si>
  <si>
    <t>01/16/2020 15:46:04</t>
  </si>
  <si>
    <t>01/16/2020 15:43:26</t>
  </si>
  <si>
    <t>220c9db2-f44e-4dee-8198-51a767d013a3.tmp</t>
  </si>
  <si>
    <t>\\acsfs\profiles$\paulohaf\Downloads\220c9db2-f44e-4dee-8198-51a767d013a3.tmp</t>
  </si>
  <si>
    <t>01/16/2020 15:45:16</t>
  </si>
  <si>
    <t>1226296b-f5e5-4503-b891-4bb7eea3cf87.tmp</t>
  </si>
  <si>
    <t>\\acsfs\profiles$\paulohaf\Downloads\1226296b-f5e5-4503-b891-4bb7eea3cf87.tmp</t>
  </si>
  <si>
    <t>01/16/2020 15:47:23</t>
  </si>
  <si>
    <t>493fdc00-ec06-4c95-8fbc-09226e4ccf03.tmp</t>
  </si>
  <si>
    <t>\\acsfs\profiles$\paulohaf\Downloads\493fdc00-ec06-4c95-8fbc-09226e4ccf03.tmp</t>
  </si>
  <si>
    <t>01/16/2020 15:43:31</t>
  </si>
  <si>
    <t>01/16/2020 15:45:27</t>
  </si>
  <si>
    <t>0ac1b889-6491-41a5-8a47-9f69694b2fae.tmp</t>
  </si>
  <si>
    <t>\\acsfs\profiles$\LUISPLS\Downloads\0ac1b889-6491-41a5-8a47-9f69694b2fae.tmp</t>
  </si>
  <si>
    <t>01/16/2020 15:43:45</t>
  </si>
  <si>
    <t>01/16/2020 15:48:36</t>
  </si>
  <si>
    <t>78460165-5d14-4d74-98f7-b724ed847926.tmp</t>
  </si>
  <si>
    <t>\\acsfs\profiles$\inarajst\Downloads\78460165-5d14-4d74-98f7-b724ed847926.tmp</t>
  </si>
  <si>
    <t>01/16/2020 15:46:57</t>
  </si>
  <si>
    <t>01/16/2020 15:44:22</t>
  </si>
  <si>
    <t>01/16/2020 15:49:37</t>
  </si>
  <si>
    <t>01/16/2020 15:48:21</t>
  </si>
  <si>
    <t>87ec1bf5-37a8-437f-9fd3-6faafe79439e.tmp</t>
  </si>
  <si>
    <t>\\acsfs\profiles$\myllenardl\Downloads\87ec1bf5-37a8-437f-9fd3-6faafe79439e.tmp</t>
  </si>
  <si>
    <t>01/16/2020 15:48:40</t>
  </si>
  <si>
    <t>d1535001-63ab-4ab9-9037-a7c2e1f771c2.tmp</t>
  </si>
  <si>
    <t>\\acsfs\profiles$\myllenardl\Downloads\d1535001-63ab-4ab9-9037-a7c2e1f771c2.tmp</t>
  </si>
  <si>
    <t>01/16/2020 15:45:25</t>
  </si>
  <si>
    <t>83dd3ee0-cc3b-4963-8b9f-c4f48068b248.tmp</t>
  </si>
  <si>
    <t>\\acsfs\profiles$\laurandos\Downloads\83dd3ee0-cc3b-4963-8b9f-c4f48068b248.tmp</t>
  </si>
  <si>
    <t>01/16/2020 15:50:36</t>
  </si>
  <si>
    <t>01/16/2020 15:46:30</t>
  </si>
  <si>
    <t>01/16/2020 15:48:32</t>
  </si>
  <si>
    <t>01/16/2020 15:50:26</t>
  </si>
  <si>
    <t>01/16/2020 15:51:36</t>
  </si>
  <si>
    <t>01/16/2020 15:49:02</t>
  </si>
  <si>
    <t>01/16/2020 15:52:36</t>
  </si>
  <si>
    <t>01/16/2020 15:50:40</t>
  </si>
  <si>
    <t>01/16/2020 15:53:36</t>
  </si>
  <si>
    <t>Relatorio de Vendas - Auditoria BV Cartoes (Janeiro)...50 -CLIENTE.xlsx</t>
  </si>
  <si>
    <t>\\acsfs\DEPTOS\Operacao\Banco_Votorantim\Qualidade\Anderson\Jose\Atualizado\Relatorio de Vendas - Auditoria BV Cartoes (Janeiro)...50 -CLIENTE.xlsx</t>
  </si>
  <si>
    <t>01/16/2020 15:54:37</t>
  </si>
  <si>
    <t>01/16/2020 15:52:08</t>
  </si>
  <si>
    <t>01/16/2020 15:52:05</t>
  </si>
  <si>
    <t>01/16/2020 15:50:02</t>
  </si>
  <si>
    <t>\\acsfs\ACS\001 - Qualidade Lilian\PAULO\Pasta Tainara\Dimensionamento_Janeiro Financeira (1).xlsx</t>
  </si>
  <si>
    <t>01/16/2020 15:53:31</t>
  </si>
  <si>
    <t>13a61860-36a5-4955-9d05-6194923859f6.tmp</t>
  </si>
  <si>
    <t>\\acsfs\profiles$\henriqueco\Downloads\13a61860-36a5-4955-9d05-6194923859f6.tmp</t>
  </si>
  <si>
    <t>01/16/2020 15:50:54</t>
  </si>
  <si>
    <t>01/16/2020 15:55:36</t>
  </si>
  <si>
    <t>01/16/2020 15:50:55</t>
  </si>
  <si>
    <t>01/16/2020 15:50:56</t>
  </si>
  <si>
    <t>01/16/2020 15:50:57</t>
  </si>
  <si>
    <t>01/16/2020 15:50:58</t>
  </si>
  <si>
    <t>01/16/2020 15:51:00</t>
  </si>
  <si>
    <t>01/16/2020 15:51:01</t>
  </si>
  <si>
    <t>01/16/2020 15:51:02</t>
  </si>
  <si>
    <t>01/16/2020 15:51:03</t>
  </si>
  <si>
    <t>01/16/2020 15:51:04</t>
  </si>
  <si>
    <t>01/16/2020 15:51:07</t>
  </si>
  <si>
    <t>01/16/2020 15:51:08</t>
  </si>
  <si>
    <t>01/16/2020 15:51:09</t>
  </si>
  <si>
    <t>01/16/2020 15:51:11</t>
  </si>
  <si>
    <t>01/16/2020 15:51:13</t>
  </si>
  <si>
    <t>01/16/2020 15:51:14</t>
  </si>
  <si>
    <t>01/16/2020 15:51:15</t>
  </si>
  <si>
    <t>01/16/2020 15:51:16</t>
  </si>
  <si>
    <t>01/16/2020 15:51:17</t>
  </si>
  <si>
    <t>01/16/2020 15:51:18</t>
  </si>
  <si>
    <t>01/16/2020 15:51:20</t>
  </si>
  <si>
    <t>01/16/2020 15:51:22</t>
  </si>
  <si>
    <t>01/16/2020 15:51:23</t>
  </si>
  <si>
    <t>01/16/2020 15:51:26</t>
  </si>
  <si>
    <t>01/16/2020 15:51:28</t>
  </si>
  <si>
    <t>01/16/2020 15:51:29</t>
  </si>
  <si>
    <t>01/16/2020 15:51:30</t>
  </si>
  <si>
    <t>01/16/2020 15:51:33</t>
  </si>
  <si>
    <t>01/16/2020 15:51:34</t>
  </si>
  <si>
    <t>01/16/2020 15:51:37</t>
  </si>
  <si>
    <t>01/16/2020 15:51:38</t>
  </si>
  <si>
    <t>01/16/2020 15:51:39</t>
  </si>
  <si>
    <t>01/16/2020 15:51:41</t>
  </si>
  <si>
    <t>01/16/2020 15:51:42</t>
  </si>
  <si>
    <t>01/16/2020 15:51:44</t>
  </si>
  <si>
    <t>01/16/2020 15:51:45</t>
  </si>
  <si>
    <t>01/16/2020 15:51:47</t>
  </si>
  <si>
    <t>01/16/2020 15:51:49</t>
  </si>
  <si>
    <t>01/16/2020 15:51:50</t>
  </si>
  <si>
    <t>01/16/2020 15:51:53</t>
  </si>
  <si>
    <t>01/16/2020 15:51:54</t>
  </si>
  <si>
    <t>01/16/2020 15:52:10</t>
  </si>
  <si>
    <t>01/16/2020 15:54:16</t>
  </si>
  <si>
    <t>5d52d480-aedc-4145-8f45-2684f9600e47.tmp</t>
  </si>
  <si>
    <t>\\acsfs\profiles$\brunalas\Downloads\5d52d480-aedc-4145-8f45-2684f9600e47.tmp</t>
  </si>
  <si>
    <t>01/16/2020 15:54:07</t>
  </si>
  <si>
    <t>2556d844-9c48-48a8-82ca-f651ece5f69a.tmp</t>
  </si>
  <si>
    <t>\\acsfs\profiles$\taylaedoa\Downloads\2556d844-9c48-48a8-82ca-f651ece5f69a.tmp</t>
  </si>
  <si>
    <t>01/16/2020 15:54:52</t>
  </si>
  <si>
    <t>01/16/2020 15:52:18</t>
  </si>
  <si>
    <t>01/16/2020 15:56:36</t>
  </si>
  <si>
    <t>01/16/2020 15:53:37</t>
  </si>
  <si>
    <t>ccc2c64e-b624-40de-b068-25ddb6ed359b.tmp</t>
  </si>
  <si>
    <t>\\acsfs\profiles$\joselrb\Downloads\ccc2c64e-b624-40de-b068-25ddb6ed359b.tmp</t>
  </si>
  <si>
    <t>01/16/2020 15:53:13</t>
  </si>
  <si>
    <t>01/16/2020 15:57:36</t>
  </si>
  <si>
    <t>01/16/2020 15:56:15</t>
  </si>
  <si>
    <t>01/16/2020 15:59:37</t>
  </si>
  <si>
    <t>1d8616ef-22c3-4dd8-bb45-7862721191f1.tmp</t>
  </si>
  <si>
    <t>\\acsfs\profiles$\larissaad\Downloads\1d8616ef-22c3-4dd8-bb45-7862721191f1.tmp</t>
  </si>
  <si>
    <t>01/16/2020 15:55:01</t>
  </si>
  <si>
    <t>2e4d0e13-a611-40fd-a0e9-5453c49d65a6.tmp</t>
  </si>
  <si>
    <t>\\acsfs\profiles$\fabianafv\Downloads\2e4d0e13-a611-40fd-a0e9-5453c49d65a6.tmp</t>
  </si>
  <si>
    <t>01/16/2020 15:58:28</t>
  </si>
  <si>
    <t>3322bae4-6947-4434-8c02-259c21c467ff.tmp</t>
  </si>
  <si>
    <t>\\acsfs\profiles$\andreapdsg\Downloads\3322bae4-6947-4434-8c02-259c21c467ff.tmp</t>
  </si>
  <si>
    <t>01/16/2020 15:58:31</t>
  </si>
  <si>
    <t>Q29udHJvbGxlci5QYXl3YXJl (26).ica</t>
  </si>
  <si>
    <t>\\acsfs\profiles$\andreapdsg\Downloads\Q29udHJvbGxlci5QYXl3YXJl (26).ica</t>
  </si>
  <si>
    <t>01/16/2020 15:59:33</t>
  </si>
  <si>
    <t>3a16bcb3-3abd-435c-8f07-99eaef426ae3.tmp</t>
  </si>
  <si>
    <t>\\acsfs\profiles$\andreapdsg\Downloads\3a16bcb3-3abd-435c-8f07-99eaef426ae3.tmp</t>
  </si>
  <si>
    <t>01/16/2020 15:55:30</t>
  </si>
  <si>
    <t>01/16/2020 16:00:36</t>
  </si>
  <si>
    <t>eb65a21e-eb09-494a-b5d6-102dc0551076.tmp</t>
  </si>
  <si>
    <t>\\acsfs\profiles$\brunalas\Downloads\eb65a21e-eb09-494a-b5d6-102dc0551076.tmp</t>
  </si>
  <si>
    <t>01/16/2020 15:55:14</t>
  </si>
  <si>
    <t>5a588c14-ccfa-4658-944a-d49aad1ea84c.tmp</t>
  </si>
  <si>
    <t>\\acsfs\profiles$\taylaedoa\Downloads\5a588c14-ccfa-4658-944a-d49aad1ea84c.tmp</t>
  </si>
  <si>
    <t>01/16/2020 15:56:52</t>
  </si>
  <si>
    <t>34ce6bde-dc6c-481a-b98d-644c9b1e5cd7.tmp</t>
  </si>
  <si>
    <t>\\acsfs\profiles$\taylaedoa\Downloads\34ce6bde-dc6c-481a-b98d-644c9b1e5cd7.tmp</t>
  </si>
  <si>
    <t>01/16/2020 15:56:07</t>
  </si>
  <si>
    <t>01/16/2020 15:56:40</t>
  </si>
  <si>
    <t>01/16/2020 15:56:43</t>
  </si>
  <si>
    <t>01/16/2020 15:57:04</t>
  </si>
  <si>
    <t>100014082285011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supervisaobancovotorantim@algartech.com;taysdss@algartech.com;thiagolrc@bv.algartech.com;viniciussg@algartech.com;</t>
  </si>
  <si>
    <t>100014082285011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,viniciussg@algartech.com</t>
  </si>
  <si>
    <t>01/16/2020 15:57:07</t>
  </si>
  <si>
    <t>01/16/2020 15:57:39</t>
  </si>
  <si>
    <t>01/16/2020 15:57:43</t>
  </si>
  <si>
    <t>01/16/2020 15:58:07</t>
  </si>
  <si>
    <t>mail.google.com/sync/u/0/i/s?hl=pt-BR&amp;c=894</t>
  </si>
  <si>
    <t>01/16/2020 15:58:27</t>
  </si>
  <si>
    <t>01/16/2020 15:58:34</t>
  </si>
  <si>
    <t>100014082285011;100014122394468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senildapdo@algartecnologia.com.br;supervisaobancovotorantim@algartech.com;taysdss@algartech.com;thiagolrc@bv.algartech.com;</t>
  </si>
  <si>
    <t>100014082285011,100014122394468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senildapdo@algartecnologia.com.br,supervisaobancovotorantim@algartech.com,taysdss@algartech.com,thiagolrc@bv.algartech.com</t>
  </si>
  <si>
    <t>01/16/2020 15:59:12</t>
  </si>
  <si>
    <t>01/16/2020 15:59:18</t>
  </si>
  <si>
    <t>01/16/2020 15:59:22</t>
  </si>
  <si>
    <t>01/16/2020 15:59:27</t>
  </si>
  <si>
    <t>01/16/2020 15:59:31</t>
  </si>
  <si>
    <t>01/16/2020 15:56:04</t>
  </si>
  <si>
    <t>01/16/2020 15:59:49</t>
  </si>
  <si>
    <t>01/16/2020 15:58:17</t>
  </si>
  <si>
    <t>01/16/2020 15:58:44</t>
  </si>
  <si>
    <t>01/16/2020 15:59:24</t>
  </si>
  <si>
    <t>01/16/2020 16:01:37</t>
  </si>
  <si>
    <t>01/16/2020 16:01:22</t>
  </si>
  <si>
    <t>01/16/2020 16:02:36</t>
  </si>
  <si>
    <t>37bc5d8e-47fb-45f6-bc0b-65722467937b.tmp</t>
  </si>
  <si>
    <t>\\acsfs\profiles$\gabrielamdp\Downloads\37bc5d8e-47fb-45f6-bc0b-65722467937b.tmp</t>
  </si>
  <si>
    <t>01/16/2020 16:01:23</t>
  </si>
  <si>
    <t>7cbd0aeb-6e63-411e-909e-4bb28b0e005c.tmp</t>
  </si>
  <si>
    <t>\\acsfs\profiles$\gabrielamdp\Downloads\7cbd0aeb-6e63-411e-909e-4bb28b0e005c.tmp</t>
  </si>
  <si>
    <t>006a60fd-561d-4512-90cb-7a4702cbd2ea.tmp</t>
  </si>
  <si>
    <t>\\acsfs\profiles$\gabrielamdp\Downloads\006a60fd-561d-4512-90cb-7a4702cbd2ea.tmp</t>
  </si>
  <si>
    <t>01/16/2020 16:01:48</t>
  </si>
  <si>
    <t>https://www.youtube.com/error_204?a=logerror&amp;t=jserror&amp;type=error&amp;msg=unexpected token &lt; in json at position 0&amp;line=not available&amp;level=error&amp;client.name=1</t>
  </si>
  <si>
    <t>01/16/2020 16:00:00</t>
  </si>
  <si>
    <t>01/16/2020 16:04:35</t>
  </si>
  <si>
    <t>10482df2-86a2-48de-870f-67a9ac6b6d69.tmp</t>
  </si>
  <si>
    <t>\\acsfs\profiles$\fabianafv\Downloads\10482df2-86a2-48de-870f-67a9ac6b6d69.tmp</t>
  </si>
  <si>
    <t>01/16/2020 16:02:28</t>
  </si>
  <si>
    <t>01/16/2020 15:59:58</t>
  </si>
  <si>
    <t>01/16/2020 16:05:36</t>
  </si>
  <si>
    <t>110e3d0b-85a5-4a98-860c-5db73b973ae4.tmp</t>
  </si>
  <si>
    <t>\\acsfs\profiles$\andreapdsg\Downloads\110e3d0b-85a5-4a98-860c-5db73b973ae4.tmp</t>
  </si>
  <si>
    <t>01/16/2020 16:03:05</t>
  </si>
  <si>
    <t>c404d68e-3f8d-4dcc-a8d3-22aff69f32c6.tmp</t>
  </si>
  <si>
    <t>\\acsfs\profiles$\andreapdsg\Downloads\c404d68e-3f8d-4dcc-a8d3-22aff69f32c6.tmp</t>
  </si>
  <si>
    <t>01/16/2020 16:02:04</t>
  </si>
  <si>
    <t>01/16/2020 16:02:29</t>
  </si>
  <si>
    <t>01/16/2020 16:00:33</t>
  </si>
  <si>
    <t>01/16/2020 16:00:35</t>
  </si>
  <si>
    <t>01/16/2020 16:00:47</t>
  </si>
  <si>
    <t>01/16/2020 16:03:41</t>
  </si>
  <si>
    <t>01/16/2020 16:06:36</t>
  </si>
  <si>
    <t>01/16/2020 16:05:26</t>
  </si>
  <si>
    <t>01/16/2020 16:08:36</t>
  </si>
  <si>
    <t>7e9c2ecd-7a97-433a-999b-5b1cf20d2dd8.tmp</t>
  </si>
  <si>
    <t>\\acsfs\profiles$\erichds\Downloads\7e9c2ecd-7a97-433a-999b-5b1cf20d2dd8.tmp</t>
  </si>
  <si>
    <t>01/16/2020 16:03:34</t>
  </si>
  <si>
    <t>c9bbf90d-bfa2-40d3-b974-77c2c87e1dbf.tmp</t>
  </si>
  <si>
    <t>\\acsfs\profiles$\quindaizaagds\Downloads\c9bbf90d-bfa2-40d3-b974-77c2c87e1dbf.tmp</t>
  </si>
  <si>
    <t>01/16/2020 16:08:33</t>
  </si>
  <si>
    <t>01/16/2020 16:09:36</t>
  </si>
  <si>
    <t>d78989fb-6f23-4de1-9324-da7755a08eb2.tmp</t>
  </si>
  <si>
    <t>\\acsfs\profiles$\KARENDSR\Downloads\d78989fb-6f23-4de1-9324-da7755a08eb2.tmp</t>
  </si>
  <si>
    <t>01/16/2020 16:11:36</t>
  </si>
  <si>
    <t>01/16/2020 16:06:43</t>
  </si>
  <si>
    <t>01/16/2020 16:06:44</t>
  </si>
  <si>
    <t>01/16/2020 16:06:46</t>
  </si>
  <si>
    <t>01/16/2020 16:12:36</t>
  </si>
  <si>
    <t>01/16/2020 16:13:36</t>
  </si>
  <si>
    <t>01/16/2020 16:10:39</t>
  </si>
  <si>
    <t>01/16/2020 16:10:23</t>
  </si>
  <si>
    <t>lu10556ftr6.tmp</t>
  </si>
  <si>
    <t>\\acsfs\profiles$\VIVIANALDS\My Documents\lu10556ftr6.tmp</t>
  </si>
  <si>
    <t>\\acsfs\profiles$\VIVIANALDS\My Documents\lu10556ftr6.tmp\</t>
  </si>
  <si>
    <t>01/16/2020 16:14:35</t>
  </si>
  <si>
    <t>01/16/2020 00:03:03</t>
  </si>
  <si>
    <t>\\acsfs\profiles$\VIVIANALDS\My Documents\lu10556ftr6.tmp\META-INF\</t>
  </si>
  <si>
    <t>01/16/2020 16:10:34</t>
  </si>
  <si>
    <t>\\acsfs\profiles$\andressamf\My Documents\My Pictures\</t>
  </si>
  <si>
    <t>\\acsfs\profiles$\andressamf\My Documents\My Videos\desktop.ini</t>
  </si>
  <si>
    <t>01/16/2020 16:10:35</t>
  </si>
  <si>
    <t>\\acsfs\profiles$\andressamf\My Documents\My Videos\</t>
  </si>
  <si>
    <t>01/16/2020 16:10:36</t>
  </si>
  <si>
    <t>01/16/2020 16:10:37</t>
  </si>
  <si>
    <t>01/16/2020 16:10:42</t>
  </si>
  <si>
    <t>01/16/2020 16:10:44</t>
  </si>
  <si>
    <t>\\acsfs\profiles$\andressamf\My Documents\My Music\</t>
  </si>
  <si>
    <t>\\acsfs\profiles$\andressamf\My Documents\My Pictures\desktop.ini</t>
  </si>
  <si>
    <t>\\acsfs\profiles$\VIVIANALDS\My Documents\lu10556ftr6.tmp\Thumbnails\</t>
  </si>
  <si>
    <t>01/16/2020 16:10:46</t>
  </si>
  <si>
    <t>01/16/2020 16:11:15</t>
  </si>
  <si>
    <t>01/16/2020 16:10:47</t>
  </si>
  <si>
    <t>01/16/2020 16:11:16</t>
  </si>
  <si>
    <t>lu10556ftra.tmp</t>
  </si>
  <si>
    <t>\\acsfs\profiles$\VIVIANALDS\My Documents\lu10556ftra.tmp</t>
  </si>
  <si>
    <t>01/16/2020 16:09:16</t>
  </si>
  <si>
    <t>01/16/2020 16:15:36</t>
  </si>
  <si>
    <t>01/16/2020 16:10:48</t>
  </si>
  <si>
    <t>01/16/2020 16:09:17</t>
  </si>
  <si>
    <t>\\acsfs\profiles$\VIVIANALDS\My Documents\lu10556ftra.tmp\</t>
  </si>
  <si>
    <t>01/16/2020 16:10:50</t>
  </si>
  <si>
    <t>01/16/2020 16:13:00</t>
  </si>
  <si>
    <t>86d26bf9-4aa2-4521-a30a-6fed01d94f7b.tmp</t>
  </si>
  <si>
    <t>\\acsfs\profiles$\brendadsl\Downloads\86d26bf9-4aa2-4521-a30a-6fed01d94f7b.tmp</t>
  </si>
  <si>
    <t>01/16/2020 16:10:51</t>
  </si>
  <si>
    <t>\\acsfs\profiles$\andressamf\Contacts\</t>
  </si>
  <si>
    <t>\\acsfs\profiles$\andressamf\Contacts\desktop.ini</t>
  </si>
  <si>
    <t>\\acsfs\profiles$\VIVIANALDS\My Documents\lu10556ftra.tmp\META-INF\</t>
  </si>
  <si>
    <t>01/16/2020 16:15:37</t>
  </si>
  <si>
    <t>01/16/2020 16:10:53</t>
  </si>
  <si>
    <t>01/16/2020 16:10:54</t>
  </si>
  <si>
    <t>01/16/2020 16:10:24</t>
  </si>
  <si>
    <t>01/16/2020 16:10:55</t>
  </si>
  <si>
    <t>01/16/2020 16:10:57</t>
  </si>
  <si>
    <t>\\acsfs\profiles$\VIVIANALDS\My Documents\lu10556ftra.tmp\Thumbnails\</t>
  </si>
  <si>
    <t>01/16/2020 16:10:58</t>
  </si>
  <si>
    <t>01/16/2020 16:11:30</t>
  </si>
  <si>
    <t>01/16/2020 16:11:00</t>
  </si>
  <si>
    <t>\\acsfs\profiles$\andressamf\Favorites\desktop.ini</t>
  </si>
  <si>
    <t>lu10556ftre.tmp</t>
  </si>
  <si>
    <t>\\acsfs\profiles$\VIVIANALDS\My Documents\lu10556ftre.tmp</t>
  </si>
  <si>
    <t>01/16/2020 16:11:01</t>
  </si>
  <si>
    <t>\\acsfs\profiles$\VIVIANALDS\My Documents\lu10556ftre.tmp\</t>
  </si>
  <si>
    <t>01/16/2020 16:11:02</t>
  </si>
  <si>
    <t>\\acsfs\profiles$\VIVIANALDS\My Documents\lu10556ftre.tmp\META-INF\</t>
  </si>
  <si>
    <t>01/16/2020 16:11:03</t>
  </si>
  <si>
    <t>01/16/2020 16:11:05</t>
  </si>
  <si>
    <t>01/16/2020 16:11:06</t>
  </si>
  <si>
    <t>\\acsfs\profiles$\VIVIANALDS\My Documents\lu10556ftre.tmp\Thumbnails\</t>
  </si>
  <si>
    <t>01/16/2020 16:11:07</t>
  </si>
  <si>
    <t>01/16/2020 16:11:09</t>
  </si>
  <si>
    <t>\\acsfs\profiles$\andressamf\My Documents\My Music\desktop.ini</t>
  </si>
  <si>
    <t>01/16/2020 16:11:12</t>
  </si>
  <si>
    <t>01/16/2020 16:11:13</t>
  </si>
  <si>
    <t>01/16/2020 16:11:17</t>
  </si>
  <si>
    <t>01/16/2020 16:11:19</t>
  </si>
  <si>
    <t>\\acsfs\profiles$\andressamf\Searches\</t>
  </si>
  <si>
    <t>\\acsfs\profiles$\andressamf\Searches\desktop.ini</t>
  </si>
  <si>
    <t>01/16/2020 16:11:20</t>
  </si>
  <si>
    <t>01/16/2020 16:11:22</t>
  </si>
  <si>
    <t>01/16/2020 16:11:23</t>
  </si>
  <si>
    <t>01/16/2020 16:11:26</t>
  </si>
  <si>
    <t>01/16/2020 16:11:29</t>
  </si>
  <si>
    <t>\\acsfs\profiles$\andressamf\Downloads\desktop.ini</t>
  </si>
  <si>
    <t>01/16/2020 16:11:32</t>
  </si>
  <si>
    <t>\\acsfs\profiles$\andressamf\Favorites\</t>
  </si>
  <si>
    <t>\\acsfs\profiles$\andressamf\My Documents\desktop.ini</t>
  </si>
  <si>
    <t>01/16/2020 16:11:34</t>
  </si>
  <si>
    <t>01/16/2020 16:11:37</t>
  </si>
  <si>
    <t>01/16/2020 16:11:40</t>
  </si>
  <si>
    <t>01/16/2020 16:11:41</t>
  </si>
  <si>
    <t>01/16/2020 16:11:44</t>
  </si>
  <si>
    <t>\\acsfs\profiles$\andressamf\Saved Games\desktop.ini</t>
  </si>
  <si>
    <t>01/16/2020 16:11:45</t>
  </si>
  <si>
    <t>01/16/2020 16:12:13</t>
  </si>
  <si>
    <t>winrt--{S-1-5-21-602162358-764733703-839522115-334915}-.searchconnector-ms</t>
  </si>
  <si>
    <t>\\acsfs\profiles$\andressamf\Searches\winrt--{S-1-5-21-602162358-764733703-839522115-334915}-.searchconnector-ms</t>
  </si>
  <si>
    <t>01/16/2020 16:13:06</t>
  </si>
  <si>
    <t>01/16/2020 16:16:36</t>
  </si>
  <si>
    <t>42a92d3e-b24a-46bb-af4c-a63e84d7fc99.tmp</t>
  </si>
  <si>
    <t>\\acsfs\profiles$\milenaas\Downloads\42a92d3e-b24a-46bb-af4c-a63e84d7fc99.tmp</t>
  </si>
  <si>
    <t>01/16/2020 16:11:28</t>
  </si>
  <si>
    <t>01/16/2020 16:15:24</t>
  </si>
  <si>
    <t>01/16/2020 16:17:36</t>
  </si>
  <si>
    <t>1461eefd-792f-4f8d-8694-e4f06491f629.tmp</t>
  </si>
  <si>
    <t>\\acsfs\profiles$\gabrielamdp\Downloads\1461eefd-792f-4f8d-8694-e4f06491f629.tmp</t>
  </si>
  <si>
    <t>01/16/2020 16:16:09</t>
  </si>
  <si>
    <t>01/16/2020 16:17:37</t>
  </si>
  <si>
    <t>01/16/2020 16:18:35</t>
  </si>
  <si>
    <t>01/16/2020 16:17:42</t>
  </si>
  <si>
    <t>01/16/2020 16:19:36</t>
  </si>
  <si>
    <t>01/16/2020 16:20:36</t>
  </si>
  <si>
    <t>01/16/2020 16:16:01</t>
  </si>
  <si>
    <t>15-01 RELATORIO DE LOGIN AVON - Cópia.xlsm</t>
  </si>
  <si>
    <t>\\acsfs\deptos\Operacao\PCP\5 - Comum\CONTROL DESK\2 - DAC2\Control Desk AVON\Relatorios\Status de login\2020\15-01 RELATORIO DE LOGIN AVON - Cópia.xlsm</t>
  </si>
  <si>
    <t>01/16/2020 16:16:47</t>
  </si>
  <si>
    <t>4763a587-10b1-4813-b85a-69b3a3ea4e5c.tmp</t>
  </si>
  <si>
    <t>\\acsfs\profiles$\andressamf\Downloads\4763a587-10b1-4813-b85a-69b3a3ea4e5c.tmp</t>
  </si>
  <si>
    <t>01/16/2020 16:16:55</t>
  </si>
  <si>
    <t>Unconfirmed 467605.crdownload</t>
  </si>
  <si>
    <t>\\acsfs\profiles$\andressamf\Downloads\Unconfirmed 467605.crdownload</t>
  </si>
  <si>
    <t>01/16/2020 16:17:09</t>
  </si>
  <si>
    <t>cf14a88b-b8b3-49fa-a81e-2072d8cf60e0.tmp</t>
  </si>
  <si>
    <t>\\acsfs\profiles$\andressamf\Downloads\cf14a88b-b8b3-49fa-a81e-2072d8cf60e0.tmp</t>
  </si>
  <si>
    <t>01/16/2020 16:19:28</t>
  </si>
  <si>
    <t>067e4efc-1a27-4f54-93b7-8bf6eb4b555e.tmp</t>
  </si>
  <si>
    <t>\\acsfs\profiles$\andressamf\Downloads\067e4efc-1a27-4f54-93b7-8bf6eb4b555e.tmp</t>
  </si>
  <si>
    <t>01/16/2020 16:17:31</t>
  </si>
  <si>
    <t>01/16/2020 16:17:43</t>
  </si>
  <si>
    <t>01/16/2020 16:19:43</t>
  </si>
  <si>
    <t>01/16/2020 16:21:36</t>
  </si>
  <si>
    <t>01/16/2020 16:20:04</t>
  </si>
  <si>
    <t>01/16/2020 16:22:36</t>
  </si>
  <si>
    <t>lu8412ilcy.tmp</t>
  </si>
  <si>
    <t>\\acsfs\profiles$\VICTORIAKSR\Downloads\lu8412ilcy.tmp</t>
  </si>
  <si>
    <t>01/16/2020 16:21:45</t>
  </si>
  <si>
    <t>26d4db97-45e1-4f9e-9172-303942ffb40e.tmp</t>
  </si>
  <si>
    <t>\\acsfs\profiles$\Angelicacldr\Downloads\26d4db97-45e1-4f9e-9172-303942ffb40e.tmp</t>
  </si>
  <si>
    <t>01/16/2020 16:21:22</t>
  </si>
  <si>
    <t>7f4dee4f-1fa2-4eec-a230-afca218d9686.tmp</t>
  </si>
  <si>
    <t>\\acsfs\profiles$\gabrielamdp\Downloads\7f4dee4f-1fa2-4eec-a230-afca218d9686.tmp</t>
  </si>
  <si>
    <t>01/16/2020 16:20:47</t>
  </si>
  <si>
    <t>01/16/2020 16:21:08</t>
  </si>
  <si>
    <t>01/16/2020 16:23:35</t>
  </si>
  <si>
    <t>mail.google.com/mail/u/0/jserror?script=https://apis.google.com/_/scs/abc-static/_/js/k=gapi.gapi.en.sj5lkyeukoe.o/m=cloudsearch/exm=card,client,config,gapi_iframes,gapi_iframes_style_slide_menu,googleapis_client,plusone/rt=j/sv=1/d=1/ed=1/rs=ahpooo9toctoaz0mr9ikxaop6eq9aipslw/cb=gapi.loaded_5&amp;error=script error&amp;line=not available&amp;txz=p</t>
  </si>
  <si>
    <t>01/16/2020 16:21:21</t>
  </si>
  <si>
    <t>01/16/2020 16:24:36</t>
  </si>
  <si>
    <t>01/16/2020 16:23:51</t>
  </si>
  <si>
    <t>01/16/2020 16:25:36</t>
  </si>
  <si>
    <t>01/16/2020 16:22:38</t>
  </si>
  <si>
    <t>01/16/2020 16:21:06</t>
  </si>
  <si>
    <t>01/16/2020 16:26:36</t>
  </si>
  <si>
    <t>ulog_Acrobat12_Reader_3b8210f9-3618-47e4-b9cc-5aaaba62831a_af96eb42-d0b5-4f11-8adf-657e7fa78103_0.log</t>
  </si>
  <si>
    <t>C:\Users\flaviacno\AppData\Roaming\Adobe\LogTransport2\Logs\ulog_Acrobat12_Reader_3b8210f9-3618-47e4-b9cc-5aaaba62831a_af96eb42-d0b5-4f11-8adf-657e7fa78103_0.log\</t>
  </si>
  <si>
    <t>01/16/2020 16:25:35</t>
  </si>
  <si>
    <t>http:///drive/jserror?script=https%3A%2F%2Fdrive.google.com%2Fdrive%2Fmy-drive&amp;error=Unknown%20Error%20of%20type%20%22%5BAnonymous%5D%22&amp;line=Not%20available</t>
  </si>
  <si>
    <t>al;"mozilla/5.0 (windows nt 6.1) applewebkit/537.36 (khtml;0];0]0":;0]0]l;0]0}_x001E_c;0]7 �_x0007_�� �r;0]:0};0]\;0]\\\\\\\';: &lt;l;0]\\\\\\\�ɧ_x000F_&lt;l;0]ackages\tornado\platform\interface.py;0]als;0]l;0]ll;0]ls �o� 99;0]u�{� �_x0007_�� �r;0]�\\;0]�m�/;1;13;130841638;13700014;13700109;13700185;13700451;13700951;13701207;13701298;13701422;13701430;13701450;13701506;13701537;13701573;13701577;13701625;13701657;13701693;13701693�;13701749;13701825;13701901;13701905;13701957;13701969;13702068;13702088;142961685;148;157;1578930052848000;1578930058554000;1578945414334;1578946016325;1578946317323;1578946618318;1578947521367;1578947822457;1578948424526;1578948725551;1578950230689;1578950531715;1578974457711;1578977166567;1578977467562;1578978671552;1578978972545;1578979273544;1578979574537;1578979875535;1578980176534;1578980477528;1578980778522;1578983788486;1578984089484;1579004693676;1579012821382;1579102936171;1579112548079;1579125192342;158;162;163;164;165;166;167;168;169;17;179;180;1ya5yrwelrso-yxib3ctz0mdjsqkh2uffmn2kfrmynlkfp2vhk5vxr</t>
  </si>
  <si>
    <t>http:// al,"mozilla/5.0 (windows nt 6.1) applewebkit/537.36 (khtml,0],0]0":,0]0]l,0]0}_x001E_c,0]7 �_x0007_�� �r,0]:0},0]\,0]\\\\\\\';: &lt;l,0]\\\\\\\�ɧ_x000F_&lt;l,0]ackages\tornado\platform\interface.py,0]als,0]l,0]ll,0]ls �o� 99,0]u�{� �_x0007_�� �r,0]�m�/,0]�\\,1,13,130841638,13700014,13700109,13700185,13700451,13700951,13701207,13701298,13701422,13701430,13701450,13701506,13701537,13701573,13701577,13701625,13701657,13701693,13701693�,13701693�,13701749,13701825,13701901,13701905,13701957,13701969,13702068,13702088,142961685,148,157,1578930052848000,1578930058554000,1578945414334,1578946016325,1578946317323,1578946618318,1578947521367,1578947822457,1578948424526,1578948725551,1578950230689,1578950531715,1578974457711,1578977166567,1578977467562,1578978671552,1578978972545,1578979273544,1578979574537,1578979875535,1578980176534,1578980477528,1578980778522,1578983788486,1578984089484,1579004693676,1579012821382,1579102936171,1579112548079,1579125192342,158,162,163,164,165,166,167,168,169,17,179,180,1ya5yrwelrso-yxib3ctz0mdjsqkh2uffmn2</t>
  </si>
  <si>
    <t>01/16/2020 16:24:15</t>
  </si>
  <si>
    <t>dc6c5925-43d2-43c0-a5c0-ca4550e9f910.tmp</t>
  </si>
  <si>
    <t>\\acsfs\profiles$\regisedsj\Downloads\dc6c5925-43d2-43c0-a5c0-ca4550e9f910.tmp</t>
  </si>
  <si>
    <t>01/16/2020 16:23:41</t>
  </si>
  <si>
    <t>01/16/2020 16:27:36</t>
  </si>
  <si>
    <t>01/16/2020 16:26:06</t>
  </si>
  <si>
    <t>01/16/2020 16:28:36</t>
  </si>
  <si>
    <t>01/16/2020 16:29:36</t>
  </si>
  <si>
    <t>01/16/2020 16:28:30</t>
  </si>
  <si>
    <t>970c5110-3e5c-4d1c-a462-99a94b25f592.tmp</t>
  </si>
  <si>
    <t>\\acsfs\profiles$\laurandos\Downloads\970c5110-3e5c-4d1c-a462-99a94b25f592.tmp</t>
  </si>
  <si>
    <t>01/16/2020 16:28:27</t>
  </si>
  <si>
    <t>321d6ae1-11eb-41b9-aa17-288bd1ae13b8.tmp</t>
  </si>
  <si>
    <t>\\acsfs\profiles$\paulohaf\Downloads\321d6ae1-11eb-41b9-aa17-288bd1ae13b8.tmp</t>
  </si>
  <si>
    <t>01/16/2020 16:29:04</t>
  </si>
  <si>
    <t>94c62374-4e5f-4d99-99a3-1ed46e22a23b.tmp</t>
  </si>
  <si>
    <t>\\acsfs\profiles$\paulohaf\Downloads\94c62374-4e5f-4d99-99a3-1ed46e22a23b.tmp</t>
  </si>
  <si>
    <t>01/16/2020 16:28:31</t>
  </si>
  <si>
    <t>01/16/2020 16:30:35</t>
  </si>
  <si>
    <t>01/16/2020 16:30:36</t>
  </si>
  <si>
    <t>01/16/2020 16:29:47</t>
  </si>
  <si>
    <t>01/16/2020 16:30:13</t>
  </si>
  <si>
    <t>5216477d-4f8c-44a3-82a6-0c52f2cdc86d.tmp</t>
  </si>
  <si>
    <t>\\acsfs\profiles$\andressamf\Downloads\5216477d-4f8c-44a3-82a6-0c52f2cdc86d.tmp</t>
  </si>
  <si>
    <t>01/16/2020 16:28:16</t>
  </si>
  <si>
    <t>01/16/2020 16:27:13</t>
  </si>
  <si>
    <t>01/16/2020 16:31:36</t>
  </si>
  <si>
    <t>01/16/2020 16:31:24</t>
  </si>
  <si>
    <t>01/16/2020 16:32:35</t>
  </si>
  <si>
    <t>lu1232wrp7.tmp</t>
  </si>
  <si>
    <t>\\acsfs\profiles$\lucasgpe\Desktop\lu1232wrp7.tmp</t>
  </si>
  <si>
    <t>\\acsfs\profiles$\lucasgpe\Desktop\lu1232wrp7.tmp\</t>
  </si>
  <si>
    <t>\\acsfs\profiles$\lucasgpe\Desktop\lu1232wrp7.tmp\META-INF\</t>
  </si>
  <si>
    <t>\\acsfs\profiles$\lucasgpe\Desktop\lu1232wrp7.tmp\Thumbnails\</t>
  </si>
  <si>
    <t>01/16/2020 16:29:50</t>
  </si>
  <si>
    <t>01/16/2020 16:29:34</t>
  </si>
  <si>
    <t>01/16/2020 16:33:36</t>
  </si>
  <si>
    <t>01/16/2020 16:32:45</t>
  </si>
  <si>
    <t>01/16/2020 16:34:36</t>
  </si>
  <si>
    <t>d0fa8d9d-d187-4654-b135-42d006e69a9a.tmp</t>
  </si>
  <si>
    <t>\\acsfs\profiles$\esterasg\Downloads\d0fa8d9d-d187-4654-b135-42d006e69a9a.tmp</t>
  </si>
  <si>
    <t>01/16/2020 16:32:48</t>
  </si>
  <si>
    <t>a2af0e66-2533-43fd-b7de-37d095ee03e4.tmp</t>
  </si>
  <si>
    <t>\\acsfs\profiles$\esterasg\Downloads\a2af0e66-2533-43fd-b7de-37d095ee03e4.tmp</t>
  </si>
  <si>
    <t>01/16/2020 16:29:57</t>
  </si>
  <si>
    <t>01/16/2020 16:34:28</t>
  </si>
  <si>
    <t>01/16/2020 16:35:36</t>
  </si>
  <si>
    <t>01/16/2020 16:33:05</t>
  </si>
  <si>
    <t>01/16/2020 16:34:06</t>
  </si>
  <si>
    <t>01/16/2020 16:36:36</t>
  </si>
  <si>
    <t>597b1d20-8ce0-426a-b217-713559da6855;</t>
  </si>
  <si>
    <t>Lorena Qualidade.PNG</t>
  </si>
  <si>
    <t>01/16/2020 16:31:39</t>
  </si>
  <si>
    <t>01/16/2020 16:37:36</t>
  </si>
  <si>
    <t>.~lock.Controle de Vendas.ods#</t>
  </si>
  <si>
    <t>\\acsfs\profiles$\victoriaksr\My Documents\.~lock.Controle de Vendas.ods#</t>
  </si>
  <si>
    <t>lu8412ild2.tmp</t>
  </si>
  <si>
    <t>\\acsfs\profiles$\victoriaksr\My Documents\lu8412ild2.tmp</t>
  </si>
  <si>
    <t>\\acsfs\profiles$\victoriaksr\My Documents\lu8412ild2.tmp\</t>
  </si>
  <si>
    <t>\\acsfs\profiles$\victoriaksr\My Documents\lu8412ild2.tmp\META-INF\</t>
  </si>
  <si>
    <t>\\acsfs\profiles$\victoriaksr\My Documents\lu8412ild2.tmp\Thumbnails\</t>
  </si>
  <si>
    <t>01/16/2020 16:33:50</t>
  </si>
  <si>
    <t>7d1a2259-4ef5-4a67-a5d8-063df83479c5.tmp</t>
  </si>
  <si>
    <t>\\acsfs\profiles$\Angelicacldr\Downloads\7d1a2259-4ef5-4a67-a5d8-063df83479c5.tmp</t>
  </si>
  <si>
    <t>01/16/2020 16:36:13</t>
  </si>
  <si>
    <t>01/16/2020 16:33:51</t>
  </si>
  <si>
    <t>01/16/2020 16:39:36</t>
  </si>
  <si>
    <t>38fbd77a-6f27-45bf-91fe-795e10642894.tmp</t>
  </si>
  <si>
    <t>\\acsfs\profiles$\esterasg\Downloads\38fbd77a-6f27-45bf-91fe-795e10642894.tmp</t>
  </si>
  <si>
    <t>01/16/2020 16:33:54</t>
  </si>
  <si>
    <t>1ebbeb60-b8dd-4737-bd88-de16c8ee3a75.tmp</t>
  </si>
  <si>
    <t>\\acsfs\profiles$\esterasg\Downloads\1ebbeb60-b8dd-4737-bd88-de16c8ee3a75.tmp</t>
  </si>
  <si>
    <t>01/16/2020 16:35:35</t>
  </si>
  <si>
    <t>5d58c6c9-bd02-493c-a546-c5ef86e8debc.tmp</t>
  </si>
  <si>
    <t>\\acsfs\profiles$\esterasg\Downloads\5d58c6c9-bd02-493c-a546-c5ef86e8debc.tmp</t>
  </si>
  <si>
    <t>01/16/2020 16:36:48</t>
  </si>
  <si>
    <t>3c5397af-0c8b-4feb-8e76-9a6e87b88234.tmp</t>
  </si>
  <si>
    <t>\\acsfs\profiles$\nathaliarmr\Downloads\3c5397af-0c8b-4feb-8e76-9a6e87b88234.tmp</t>
  </si>
  <si>
    <t>01/16/2020 16:34:31</t>
  </si>
  <si>
    <t>39901876-c150-4128-922b-e42ec6c3c3d3.tmp</t>
  </si>
  <si>
    <t>\\acsfs\profiles$\laurandos\Downloads\39901876-c150-4128-922b-e42ec6c3c3d3.tmp</t>
  </si>
  <si>
    <t>01/16/2020 16:34:33</t>
  </si>
  <si>
    <t>54788a64-2484-44c0-9b3d-3f8ccb5ea65e.tmp</t>
  </si>
  <si>
    <t>\\acsfs\profiles$\laurandos\Downloads\54788a64-2484-44c0-9b3d-3f8ccb5ea65e.tmp</t>
  </si>
  <si>
    <t>01/16/2020 16:40:36</t>
  </si>
  <si>
    <t>01/16/2020 16:38:15</t>
  </si>
  <si>
    <t>01/16/2020 16:41:36</t>
  </si>
  <si>
    <t>01/16/2020 16:37:25</t>
  </si>
  <si>
    <t>Lorena Assiduidade.PNG</t>
  </si>
  <si>
    <t>01/16/2020 16:37:46</t>
  </si>
  <si>
    <t>Lorena NPS.PNG</t>
  </si>
  <si>
    <t>01/16/2020 16:37:53</t>
  </si>
  <si>
    <t>01/16/2020 16:42:35</t>
  </si>
  <si>
    <t>\\acsfs\profiles$\VICTORIAKSR\My Documents\.~lock.Controle de Vendas.ods#</t>
  </si>
  <si>
    <t>01/16/2020 16:37:54</t>
  </si>
  <si>
    <t>lu8412ild7.tmp</t>
  </si>
  <si>
    <t>\\acsfs\profiles$\victoriaksr\My Documents\lu8412ild7.tmp</t>
  </si>
  <si>
    <t>\\acsfs\profiles$\victoriaksr\My Documents\lu8412ild7.tmp\</t>
  </si>
  <si>
    <t>\\acsfs\profiles$\victoriaksr\My Documents\lu8412ild7.tmp\META-INF\</t>
  </si>
  <si>
    <t>\\acsfs\profiles$\victoriaksr\My Documents\lu8412ild7.tmp\Thumbnails\</t>
  </si>
  <si>
    <t>01/16/2020 16:38:35</t>
  </si>
  <si>
    <t>lu8412ildc.tmp</t>
  </si>
  <si>
    <t>\\acsfs\profiles$\VICTORIAKSR\My Documents\lu8412ildc.tmp</t>
  </si>
  <si>
    <t>01/16/2020 16:38:48</t>
  </si>
  <si>
    <t>Filas.xlsx</t>
  </si>
  <si>
    <t>\\acsfs\profiles$\victoriaksr\Downloads\Filas.xlsx</t>
  </si>
  <si>
    <t>01/16/2020 16:38:52</t>
  </si>
  <si>
    <t>\\acsfs\profiles$\VICTORIAKSR\Downloads\.~lock.Filas.xlsx#</t>
  </si>
  <si>
    <t>01/16/2020 16:40:46</t>
  </si>
  <si>
    <t>01/16/2020 16:40:47</t>
  </si>
  <si>
    <t>lu8412ildp.tmp</t>
  </si>
  <si>
    <t>\\acsfs\profiles$\VICTORIAKSR\Downloads\lu8412ildp.tmp</t>
  </si>
  <si>
    <t>01/16/2020 16:37:38</t>
  </si>
  <si>
    <t>01/16/2020 16:38:07</t>
  </si>
  <si>
    <t>61ad428d-4cf9-4311-b7c5-2de794c35bcf.tmp</t>
  </si>
  <si>
    <t>\\acsfs\profiles$\fabianobmf\Downloads\61ad428d-4cf9-4311-b7c5-2de794c35bcf.tmp</t>
  </si>
  <si>
    <t>01/16/2020 16:37:56</t>
  </si>
  <si>
    <t>01/16/2020 16:43:36</t>
  </si>
  <si>
    <t>01/16/2020 16:40:16</t>
  </si>
  <si>
    <t>01/16/2020 16:44:35</t>
  </si>
  <si>
    <t>01/16/2020 16:43:43</t>
  </si>
  <si>
    <t>01/16/2020 16:43:44</t>
  </si>
  <si>
    <t>lu524526b2x9l.tmp</t>
  </si>
  <si>
    <t>\\acsfs\profiles$\LORRAYNEVAM\lu524526b2x9l.tmp</t>
  </si>
  <si>
    <t>\\acsfs\profiles$\LORRAYNEVAM\lu524526b2x9l.tmp\</t>
  </si>
  <si>
    <t>\\acsfs\profiles$\LORRAYNEVAM\lu524526b2x9l.tmp\META-INF\</t>
  </si>
  <si>
    <t>\\acsfs\profiles$\LORRAYNEVAM\lu524526b2x9l.tmp\Thumbnails\</t>
  </si>
  <si>
    <t>01/16/2020 16:44:10</t>
  </si>
  <si>
    <t>01/16/2020 16:45:36</t>
  </si>
  <si>
    <t>4d4a912f-5a56-4087-bfdd-5413aaa3fd0d.tmp</t>
  </si>
  <si>
    <t>\\acsfs\profiles$\brunalas\Downloads\4d4a912f-5a56-4087-bfdd-5413aaa3fd0d.tmp</t>
  </si>
  <si>
    <t>01/16/2020 16:44:23</t>
  </si>
  <si>
    <t>01/16/2020 16:44:44</t>
  </si>
  <si>
    <t>01/16/2020 16:41:51</t>
  </si>
  <si>
    <t>100014082285011,10001412239446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6/2020 16:41:56</t>
  </si>
  <si>
    <t>01/16/2020 16:42:30</t>
  </si>
  <si>
    <t>mail.google.com/sync/u/0/i/s?hl=pt-BR&amp;c=942</t>
  </si>
  <si>
    <t>01/16/2020 16:42:33</t>
  </si>
  <si>
    <t>01/16/2020 16:42:57</t>
  </si>
  <si>
    <t>01/16/2020 16:43:28</t>
  </si>
  <si>
    <t>01/16/2020 16:43:45</t>
  </si>
  <si>
    <t>01/16/2020 16:43:51</t>
  </si>
  <si>
    <t>01/16/2020 16:44:05</t>
  </si>
  <si>
    <t>01/16/2020 16:44:33</t>
  </si>
  <si>
    <t>100014082285011;100014122394468;andrelpsa@algartech.com;cpc-controldeskavon@algartech.com;joaogvc@algartech.com;joseasn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14082285011,100014122394468,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6/2020 16:44:41</t>
  </si>
  <si>
    <t>100014122394468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14122394468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6/2020 16:44:52</t>
  </si>
  <si>
    <t>01/16/2020 16:44:55</t>
  </si>
  <si>
    <t>01/16/2020 16:45:18</t>
  </si>
  <si>
    <t>01/16/2020 16:41:09</t>
  </si>
  <si>
    <t>01/16/2020 16:46:35</t>
  </si>
  <si>
    <t>http:///drive/jserror?script=https%3A%2F%2Fdrive.google.com%2Fdrive%2Fmy-drive&amp;error=Error%20occurred%20while%20loading%20the%20latest%20set%20of%20apps.%0AType%3A%20RUNTIME%0AMessage%3A%20Invalid%20Credentials%0ADataType%3A%20APPS%0AIsExternal%3A%20true%0AServerErrorReason%3A%20SERVER_AUTH_ERROR%0AHttpResponseCode%3A%20401%0AResourceUrl%3A%20https%3A%2F%2Fclients6.google.com%2Fdrive%2Fv2internal%2Fapps%0A%0A%7B%0A%20%22error%22%3A%20%7B%0A%20%20%22errors%22%3A%20%5B%0A%20%20%20%7B%0A%20%20%20%20%22domain%22%3A%20%22global%22%2C%0A%20%20%20%20%22reason%22%3A%20%22authError%22%2C%0A%20%20%20%20%22message%22%3A%20%22Invalid%20Credentials%22%2C%0A%20%20%20%20%22locationType%22%3A%20%22header%22%2C%0A%20%20%20%20%22location%22%3A%20%22Authorization%22%0A%20%20%20%7D%0A%20%20%5D%2C%0A%20%20%22code%22%3A%20401%2C%0A%20%20%22message%22%3A%20%22Invalid%20Credentials%22%0A%20%7D%0A%7D%0A&amp;line=Not%20available</t>
  </si>
  <si>
    <t>"mozilla/5.0 (windows nt 6.1) applewebkit/537.36 (khtml;0;0]#�_x0008_�#�_x0008_goog;0]@��(1j�_x001F_�_x0005_��;0]\\\\\\\a��_x0005_&lt;l;0]als;0]l;1;13;130841638;13700014;13700109;13700167;13700185;13700235;1370045;13700451;13700563;13700607;13700883;13700946;13700951;13700982;1370098ugmentedpermissions;13701078;13701139;13701207;13701214;13701235;13701239;13701262;13701276;13701298;13701418]];13701418]]];13701422;13701430;13701450;13701458;13701486;13701506;13701510;13701534;13701537;13701573;13701577;13701589;13701609;13701613;13701625;13701653;13701657;13701693;13701709;13701749;13701825;13701833;13701901;13701905;13701909;13701921;13701945;13701949;13701953;13701957;13701969;13702064;13702068;13702087;13702088;14;142961685;1578930052848000;1578930058554000;1579001467444000]]];1579007402909;1579100516617000;1579100527286000;1579104441152;1579111946059;1579113752038;17;1ya5yrwelrso-yxib3ctz0mdjsqkh2uffmn2kfrmynlkfp2vhk5vxrjlyzc1nx1i8okgrxz4hh9fxnqqavexbjgszjfxng_3tikapcccza7s5nl0iiv528sipt3_n6smfvjyvnmz5gmbld86jsedcdqpnbowbtwaejdtwlwiwyazyl</t>
  </si>
  <si>
    <t>http://"mozilla/5.0 (windows nt 6.1) applewebkit/537.36 (khtml,0,0]#�_x0008_�#�_x0008_goog,0]@��(1j�_x001F_�_x0005_��,0]\\\\\\\a��_x0005_&lt;l,0]als,0]l,1,13,130841638,13700014,13700109,13700167,13700185,13700235,1370045,13700451,13700563,13700607,13700883,13700946,13700951,13700982,1370098ugmentedpermissions,13701078,13701139,13701207,13701214,13701235,13701239,13701262,13701276,13701298,13701418]],13701418]]],13701422,13701430,13701450,13701458,13701486,13701506,13701510,13701534,13701537,13701573,13701577,13701589,13701609,13701613,13701625,13701653,13701657,13701693,13701709,13701749,13701825,13701833,13701901,13701905,13701909,13701921,13701945,13701949,13701953,13701957,13701969,13702064,13702068,13702087,13702088,14,142961685,1578930052848000,1578930058554000,1579001467444000]]],1579007402909,1579100516617000,1579100527286000,1579104441152,1579111946059,1579113752038,17,1ya5yrwelrso-yxib3ctz0mdjsqkh2uffmn2kfrmynlkfp2vhk5vxrjlyzc1nx1i8okgrxz4hh9fxnqqavexbjgszjfxng_3tikapcccza7s5nl0iiv528sipt3_n6smfvjyvnmz5gmbld86jsedcdqpnbowbtwaejdtwlw</t>
  </si>
  <si>
    <t>"mozilla/5.0 (windows nt 6.1) applewebkit/537.36 (khtml;0;0]#�_x0008_�#�_x0008_goog;0]@��(1j�_x001F_�_x0005_��;0]\\\\\\\a��_x0005_&lt;l;0]als;0]l;1;13;130841638;13700014;13700109;13700167;13700185;13700235;1370045;13700451;13700563;13700607;13700883;13700946;13700951;13700982;1370098ugmentedpermissions;13701078;13701139;13701207;13701214;13701235;13701239;13701262;13701276;13701298;13701418&amp;context.historytoken_=my-drive&amp;context.network=online&amp;context.numnetstatechgs=0&amp;context.action=finish apps:fnfy6c&amp;context.majorexperiments=csw_off;13701418]];13701418]]];13701422;13701430;13701450;13701458;13701486;13701506;13701510;13701534;13701537;13701573;13701577;13701589;13701609;13701613;13701625;13701653;13701657;13701693;13701709;13701749;13701825;13701833;13701901;13701905;13701909;13701921;13701945;13701949;13701953;13701957;13701969;13702064;13702068;13702087;13702088;14;142961685;1578930052848000;1578930058554000;1579001467444000]]];1579007402909;1579100516617000;1579100527286000;1579104441152;1579111946059;1579113752038;17;1ya5yrwelrso-yxib3</t>
  </si>
  <si>
    <t>http://"mozilla/5.0 (windows nt 6.1) applewebkit/537.36 (khtml,0,0]#�_x0008_�#�_x0008_goog,0]@��(1j�_x001F_�_x0005_��,0]\\\\\\\a��_x0005_&lt;l,0]als,0]l,1,13,130841638,13700014,13700109,13700167,13700185,13700235,1370045,13700451,13700563,13700607,13700883,13700946,13700951,13700982,1370098ugmentedpermissions,13701078,13701139,13701207,13701214,13701235,13701239,13701262,13701276,13701298,13701418&amp;context.historytoken_=my-drive&amp;context.network=online&amp;context.numnetstatechgs=0&amp;context.action=finish apps:fnfy6c&amp;context.majorexperiments=csw_off,13701418]],13701418]]],13701422,13701430,13701450,13701458,13701486,13701506,13701510,13701534,13701537,13701573,13701577,13701589,13701609,13701613,13701625,13701653,13701657,13701693,13701709,13701749,13701825,13701833,13701901,13701905,13701909,13701921,13701945,13701949,13701953,13701957,13701969,13702064,13702068,13702087,13702088,14,142961685,1578930052848000,1578930058554000,1579001467444000]]],1579007402909,1579100516617000,1579100527286000,1579104441152,1579111946059,1579113752038,17,1ya5yrwelrs</t>
  </si>
  <si>
    <t>01/16/2020 16:47:36</t>
  </si>
  <si>
    <t>8dd51b77-335d-4430-aec8-e89cae123acf.tmp</t>
  </si>
  <si>
    <t>\\acsfs\profiles$\fabianobmf\Downloads\8dd51b77-335d-4430-aec8-e89cae123acf.tmp</t>
  </si>
  <si>
    <t>01/16/2020 16:45:05</t>
  </si>
  <si>
    <t>01/16/2020 16:49:35</t>
  </si>
  <si>
    <t>cad743f8-4f69-4ea2-ac4e-85d3c311c01a.tmp</t>
  </si>
  <si>
    <t>\\acsfs\profiles$\esterasg\Downloads\cad743f8-4f69-4ea2-ac4e-85d3c311c01a.tmp</t>
  </si>
  <si>
    <t>01/16/2020 16:45:52</t>
  </si>
  <si>
    <t>\\acsfs\profiles$\isabeldst\My Documents\xworkcenter\logs\</t>
  </si>
  <si>
    <t>XLOG_isabeldst_16012020_164537.log</t>
  </si>
  <si>
    <t>\\acsfs\profiles$\isabeldst\My Documents\xworkcenter\logs\XLOG_isabeldst_16012020_164537.log</t>
  </si>
  <si>
    <t>01/16/2020 16:50:36</t>
  </si>
  <si>
    <t>01/16/2020 16:44:59</t>
  </si>
  <si>
    <t>01/16/2020 16:45:04</t>
  </si>
  <si>
    <t>01/16/2020 16:45:42</t>
  </si>
  <si>
    <t>01/16/2020 16:49:21</t>
  </si>
  <si>
    <t>16-01 RELATORIO DE LOGIN AVON.xlsm</t>
  </si>
  <si>
    <t>\\acsfs\deptos\Operacao\PCP\5 - Comum\CONTROL DESK\2 - DAC2\Control Desk AVON\Relatorios\Status de login\2020\16-01 RELATORIO DE LOGIN AVON.xlsm</t>
  </si>
  <si>
    <t>01/16/2020 16:48:36</t>
  </si>
  <si>
    <t>01/16/2020 16:49:06</t>
  </si>
  <si>
    <t>01/16/2020 16:45:28</t>
  </si>
  <si>
    <t>01/16/2020 16:46:57</t>
  </si>
  <si>
    <t>01/16/2020 16:48:07</t>
  </si>
  <si>
    <t>01/16/2020 16:49:09</t>
  </si>
  <si>
    <t>01/16/2020 16:52:36</t>
  </si>
  <si>
    <t>01/16/2020 16:48:25</t>
  </si>
  <si>
    <t>b25c1029-f19b-4ae2-adf6-cdb175cd943c.tmp</t>
  </si>
  <si>
    <t>\\acsfs\profiles$\gabrielamdp\Downloads\b25c1029-f19b-4ae2-adf6-cdb175cd943c.tmp</t>
  </si>
  <si>
    <t>01/16/2020 16:52:14</t>
  </si>
  <si>
    <t>01/16/2020 16:52:10</t>
  </si>
  <si>
    <t>01/16/2020 16:54:36</t>
  </si>
  <si>
    <t>01/16/2020 16:52:40</t>
  </si>
  <si>
    <t>01/16/2020 16:52:54</t>
  </si>
  <si>
    <t>01/16/2020 16:55:35</t>
  </si>
  <si>
    <t>01/16/2020 16:56:05</t>
  </si>
  <si>
    <t>01/16/2020 16:57:36</t>
  </si>
  <si>
    <t>5ba27ee0-c981-4c69-993d-e988e7b56bd4.tmp</t>
  </si>
  <si>
    <t>\\acsfs\profiles$\gabrielsma\Downloads\5ba27ee0-c981-4c69-993d-e988e7b56bd4.tmp</t>
  </si>
  <si>
    <t>01/16/2020 16:56:08</t>
  </si>
  <si>
    <t>01/16/2020 16:53:43</t>
  </si>
  <si>
    <t>01/16/2020 16:56:26</t>
  </si>
  <si>
    <t>f6c564cf-396f-4555-ab5b-1dc80126bda5.tmp</t>
  </si>
  <si>
    <t>\\acsfs\profiles$\fernandofs\Downloads\f6c564cf-396f-4555-ab5b-1dc80126bda5.tmp</t>
  </si>
  <si>
    <t>01/16/2020 16:55:30</t>
  </si>
  <si>
    <t>01/16/2020 16:59:36</t>
  </si>
  <si>
    <t>9db52194-ec7c-4a33-8145-b4b6373eb8da.tmp</t>
  </si>
  <si>
    <t>\\acsfs\profiles$\esterasg\Downloads\9db52194-ec7c-4a33-8145-b4b6373eb8da.tmp</t>
  </si>
  <si>
    <t>01/16/2020 16:57:11</t>
  </si>
  <si>
    <t>01/16/2020 16:55:52</t>
  </si>
  <si>
    <t>01/16/2020 17:00:36</t>
  </si>
  <si>
    <t>01/16/2020 16:55:21</t>
  </si>
  <si>
    <t>01/16/2020 16:57:14</t>
  </si>
  <si>
    <t>01/16/2020 16:55:27</t>
  </si>
  <si>
    <t>01/16/2020 16:55:59</t>
  </si>
  <si>
    <t>01/16/2020 16:56:22</t>
  </si>
  <si>
    <t>01/16/2020 16:59:32</t>
  </si>
  <si>
    <t>01/16/2020 17:00:04</t>
  </si>
  <si>
    <t>01/16/2020 17:01:11</t>
  </si>
  <si>
    <t>01/16/2020 17:01:36</t>
  </si>
  <si>
    <t>01/16/2020 17:02:36</t>
  </si>
  <si>
    <t>01/16/2020 17:03:01</t>
  </si>
  <si>
    <t>01/16/2020 17:04:36</t>
  </si>
  <si>
    <t>3bf7c275-d4f6-4bb2-81d1-d736bc279ef3.tmp</t>
  </si>
  <si>
    <t>\\acsfs\profiles$\fabianafv\Downloads\3bf7c275-d4f6-4bb2-81d1-d736bc279ef3.tmp</t>
  </si>
  <si>
    <t>01/16/2020 17:02:55</t>
  </si>
  <si>
    <t>01/16/2020 17:05:35</t>
  </si>
  <si>
    <t>01/16/2020 17:01:54</t>
  </si>
  <si>
    <t>01/16/2020 17:02:19</t>
  </si>
  <si>
    <t>01/16/2020 17:02:30</t>
  </si>
  <si>
    <t>01/16/2020 17:03:34</t>
  </si>
  <si>
    <t>01/16/2020 17:03:40</t>
  </si>
  <si>
    <t>01/16/2020 17:04:07</t>
  </si>
  <si>
    <t>mail.google.com/sync/u/0/i/s?hl=pt-BR&amp;c=1030</t>
  </si>
  <si>
    <t>01/16/2020 17:04:26</t>
  </si>
  <si>
    <t>mail.google.com/sync/u/0/i/s?hl=pt-BR&amp;c=1032</t>
  </si>
  <si>
    <t>01/16/2020 17:04:29</t>
  </si>
  <si>
    <t>mail.google.com/sync/u/0/i/s?hl=pt-BR&amp;c=1034</t>
  </si>
  <si>
    <t>01/16/2020 17:00:18</t>
  </si>
  <si>
    <t>01/16/2020 17:00:30</t>
  </si>
  <si>
    <t>01/16/2020 17:01:01</t>
  </si>
  <si>
    <t>01/16/2020 17:01:30</t>
  </si>
  <si>
    <t>01/16/2020 17:02:02</t>
  </si>
  <si>
    <t>01/16/2020 17:07:35</t>
  </si>
  <si>
    <t>01/16/2020 17:05:03</t>
  </si>
  <si>
    <t>01/16/2020 17:06:40</t>
  </si>
  <si>
    <t>01/16/2020 17:04:27</t>
  </si>
  <si>
    <t>01/16/2020 17:09:36</t>
  </si>
  <si>
    <t>01/16/2020 17:10:36</t>
  </si>
  <si>
    <t>01/16/2020 17:06:29</t>
  </si>
  <si>
    <t>55e60b91-7bc1-47b6-a859-7acee22566b9.tmp</t>
  </si>
  <si>
    <t>\\acsfs\profiles$\andrezacapf\Downloads\55e60b91-7bc1-47b6-a859-7acee22566b9.tmp</t>
  </si>
  <si>
    <t>01/16/2020 17:08:19</t>
  </si>
  <si>
    <t>321d0ddc-53c1-45b6-92f5-9a238f0e2d81.tmp</t>
  </si>
  <si>
    <t>\\acsfs\profiles$\andressamf\Downloads\321d0ddc-53c1-45b6-92f5-9a238f0e2d81.tmp</t>
  </si>
  <si>
    <t>01/16/2020 17:08:43</t>
  </si>
  <si>
    <t>\\acsfs\profiles$\andressamf\Downloads\.~lock.Filas.xlsx#</t>
  </si>
  <si>
    <t>01/16/2020 17:08:24</t>
  </si>
  <si>
    <t>01/16/2020 17:07:26</t>
  </si>
  <si>
    <t>01/16/2020 17:08:02</t>
  </si>
  <si>
    <t>01/16/2020 17:12:35</t>
  </si>
  <si>
    <t>01/16/2020 17:07:25</t>
  </si>
  <si>
    <t>Validação RBACs.xlsx</t>
  </si>
  <si>
    <t>\\acsfs\ACS\Gabriel da Silva\Contemporânea\Acessos\Validação RBACs.xlsx</t>
  </si>
  <si>
    <t>01/16/2020 17:11:17</t>
  </si>
  <si>
    <t>01/16/2020 17:08:54</t>
  </si>
  <si>
    <t>01/16/2020 17:13:36</t>
  </si>
  <si>
    <t>01/16/2020 17:13:47</t>
  </si>
  <si>
    <t>01/16/2020 17:15:36</t>
  </si>
  <si>
    <t>01/16/2020 17:11:07</t>
  </si>
  <si>
    <t>01/16/2020 17:11:40</t>
  </si>
  <si>
    <t>01/16/2020 17:12:01</t>
  </si>
  <si>
    <t>01/16/2020 17:12:20</t>
  </si>
  <si>
    <t>100014082285011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supervisaobancovotorantim@algartech.com,taysdss@algartech.com,thiagolrc@bv.algartech.com</t>
  </si>
  <si>
    <t>01/16/2020 17:12:25</t>
  </si>
  <si>
    <t>mail.google.com/sync/u/0/i/s?hl=pt-BR&amp;c=1047</t>
  </si>
  <si>
    <t>01/16/2020 17:12:45</t>
  </si>
  <si>
    <t>mail.google.com/sync/u/0/i/s?hl=pt-BR&amp;c=1049</t>
  </si>
  <si>
    <t>01/16/2020 17:12:52</t>
  </si>
  <si>
    <t>mail.google.com/sync/u/0/i/s?hl=pt-BR&amp;c=1051</t>
  </si>
  <si>
    <t>01/16/2020 17:12:57</t>
  </si>
  <si>
    <t>mail.google.com/sync/u/0/i/s?hl=pt-BR&amp;c=1053</t>
  </si>
  <si>
    <t>01/16/2020 17:13:39</t>
  </si>
  <si>
    <t>01/16/2020 17:13:52</t>
  </si>
  <si>
    <t>01/16/2020 17:13:58</t>
  </si>
  <si>
    <t>01/16/2020 17:14:08</t>
  </si>
  <si>
    <t>01/16/2020 17:14:11</t>
  </si>
  <si>
    <t>01/16/2020 17:14:42</t>
  </si>
  <si>
    <t>01/16/2020 17:14:48</t>
  </si>
  <si>
    <t>01/16/2020 17:14:52</t>
  </si>
  <si>
    <t>01/16/2020 17:14:57</t>
  </si>
  <si>
    <t>01/16/2020 17:15:00</t>
  </si>
  <si>
    <t>01/16/2020 17:13:45</t>
  </si>
  <si>
    <t>01/16/2020 17:16:35</t>
  </si>
  <si>
    <t>01/16/2020 17:17:36</t>
  </si>
  <si>
    <t>01/16/2020 17:17:04</t>
  </si>
  <si>
    <t>53e7904d-8ddb-44af-90da-112e8648e0a1.tmp</t>
  </si>
  <si>
    <t>\\acsfs\profiles$\fabianobmf\Downloads\53e7904d-8ddb-44af-90da-112e8648e0a1.tmp</t>
  </si>
  <si>
    <t>01/16/2020 17:14:54</t>
  </si>
  <si>
    <t>01/16/2020 17:20:35</t>
  </si>
  <si>
    <t>01/16/2020 17:18:56</t>
  </si>
  <si>
    <t>01/16/2020 17:19:45</t>
  </si>
  <si>
    <t>01/16/2020 17:15:32</t>
  </si>
  <si>
    <t>01/16/2020 17:15:40</t>
  </si>
  <si>
    <t>01/16/2020 17:16:29</t>
  </si>
  <si>
    <t>01/16/2020 17:17:00</t>
  </si>
  <si>
    <t>01/16/2020 17:16:45</t>
  </si>
  <si>
    <t>01/16/2020 17:16:46</t>
  </si>
  <si>
    <t>lu125001e9hkn.tmp</t>
  </si>
  <si>
    <t>\\acsfs\profiles$\andressamf\Downloads\lu125001e9hkn.tmp</t>
  </si>
  <si>
    <t>01/16/2020 17:17:35</t>
  </si>
  <si>
    <t>01/16/2020 17:21:35</t>
  </si>
  <si>
    <t>01/16/2020 17:18:43</t>
  </si>
  <si>
    <t>01/16/2020 17:22:36</t>
  </si>
  <si>
    <t>01/16/2020 17:21:04</t>
  </si>
  <si>
    <t>01/16/2020 17:21:05</t>
  </si>
  <si>
    <t>lu8412ile0.tmp</t>
  </si>
  <si>
    <t>\\acsfs\profiles$\VICTORIAKSR\Downloads\lu8412ile0.tmp</t>
  </si>
  <si>
    <t>01/16/2020 17:21:25</t>
  </si>
  <si>
    <t>01/16/2020 17:17:56</t>
  </si>
  <si>
    <t>01/16/2020 17:18:34</t>
  </si>
  <si>
    <t>01/16/2020 17:20:32</t>
  </si>
  <si>
    <t>01/16/2020 17:21:12</t>
  </si>
  <si>
    <t>01/16/2020 17:20:15</t>
  </si>
  <si>
    <t>01/16/2020 17:23:35</t>
  </si>
  <si>
    <t>01/16/2020 17:21:27</t>
  </si>
  <si>
    <t>26333747-fa5e-4e7f-8891-697fc51d0db3.tmp</t>
  </si>
  <si>
    <t>\\acsfs\profiles$\ingridsm\Downloads\26333747-fa5e-4e7f-8891-697fc51d0db3.tmp</t>
  </si>
  <si>
    <t>01/16/2020 17:23:20</t>
  </si>
  <si>
    <t>01/16/2020 17:24:36</t>
  </si>
  <si>
    <t>01/16/2020 17:24:20</t>
  </si>
  <si>
    <t>01/16/2020 17:25:36</t>
  </si>
  <si>
    <t>01/16/2020 17:24:16</t>
  </si>
  <si>
    <t>01/16/2020 17:24:01</t>
  </si>
  <si>
    <t>XLOG_andrezacapf_16012020_090126.log</t>
  </si>
  <si>
    <t>\\acsfs\profiles$\andrezacapf\My Documents\xworkcenter\logs\XLOG_andrezacapf_16012020_090126.log</t>
  </si>
  <si>
    <t>01/16/2020 17:21:43</t>
  </si>
  <si>
    <t>8df48048-ef30-40b0-9b76-4472e93b233e.tmp</t>
  </si>
  <si>
    <t>\\acsfs\profiles$\andressamf\Downloads\8df48048-ef30-40b0-9b76-4472e93b233e.tmp</t>
  </si>
  <si>
    <t>01/16/2020 17:21:48</t>
  </si>
  <si>
    <t>.~lock.Filas (1).xlsx#</t>
  </si>
  <si>
    <t>\\acsfs\profiles$\andressamf\Downloads\.~lock.Filas (1).xlsx#</t>
  </si>
  <si>
    <t>01/16/2020 17:25:25</t>
  </si>
  <si>
    <t>01/16/2020 17:26:35</t>
  </si>
  <si>
    <t>01/16/2020 17:27:36</t>
  </si>
  <si>
    <t>01/16/2020 17:23:06</t>
  </si>
  <si>
    <t>01/16/2020 17:22:47</t>
  </si>
  <si>
    <t>01/16/2020 17:28:36</t>
  </si>
  <si>
    <t>ca7063e0-78be-4545-9d22-48ece087f993.tmp</t>
  </si>
  <si>
    <t>\\acsfs\profiles$\ingridsm\Downloads\ca7063e0-78be-4545-9d22-48ece087f993.tmp</t>
  </si>
  <si>
    <t>01/16/2020 17:23:40</t>
  </si>
  <si>
    <t>d98a4268-2f95-4870-9993-4eb2e4b0ab00.tmp</t>
  </si>
  <si>
    <t>\\acsfs\profiles$\ingridsm\Downloads\d98a4268-2f95-4870-9993-4eb2e4b0ab00.tmp</t>
  </si>
  <si>
    <t>01/16/2020 17:23:53</t>
  </si>
  <si>
    <t>01/16/2020 17:24:09</t>
  </si>
  <si>
    <t>01/16/2020 17:25:03</t>
  </si>
  <si>
    <t>01/16/2020 17:30:36</t>
  </si>
  <si>
    <t>01/16/2020 17:25:14</t>
  </si>
  <si>
    <t>01/16/2020 17:26:52</t>
  </si>
  <si>
    <t>01/16/2020 17:31:35</t>
  </si>
  <si>
    <t>01/16/2020 17:31:12</t>
  </si>
  <si>
    <t>01/16/2020 17:32:36</t>
  </si>
  <si>
    <t>c3fc595b-aeda-4622-8b24-ad75e76d3c43.tmp</t>
  </si>
  <si>
    <t>\\acsfs\profiles$\victoriaksr\Downloads\c3fc595b-aeda-4622-8b24-ad75e76d3c43.tmp</t>
  </si>
  <si>
    <t>01/16/2020 17:31:32</t>
  </si>
  <si>
    <t>9088fb33-57e1-4c09-90c6-9139af74dc45.tmp</t>
  </si>
  <si>
    <t>\\acsfs\profiles$\victoriaksr\Downloads\9088fb33-57e1-4c09-90c6-9139af74dc45.tmp</t>
  </si>
  <si>
    <t>01/16/2020 17:29:16</t>
  </si>
  <si>
    <t>01/16/2020 17:33:36</t>
  </si>
  <si>
    <t>01/16/2020 17:31:44</t>
  </si>
  <si>
    <t>01/16/2020 17:31:49</t>
  </si>
  <si>
    <t>01/16/2020 17:32:31</t>
  </si>
  <si>
    <t>INCENTIVO - CHAMADAS ATENDIDAS.xlsx</t>
  </si>
  <si>
    <t>01/16/2020 17:29:33</t>
  </si>
  <si>
    <t>01/16/2020 17:34:35</t>
  </si>
  <si>
    <t>01/16/2020 17:34:14</t>
  </si>
  <si>
    <t>01/16/2020 17:31:47</t>
  </si>
  <si>
    <t>01/16/2020 17:35:36</t>
  </si>
  <si>
    <t>10.200.66.70</t>
  </si>
  <si>
    <t>82a8e48c-2f73-4f7f-962a-13bb59951db6.tmp</t>
  </si>
  <si>
    <t>\\acsfs\profiles$\fernandofs\Downloads\82a8e48c-2f73-4f7f-962a-13bb59951db6.tmp</t>
  </si>
  <si>
    <t>01/16/2020 17:31:52</t>
  </si>
  <si>
    <t>7b8383cf-133f-400b-a188-2363b576b745.tmp</t>
  </si>
  <si>
    <t>\\acsfs\profiles$\fernandofs\Downloads\7b8383cf-133f-400b-a188-2363b576b745.tmp</t>
  </si>
  <si>
    <t>01/16/2020 17:32:17</t>
  </si>
  <si>
    <t>9a449f61-be71-462f-8386-a659f0af5954.tmp</t>
  </si>
  <si>
    <t>\\acsfs\profiles$\fernandofs\Downloads\9a449f61-be71-462f-8386-a659f0af5954.tmp</t>
  </si>
  <si>
    <t>01/16/2020 17:34:39</t>
  </si>
  <si>
    <t>01/16/2020 17:34:27</t>
  </si>
  <si>
    <t>01/16/2020 17:37:36</t>
  </si>
  <si>
    <t>01/16/2020 17:34:29</t>
  </si>
  <si>
    <t>01/16/2020 17:34:34</t>
  </si>
  <si>
    <t>01/16/2020 17:34:36</t>
  </si>
  <si>
    <t>01/16/2020 17:34:38</t>
  </si>
  <si>
    <t>01/16/2020 17:34:41</t>
  </si>
  <si>
    <t>01/16/2020 17:34:42</t>
  </si>
  <si>
    <t>01/16/2020 17:34:44</t>
  </si>
  <si>
    <t>01/16/2020 17:34:45</t>
  </si>
  <si>
    <t>01/16/2020 17:34:46</t>
  </si>
  <si>
    <t>01/16/2020 17:34:47</t>
  </si>
  <si>
    <t>01/16/2020 17:34:48</t>
  </si>
  <si>
    <t>01/16/2020 17:34:50</t>
  </si>
  <si>
    <t>01/16/2020 17:34:51</t>
  </si>
  <si>
    <t>01/16/2020 17:34:52</t>
  </si>
  <si>
    <t>01/16/2020 17:34:53</t>
  </si>
  <si>
    <t>01/16/2020 17:34:54</t>
  </si>
  <si>
    <t>01/16/2020 17:34:55</t>
  </si>
  <si>
    <t>01/16/2020 17:34:57</t>
  </si>
  <si>
    <t>01/16/2020 17:34:58</t>
  </si>
  <si>
    <t>01/16/2020 17:35:00</t>
  </si>
  <si>
    <t>01/16/2020 17:35:02</t>
  </si>
  <si>
    <t>01/16/2020 17:35:03</t>
  </si>
  <si>
    <t>01/16/2020 17:35:04</t>
  </si>
  <si>
    <t>01/16/2020 17:35:05</t>
  </si>
  <si>
    <t>01/16/2020 17:35:08</t>
  </si>
  <si>
    <t>01/16/2020 17:35:09</t>
  </si>
  <si>
    <t>01/16/2020 17:35:10</t>
  </si>
  <si>
    <t>01/16/2020 17:35:11</t>
  </si>
  <si>
    <t>01/16/2020 17:35:12</t>
  </si>
  <si>
    <t>01/16/2020 17:35:13</t>
  </si>
  <si>
    <t>01/16/2020 17:35:14</t>
  </si>
  <si>
    <t>01/16/2020 17:35:35</t>
  </si>
  <si>
    <t>01/16/2020 17:35:34</t>
  </si>
  <si>
    <t>01/16/2020 17:37:09</t>
  </si>
  <si>
    <t>01/16/2020 17:38:36</t>
  </si>
  <si>
    <t>15f868e2-5068-4934-bfba-10bc6eb39a34.tmp</t>
  </si>
  <si>
    <t>\\acsfs\profiles$\erichds\Downloads\15f868e2-5068-4934-bfba-10bc6eb39a34.tmp</t>
  </si>
  <si>
    <t>01/16/2020 17:36:48</t>
  </si>
  <si>
    <t>01/16/2020 17:36:50</t>
  </si>
  <si>
    <t>01/16/2020 17:36:51</t>
  </si>
  <si>
    <t>01/16/2020 17:36:52</t>
  </si>
  <si>
    <t>01/16/2020 17:36:53</t>
  </si>
  <si>
    <t>01/16/2020 17:36:55</t>
  </si>
  <si>
    <t>01/16/2020 17:36:56</t>
  </si>
  <si>
    <t>01/16/2020 17:36:57</t>
  </si>
  <si>
    <t>01/16/2020 17:36:58</t>
  </si>
  <si>
    <t>01/16/2020 17:36:59</t>
  </si>
  <si>
    <t>01/16/2020 17:37:02</t>
  </si>
  <si>
    <t>01/16/2020 17:37:04</t>
  </si>
  <si>
    <t>01/16/2020 17:37:05</t>
  </si>
  <si>
    <t>01/16/2020 17:37:06</t>
  </si>
  <si>
    <t>01/16/2020 17:37:08</t>
  </si>
  <si>
    <t>01/16/2020 17:37:10</t>
  </si>
  <si>
    <t>01/16/2020 17:37:11</t>
  </si>
  <si>
    <t>01/16/2020 17:37:12</t>
  </si>
  <si>
    <t>01/16/2020 17:37:14</t>
  </si>
  <si>
    <t>01/16/2020 17:37:15</t>
  </si>
  <si>
    <t>01/16/2020 17:37:16</t>
  </si>
  <si>
    <t>01/16/2020 17:37:17</t>
  </si>
  <si>
    <t>01/16/2020 17:37:18</t>
  </si>
  <si>
    <t>01/16/2020 17:37:20</t>
  </si>
  <si>
    <t>01/16/2020 17:37:21</t>
  </si>
  <si>
    <t>01/16/2020 17:37:22</t>
  </si>
  <si>
    <t>01/16/2020 17:37:23</t>
  </si>
  <si>
    <t>01/16/2020 17:37:24</t>
  </si>
  <si>
    <t>01/16/2020 17:37:25</t>
  </si>
  <si>
    <t>01/16/2020 17:37:26</t>
  </si>
  <si>
    <t>01/16/2020 17:37:28</t>
  </si>
  <si>
    <t>01/16/2020 17:37:29</t>
  </si>
  <si>
    <t>01/16/2020 17:38:11</t>
  </si>
  <si>
    <t>01/16/2020 17:37:01</t>
  </si>
  <si>
    <t>01/16/2020 17:39:36</t>
  </si>
  <si>
    <t>01/16/2020 17:40:36</t>
  </si>
  <si>
    <t>e09a3a8e-d8ca-455f-a44f-a43c73f72ea4.tmp</t>
  </si>
  <si>
    <t>\\acsfs\profiles$\fernandofs\Downloads\e09a3a8e-d8ca-455f-a44f-a43c73f72ea4.tmp</t>
  </si>
  <si>
    <t>01/16/2020 17:38:26</t>
  </si>
  <si>
    <t>01/16/2020 17:41:36</t>
  </si>
  <si>
    <t>01/16/2020 17:38:38</t>
  </si>
  <si>
    <t>01/16/2020 17:38:50</t>
  </si>
  <si>
    <t>01/16/2020 17:40:39</t>
  </si>
  <si>
    <t>5e03fdeb-4587-42bd-9dcf-c711244c781e.tmp</t>
  </si>
  <si>
    <t>\\acsfs\profiles$\Adrieledgc\Downloads\5e03fdeb-4587-42bd-9dcf-c711244c781e.tmp</t>
  </si>
  <si>
    <t>01/16/2020 17:40:08</t>
  </si>
  <si>
    <t>01/16/2020 17:42:36</t>
  </si>
  <si>
    <t>76046d9e-5f8a-40fe-850b-febd253504ae.tmp</t>
  </si>
  <si>
    <t>\\acsfs\profiles$\leonardocb\Downloads\76046d9e-5f8a-40fe-850b-febd253504ae.tmp</t>
  </si>
  <si>
    <t>01/16/2020 17:41:16</t>
  </si>
  <si>
    <t>4bebf41f-0767-447f-a6b0-0e518843330c.tmp</t>
  </si>
  <si>
    <t>\\acsfs\profiles$\leonardocb\Downloads\4bebf41f-0767-447f-a6b0-0e518843330c.tmp</t>
  </si>
  <si>
    <t>01/16/2020 17:37:57</t>
  </si>
  <si>
    <t>01/16/2020 17:43:36</t>
  </si>
  <si>
    <t>01/16/2020 17:39:32</t>
  </si>
  <si>
    <t>95ceb31b-d676-42a2-b6c8-b71f1ab23ced.tmp</t>
  </si>
  <si>
    <t>\\acsfs\profiles$\mariajaf\Downloads\95ceb31b-d676-42a2-b6c8-b71f1ab23ced.tmp</t>
  </si>
  <si>
    <t>01/16/2020 17:41:18</t>
  </si>
  <si>
    <t>0920abac-9620-4481-a8c7-b5e6d85e100d.tmp</t>
  </si>
  <si>
    <t>\\acsfs\profiles$\mariajaf\Downloads\0920abac-9620-4481-a8c7-b5e6d85e100d.tmp</t>
  </si>
  <si>
    <t>01/16/2020 17:41:44</t>
  </si>
  <si>
    <t>01/16/2020 17:38:46</t>
  </si>
  <si>
    <t>01/16/2020 17:39:46</t>
  </si>
  <si>
    <t>01/16/2020 17:39:51</t>
  </si>
  <si>
    <t>01/16/2020 17:44:30</t>
  </si>
  <si>
    <t>01/16/2020 17:45:36</t>
  </si>
  <si>
    <t>610d10b6-78b9-4a9d-a2fc-606d90419afe.tmp</t>
  </si>
  <si>
    <t>\\acsfs\profiles$\brunalas\Downloads\610d10b6-78b9-4a9d-a2fc-606d90419afe.tmp</t>
  </si>
  <si>
    <t>01/16/2020 17:44:07</t>
  </si>
  <si>
    <t>01/16/2020 17:42:43</t>
  </si>
  <si>
    <t>01/16/2020 17:46:36</t>
  </si>
  <si>
    <t>Denner.pdf</t>
  </si>
  <si>
    <t>01/16/2020 17:40:47</t>
  </si>
  <si>
    <t>4caec437-ac4f-4607-aa99-3686d51ad929.tmp</t>
  </si>
  <si>
    <t>\\acsfs\profiles$\Adrieledgc\Downloads\4caec437-ac4f-4607-aa99-3686d51ad929.tmp</t>
  </si>
  <si>
    <t>01/16/2020 17:42:50</t>
  </si>
  <si>
    <t>01/16/2020 17:41:53</t>
  </si>
  <si>
    <t>68e2f435-8123-4d5b-b5d4-4c2417101e43.tmp</t>
  </si>
  <si>
    <t>\\acsfs\profiles$\Adrieledgc\Downloads\68e2f435-8123-4d5b-b5d4-4c2417101e43.tmp</t>
  </si>
  <si>
    <t>01/16/2020 17:42:27</t>
  </si>
  <si>
    <t>01/16/2020 17:49:36</t>
  </si>
  <si>
    <t>b6057e15-3ea8-415b-b9a2-91ae91ca7c48.tmp</t>
  </si>
  <si>
    <t>\\acsfs\profiles$\fabianafv\Downloads\b6057e15-3ea8-415b-b9a2-91ae91ca7c48.tmp</t>
  </si>
  <si>
    <t>01/16/2020 17:47:26</t>
  </si>
  <si>
    <t>01/16/2020 17:45:20</t>
  </si>
  <si>
    <t>01/16/2020 17:46:54</t>
  </si>
  <si>
    <t>e9348c07-1b27-44dd-a16b-516f98f7e4fd.tmp</t>
  </si>
  <si>
    <t>\\acsfs\profiles$\laurandos\Downloads\e9348c07-1b27-44dd-a16b-516f98f7e4fd.tmp</t>
  </si>
  <si>
    <t>01/16/2020 17:49:22</t>
  </si>
  <si>
    <t>44132b49-1fc8-4404-80be-f503ac2ea212.tmp</t>
  </si>
  <si>
    <t>\\acsfs\profiles$\laurandos\Downloads\44132b49-1fc8-4404-80be-f503ac2ea212.tmp</t>
  </si>
  <si>
    <t>01/16/2020 17:50:37</t>
  </si>
  <si>
    <t>01/16/2020 17:45:55</t>
  </si>
  <si>
    <t>01/16/2020 17:51:36</t>
  </si>
  <si>
    <t>01/16/2020 17:48:48</t>
  </si>
  <si>
    <t>XLOG_anakcs_16012020_134138.log</t>
  </si>
  <si>
    <t>\\acsfs\profiles$\anakcs\My Documents\xworkcenter\logs\XLOG_anakcs_16012020_134138.log</t>
  </si>
  <si>
    <t>01/16/2020 17:50:43</t>
  </si>
  <si>
    <t>de0ea647-169a-4d2e-bcd4-334c4245aa48.tmp</t>
  </si>
  <si>
    <t>\\acsfs\profiles$\welidicdj\Downloads\de0ea647-169a-4d2e-bcd4-334c4245aa48.tmp</t>
  </si>
  <si>
    <t>01/16/2020 17:50:46</t>
  </si>
  <si>
    <t>01/16/2020 17:49:58</t>
  </si>
  <si>
    <t>01/16/2020 17:53:36</t>
  </si>
  <si>
    <t>fc443f7f-1dd0-4949-9a2b-9fa3be8acc32.tmp</t>
  </si>
  <si>
    <t>\\acsfs\profiles$\ingridsm\Downloads\fc443f7f-1dd0-4949-9a2b-9fa3be8acc32.tmp</t>
  </si>
  <si>
    <t>01/16/2020 17:50:38</t>
  </si>
  <si>
    <t>fef79e1d-0528-432b-8715-0431abcac6ab.tmp</t>
  </si>
  <si>
    <t>\\acsfs\profiles$\ingridsm\Downloads\fef79e1d-0528-432b-8715-0431abcac6ab.tmp</t>
  </si>
  <si>
    <t>01/16/2020 17:54:03</t>
  </si>
  <si>
    <t>01/16/2020 17:54:36</t>
  </si>
  <si>
    <t>01/16/2020 17:55:36</t>
  </si>
  <si>
    <t>01/16/2020 17:56:36</t>
  </si>
  <si>
    <t>Brenda.pdf</t>
  </si>
  <si>
    <t>01/16/2020 17:55:18</t>
  </si>
  <si>
    <t>01/16/2020 17:51:24</t>
  </si>
  <si>
    <t>01/16/2020 17:51:27</t>
  </si>
  <si>
    <t>01/16/2020 17:51:28</t>
  </si>
  <si>
    <t>01/16/2020 17:51:29</t>
  </si>
  <si>
    <t>01/16/2020 17:51:30</t>
  </si>
  <si>
    <t>01/16/2020 17:51:31</t>
  </si>
  <si>
    <t>01/16/2020 17:51:32</t>
  </si>
  <si>
    <t>01/16/2020 17:51:33</t>
  </si>
  <si>
    <t>01/16/2020 17:51:34</t>
  </si>
  <si>
    <t>01/16/2020 17:51:35</t>
  </si>
  <si>
    <t>01/16/2020 17:51:38</t>
  </si>
  <si>
    <t>01/16/2020 17:51:39</t>
  </si>
  <si>
    <t>01/16/2020 17:51:40</t>
  </si>
  <si>
    <t>01/16/2020 17:51:42</t>
  </si>
  <si>
    <t>01/16/2020 17:51:43</t>
  </si>
  <si>
    <t>01/16/2020 17:51:45</t>
  </si>
  <si>
    <t>01/16/2020 17:51:48</t>
  </si>
  <si>
    <t>01/16/2020 17:51:49</t>
  </si>
  <si>
    <t>01/16/2020 17:51:50</t>
  </si>
  <si>
    <t>01/16/2020 17:51:51</t>
  </si>
  <si>
    <t>01/16/2020 17:51:52</t>
  </si>
  <si>
    <t>01/16/2020 17:51:53</t>
  </si>
  <si>
    <t>01/16/2020 17:51:55</t>
  </si>
  <si>
    <t>01/16/2020 17:51:56</t>
  </si>
  <si>
    <t>01/16/2020 17:51:58</t>
  </si>
  <si>
    <t>01/16/2020 17:51:59</t>
  </si>
  <si>
    <t>01/16/2020 17:52:00</t>
  </si>
  <si>
    <t>01/16/2020 17:52:01</t>
  </si>
  <si>
    <t>01/16/2020 17:52:02</t>
  </si>
  <si>
    <t>01/16/2020 17:52:03</t>
  </si>
  <si>
    <t>01/16/2020 17:52:04</t>
  </si>
  <si>
    <t>01/16/2020 17:52:06</t>
  </si>
  <si>
    <t>01/16/2020 17:52:07</t>
  </si>
  <si>
    <t>01/16/2020 17:52:09</t>
  </si>
  <si>
    <t>01/16/2020 17:52:10</t>
  </si>
  <si>
    <t>01/16/2020 17:52:11</t>
  </si>
  <si>
    <t>01/16/2020 17:52:13</t>
  </si>
  <si>
    <t>01/16/2020 17:52:14</t>
  </si>
  <si>
    <t>01/16/2020 17:52:31</t>
  </si>
  <si>
    <t>01/16/2020 17:53:32</t>
  </si>
  <si>
    <t>eee0aeca-33ae-4f40-ae44-381a9d83ac9b.tmp</t>
  </si>
  <si>
    <t>\\acsfs\profiles$\joycemmdl\Downloads\eee0aeca-33ae-4f40-ae44-381a9d83ac9b.tmp</t>
  </si>
  <si>
    <t>01/16/2020 17:53:43</t>
  </si>
  <si>
    <t>Unconfirmed 455309.crdownload</t>
  </si>
  <si>
    <t>\\acsfs\profiles$\joycemmdl\Downloads\Unconfirmed 455309.crdownload</t>
  </si>
  <si>
    <t>01/16/2020 17:55:20</t>
  </si>
  <si>
    <t>cac2dfb2-d631-4e05-a81d-820920fb5f76.tmp</t>
  </si>
  <si>
    <t>\\acsfs\profiles$\joycemmdl\Downloads\cac2dfb2-d631-4e05-a81d-820920fb5f76.tmp</t>
  </si>
  <si>
    <t>01/16/2020 17:55:37</t>
  </si>
  <si>
    <t>b15d3ca9-213e-478f-aa4a-768821320d32.tmp</t>
  </si>
  <si>
    <t>\\acsfs\profiles$\joycemmdl\Downloads\b15d3ca9-213e-478f-aa4a-768821320d32.tmp</t>
  </si>
  <si>
    <t>01/16/2020 17:57:36</t>
  </si>
  <si>
    <t>01/16/2020 17:53:51</t>
  </si>
  <si>
    <t>01/16/2020 17:53:01</t>
  </si>
  <si>
    <t>f2eb2c56-45c0-4bdc-aec6-12c26ad5c489.tmp</t>
  </si>
  <si>
    <t>\\acsfs\profiles$\victorgl\Downloads\f2eb2c56-45c0-4bdc-aec6-12c26ad5c489.tmp</t>
  </si>
  <si>
    <t>01/16/2020 17:53:07</t>
  </si>
  <si>
    <t>f09f8746-7431-4942-84ce-4cefffcc0ab6.tmp</t>
  </si>
  <si>
    <t>\\acsfs\profiles$\victorgl\Downloads\f09f8746-7431-4942-84ce-4cefffcc0ab6.tmp</t>
  </si>
  <si>
    <t>01/16/2020 17:55:56</t>
  </si>
  <si>
    <t>01/16/2020 17:58:36</t>
  </si>
  <si>
    <t>01/16/2020 18:01:36</t>
  </si>
  <si>
    <t>01/16/2020 17:59:10</t>
  </si>
  <si>
    <t>4983a991-6c4d-4ed2-9b4f-105e99798d1a.tmp</t>
  </si>
  <si>
    <t>\\acsfs\profiles$\joycemmdl\Downloads\4983a991-6c4d-4ed2-9b4f-105e99798d1a.tmp</t>
  </si>
  <si>
    <t>01/16/2020 17:59:58</t>
  </si>
  <si>
    <t>01/16/2020 18:02:36</t>
  </si>
  <si>
    <t>a72ee6fe-211b-440e-99d0-d3586cd033b7.tmp</t>
  </si>
  <si>
    <t>\\acsfs\profiles$\victorgl\Downloads\a72ee6fe-211b-440e-99d0-d3586cd033b7.tmp</t>
  </si>
  <si>
    <t>01/16/2020 18:04:18</t>
  </si>
  <si>
    <t>01/16/2020 18:05:36</t>
  </si>
  <si>
    <t>b77adab9-7946-4921-b045-fd3be3b12d7b.tmp</t>
  </si>
  <si>
    <t>\\acsfs\profiles$\gabrielamdp\Downloads\b77adab9-7946-4921-b045-fd3be3b12d7b.tmp</t>
  </si>
  <si>
    <t>314e8f72-b6b5-476a-8807-99c8021fe91d.tmp</t>
  </si>
  <si>
    <t>\\acsfs\profiles$\gabrielamdp\Downloads\314e8f72-b6b5-476a-8807-99c8021fe91d.tmp</t>
  </si>
  <si>
    <t>01/16/2020 18:04:19</t>
  </si>
  <si>
    <t>47efbc7b-4512-413f-8bc5-a948b58c337d.tmp</t>
  </si>
  <si>
    <t>\\acsfs\profiles$\gabrielamdp\Downloads\47efbc7b-4512-413f-8bc5-a948b58c337d.tmp</t>
  </si>
  <si>
    <t>01/16/2020 18:04:25</t>
  </si>
  <si>
    <t>b4064a8e-6044-4600-b5e9-36b3a426bb90.tmp</t>
  </si>
  <si>
    <t>\\acsfs\profiles$\gabrielamdp\Downloads\b4064a8e-6044-4600-b5e9-36b3a426bb90.tmp</t>
  </si>
  <si>
    <t>01/16/2020 18:04:40</t>
  </si>
  <si>
    <t>01/16/2020 18:03:00</t>
  </si>
  <si>
    <t>01/16/2020 18:06:36</t>
  </si>
  <si>
    <t>01/16/2020 18:02:53</t>
  </si>
  <si>
    <t>01/16/2020 18:04:50</t>
  </si>
  <si>
    <t>01/16/2020 18:07:36</t>
  </si>
  <si>
    <t>01/16/2020 18:05:47</t>
  </si>
  <si>
    <t>01/16/2020 18:06:33</t>
  </si>
  <si>
    <t>01/16/2020 18:03:15</t>
  </si>
  <si>
    <t>01/16/2020 18:08:37</t>
  </si>
  <si>
    <t>01/16/2020 18:06:43</t>
  </si>
  <si>
    <t>01/16/2020 18:11:36</t>
  </si>
  <si>
    <t>01/16/2020 18:06:04</t>
  </si>
  <si>
    <t>01/16/2020 18:10:11</t>
  </si>
  <si>
    <t>01/16/2020 18:06:58</t>
  </si>
  <si>
    <t>01/16/2020 18:06:44</t>
  </si>
  <si>
    <t>01/16/2020 18:10:25</t>
  </si>
  <si>
    <t>01/16/2020 18:07:10</t>
  </si>
  <si>
    <t>01/16/2020 18:08:10</t>
  </si>
  <si>
    <t>01/16/2020 18:06:45</t>
  </si>
  <si>
    <t>01/16/2020 18:06:46</t>
  </si>
  <si>
    <t>01/16/2020 18:06:47</t>
  </si>
  <si>
    <t>01/16/2020 18:06:48</t>
  </si>
  <si>
    <t>01/16/2020 18:06:49</t>
  </si>
  <si>
    <t>01/16/2020 18:06:50</t>
  </si>
  <si>
    <t>01/16/2020 18:06:51</t>
  </si>
  <si>
    <t>01/16/2020 18:06:52</t>
  </si>
  <si>
    <t>01/16/2020 18:06:53</t>
  </si>
  <si>
    <t>01/16/2020 18:06:54</t>
  </si>
  <si>
    <t>01/16/2020 18:06:55</t>
  </si>
  <si>
    <t>01/16/2020 18:06:56</t>
  </si>
  <si>
    <t>01/16/2020 18:06:57</t>
  </si>
  <si>
    <t>01/16/2020 18:06:59</t>
  </si>
  <si>
    <t>01/16/2020 18:07:00</t>
  </si>
  <si>
    <t>01/16/2020 18:07:01</t>
  </si>
  <si>
    <t>01/16/2020 18:07:02</t>
  </si>
  <si>
    <t>01/16/2020 18:07:03</t>
  </si>
  <si>
    <t>01/16/2020 18:07:04</t>
  </si>
  <si>
    <t>01/16/2020 18:07:06</t>
  </si>
  <si>
    <t>01/16/2020 18:07:07</t>
  </si>
  <si>
    <t>01/16/2020 18:07:08</t>
  </si>
  <si>
    <t>01/16/2020 18:07:09</t>
  </si>
  <si>
    <t>01/16/2020 18:07:11</t>
  </si>
  <si>
    <t>01/16/2020 18:07:12</t>
  </si>
  <si>
    <t>01/16/2020 18:07:13</t>
  </si>
  <si>
    <t>01/16/2020 18:07:14</t>
  </si>
  <si>
    <t>01/16/2020 18:07:15</t>
  </si>
  <si>
    <t>01/16/2020 18:07:16</t>
  </si>
  <si>
    <t>01/16/2020 18:07:17</t>
  </si>
  <si>
    <t>01/16/2020 18:07:18</t>
  </si>
  <si>
    <t>01/16/2020 18:07:19</t>
  </si>
  <si>
    <t>01/16/2020 18:07:20</t>
  </si>
  <si>
    <t>01/16/2020 18:07:21</t>
  </si>
  <si>
    <t>01/16/2020 18:07:22</t>
  </si>
  <si>
    <t>01/16/2020 18:08:58</t>
  </si>
  <si>
    <t>01/16/2020 18:12:36</t>
  </si>
  <si>
    <t>01/16/2020 18:08:01</t>
  </si>
  <si>
    <t>01/16/2020 18:13:36</t>
  </si>
  <si>
    <t>01/16/2020 18:12:49</t>
  </si>
  <si>
    <t>01/16/2020 18:16:36</t>
  </si>
  <si>
    <t>01/16/2020 18:13:04</t>
  </si>
  <si>
    <t>01/16/2020 18:10:51</t>
  </si>
  <si>
    <t>01/16/2020 18:11:26</t>
  </si>
  <si>
    <t>01/16/2020 18:17:04</t>
  </si>
  <si>
    <t>01/16/2020 18:20:36</t>
  </si>
  <si>
    <t>01/16/2020 18:15:45</t>
  </si>
  <si>
    <t>01/16/2020 18:21:36</t>
  </si>
  <si>
    <t>c9861bee-8141-467d-b387-ffb3da169c21.tmp</t>
  </si>
  <si>
    <t>\\acsfs\profiles$\Adrieledgc\Downloads\c9861bee-8141-467d-b387-ffb3da169c21.tmp</t>
  </si>
  <si>
    <t>01/16/2020 18:20:12</t>
  </si>
  <si>
    <t>01/16/2020 18:20:07</t>
  </si>
  <si>
    <t>01/16/2020 18:24:04</t>
  </si>
  <si>
    <t>01/16/2020 18:26:36</t>
  </si>
  <si>
    <t>a8ac35c2-9c65-40b4-be5c-3e299c7f2598.tmp</t>
  </si>
  <si>
    <t>\\acsfs\profiles$\gabrielamdp\Downloads\a8ac35c2-9c65-40b4-be5c-3e299c7f2598.tmp</t>
  </si>
  <si>
    <t>4529c65c-73e2-4741-8e6f-e3b06575bc8a.tmp</t>
  </si>
  <si>
    <t>\\acsfs\profiles$\gabrielamdp\Downloads\4529c65c-73e2-4741-8e6f-e3b06575bc8a.tmp</t>
  </si>
  <si>
    <t>01/16/2020 18:24:06</t>
  </si>
  <si>
    <t>f575aecd-f82b-4055-8205-fea855c54667.tmp</t>
  </si>
  <si>
    <t>\\acsfs\profiles$\gabrielamdp\Downloads\f575aecd-f82b-4055-8205-fea855c54667.tmp</t>
  </si>
  <si>
    <t>01/16/2020 18:27:49</t>
  </si>
  <si>
    <t>01/16/2020 18:28:36</t>
  </si>
  <si>
    <t>4acbc872-9eba-4ec1-b907-4133f2f96d99.tmp</t>
  </si>
  <si>
    <t>\\acsfs\profiles$\fabianobmf\Downloads\4acbc872-9eba-4ec1-b907-4133f2f96d99.tmp</t>
  </si>
  <si>
    <t>01/16/2020 18:26:51</t>
  </si>
  <si>
    <t>01/16/2020 18:30:36</t>
  </si>
  <si>
    <t>01/16/2020 18:28:24</t>
  </si>
  <si>
    <t>01/16/2020 18:31:36</t>
  </si>
  <si>
    <t>01/16/2020 18:28:29</t>
  </si>
  <si>
    <t>01/16/2020 18:33:36</t>
  </si>
  <si>
    <t>689fdb59-b82f-4c99-871e-ac5cac82f20f.tmp</t>
  </si>
  <si>
    <t>\\acsfs\profiles$\fabianobmf\Downloads\689fdb59-b82f-4c99-871e-ac5cac82f20f.tmp</t>
  </si>
  <si>
    <t>01/16/2020 18:29:04</t>
  </si>
  <si>
    <t>52a16a1c-751e-4a8c-8fc1-fd9cd59f6c4c.tmp</t>
  </si>
  <si>
    <t>\\acsfs\profiles$\fabianobmf\Downloads\52a16a1c-751e-4a8c-8fc1-fd9cd59f6c4c.tmp</t>
  </si>
  <si>
    <t>01/16/2020 18:35:26</t>
  </si>
  <si>
    <t>01/16/2020 18:36:36</t>
  </si>
  <si>
    <t>01/16/2020 18:36:44</t>
  </si>
  <si>
    <t>01/16/2020 18:41:36</t>
  </si>
  <si>
    <t>e0bfc80e-aa97-46e9-a8f5-40b0ce8dc99e.tmp</t>
  </si>
  <si>
    <t>\\acsfs\profiles$\gabrielamdp\Downloads\e0bfc80e-aa97-46e9-a8f5-40b0ce8dc99e.tmp</t>
  </si>
  <si>
    <t>01/16/2020 18:42:38</t>
  </si>
  <si>
    <t>01/16/2020 18:43:36</t>
  </si>
  <si>
    <t>01/16/2020 18:40:12</t>
  </si>
  <si>
    <t>01/16/2020 18:41:54</t>
  </si>
  <si>
    <t>01/16/2020 18:44:36</t>
  </si>
  <si>
    <t>01/16/2020 18:43:00</t>
  </si>
  <si>
    <t>01/16/2020 18:45:35</t>
  </si>
  <si>
    <t>01/16/2020 18:46:36</t>
  </si>
  <si>
    <t>01/16/2020 18:43:06</t>
  </si>
  <si>
    <t>01/16/2020 18:47:36</t>
  </si>
  <si>
    <t>01/16/2020 18:45:01</t>
  </si>
  <si>
    <t>01/16/2020 18:49:36</t>
  </si>
  <si>
    <t>01/16/2020 18:48:12</t>
  </si>
  <si>
    <t>01/16/2020 18:47:14</t>
  </si>
  <si>
    <t>01/16/2020 18:50:37</t>
  </si>
  <si>
    <t>07fe6ec3-1a9a-4a56-b692-8741f463546f.tmp</t>
  </si>
  <si>
    <t>\\acsfs\profiles$\taylaedoa\Downloads\07fe6ec3-1a9a-4a56-b692-8741f463546f.tmp</t>
  </si>
  <si>
    <t>01/16/2020 18:47:31</t>
  </si>
  <si>
    <t>01/16/2020 18:51:36</t>
  </si>
  <si>
    <t>01/16/2020 18:50:21</t>
  </si>
  <si>
    <t>20e84e63-85eb-482e-9e85-0d42f39eeaad.tmp</t>
  </si>
  <si>
    <t>\\acsfs\profiles$\myllenardl\Downloads\20e84e63-85eb-482e-9e85-0d42f39eeaad.tmp</t>
  </si>
  <si>
    <t>01/16/2020 18:47:03</t>
  </si>
  <si>
    <t>01/16/2020 18:52:36</t>
  </si>
  <si>
    <t>01/16/2020 18:53:23</t>
  </si>
  <si>
    <t>01/16/2020 18:56:35</t>
  </si>
  <si>
    <t>01/16/2020 18:55:08</t>
  </si>
  <si>
    <t>01/16/2020 18:55:27</t>
  </si>
  <si>
    <t>01/16/2020 18:55:43</t>
  </si>
  <si>
    <t>01/16/2020 18:56:24</t>
  </si>
  <si>
    <t>01/16/2020 18:58:36</t>
  </si>
  <si>
    <t>01/16/2020 18:55:53</t>
  </si>
  <si>
    <t>01/16/2020 19:01:35</t>
  </si>
  <si>
    <t>01/16/2020 18:56:08</t>
  </si>
  <si>
    <t>01/16/2020 18:56:13</t>
  </si>
  <si>
    <t>01/16/2020 18:56:14</t>
  </si>
  <si>
    <t>01/16/2020 18:56:52</t>
  </si>
  <si>
    <t>01/16/2020 18:57:04</t>
  </si>
  <si>
    <t>01/16/2020 18:57:10</t>
  </si>
  <si>
    <t>01/16/2020 18:57:27</t>
  </si>
  <si>
    <t>01/16/2020 19:00:14</t>
  </si>
  <si>
    <t>578f32da-5692-4431-a16a-8070ff1bcc99.tmp</t>
  </si>
  <si>
    <t>\\acsfs\profiles$\joycemmdl\Downloads\578f32da-5692-4431-a16a-8070ff1bcc99.tmp</t>
  </si>
  <si>
    <t>01/16/2020 18:58:22</t>
  </si>
  <si>
    <t>01/16/2020 19:03:36</t>
  </si>
  <si>
    <t>01/16/2020 19:02:48</t>
  </si>
  <si>
    <t>01/16/2020 18:59:26</t>
  </si>
  <si>
    <t>01/16/2020 19:04:36</t>
  </si>
  <si>
    <t>01/16/2020 19:03:00</t>
  </si>
  <si>
    <t>01/16/2020 19:02:38</t>
  </si>
  <si>
    <t>e08428ca-f732-4140-a025-2ac68cb37919.tmp</t>
  </si>
  <si>
    <t>\\acsfs\profiles$\nathaliaos\Downloads\e08428ca-f732-4140-a025-2ac68cb37919.tmp</t>
  </si>
  <si>
    <t>01/16/2020 19:02:33</t>
  </si>
  <si>
    <t>01/16/2020 19:05:36</t>
  </si>
  <si>
    <t>01/16/2020 19:06:36</t>
  </si>
  <si>
    <t>01/16/2020 19:02:17</t>
  </si>
  <si>
    <t>01/16/2020 19:03:26</t>
  </si>
  <si>
    <t>01/16/2020 19:04:30</t>
  </si>
  <si>
    <t>01/16/2020 19:05:48</t>
  </si>
  <si>
    <t>01/16/2020 19:02:16</t>
  </si>
  <si>
    <t>01/16/2020 19:07:36</t>
  </si>
  <si>
    <t>01/16/2020 19:04:37</t>
  </si>
  <si>
    <t>01/16/2020 19:03:30</t>
  </si>
  <si>
    <t>01/16/2020 19:08:36</t>
  </si>
  <si>
    <t>01/16/2020 19:07:05</t>
  </si>
  <si>
    <t>01/16/2020 19:09:36</t>
  </si>
  <si>
    <t>3159fb59-d61c-4d85-b285-e06ec835e7b2.tmp</t>
  </si>
  <si>
    <t>\\acsfs\profiles$\fabianafv\Downloads\3159fb59-d61c-4d85-b285-e06ec835e7b2.tmp</t>
  </si>
  <si>
    <t>01/16/2020 19:06:27</t>
  </si>
  <si>
    <t>7c9e10f6-b71c-4ee0-a790-fd8c5e3228e9.tmp</t>
  </si>
  <si>
    <t>\\acsfs\profiles$\philipegsf\Downloads\7c9e10f6-b71c-4ee0-a790-fd8c5e3228e9.tmp</t>
  </si>
  <si>
    <t>01/16/2020 19:06:35</t>
  </si>
  <si>
    <t>01/16/2020 19:10:36</t>
  </si>
  <si>
    <t>39e879c5-23eb-4a78-9f05-d8a29d049630.tmp</t>
  </si>
  <si>
    <t>\\acsfs\profiles$\andreapdsg\Downloads\39e879c5-23eb-4a78-9f05-d8a29d049630.tmp</t>
  </si>
  <si>
    <t>01/16/2020 19:05:49</t>
  </si>
  <si>
    <t>01/16/2020 19:10:26</t>
  </si>
  <si>
    <t>01/16/2020 19:11:36</t>
  </si>
  <si>
    <t>01/16/2020 19:12:23</t>
  </si>
  <si>
    <t>01/16/2020 19:13:36</t>
  </si>
  <si>
    <t>01/16/2020 19:11:10</t>
  </si>
  <si>
    <t>01/16/2020 19:10:35</t>
  </si>
  <si>
    <t>01/16/2020 19:15:36</t>
  </si>
  <si>
    <t>c4eb1741-f384-4a9c-9768-e9ca3e71ae26.tmp</t>
  </si>
  <si>
    <t>\\acsfs\profiles$\brendadsl\Downloads\c4eb1741-f384-4a9c-9768-e9ca3e71ae26.tmp</t>
  </si>
  <si>
    <t>01/16/2020 19:10:50</t>
  </si>
  <si>
    <t>6a4f9ea7-d972-4ed4-9691-3955428bb0f0.tmp</t>
  </si>
  <si>
    <t>\\acsfs\profiles$\brendadsl\Downloads\6a4f9ea7-d972-4ed4-9691-3955428bb0f0.tmp</t>
  </si>
  <si>
    <t>01/16/2020 19:10:59</t>
  </si>
  <si>
    <t>85e33289-2291-4a77-a3eb-3cfcfeb0ebd2.tmp</t>
  </si>
  <si>
    <t>\\acsfs\profiles$\brendadsl\Downloads\85e33289-2291-4a77-a3eb-3cfcfeb0ebd2.tmp</t>
  </si>
  <si>
    <t>01/16/2020 19:16:36</t>
  </si>
  <si>
    <t>01/16/2020 19:16:15</t>
  </si>
  <si>
    <t>01/16/2020 19:19:36</t>
  </si>
  <si>
    <t>01/16/2020 19:16:26</t>
  </si>
  <si>
    <t>01/16/2020 19:16:32</t>
  </si>
  <si>
    <t>01/16/2020 19:16:33</t>
  </si>
  <si>
    <t>01/16/2020 19:20:37</t>
  </si>
  <si>
    <t>8caeb313-1150-41b0-9b8e-9a9476991100.tmp</t>
  </si>
  <si>
    <t>\\acsfs\profiles$\taylaedoa\Downloads\8caeb313-1150-41b0-9b8e-9a9476991100.tmp</t>
  </si>
  <si>
    <t>01/16/2020 19:18:02</t>
  </si>
  <si>
    <t>df44b1dc-9470-4f26-8fe0-84fa0c296026.tmp</t>
  </si>
  <si>
    <t>\\acsfs\profiles$\taylaedoa\Downloads\df44b1dc-9470-4f26-8fe0-84fa0c296026.tmp</t>
  </si>
  <si>
    <t>01/16/2020 19:21:01</t>
  </si>
  <si>
    <t>01/16/2020 19:21:36</t>
  </si>
  <si>
    <t>01/16/2020 19:18:40</t>
  </si>
  <si>
    <t>01/16/2020 19:23:37</t>
  </si>
  <si>
    <t>01/16/2020 19:21:26</t>
  </si>
  <si>
    <t>01/16/2020 19:25:36</t>
  </si>
  <si>
    <t>01/16/2020 19:22:06</t>
  </si>
  <si>
    <t>01/16/2020 19:24:00</t>
  </si>
  <si>
    <t>01/16/2020 19:22:22</t>
  </si>
  <si>
    <t>01/16/2020 19:22:28</t>
  </si>
  <si>
    <t>01/16/2020 19:23:02</t>
  </si>
  <si>
    <t>01/16/2020 19:26:36</t>
  </si>
  <si>
    <t>01/16/2020 19:27:28</t>
  </si>
  <si>
    <t>01/16/2020 19:27:37</t>
  </si>
  <si>
    <t>01/16/2020 19:24:32</t>
  </si>
  <si>
    <t>01/16/2020 19:28:36</t>
  </si>
  <si>
    <t>01/16/2020 19:26:21</t>
  </si>
  <si>
    <t>01/16/2020 19:29:37</t>
  </si>
  <si>
    <t>01/16/2020 19:27:57</t>
  </si>
  <si>
    <t>01/16/2020 19:27:14</t>
  </si>
  <si>
    <t>01/16/2020 19:30:36</t>
  </si>
  <si>
    <t>01/16/2020 19:27:39</t>
  </si>
  <si>
    <t>01/16/2020 19:28:44</t>
  </si>
  <si>
    <t>01/16/2020 19:25:18</t>
  </si>
  <si>
    <t>01/16/2020 19:28:47</t>
  </si>
  <si>
    <t>01/16/2020 19:31:37</t>
  </si>
  <si>
    <t>cf66ef22-e5bb-4d6e-aa46-96fe7e823899.tmp</t>
  </si>
  <si>
    <t>\\acsfs\profiles$\regisadsa\Downloads\cf66ef22-e5bb-4d6e-aa46-96fe7e823899.tmp</t>
  </si>
  <si>
    <t>01/16/2020 19:31:11</t>
  </si>
  <si>
    <t>01/16/2020 19:28:18</t>
  </si>
  <si>
    <t>01/16/2020 19:32:36</t>
  </si>
  <si>
    <t>74070d00-f432-49c6-a483-c9aa396784f9.tmp</t>
  </si>
  <si>
    <t>\\acsfs\profiles$\leonardocb\Downloads\74070d00-f432-49c6-a483-c9aa396784f9.tmp</t>
  </si>
  <si>
    <t>01/16/2020 19:31:22</t>
  </si>
  <si>
    <t>01/16/2020 19:33:36</t>
  </si>
  <si>
    <t>01/16/2020 19:30:52</t>
  </si>
  <si>
    <t>01/16/2020 19:34:36</t>
  </si>
  <si>
    <t>01/16/2020 19:35:36</t>
  </si>
  <si>
    <t>01/16/2020 19:32:23</t>
  </si>
  <si>
    <t>01/16/2020 19:34:29</t>
  </si>
  <si>
    <t>01/16/2020 19:34:12</t>
  </si>
  <si>
    <t>01/16/2020 19:36:37</t>
  </si>
  <si>
    <t>01/16/2020 19:35:30</t>
  </si>
  <si>
    <t>01/16/2020 19:39:36</t>
  </si>
  <si>
    <t>ab800a6a-458e-419d-ba4a-5166dc85ab1e.tmp</t>
  </si>
  <si>
    <t>\\acsfs\profiles$\nycolleemdj\Downloads\ab800a6a-458e-419d-ba4a-5166dc85ab1e.tmp</t>
  </si>
  <si>
    <t>01/16/2020 19:36:27</t>
  </si>
  <si>
    <t>5dabc09e-33c5-4b36-bff9-7a9eb5ca316a.tmp</t>
  </si>
  <si>
    <t>\\acsfs\profiles$\nycolleemdj\Downloads\5dabc09e-33c5-4b36-bff9-7a9eb5ca316a.tmp</t>
  </si>
  <si>
    <t>01/16/2020 19:36:16</t>
  </si>
  <si>
    <t>01/16/2020 19:36:06</t>
  </si>
  <si>
    <t>01/16/2020 19:40:36</t>
  </si>
  <si>
    <t>01/16/2020 19:38:00</t>
  </si>
  <si>
    <t>01/16/2020 19:38:18</t>
  </si>
  <si>
    <t>01/16/2020 19:39:20</t>
  </si>
  <si>
    <t>01/16/2020 19:41:36</t>
  </si>
  <si>
    <t>db286fdd-f88f-486d-8864-12de28e3970c.tmp</t>
  </si>
  <si>
    <t>\\acsfs\profiles$\regisedsj\Downloads\db286fdd-f88f-486d-8864-12de28e3970c.tmp</t>
  </si>
  <si>
    <t>01/16/2020 19:40:20</t>
  </si>
  <si>
    <t>01/16/2020 19:41:31</t>
  </si>
  <si>
    <t>01/16/2020 19:45:37</t>
  </si>
  <si>
    <t>01/16/2020 19:43:33</t>
  </si>
  <si>
    <t>01/16/2020 19:46:36</t>
  </si>
  <si>
    <t>01/16/2020 19:43:40</t>
  </si>
  <si>
    <t>01/16/2020 19:42:36</t>
  </si>
  <si>
    <t>01/16/2020 19:47:36</t>
  </si>
  <si>
    <t>01/16/2020 19:45:32</t>
  </si>
  <si>
    <t>01/16/2020 19:43:02</t>
  </si>
  <si>
    <t>01/16/2020 19:47:16</t>
  </si>
  <si>
    <t>01/16/2020 19:48:12</t>
  </si>
  <si>
    <t>01/16/2020 19:49:36</t>
  </si>
  <si>
    <t>3308c2bb-93f5-4d39-9531-46201937bff3.tmp</t>
  </si>
  <si>
    <t>\\acsfs\profiles$\nathaliaos\Downloads\3308c2bb-93f5-4d39-9531-46201937bff3.tmp</t>
  </si>
  <si>
    <t>01/16/2020 19:48:37</t>
  </si>
  <si>
    <t>1a718dfa-3a84-4da3-ab71-1720472713b6.tmp</t>
  </si>
  <si>
    <t>\\acsfs\profiles$\nathaliaos\Downloads\1a718dfa-3a84-4da3-ab71-1720472713b6.tmp</t>
  </si>
  <si>
    <t>01/16/2020 19:46:44</t>
  </si>
  <si>
    <t>01/16/2020 19:50:37</t>
  </si>
  <si>
    <t>01/16/2020 19:45:15</t>
  </si>
  <si>
    <t>5696056d-15cb-4f45-95ba-f68372c7f98f.tmp</t>
  </si>
  <si>
    <t>\\acsfs\profiles$\rafaelacdoc\Downloads\5696056d-15cb-4f45-95ba-f68372c7f98f.tmp</t>
  </si>
  <si>
    <t>01/16/2020 19:47:07</t>
  </si>
  <si>
    <t>01/16/2020 19:51:36</t>
  </si>
  <si>
    <t>01/16/2020 19:51:42</t>
  </si>
  <si>
    <t>01/16/2020 19:52:36</t>
  </si>
  <si>
    <t>ce726c85-2a36-4c0a-87e7-f73c3f40bb1a.tmp</t>
  </si>
  <si>
    <t>\\acsfs\profiles$\victorgl\Downloads\ce726c85-2a36-4c0a-87e7-f73c3f40bb1a.tmp</t>
  </si>
  <si>
    <t>01/16/2020 19:50:18</t>
  </si>
  <si>
    <t>01/16/2020 19:55:36</t>
  </si>
  <si>
    <t>01/16/2020 19:50:17</t>
  </si>
  <si>
    <t>01/16/2020 19:52:47</t>
  </si>
  <si>
    <t>79ec92e9-607f-4d39-abc9-458f58e84bcd.tmp</t>
  </si>
  <si>
    <t>\\acsfs\profiles$\rafaelacdoc\Downloads\79ec92e9-607f-4d39-abc9-458f58e84bcd.tmp</t>
  </si>
  <si>
    <t>01/16/2020 19:56:37</t>
  </si>
  <si>
    <t>01/16/2020 19:53:23</t>
  </si>
  <si>
    <t>01/16/2020 19:57:37</t>
  </si>
  <si>
    <t>16f93227-3ca8-4d1f-bbf5-b3b684f28257.tmp</t>
  </si>
  <si>
    <t>\\acsfs\profiles$\victorgl\Downloads\16f93227-3ca8-4d1f-bbf5-b3b684f28257.tmp</t>
  </si>
  <si>
    <t>01/16/2020 19:55:03</t>
  </si>
  <si>
    <t>01/16/2020 19:58:37</t>
  </si>
  <si>
    <t>30ea48b4-b65e-47e0-bfe8-328cfb097aa5.tmp</t>
  </si>
  <si>
    <t>\\acsfs\profiles$\edicarlosdl\Downloads\30ea48b4-b65e-47e0-bfe8-328cfb097aa5.tmp</t>
  </si>
  <si>
    <t>01/16/2020 19:57:52</t>
  </si>
  <si>
    <t>01/16/2020 19:59:37</t>
  </si>
  <si>
    <t>01/16/2020 19:58:31</t>
  </si>
  <si>
    <t>01/16/2020 20:00:37</t>
  </si>
  <si>
    <t>01/16/2020 19:56:56</t>
  </si>
  <si>
    <t>01/16/2020 20:01:37</t>
  </si>
  <si>
    <t>ede7387a-2014-4c5d-8e5b-8a8279a45844.tmp</t>
  </si>
  <si>
    <t>\\acsfs\profiles$\joycemmdl\Downloads\ede7387a-2014-4c5d-8e5b-8a8279a45844.tmp</t>
  </si>
  <si>
    <t>01/16/2020 20:01:05</t>
  </si>
  <si>
    <t>3474eef3-a9ec-4fed-baac-ab302952bf93.tmp</t>
  </si>
  <si>
    <t>\\acsfs\profiles$\myllenardl\Downloads\3474eef3-a9ec-4fed-baac-ab302952bf93.tmp</t>
  </si>
  <si>
    <t>01/16/2020 20:04:45</t>
  </si>
  <si>
    <t>01/16/2020 20:05:37</t>
  </si>
  <si>
    <t>01/16/2020 20:02:47</t>
  </si>
  <si>
    <t>01/16/2020 20:05:20</t>
  </si>
  <si>
    <t>01/16/2020 20:06:38</t>
  </si>
  <si>
    <t>01/16/2020 20:08:13</t>
  </si>
  <si>
    <t>01/16/2020 20:09:37</t>
  </si>
  <si>
    <t>d1b0a10f-4015-4252-97ee-2c886679a731.tmp</t>
  </si>
  <si>
    <t>\\acsfs\profiles$\paulohaf\Downloads\d1b0a10f-4015-4252-97ee-2c886679a731.tmp</t>
  </si>
  <si>
    <t>01/16/2020 20:05:13</t>
  </si>
  <si>
    <t>7823e2e5-c0b4-4dee-a71e-55ffcadf9c04.tmp</t>
  </si>
  <si>
    <t>\\acsfs\profiles$\laurandos\Downloads\7823e2e5-c0b4-4dee-a71e-55ffcadf9c04.tmp</t>
  </si>
  <si>
    <t>01/16/2020 20:05:14</t>
  </si>
  <si>
    <t>6631ba2b-0dbf-439b-820f-8e4594f10f6a.tmp</t>
  </si>
  <si>
    <t>\\acsfs\profiles$\laurandos\Downloads\6631ba2b-0dbf-439b-820f-8e4594f10f6a.tmp</t>
  </si>
  <si>
    <t>01/16/2020 20:08:20</t>
  </si>
  <si>
    <t>01/16/2020 20:10:37</t>
  </si>
  <si>
    <t>01/16/2020 20:07:02</t>
  </si>
  <si>
    <t>01/16/2020 20:11:37</t>
  </si>
  <si>
    <t>4c45e709-4c0a-4ef3-aa9f-741acbf0c052.tmp</t>
  </si>
  <si>
    <t>\\acsfs\profiles$\joycemmdl\Downloads\4c45e709-4c0a-4ef3-aa9f-741acbf0c052.tmp</t>
  </si>
  <si>
    <t>01/16/2020 20:10:00</t>
  </si>
  <si>
    <t>434ea691-505d-4415-b902-d0bd17a5b607.tmp</t>
  </si>
  <si>
    <t>\\acsfs\profiles$\joycemmdl\Downloads\434ea691-505d-4415-b902-d0bd17a5b607.tmp</t>
  </si>
  <si>
    <t>01/16/2020 20:08:51</t>
  </si>
  <si>
    <t>01/16/2020 20:14:37</t>
  </si>
  <si>
    <t>29b4e8f2-96fb-41be-838f-8e16ff33022c.tmp</t>
  </si>
  <si>
    <t>\\acsfs\profiles$\paulohaf\Downloads\29b4e8f2-96fb-41be-838f-8e16ff33022c.tmp</t>
  </si>
  <si>
    <t>01/16/2020 20:14:03</t>
  </si>
  <si>
    <t>01/16/2020 20:13:10</t>
  </si>
  <si>
    <t>01/16/2020 20:11:53</t>
  </si>
  <si>
    <t>811df71d-3026-4765-8d87-b23eb4f70a3c.tmp</t>
  </si>
  <si>
    <t>\\acsfs\profiles$\laurandos\Downloads\811df71d-3026-4765-8d87-b23eb4f70a3c.tmp</t>
  </si>
  <si>
    <t>01/16/2020 20:12:00</t>
  </si>
  <si>
    <t>f022cae5-d237-4902-bb31-f8336b17efeb.tmp</t>
  </si>
  <si>
    <t>\\acsfs\profiles$\laurandos\Downloads\f022cae5-d237-4902-bb31-f8336b17efeb.tmp</t>
  </si>
  <si>
    <t>01/16/2020 20:13:25</t>
  </si>
  <si>
    <t>01/16/2020 20:15:37</t>
  </si>
  <si>
    <t>01/16/2020 20:14:01</t>
  </si>
  <si>
    <t>01/16/2020 20:16:37</t>
  </si>
  <si>
    <t>01/16/2020 20:12:30</t>
  </si>
  <si>
    <t>01/16/2020 20:17:32</t>
  </si>
  <si>
    <t>01/16/2020 20:19:38</t>
  </si>
  <si>
    <t>01/16/2020 20:17:25</t>
  </si>
  <si>
    <t>01/16/2020 20:19:10</t>
  </si>
  <si>
    <t>01/16/2020 20:20:38</t>
  </si>
  <si>
    <t>01/16/2020 20:19:36</t>
  </si>
  <si>
    <t>01/16/2020 20:20:22</t>
  </si>
  <si>
    <t>01/16/2020 20:21:38</t>
  </si>
  <si>
    <t>01/16/2020 20:18:52</t>
  </si>
  <si>
    <t>01/16/2020 20:17:16</t>
  </si>
  <si>
    <t>01/16/2020 20:22:38</t>
  </si>
  <si>
    <t>01/16/2020 20:20:42</t>
  </si>
  <si>
    <t>01/16/2020 20:25:38</t>
  </si>
  <si>
    <t>01/16/2020 20:21:16</t>
  </si>
  <si>
    <t>01/16/2020 20:25:50</t>
  </si>
  <si>
    <t>01/16/2020 20:26:38</t>
  </si>
  <si>
    <t>01/16/2020 20:26:39</t>
  </si>
  <si>
    <t>01/16/2020 20:28:28</t>
  </si>
  <si>
    <t>01/16/2020 20:30:38</t>
  </si>
  <si>
    <t>01/16/2020 20:28:45</t>
  </si>
  <si>
    <t>01/16/2020 20:28:12</t>
  </si>
  <si>
    <t>01/16/2020 20:31:37</t>
  </si>
  <si>
    <t>Layon 7.jpg</t>
  </si>
  <si>
    <t>01/16/2020 20:28:27</t>
  </si>
  <si>
    <t>https://algar.folhasinergyrh.com.br/afastamento/upload?id=0&amp;idsolicitacao=22005</t>
  </si>
  <si>
    <t>01/16/2020 20:31:10</t>
  </si>
  <si>
    <t>01/16/2020 20:32:38</t>
  </si>
  <si>
    <t>01/16/2020 20:32:15</t>
  </si>
  <si>
    <t>01/16/2020 20:32:17</t>
  </si>
  <si>
    <t>01/16/2020 20:35:38</t>
  </si>
  <si>
    <t>01/16/2020 20:33:27</t>
  </si>
  <si>
    <t>01/16/2020 20:36:37</t>
  </si>
  <si>
    <t>01/16/2020 20:32:23</t>
  </si>
  <si>
    <t>01/16/2020 20:35:25</t>
  </si>
  <si>
    <t>01/16/2020 20:37:38</t>
  </si>
  <si>
    <t>01/16/2020 20:37:18</t>
  </si>
  <si>
    <t>01/16/2020 20:38:38</t>
  </si>
  <si>
    <t>01/16/2020 20:36:24</t>
  </si>
  <si>
    <t>01/16/2020 20:38:56</t>
  </si>
  <si>
    <t>01/16/2020 20:40:38</t>
  </si>
  <si>
    <t>01/16/2020 20:41:37</t>
  </si>
  <si>
    <t>01/16/2020 20:38:33</t>
  </si>
  <si>
    <t>01/16/2020 20:39:18</t>
  </si>
  <si>
    <t>01/16/2020 20:43:38</t>
  </si>
  <si>
    <t>01/16/2020 20:43:49</t>
  </si>
  <si>
    <t>01/16/2020 20:46:38</t>
  </si>
  <si>
    <t>01/16/2020 20:44:19</t>
  </si>
  <si>
    <t>01/16/2020 20:47:37</t>
  </si>
  <si>
    <t>01/16/2020 20:46:25</t>
  </si>
  <si>
    <t>01/16/2020 20:49:37</t>
  </si>
  <si>
    <t>01/16/2020 20:45:46</t>
  </si>
  <si>
    <t>fc0d027b-d182-4538-a333-98f75667ff11.tmp</t>
  </si>
  <si>
    <t>\\acsfs\profiles$\henriqueco\Downloads\fc0d027b-d182-4538-a333-98f75667ff11.tmp</t>
  </si>
  <si>
    <t>01/16/2020 20:45:43</t>
  </si>
  <si>
    <t>01/16/2020 20:45:41</t>
  </si>
  <si>
    <t>01/16/2020 20:50:38</t>
  </si>
  <si>
    <t>01/16/2020 20:47:24</t>
  </si>
  <si>
    <t>01/16/2020 20:49:45</t>
  </si>
  <si>
    <t>01/16/2020 20:49:35</t>
  </si>
  <si>
    <t>01/16/2020 20:49:44</t>
  </si>
  <si>
    <t>01/16/2020 20:51:38</t>
  </si>
  <si>
    <t>Gabriela m Assiduidade.PNG</t>
  </si>
  <si>
    <t>01/16/2020 20:50:48</t>
  </si>
  <si>
    <t>01/16/2020 20:52:54</t>
  </si>
  <si>
    <t>01/16/2020 20:53:38</t>
  </si>
  <si>
    <t>01/16/2020 20:50:06</t>
  </si>
  <si>
    <t>01/16/2020 20:55:39</t>
  </si>
  <si>
    <t>01/16/2020 20:51:27</t>
  </si>
  <si>
    <t>01/16/2020 20:52:42</t>
  </si>
  <si>
    <t>01/16/2020 20:50:32</t>
  </si>
  <si>
    <t>01/16/2020 20:51:35</t>
  </si>
  <si>
    <t>01/16/2020 20:51:13</t>
  </si>
  <si>
    <t>01/16/2020 20:56:39</t>
  </si>
  <si>
    <t>Gabriela m Qualidade.PNG</t>
  </si>
  <si>
    <t>01/16/2020 20:52:44</t>
  </si>
  <si>
    <t>Gabriela m NPS.PNG</t>
  </si>
  <si>
    <t>01/16/2020 20:57:58</t>
  </si>
  <si>
    <t>01/16/2020 21:00:39</t>
  </si>
  <si>
    <t>75ecb564-834b-40ed-bb9e-cb147183a439.tmp</t>
  </si>
  <si>
    <t>\\acsfs\profiles$\rafaelacdoc\Downloads\75ecb564-834b-40ed-bb9e-cb147183a439.tmp</t>
  </si>
  <si>
    <t>01/16/2020 20:58:14</t>
  </si>
  <si>
    <t>6eccb1f1-ed1a-485f-91c7-e5d5a89319ee.tmp</t>
  </si>
  <si>
    <t>\\acsfs\profiles$\rafaelacdoc\Downloads\6eccb1f1-ed1a-485f-91c7-e5d5a89319ee.tmp</t>
  </si>
  <si>
    <t>01/16/2020 20:56:37</t>
  </si>
  <si>
    <t>01/16/2020 20:57:17</t>
  </si>
  <si>
    <t>8556e722-4151-4a93-a198-2db3d384300f.tmp</t>
  </si>
  <si>
    <t>\\acsfs\profiles$\andressamf\Downloads\8556e722-4151-4a93-a198-2db3d384300f.tmp</t>
  </si>
  <si>
    <t>01/16/2020 20:59:30</t>
  </si>
  <si>
    <t>01/16/2020 21:01:39</t>
  </si>
  <si>
    <t>01/16/2020 20:57:51</t>
  </si>
  <si>
    <t>01/16/2020 21:02:40</t>
  </si>
  <si>
    <t>f088c250-9982-4bd4-93d2-67c18c7bb519.tmp</t>
  </si>
  <si>
    <t>\\acsfs\profiles$\victoriaksr\Downloads\f088c250-9982-4bd4-93d2-67c18c7bb519.tmp</t>
  </si>
  <si>
    <t>01/16/2020 20:57:54</t>
  </si>
  <si>
    <t>.~lock.1721 1724 ate 16012020.xlsx#</t>
  </si>
  <si>
    <t>\\acsfs\profiles$\VICTORIAKSR\Downloads\.~lock.1721 1724 ate 16012020.xlsx#</t>
  </si>
  <si>
    <t>01/16/2020 20:59:36</t>
  </si>
  <si>
    <t>lu8412ilfz.tmp</t>
  </si>
  <si>
    <t>\\acsfs\profiles$\VICTORIAKSR\My Documents\lu8412ilfz.tmp</t>
  </si>
  <si>
    <t>01/16/2020 20:59:16</t>
  </si>
  <si>
    <t>01/16/2020 21:01:00</t>
  </si>
  <si>
    <t>01/16/2020 21:04:39</t>
  </si>
  <si>
    <t>e66e76d6-09a5-4f34-9a84-9b98f4410cbc.tmp</t>
  </si>
  <si>
    <t>\\acsfs\profiles$\fabianafv\Downloads\e66e76d6-09a5-4f34-9a84-9b98f4410cbc.tmp</t>
  </si>
  <si>
    <t>01/16/2020 21:02:01</t>
  </si>
  <si>
    <t>e4c568da-23b5-4efd-9768-d4ce72a7b3e2.tmp</t>
  </si>
  <si>
    <t>\\acsfs\profiles$\fabianafv\Downloads\e4c568da-23b5-4efd-9768-d4ce72a7b3e2.tmp</t>
  </si>
  <si>
    <t>01/16/2020 21:02:16</t>
  </si>
  <si>
    <t>01/16/2020 21:05:39</t>
  </si>
  <si>
    <t>01/16/2020 21:03:35</t>
  </si>
  <si>
    <t>01/16/2020 21:06:39</t>
  </si>
  <si>
    <t>fatura_012020.pdf</t>
  </si>
  <si>
    <t>01/16/2020 21:03:22</t>
  </si>
  <si>
    <t>01/16/2020 21:07:39</t>
  </si>
  <si>
    <t>01/16/2020 21:04:56</t>
  </si>
  <si>
    <t>01/16/2020 21:04:57</t>
  </si>
  <si>
    <t>01/16/2020 21:04:58</t>
  </si>
  <si>
    <t>01/16/2020 21:05:04</t>
  </si>
  <si>
    <t>01/16/2020 21:05:07</t>
  </si>
  <si>
    <t>01/16/2020 21:05:08</t>
  </si>
  <si>
    <t>01/16/2020 21:05:09</t>
  </si>
  <si>
    <t>01/16/2020 21:05:10</t>
  </si>
  <si>
    <t>01/16/2020 21:05:17</t>
  </si>
  <si>
    <t>01/16/2020 21:05:22</t>
  </si>
  <si>
    <t>01/16/2020 21:05:42</t>
  </si>
  <si>
    <t>01/16/2020 21:05:43</t>
  </si>
  <si>
    <t>01/16/2020 21:05:44</t>
  </si>
  <si>
    <t>01/16/2020 21:05:45</t>
  </si>
  <si>
    <t>01/16/2020 21:05:48</t>
  </si>
  <si>
    <t>01/16/2020 21:05:50</t>
  </si>
  <si>
    <t>01/16/2020 21:06:09</t>
  </si>
  <si>
    <t>01/16/2020 21:06:14</t>
  </si>
  <si>
    <t>01/16/2020 21:03:13</t>
  </si>
  <si>
    <t>01/16/2020 21:08:40</t>
  </si>
  <si>
    <t>f2dac380-7566-4fb3-abaa-0a3627c0c7d9.tmp</t>
  </si>
  <si>
    <t>\\acsfs\profiles$\ingridsm\Downloads\f2dac380-7566-4fb3-abaa-0a3627c0c7d9.tmp</t>
  </si>
  <si>
    <t>01/16/2020 21:07:06</t>
  </si>
  <si>
    <t>01/16/2020 21:11:39</t>
  </si>
  <si>
    <t>Brenda Qualidade.PNG</t>
  </si>
  <si>
    <t>01/16/2020 21:08:13</t>
  </si>
  <si>
    <t>Brenda Assiduidade.PNG</t>
  </si>
  <si>
    <t>01/16/2020 21:08:42</t>
  </si>
  <si>
    <t>01/16/2020 21:12:39</t>
  </si>
  <si>
    <t>01/16/2020 21:08:43</t>
  </si>
  <si>
    <t>01/16/2020 21:08:49</t>
  </si>
  <si>
    <t>01/16/2020 21:09:00</t>
  </si>
  <si>
    <t>01/16/2020 21:09:04</t>
  </si>
  <si>
    <t>01/16/2020 21:09:05</t>
  </si>
  <si>
    <t>01/16/2020 21:09:06</t>
  </si>
  <si>
    <t>01/16/2020 21:09:07</t>
  </si>
  <si>
    <t>01/16/2020 21:09:12</t>
  </si>
  <si>
    <t>01/16/2020 21:09:28</t>
  </si>
  <si>
    <t>01/16/2020 21:09:32</t>
  </si>
  <si>
    <t>01/16/2020 21:09:33</t>
  </si>
  <si>
    <t>01/16/2020 21:09:34</t>
  </si>
  <si>
    <t>01/16/2020 21:09:39</t>
  </si>
  <si>
    <t>01/16/2020 21:10:01</t>
  </si>
  <si>
    <t>01/16/2020 21:12:02</t>
  </si>
  <si>
    <t>01/16/2020 21:11:32</t>
  </si>
  <si>
    <t>01/16/2020 21:16:39</t>
  </si>
  <si>
    <t>01/16/2020 21:15:26</t>
  </si>
  <si>
    <t>01/16/2020 21:17:39</t>
  </si>
  <si>
    <t>a3942b1d-91fe-4f28-8e6b-13a6e8e0e33f.tmp</t>
  </si>
  <si>
    <t>\\acsfs\profiles$\leonardocb\Downloads\a3942b1d-91fe-4f28-8e6b-13a6e8e0e33f.tmp</t>
  </si>
  <si>
    <t>01/16/2020 21:12:33</t>
  </si>
  <si>
    <t>01/16/2020 21:12:34</t>
  </si>
  <si>
    <t>01/16/2020 21:12:35</t>
  </si>
  <si>
    <t>01/16/2020 21:12:41</t>
  </si>
  <si>
    <t>01/16/2020 21:12:45</t>
  </si>
  <si>
    <t>01/16/2020 21:12:49</t>
  </si>
  <si>
    <t>01/16/2020 21:12:50</t>
  </si>
  <si>
    <t>01/16/2020 21:12:51</t>
  </si>
  <si>
    <t>01/16/2020 21:12:53</t>
  </si>
  <si>
    <t>01/16/2020 21:12:54</t>
  </si>
  <si>
    <t>01/16/2020 21:12:56</t>
  </si>
  <si>
    <t>01/16/2020 21:12:58</t>
  </si>
  <si>
    <t>01/16/2020 21:13:00</t>
  </si>
  <si>
    <t>01/16/2020 21:13:01</t>
  </si>
  <si>
    <t>01/16/2020 21:13:02</t>
  </si>
  <si>
    <t>01/16/2020 21:13:05</t>
  </si>
  <si>
    <t>01/16/2020 21:13:10</t>
  </si>
  <si>
    <t>01/16/2020 21:13:11</t>
  </si>
  <si>
    <t>01/16/2020 21:13:12</t>
  </si>
  <si>
    <t>01/16/2020 21:13:13</t>
  </si>
  <si>
    <t>01/16/2020 21:13:14</t>
  </si>
  <si>
    <t>01/16/2020 21:14:59</t>
  </si>
  <si>
    <t>01/16/2020 21:19:39</t>
  </si>
  <si>
    <t>01/16/2020 21:19:20</t>
  </si>
  <si>
    <t>01/16/2020 21:20:39</t>
  </si>
  <si>
    <t>01/16/2020 21:19:21</t>
  </si>
  <si>
    <t>lu2716856i8bd.tmp</t>
  </si>
  <si>
    <t>\\acsfs\profiles$\rafaelacdoc\lu2716856i8bd.tmp</t>
  </si>
  <si>
    <t>\\acsfs\profiles$\rafaelacdoc\lu2716856i8bd.tmp\</t>
  </si>
  <si>
    <t>\\acsfs\profiles$\rafaelacdoc\lu2716856i8bd.tmp\META-INF\</t>
  </si>
  <si>
    <t>\\acsfs\profiles$\rafaelacdoc\lu2716856i8bd.tmp\Thumbnails\</t>
  </si>
  <si>
    <t>01/16/2020 21:19:24</t>
  </si>
  <si>
    <t>lu2716856i8bg.tmp</t>
  </si>
  <si>
    <t>\\acsfs\profiles$\rafaelacdoc\lu2716856i8bg.tmp</t>
  </si>
  <si>
    <t>\\acsfs\profiles$\rafaelacdoc\lu2716856i8bg.tmp\</t>
  </si>
  <si>
    <t>\\acsfs\profiles$\rafaelacdoc\lu2716856i8bg.tmp\META-INF\</t>
  </si>
  <si>
    <t>\\acsfs\profiles$\rafaelacdoc\lu2716856i8bg.tmp\Thumbnails\</t>
  </si>
  <si>
    <t>01/16/2020 21:19:13</t>
  </si>
  <si>
    <t>01/16/2020 21:17:40</t>
  </si>
  <si>
    <t>01/16/2020 21:21:39</t>
  </si>
  <si>
    <t>01/16/2020 21:18:14</t>
  </si>
  <si>
    <t>01/16/2020 21:22:39</t>
  </si>
  <si>
    <t>01/16/2020 21:18:15</t>
  </si>
  <si>
    <t>01/16/2020 21:18:16</t>
  </si>
  <si>
    <t>01/16/2020 21:18:20</t>
  </si>
  <si>
    <t>01/16/2020 21:18:21</t>
  </si>
  <si>
    <t>01/16/2020 21:21:15</t>
  </si>
  <si>
    <t>01/16/2020 21:23:40</t>
  </si>
  <si>
    <t>01/16/2020 21:20:10</t>
  </si>
  <si>
    <t>01/16/2020 21:22:08</t>
  </si>
  <si>
    <t>01/16/2020 21:24:39</t>
  </si>
  <si>
    <t>01/16/2020 21:19:49</t>
  </si>
  <si>
    <t>01/16/2020 21:20:14</t>
  </si>
  <si>
    <t>01/16/2020 21:25:40</t>
  </si>
  <si>
    <t>7e7c97c3-7b1b-465b-bcde-24f260ebcb54.tmp</t>
  </si>
  <si>
    <t>\\acsfs\profiles$\taylaedoa\Downloads\7e7c97c3-7b1b-465b-bcde-24f260ebcb54.tmp</t>
  </si>
  <si>
    <t>01/16/2020 21:22:01</t>
  </si>
  <si>
    <t>24e66292-db71-4e23-8a12-dfee4ff50208.tmp</t>
  </si>
  <si>
    <t>\\acsfs\profiles$\taylaedoa\Downloads\24e66292-db71-4e23-8a12-dfee4ff50208.tmp</t>
  </si>
  <si>
    <t>01/16/2020 21:26:39</t>
  </si>
  <si>
    <t>01/16/2020 21:25:43</t>
  </si>
  <si>
    <t>01/16/2020 21:27:40</t>
  </si>
  <si>
    <t>01/16/2020 21:26:56</t>
  </si>
  <si>
    <t>01/16/2020 21:28:39</t>
  </si>
  <si>
    <t>ba149f40-a90b-4498-9d9f-ffa186db7ebb.tmp</t>
  </si>
  <si>
    <t>\\acsfs\profiles$\ingridsm\Downloads\ba149f40-a90b-4498-9d9f-ffa186db7ebb.tmp</t>
  </si>
  <si>
    <t>01/16/2020 21:25:30</t>
  </si>
  <si>
    <t>01/16/2020 21:28:04</t>
  </si>
  <si>
    <t>01/16/2020 21:31:39</t>
  </si>
  <si>
    <t>10f5323a-26da-4e1a-baae-d4d0612412f8.tmp</t>
  </si>
  <si>
    <t>\\acsfs\profiles$\Adrieledgc\Downloads\10f5323a-26da-4e1a-baae-d4d0612412f8.tmp</t>
  </si>
  <si>
    <t>01/16/2020 21:31:09</t>
  </si>
  <si>
    <t>01/16/2020 21:36:39</t>
  </si>
  <si>
    <t>01/16/2020 21:34:36</t>
  </si>
  <si>
    <t>01/16/2020 21:37:39</t>
  </si>
  <si>
    <t>3897501c-cba8-455e-9c79-0d9d45d2cc35.tmp</t>
  </si>
  <si>
    <t>\\acsfs\profiles$\leonardocb\Downloads\3897501c-cba8-455e-9c79-0d9d45d2cc35.tmp</t>
  </si>
  <si>
    <t>01/16/2020 21:35:17</t>
  </si>
  <si>
    <t>81e2606d-a3bb-4c3f-bf58-d7ff46c989a7.tmp</t>
  </si>
  <si>
    <t>\\acsfs\profiles$\leonardocb\Downloads\81e2606d-a3bb-4c3f-bf58-d7ff46c989a7.tmp</t>
  </si>
  <si>
    <t>01/16/2020 21:33:12</t>
  </si>
  <si>
    <t>01/16/2020 21:38:39</t>
  </si>
  <si>
    <t>fb9a5e6c-9bef-41d7-a54f-7f5020f74a64.tmp</t>
  </si>
  <si>
    <t>\\acsfs\profiles$\gabrielamdp\Downloads\fb9a5e6c-9bef-41d7-a54f-7f5020f74a64.tmp</t>
  </si>
  <si>
    <t>01/16/2020 21:33:13</t>
  </si>
  <si>
    <t>61d9fbd9-786e-4fe0-82ab-02ae48391a0d.tmp</t>
  </si>
  <si>
    <t>\\acsfs\profiles$\gabrielamdp\Downloads\61d9fbd9-786e-4fe0-82ab-02ae48391a0d.tmp</t>
  </si>
  <si>
    <t>01/16/2020 21:35:42</t>
  </si>
  <si>
    <t>602529e0-ce2e-4e86-b818-2f4e181b872b.tmp</t>
  </si>
  <si>
    <t>\\acsfs\profiles$\gabrielamdp\Downloads\602529e0-ce2e-4e86-b818-2f4e181b872b.tmp</t>
  </si>
  <si>
    <t>01/16/2020 21:35:10</t>
  </si>
  <si>
    <t>01/16/2020 21:37:33</t>
  </si>
  <si>
    <t>01/16/2020 21:39:39</t>
  </si>
  <si>
    <t>01/16/2020 21:36:08</t>
  </si>
  <si>
    <t>01/16/2020 21:37:35</t>
  </si>
  <si>
    <t>01/16/2020 21:41:39</t>
  </si>
  <si>
    <t>01/16/2020 21:42:48</t>
  </si>
  <si>
    <t>01/16/2020 21:43:39</t>
  </si>
  <si>
    <t>9059a7f8-c82b-482d-8a00-8aa2141a9e3f.tmp</t>
  </si>
  <si>
    <t>\\acsfs\profiles$\gabrielamdp\Downloads\9059a7f8-c82b-482d-8a00-8aa2141a9e3f.tmp</t>
  </si>
  <si>
    <t>01/16/2020 21:43:09</t>
  </si>
  <si>
    <t>01/16/2020 21:44:39</t>
  </si>
  <si>
    <t>01/16/2020 21:43:29</t>
  </si>
  <si>
    <t>01/16/2020 21:46:39</t>
  </si>
  <si>
    <t>XLOG_anakcs_16012020_180633.log</t>
  </si>
  <si>
    <t>\\acsfs\profiles$\anakcs\My Documents\xworkcenter\logs\XLOG_anakcs_16012020_180633.log</t>
  </si>
  <si>
    <t>01/16/2020 21:47:39</t>
  </si>
  <si>
    <t>01/16/2020 21:43:10</t>
  </si>
  <si>
    <t>01/16/2020 21:48:39</t>
  </si>
  <si>
    <t>80989709-f43d-4bce-9885-8ebe013d51ca.tmp</t>
  </si>
  <si>
    <t>\\acsfs\profiles$\gabrielamdp\Downloads\80989709-f43d-4bce-9885-8ebe013d51ca.tmp</t>
  </si>
  <si>
    <t>01/16/2020 21:44:43</t>
  </si>
  <si>
    <t>d8e46126-808a-4abe-9f31-ff8621234a15.tmp</t>
  </si>
  <si>
    <t>\\acsfs\profiles$\gabrielamdp\Downloads\d8e46126-808a-4abe-9f31-ff8621234a15.tmp</t>
  </si>
  <si>
    <t>01/16/2020 21:49:29</t>
  </si>
  <si>
    <t>01/16/2020 21:50:40</t>
  </si>
  <si>
    <t>01/16/2020 21:48:53</t>
  </si>
  <si>
    <t>01/16/2020 21:51:39</t>
  </si>
  <si>
    <t>01/16/2020 21:52:39</t>
  </si>
  <si>
    <t>01/16/2020 21:56:39</t>
  </si>
  <si>
    <t>01/16/2020 21:57:39</t>
  </si>
  <si>
    <t>01/16/2020 21:55:43</t>
  </si>
  <si>
    <t>ddf0d137-33e2-4b96-b495-59e3f657510a.tmp</t>
  </si>
  <si>
    <t>\\acsfs\profiles$\rogeriofd\Downloads\ddf0d137-33e2-4b96-b495-59e3f657510a.tmp</t>
  </si>
  <si>
    <t>01/16/2020 21:56:33</t>
  </si>
  <si>
    <t>276f5751-81eb-4123-bfb6-cc153a71c198.tmp</t>
  </si>
  <si>
    <t>\\acsfs\profiles$\rogeriofd\Downloads\276f5751-81eb-4123-bfb6-cc153a71c198.tmp</t>
  </si>
  <si>
    <t>01/16/2020 21:53:07</t>
  </si>
  <si>
    <t>01/16/2020 21:58:39</t>
  </si>
  <si>
    <t>add5be5e-afae-4414-9e9b-96ad4c1f23e2.tmp</t>
  </si>
  <si>
    <t>\\acsfs\profiles$\gabrielamdp\Downloads\add5be5e-afae-4414-9e9b-96ad4c1f23e2.tmp</t>
  </si>
  <si>
    <t>01/16/2020 21:57:08</t>
  </si>
  <si>
    <t>01/16/2020 21:59:39</t>
  </si>
  <si>
    <t>01/16/2020 21:57:09</t>
  </si>
  <si>
    <t>01/16/2020 22:01:39</t>
  </si>
  <si>
    <t>402c7dcd-f847-47d4-95b5-029636872645.tmp</t>
  </si>
  <si>
    <t>\\acsfs\profiles$\myllenardl\Downloads\402c7dcd-f847-47d4-95b5-029636872645.tmp</t>
  </si>
  <si>
    <t>01/16/2020 22:02:40</t>
  </si>
  <si>
    <t>01/16/2020 22:01:05</t>
  </si>
  <si>
    <t>01/16/2020 22:04:39</t>
  </si>
  <si>
    <t>06685303-9d30-4b7b-9239-b02ec6a221c9.tmp</t>
  </si>
  <si>
    <t>\\acsfs\profiles$\ROBERTM\Downloads\06685303-9d30-4b7b-9239-b02ec6a221c9.tmp</t>
  </si>
  <si>
    <t>01/16/2020 22:02:09</t>
  </si>
  <si>
    <t>dd5caaab-2c59-4af7-8974-c4004624dc0e.tmp</t>
  </si>
  <si>
    <t>\\acsfs\profiles$\ROBERTM\Downloads\dd5caaab-2c59-4af7-8974-c4004624dc0e.tmp</t>
  </si>
  <si>
    <t>01/16/2020 22:03:13</t>
  </si>
  <si>
    <t>c5feb6d4-d7b7-4f00-8aa2-5ff7b5ba3c42.tmp</t>
  </si>
  <si>
    <t>\\acsfs\profiles$\fabianafv\Downloads\c5feb6d4-d7b7-4f00-8aa2-5ff7b5ba3c42.tmp</t>
  </si>
  <si>
    <t>01/16/2020 22:06:39</t>
  </si>
  <si>
    <t>01/16/2020 22:07:39</t>
  </si>
  <si>
    <t>01/16/2020 22:05:05</t>
  </si>
  <si>
    <t>01/16/2020 22:09:39</t>
  </si>
  <si>
    <t>38f49ad4-a74e-4624-b1d9-77061196182f.tmp</t>
  </si>
  <si>
    <t>\\acsfs\profiles$\ROBERTM\Downloads\38f49ad4-a74e-4624-b1d9-77061196182f.tmp</t>
  </si>
  <si>
    <t>01/16/2020 22:08:24</t>
  </si>
  <si>
    <t>01/16/2020 22:07:19</t>
  </si>
  <si>
    <t>01/16/2020 22:12:39</t>
  </si>
  <si>
    <t>01/16/2020 22:11:50</t>
  </si>
  <si>
    <t>01/16/2020 22:11:44</t>
  </si>
  <si>
    <t>01/16/2020 22:14:39</t>
  </si>
  <si>
    <t>01/16/2020 22:12:41</t>
  </si>
  <si>
    <t>01/16/2020 22:19:34</t>
  </si>
  <si>
    <t>01/16/2020 22:20:22</t>
  </si>
  <si>
    <t>01/16/2020 22:20:39</t>
  </si>
  <si>
    <t>01/16/2020 22:19:58</t>
  </si>
  <si>
    <t>01/16/2020 22:21:39</t>
  </si>
  <si>
    <t>6713d0fd-35c9-43f1-8a4c-641b3c20fcec.tmp</t>
  </si>
  <si>
    <t>\\acsfs\profiles$\Adrieledgc\Downloads\6713d0fd-35c9-43f1-8a4c-641b3c20fcec.tmp</t>
  </si>
  <si>
    <t>01/16/2020 22:16:40</t>
  </si>
  <si>
    <t>01/16/2020 22:22:39</t>
  </si>
  <si>
    <t>01/16/2020 22:20:56</t>
  </si>
  <si>
    <t>01/16/2020 22:20:58</t>
  </si>
  <si>
    <t>01/16/2020 22:20:59</t>
  </si>
  <si>
    <t>01/16/2020 22:21:00</t>
  </si>
  <si>
    <t>01/16/2020 22:21:02</t>
  </si>
  <si>
    <t>01/16/2020 22:21:03</t>
  </si>
  <si>
    <t>01/16/2020 22:21:04</t>
  </si>
  <si>
    <t>01/16/2020 22:21:05</t>
  </si>
  <si>
    <t>01/16/2020 22:21:06</t>
  </si>
  <si>
    <t>01/16/2020 22:21:07</t>
  </si>
  <si>
    <t>01/16/2020 22:21:08</t>
  </si>
  <si>
    <t>01/16/2020 22:21:10</t>
  </si>
  <si>
    <t>01/16/2020 22:21:11</t>
  </si>
  <si>
    <t>01/16/2020 22:21:12</t>
  </si>
  <si>
    <t>01/16/2020 22:21:13</t>
  </si>
  <si>
    <t>01/16/2020 22:21:14</t>
  </si>
  <si>
    <t>01/16/2020 22:21:15</t>
  </si>
  <si>
    <t>01/16/2020 22:21:16</t>
  </si>
  <si>
    <t>01/16/2020 22:21:17</t>
  </si>
  <si>
    <t>01/16/2020 22:21:19</t>
  </si>
  <si>
    <t>01/16/2020 22:21:20</t>
  </si>
  <si>
    <t>01/16/2020 22:21:21</t>
  </si>
  <si>
    <t>01/16/2020 22:21:22</t>
  </si>
  <si>
    <t>01/16/2020 22:21:23</t>
  </si>
  <si>
    <t>01/16/2020 22:21:25</t>
  </si>
  <si>
    <t>01/16/2020 22:21:26</t>
  </si>
  <si>
    <t>01/16/2020 22:21:28</t>
  </si>
  <si>
    <t>01/16/2020 22:21:29</t>
  </si>
  <si>
    <t>01/16/2020 22:21:30</t>
  </si>
  <si>
    <t>01/16/2020 22:21:31</t>
  </si>
  <si>
    <t>01/16/2020 22:21:32</t>
  </si>
  <si>
    <t>01/16/2020 22:21:33</t>
  </si>
  <si>
    <t>01/16/2020 22:21:34</t>
  </si>
  <si>
    <t>01/16/2020 22:21:36</t>
  </si>
  <si>
    <t>01/16/2020 22:21:37</t>
  </si>
  <si>
    <t>01/16/2020 22:21:55</t>
  </si>
  <si>
    <t>01/16/2020 22:22:24</t>
  </si>
  <si>
    <t>01/16/2020 22:25:39</t>
  </si>
  <si>
    <t>01/16/2020 22:27:39</t>
  </si>
  <si>
    <t>01/16/2020 22:28:45</t>
  </si>
  <si>
    <t>01/16/2020 22:31:40</t>
  </si>
  <si>
    <t>01/16/2020 22:32:39</t>
  </si>
  <si>
    <t>01/16/2020 22:32:13</t>
  </si>
  <si>
    <t>01/16/2020 22:37:39</t>
  </si>
  <si>
    <t>01/16/2020 22:35:07</t>
  </si>
  <si>
    <t>01/16/2020 22:35:59</t>
  </si>
  <si>
    <t>01/16/2020 22:34:17</t>
  </si>
  <si>
    <t>01/16/2020 22:38:39</t>
  </si>
  <si>
    <t>01/16/2020 22:35:06</t>
  </si>
  <si>
    <t>01/16/2020 22:40:39</t>
  </si>
  <si>
    <t>01/16/2020 22:42:39</t>
  </si>
  <si>
    <t>01/16/2020 22:40:28</t>
  </si>
  <si>
    <t>01/16/2020 22:40:30</t>
  </si>
  <si>
    <t>44304e6f-092e-4e22-9c4c-e1b6420f7341.tmp</t>
  </si>
  <si>
    <t>\\acsfs\profiles$\joycemmdl\Downloads\44304e6f-092e-4e22-9c4c-e1b6420f7341.tmp</t>
  </si>
  <si>
    <t>01/16/2020 22:40:43</t>
  </si>
  <si>
    <t>Unconfirmed 677966.crdownload</t>
  </si>
  <si>
    <t>\\acsfs\profiles$\joycemmdl\Downloads\Unconfirmed 677966.crdownload</t>
  </si>
  <si>
    <t>01/16/2020 22:41:03</t>
  </si>
  <si>
    <t>ed89b968-e6d3-4ef8-8510-80aa61949b3b.tmp</t>
  </si>
  <si>
    <t>\\acsfs\profiles$\joycemmdl\Downloads\ed89b968-e6d3-4ef8-8510-80aa61949b3b.tmp</t>
  </si>
  <si>
    <t>01/16/2020 22:40:35</t>
  </si>
  <si>
    <t>01/16/2020 22:43:38</t>
  </si>
  <si>
    <t>01/16/2020 22:40:10</t>
  </si>
  <si>
    <t>01/16/2020 22:45:34</t>
  </si>
  <si>
    <t>01/16/2020 22:46:39</t>
  </si>
  <si>
    <t>01/16/2020 22:47:38</t>
  </si>
  <si>
    <t>01/16/2020 22:45:16</t>
  </si>
  <si>
    <t>01/16/2020 22:48:39</t>
  </si>
  <si>
    <t>01/16/2020 22:52:39</t>
  </si>
  <si>
    <t>01/16/2020 22:57:39</t>
  </si>
  <si>
    <t>01/16/2020 22:57:10</t>
  </si>
  <si>
    <t>01/16/2020 22:58:39</t>
  </si>
  <si>
    <t>01/16/2020 22:57:19</t>
  </si>
  <si>
    <t>01/16/2020 22:59:39</t>
  </si>
  <si>
    <t>66ef27c0-bb84-4afc-b980-69a450a8b4ff.tmp</t>
  </si>
  <si>
    <t>\\acsfs\profiles$\marlyannegdls\Downloads\66ef27c0-bb84-4afc-b980-69a450a8b4ff.tmp</t>
  </si>
  <si>
    <t>01/16/2020 22:58:22</t>
  </si>
  <si>
    <t>c16f8d63-678d-4cc2-8408-e43765f0e0a5.tmp</t>
  </si>
  <si>
    <t>\\acsfs\profiles$\marlyannegdls\Downloads\c16f8d63-678d-4cc2-8408-e43765f0e0a5.tmp</t>
  </si>
  <si>
    <t>01/16/2020 23:02:40</t>
  </si>
  <si>
    <t>01/16/2020 23:00:29</t>
  </si>
  <si>
    <t>01/16/2020 23:05:39</t>
  </si>
  <si>
    <t>01/16/2020 23:07:39</t>
  </si>
  <si>
    <t>01/16/2020 23:08:41</t>
  </si>
  <si>
    <t>01/16/2020 23:11:39</t>
  </si>
  <si>
    <t>01/16/2020 23:12:39</t>
  </si>
  <si>
    <t>01/16/2020 23:09:24</t>
  </si>
  <si>
    <t>01/16/2020 23:17:39</t>
  </si>
  <si>
    <t>01/16/2020 23:14:33</t>
  </si>
  <si>
    <t>01/16/2020 23:17:53</t>
  </si>
  <si>
    <t>01/16/2020 23:18:40</t>
  </si>
  <si>
    <t>01/16/2020 23:19:54</t>
  </si>
  <si>
    <t>01/16/2020 23:20:39</t>
  </si>
  <si>
    <t>0f269e15-36d4-4231-9ce8-1bf49a6c6755.tmp</t>
  </si>
  <si>
    <t>\\acsfs\profiles$\andressamf\Downloads\0f269e15-36d4-4231-9ce8-1bf49a6c6755.tmp</t>
  </si>
  <si>
    <t>01/16/2020 23:16:07</t>
  </si>
  <si>
    <t>01/16/2020 23:21:39</t>
  </si>
  <si>
    <t>01/16/2020 23:22:39</t>
  </si>
  <si>
    <t>01/16/2020 23:27:39</t>
  </si>
  <si>
    <t>01/16/2020 23:32:39</t>
  </si>
  <si>
    <t>01/16/2020 23:30:15</t>
  </si>
  <si>
    <t>01/16/2020 23:33:39</t>
  </si>
  <si>
    <t>01/16/2020 23:37:39</t>
  </si>
  <si>
    <t>01/16/2020 23:42:39</t>
  </si>
  <si>
    <t>01/16/2020 23:39:55</t>
  </si>
  <si>
    <t>01/16/2020 23:41:41</t>
  </si>
  <si>
    <t>01/16/2020 23:43:39</t>
  </si>
  <si>
    <t>01/16/2020 23:44:38</t>
  </si>
  <si>
    <t>01/16/2020 23:45:39</t>
  </si>
  <si>
    <t>43123df1-24ee-48cc-957f-a929621c728b.tmp</t>
  </si>
  <si>
    <t>\\acsfs\profiles$\mariaavds\Downloads\43123df1-24ee-48cc-957f-a929621c728b.tmp</t>
  </si>
  <si>
    <t>01/16/2020 23:47:39</t>
  </si>
  <si>
    <t>01/16/2020 23:47:15</t>
  </si>
  <si>
    <t>01/16/2020 23:46:12</t>
  </si>
  <si>
    <t>01/16/2020 23:48:39</t>
  </si>
  <si>
    <t>01/16/2020 23:44:43</t>
  </si>
  <si>
    <t>01/16/2020 23:50:39</t>
  </si>
  <si>
    <t>59a50afc-a8d1-4cac-bb96-9ae3c2def995.tmp</t>
  </si>
  <si>
    <t>\\acsfs\profiles$\mariaavds\Downloads\59a50afc-a8d1-4cac-bb96-9ae3c2def995.tmp</t>
  </si>
  <si>
    <t>01/16/2020 23:45:43</t>
  </si>
  <si>
    <t>1868891c-b349-4814-8088-6f6fec27e588.tmp</t>
  </si>
  <si>
    <t>\\acsfs\profiles$\mariaavds\Downloads\1868891c-b349-4814-8088-6f6fec27e588.tmp</t>
  </si>
  <si>
    <t>01/16/2020 23:52:39</t>
  </si>
  <si>
    <t>01/16/2020 23:50:13</t>
  </si>
  <si>
    <t>01/16/2020 23:49:51</t>
  </si>
  <si>
    <t>01/16/2020 23:54:39</t>
  </si>
  <si>
    <t>01/16/2020 23:52:06</t>
  </si>
  <si>
    <t>01/16/2020 23:55:39</t>
  </si>
  <si>
    <t>01/16/2020 23:55:41</t>
  </si>
  <si>
    <t>01/16/2020 23:56:39</t>
  </si>
  <si>
    <t>01/16/2020 23:57:39</t>
  </si>
  <si>
    <t>01/17/2020 00:02:39</t>
  </si>
  <si>
    <t>01/16/2020 23:59:15</t>
  </si>
  <si>
    <t>01/17/2020 00:03:13</t>
  </si>
  <si>
    <t>01/17/2020 00:04:39</t>
  </si>
  <si>
    <t>01/17/2020 00:04:15</t>
  </si>
  <si>
    <t>01/17/2020 00:06:39</t>
  </si>
  <si>
    <t>01/17/2020 00:01:52</t>
  </si>
  <si>
    <t>01/17/2020 00:07:39</t>
  </si>
  <si>
    <t>01/17/2020 00:03:36</t>
  </si>
  <si>
    <t>01/17/2020 00:06:23</t>
  </si>
  <si>
    <t>01/17/2020 00:03:06</t>
  </si>
  <si>
    <t>01/17/2020 00:07:42</t>
  </si>
  <si>
    <t>01/17/2020 00:08:39</t>
  </si>
  <si>
    <t>01/17/2020 00:07:16</t>
  </si>
  <si>
    <t>01/17/2020 00:05:50</t>
  </si>
  <si>
    <t>01/17/2020 00:08:31</t>
  </si>
  <si>
    <t>01/17/2020 00:09:39</t>
  </si>
  <si>
    <t>01/17/2020 00:05:52</t>
  </si>
  <si>
    <t>01/17/2020 00:06:57</t>
  </si>
  <si>
    <t>01/17/2020 00:08:10</t>
  </si>
  <si>
    <t>01/17/2020 00:10:39</t>
  </si>
  <si>
    <t>01/17/2020 00:10:17</t>
  </si>
  <si>
    <t>01/17/2020 00:09:57</t>
  </si>
  <si>
    <t>01/17/2020 00:08:12</t>
  </si>
  <si>
    <t>01/17/2020 00:09:09</t>
  </si>
  <si>
    <t>01/17/2020 00:11:39</t>
  </si>
  <si>
    <t>01/17/2020 00:08:30</t>
  </si>
  <si>
    <t>01/17/2020 00:09:19</t>
  </si>
  <si>
    <t>01/17/2020 00:12:39</t>
  </si>
  <si>
    <t>01/17/2020 00:08:06</t>
  </si>
  <si>
    <t>01/17/2020 00:12:03</t>
  </si>
  <si>
    <t>01/17/2020 00:13:39</t>
  </si>
  <si>
    <t>01/17/2020 00:12:02</t>
  </si>
  <si>
    <t>01/17/2020 00:12:53</t>
  </si>
  <si>
    <t>01/17/2020 00:14:39</t>
  </si>
  <si>
    <t>01/17/2020 00:09:34</t>
  </si>
  <si>
    <t>01/17/2020 00:11:05</t>
  </si>
  <si>
    <t>01/17/2020 00:15:40</t>
  </si>
  <si>
    <t>01/17/2020 00:11:55</t>
  </si>
  <si>
    <t>01/17/2020 00:13:51</t>
  </si>
  <si>
    <t>01/17/2020 00:16:39</t>
  </si>
  <si>
    <t>01/17/2020 00:17:39</t>
  </si>
  <si>
    <t>01/17/2020 00:13:49</t>
  </si>
  <si>
    <t>01/17/2020 00:14:57</t>
  </si>
  <si>
    <t>01/17/2020 00:14:10</t>
  </si>
  <si>
    <t>01/17/2020 00:18:39</t>
  </si>
  <si>
    <t>01/17/2020 00:19:38</t>
  </si>
  <si>
    <t>01/17/2020 00:20:39</t>
  </si>
  <si>
    <t>01/17/2020 00:22:39</t>
  </si>
  <si>
    <t>01/17/2020 00:21:16</t>
  </si>
  <si>
    <t>01/17/2020 00:24:39</t>
  </si>
  <si>
    <t>01/17/2020 00:22:40</t>
  </si>
  <si>
    <t>01/17/2020 00:22:14</t>
  </si>
  <si>
    <t>01/17/2020 00:25:39</t>
  </si>
  <si>
    <t>01/17/2020 00:27:39</t>
  </si>
  <si>
    <t>01/17/2020 00:26:39</t>
  </si>
  <si>
    <t>01/17/2020 00:27:07</t>
  </si>
  <si>
    <t>01/17/2020 00:30:39</t>
  </si>
  <si>
    <t>01/17/2020 00:32:39</t>
  </si>
  <si>
    <t>01/17/2020 00:30:19</t>
  </si>
  <si>
    <t>01/17/2020 00:30:49</t>
  </si>
  <si>
    <t>01/17/2020 00:34:39</t>
  </si>
  <si>
    <t>01/17/2020 00:37:39</t>
  </si>
  <si>
    <t>01/17/2020 00:37:46</t>
  </si>
  <si>
    <t>01/17/2020 00:41:38</t>
  </si>
  <si>
    <t>01/17/2020 00:42:39</t>
  </si>
  <si>
    <t>01/17/2020 00:40:14</t>
  </si>
  <si>
    <t>01/17/2020 00:43:38</t>
  </si>
  <si>
    <t>01/17/2020 00:44:08</t>
  </si>
  <si>
    <t>01/17/2020 00:47:38</t>
  </si>
  <si>
    <t>01/17/2020 00:47:39</t>
  </si>
  <si>
    <t>01/17/2020 00:45:24</t>
  </si>
  <si>
    <t>01/17/2020 00:48:38</t>
  </si>
  <si>
    <t>01/17/2020 00:52:38</t>
  </si>
  <si>
    <t>01/17/2020 00:51:23</t>
  </si>
  <si>
    <t>01/17/2020 00:53:39</t>
  </si>
  <si>
    <t>01/17/2020 00:52:11</t>
  </si>
  <si>
    <t>01/17/2020 00:49:30</t>
  </si>
  <si>
    <t>01/17/2020 00:54:38</t>
  </si>
  <si>
    <t>01/17/2020 00:57:38</t>
  </si>
  <si>
    <t>01/17/2020 00:57:39</t>
  </si>
  <si>
    <t>01/17/2020 01:13:40</t>
  </si>
  <si>
    <t>01/17/2020 01:07:30</t>
  </si>
  <si>
    <t>01/17/2020 01:07:19</t>
  </si>
  <si>
    <t>01/17/2020 01:14:39</t>
  </si>
  <si>
    <t>01/17/2020 01:15:40</t>
  </si>
  <si>
    <t>01/17/2020 01:13:29</t>
  </si>
  <si>
    <t>01/17/2020 01:16:40</t>
  </si>
  <si>
    <t>01/17/2020 01:17:40</t>
  </si>
  <si>
    <t>01/17/2020 01:19:40</t>
  </si>
  <si>
    <t>01/17/2020 01:16:09</t>
  </si>
  <si>
    <t>01/17/2020 01:22:17</t>
  </si>
  <si>
    <t>01/17/2020 01:22:40</t>
  </si>
  <si>
    <t>01/17/2020 01:19:07</t>
  </si>
  <si>
    <t>01/17/2020 01:23:40</t>
  </si>
  <si>
    <t>01/17/2020 01:24:40</t>
  </si>
  <si>
    <t>01/17/2020 01:23:21</t>
  </si>
  <si>
    <t>01/17/2020 01:26:40</t>
  </si>
  <si>
    <t>01/17/2020 01:29:40</t>
  </si>
  <si>
    <t>01/17/2020 01:26:20</t>
  </si>
  <si>
    <t>01/17/2020 01:30:40</t>
  </si>
  <si>
    <t>01/17/2020 01:30:43</t>
  </si>
  <si>
    <t>01/17/2020 01:31:40</t>
  </si>
  <si>
    <t>01/17/2020 01:32:25</t>
  </si>
  <si>
    <t>01/17/2020 01:32:40</t>
  </si>
  <si>
    <t>01/17/2020 01:30:59</t>
  </si>
  <si>
    <t>01/17/2020 01:33:40</t>
  </si>
  <si>
    <t>01/17/2020 01:34:39</t>
  </si>
  <si>
    <t>01/17/2020 01:34:40</t>
  </si>
  <si>
    <t>01/17/2020 01:39:40</t>
  </si>
  <si>
    <t>01/17/2020 01:44:40</t>
  </si>
  <si>
    <t>01/17/2020 01:49:40</t>
  </si>
  <si>
    <t>01/17/2020 01:48:42</t>
  </si>
  <si>
    <t>01/17/2020 01:50:40</t>
  </si>
  <si>
    <t>01/17/2020 01:47:48</t>
  </si>
  <si>
    <t>01/17/2020 01:47:53</t>
  </si>
  <si>
    <t>01/17/2020 01:51:39</t>
  </si>
  <si>
    <t>01/17/2020 01:54:39</t>
  </si>
  <si>
    <t>01/17/2020 01:52:57</t>
  </si>
  <si>
    <t>01/17/2020 01:56:39</t>
  </si>
  <si>
    <t>01/17/2020 01:54:25</t>
  </si>
  <si>
    <t>01/17/2020 01:57:40</t>
  </si>
  <si>
    <t>01/17/2020 01:59:40</t>
  </si>
  <si>
    <t>01/17/2020 01:55:14</t>
  </si>
  <si>
    <t>01/17/2020 02:00:40</t>
  </si>
  <si>
    <t>01/17/2020 02:04:40</t>
  </si>
  <si>
    <t>01/17/2020 02:05:39</t>
  </si>
  <si>
    <t>01/17/2020 02:07:40</t>
  </si>
  <si>
    <t>01/17/2020 02:09:40</t>
  </si>
  <si>
    <t>01/17/2020 02:08:23</t>
  </si>
  <si>
    <t>01/17/2020 02:10:40</t>
  </si>
  <si>
    <t>01/17/2020 02:06:26</t>
  </si>
  <si>
    <t>01/17/2020 02:07:10</t>
  </si>
  <si>
    <t>01/17/2020 02:12:39</t>
  </si>
  <si>
    <t>01/17/2020 02:11:37</t>
  </si>
  <si>
    <t>01/17/2020 02:13:40</t>
  </si>
  <si>
    <t>01/17/2020 02:10:57</t>
  </si>
  <si>
    <t>01/17/2020 02:14:40</t>
  </si>
  <si>
    <t>01/17/2020 02:12:19</t>
  </si>
  <si>
    <t>01/17/2020 02:15:40</t>
  </si>
  <si>
    <t>01/17/2020 02:19:41</t>
  </si>
  <si>
    <t>01/17/2020 02:24:41</t>
  </si>
  <si>
    <t>01/17/2020 02:22:36</t>
  </si>
  <si>
    <t>01/17/2020 02:25:40</t>
  </si>
  <si>
    <t>01/17/2020 02:29:40</t>
  </si>
  <si>
    <t>01/17/2020 02:31:51</t>
  </si>
  <si>
    <t>01/17/2020 02:32:40</t>
  </si>
  <si>
    <t>931ea2ae-4466-4270-944d-32ca1b556cdb.tmp</t>
  </si>
  <si>
    <t>\\acsfs\profiles$\rogeriofd\Downloads\931ea2ae-4466-4270-944d-32ca1b556cdb.tmp</t>
  </si>
  <si>
    <t>01/17/2020 02:34:40</t>
  </si>
  <si>
    <t>01/17/2020 02:33:28</t>
  </si>
  <si>
    <t>01/17/2020 02:37:40</t>
  </si>
  <si>
    <t>01/17/2020 02:36:21</t>
  </si>
  <si>
    <t>01/17/2020 02:38:40</t>
  </si>
  <si>
    <t>01/17/2020 02:39:40</t>
  </si>
  <si>
    <t>01/17/2020 02:38:43</t>
  </si>
  <si>
    <t>01/17/2020 02:41:39</t>
  </si>
  <si>
    <t>01/17/2020 02:44:40</t>
  </si>
  <si>
    <t>01/17/2020 02:41:13</t>
  </si>
  <si>
    <t>01/17/2020 02:45:40</t>
  </si>
  <si>
    <t>01/17/2020 02:44:30</t>
  </si>
  <si>
    <t>01/17/2020 02:47:40</t>
  </si>
  <si>
    <t>01/17/2020 02:44:23</t>
  </si>
  <si>
    <t>01/17/2020 02:44:05</t>
  </si>
  <si>
    <t>01/17/2020 02:48:39</t>
  </si>
  <si>
    <t>01/17/2020 02:49:40</t>
  </si>
  <si>
    <t>01/17/2020 02:47:25</t>
  </si>
  <si>
    <t>01/17/2020 02:49:25</t>
  </si>
  <si>
    <t>01/17/2020 02:51:40</t>
  </si>
  <si>
    <t>01/17/2020 02:54:39</t>
  </si>
  <si>
    <t>01/17/2020 02:52:59</t>
  </si>
  <si>
    <t>01/17/2020 02:59:38</t>
  </si>
  <si>
    <t>01/17/2020 02:56:44</t>
  </si>
  <si>
    <t>01/17/2020 03:00:39</t>
  </si>
  <si>
    <t>01/17/2020 03:04:39</t>
  </si>
  <si>
    <t>01/17/2020 03:04:22</t>
  </si>
  <si>
    <t>01/17/2020 03:05:39</t>
  </si>
  <si>
    <t>01/17/2020 03:09:39</t>
  </si>
  <si>
    <t>01/17/2020 03:14:40</t>
  </si>
  <si>
    <t>01/17/2020 03:13:02</t>
  </si>
  <si>
    <t>01/17/2020 03:18:39</t>
  </si>
  <si>
    <t>01/17/2020 03:19:39</t>
  </si>
  <si>
    <t>01/17/2020 03:16:17</t>
  </si>
  <si>
    <t>01/17/2020 03:17:40</t>
  </si>
  <si>
    <t>01/17/2020 03:19:06</t>
  </si>
  <si>
    <t>01/17/2020 03:23:40</t>
  </si>
  <si>
    <t>01/17/2020 03:24:39</t>
  </si>
  <si>
    <t>01/17/2020 03:24:40</t>
  </si>
  <si>
    <t>01/17/2020 03:23:34</t>
  </si>
  <si>
    <t>01/17/2020 03:26:40</t>
  </si>
  <si>
    <t>01/17/2020 03:24:19</t>
  </si>
  <si>
    <t>01/17/2020 03:28:40</t>
  </si>
  <si>
    <t>01/17/2020 03:29:40</t>
  </si>
  <si>
    <t>01/17/2020 03:26:09</t>
  </si>
  <si>
    <t>01/17/2020 03:30:40</t>
  </si>
  <si>
    <t>01/17/2020 03:34:40</t>
  </si>
  <si>
    <t>01/17/2020 03:29:44</t>
  </si>
  <si>
    <t>01/17/2020 03:30:32</t>
  </si>
  <si>
    <t>01/17/2020 03:35:40</t>
  </si>
  <si>
    <t>01/17/2020 03:34:07</t>
  </si>
  <si>
    <t>01/17/2020 03:36:40</t>
  </si>
  <si>
    <t>01/17/2020 03:35:18</t>
  </si>
  <si>
    <t>01/17/2020 03:32:50</t>
  </si>
  <si>
    <t>01/17/2020 03:37:40</t>
  </si>
  <si>
    <t>01/17/2020 03:36:01</t>
  </si>
  <si>
    <t>01/17/2020 03:38:40</t>
  </si>
  <si>
    <t>01/17/2020 03:39:41</t>
  </si>
  <si>
    <t>01/17/2020 03:34:43</t>
  </si>
  <si>
    <t>01/17/2020 03:35:58</t>
  </si>
  <si>
    <t>01/17/2020 03:40:40</t>
  </si>
  <si>
    <t>01/17/2020 03:41:30</t>
  </si>
  <si>
    <t>01/17/2020 03:41:41</t>
  </si>
  <si>
    <t>01/17/2020 03:37:46</t>
  </si>
  <si>
    <t>01/17/2020 03:42:40</t>
  </si>
  <si>
    <t>01/17/2020 03:44:40</t>
  </si>
  <si>
    <t>01/17/2020 03:42:13</t>
  </si>
  <si>
    <t>01/17/2020 03:46:40</t>
  </si>
  <si>
    <t>01/17/2020 03:46:00</t>
  </si>
  <si>
    <t>01/17/2020 03:47:40</t>
  </si>
  <si>
    <t>01/17/2020 03:49:40</t>
  </si>
  <si>
    <t>01/17/2020 03:47:35</t>
  </si>
  <si>
    <t>01/17/2020 03:50:40</t>
  </si>
  <si>
    <t>01/17/2020 03:47:42</t>
  </si>
  <si>
    <t>01/17/2020 03:52:40</t>
  </si>
  <si>
    <t>01/17/2020 03:50:58</t>
  </si>
  <si>
    <t>01/17/2020 03:49:23</t>
  </si>
  <si>
    <t>01/17/2020 03:53:40</t>
  </si>
  <si>
    <t>01/17/2020 03:54:40</t>
  </si>
  <si>
    <t>01/17/2020 03:55:37</t>
  </si>
  <si>
    <t>01/17/2020 03:56:39</t>
  </si>
  <si>
    <t>01/17/2020 03:54:50</t>
  </si>
  <si>
    <t>01/17/2020 03:58:40</t>
  </si>
  <si>
    <t>01/17/2020 03:59:40</t>
  </si>
  <si>
    <t>01/17/2020 03:57:16</t>
  </si>
  <si>
    <t>01/17/2020 04:00:40</t>
  </si>
  <si>
    <t>01/17/2020 03:57:58</t>
  </si>
  <si>
    <t>01/17/2020 04:02:40</t>
  </si>
  <si>
    <t>01/17/2020 04:01:02</t>
  </si>
  <si>
    <t>01/17/2020 04:03:39</t>
  </si>
  <si>
    <t>01/17/2020 04:01:59</t>
  </si>
  <si>
    <t>01/17/2020 04:04:40</t>
  </si>
  <si>
    <t>01/17/2020 04:00:36</t>
  </si>
  <si>
    <t>01/17/2020 04:09:40</t>
  </si>
  <si>
    <t>01/17/2020 04:07:32</t>
  </si>
  <si>
    <t>01/17/2020 04:09:23</t>
  </si>
  <si>
    <t>01/17/2020 04:10:39</t>
  </si>
  <si>
    <t>e0058bac-6866-47d2-95e3-622866ed00ab.tmp</t>
  </si>
  <si>
    <t>\\acsfs\profiles$\mariaavds\Downloads\e0058bac-6866-47d2-95e3-622866ed00ab.tmp</t>
  </si>
  <si>
    <t>01/17/2020 04:08:13</t>
  </si>
  <si>
    <t>01/17/2020 04:12:39</t>
  </si>
  <si>
    <t>01/17/2020 04:14:40</t>
  </si>
  <si>
    <t>01/17/2020 04:10:52</t>
  </si>
  <si>
    <t>01/17/2020 04:10:22</t>
  </si>
  <si>
    <t>01/17/2020 04:15:40</t>
  </si>
  <si>
    <t>e9bd43a6-f049-40c6-a8d2-0dc14ba68528.tmp</t>
  </si>
  <si>
    <t>\\acsfs\profiles$\mariaavds\Downloads\e9bd43a6-f049-40c6-a8d2-0dc14ba68528.tmp</t>
  </si>
  <si>
    <t>01/17/2020 04:19:40</t>
  </si>
  <si>
    <t>01/17/2020 04:22:15</t>
  </si>
  <si>
    <t>01/17/2020 04:22:40</t>
  </si>
  <si>
    <t>01/17/2020 04:24:39</t>
  </si>
  <si>
    <t>01/17/2020 04:22:36</t>
  </si>
  <si>
    <t>01/17/2020 04:25:39</t>
  </si>
  <si>
    <t>01/17/2020 04:29:39</t>
  </si>
  <si>
    <t>01/17/2020 04:27:42</t>
  </si>
  <si>
    <t>b10a2338-4adf-4c3a-b89a-8605b25de4a1.tmp</t>
  </si>
  <si>
    <t>\\acsfs\profiles$\ROBERTM\Downloads\b10a2338-4adf-4c3a-b89a-8605b25de4a1.tmp</t>
  </si>
  <si>
    <t>01/17/2020 04:27:59</t>
  </si>
  <si>
    <t>003029ee-45e3-4242-a743-bbb5c89f2ab0.tmp</t>
  </si>
  <si>
    <t>\\acsfs\profiles$\ROBERTM\Downloads\003029ee-45e3-4242-a743-bbb5c89f2ab0.tmp</t>
  </si>
  <si>
    <t>01/17/2020 04:34:40</t>
  </si>
  <si>
    <t>01/17/2020 04:30:23</t>
  </si>
  <si>
    <t>01/17/2020 04:35:40</t>
  </si>
  <si>
    <t>01/17/2020 04:31:28</t>
  </si>
  <si>
    <t>01/17/2020 04:37:38</t>
  </si>
  <si>
    <t>01/17/2020 04:38:40</t>
  </si>
  <si>
    <t>01/17/2020 04:34:17</t>
  </si>
  <si>
    <t>01/17/2020 04:39:40</t>
  </si>
  <si>
    <t>01/17/2020 04:35:23</t>
  </si>
  <si>
    <t>01/17/2020 04:40:41</t>
  </si>
  <si>
    <t>01/17/2020 04:41:48</t>
  </si>
  <si>
    <t>01/17/2020 04:42:40</t>
  </si>
  <si>
    <t>01/17/2020 04:39:46</t>
  </si>
  <si>
    <t>01/17/2020 04:43:41</t>
  </si>
  <si>
    <t>01/17/2020 04:44:40</t>
  </si>
  <si>
    <t>01/17/2020 04:45:40</t>
  </si>
  <si>
    <t>01/17/2020 04:46:40</t>
  </si>
  <si>
    <t>01/17/2020 04:49:40</t>
  </si>
  <si>
    <t>01/17/2020 04:45:54</t>
  </si>
  <si>
    <t>01/17/2020 04:50:41</t>
  </si>
  <si>
    <t>01/17/2020 04:48:04</t>
  </si>
  <si>
    <t>01/17/2020 04:48:24</t>
  </si>
  <si>
    <t>01/17/2020 04:52:40</t>
  </si>
  <si>
    <t>01/17/2020 04:49:45</t>
  </si>
  <si>
    <t>01/17/2020 04:53:41</t>
  </si>
  <si>
    <t>01/17/2020 04:54:41</t>
  </si>
  <si>
    <t>01/17/2020 04:54:06</t>
  </si>
  <si>
    <t>01/17/2020 04:53:48</t>
  </si>
  <si>
    <t>01/17/2020 04:56:41</t>
  </si>
  <si>
    <t>01/17/2020 04:57:40</t>
  </si>
  <si>
    <t>01/17/2020 04:54:56</t>
  </si>
  <si>
    <t>01/17/2020 04:54:39</t>
  </si>
  <si>
    <t>01/17/2020 04:58:40</t>
  </si>
  <si>
    <t>01/17/2020 04:59:41</t>
  </si>
  <si>
    <t>01/17/2020 04:57:08</t>
  </si>
  <si>
    <t>01/17/2020 05:05:40</t>
  </si>
  <si>
    <t>01/17/2020 05:03:05</t>
  </si>
  <si>
    <t>01/17/2020 05:02:03</t>
  </si>
  <si>
    <t>01/17/2020 05:03:26</t>
  </si>
  <si>
    <t>01/17/2020 05:05:41</t>
  </si>
  <si>
    <t>01/17/2020 05:06:35</t>
  </si>
  <si>
    <t>01/17/2020 05:07:40</t>
  </si>
  <si>
    <t>01/17/2020 05:10:41</t>
  </si>
  <si>
    <t>01/17/2020 05:10:37</t>
  </si>
  <si>
    <t>01/17/2020 05:13:41</t>
  </si>
  <si>
    <t>01/17/2020 05:15:41</t>
  </si>
  <si>
    <t>01/17/2020 05:17:03</t>
  </si>
  <si>
    <t>01/17/2020 05:20:41</t>
  </si>
  <si>
    <t>01/17/2020 05:22:23</t>
  </si>
  <si>
    <t>01/17/2020 05:25:41</t>
  </si>
  <si>
    <t>01/17/2020 05:20:57</t>
  </si>
  <si>
    <t>01/17/2020 05:30:41</t>
  </si>
  <si>
    <t>01/17/2020 05:31:58</t>
  </si>
  <si>
    <t>01/17/2020 05:33:41</t>
  </si>
  <si>
    <t>01/17/2020 05:35:41</t>
  </si>
  <si>
    <t>01/17/2020 05:33:00</t>
  </si>
  <si>
    <t>01/17/2020 05:37:41</t>
  </si>
  <si>
    <t>01/17/2020 05:36:23</t>
  </si>
  <si>
    <t>bc544877-6b4a-4e37-a65a-36abd0d73675.tmp</t>
  </si>
  <si>
    <t>\\acsfs\profiles$\rogeriofd\Downloads\bc544877-6b4a-4e37-a65a-36abd0d73675.tmp</t>
  </si>
  <si>
    <t>01/17/2020 05:40:41</t>
  </si>
  <si>
    <t>01/17/2020 05:41:41</t>
  </si>
  <si>
    <t>01/17/2020 05:45:41</t>
  </si>
  <si>
    <t>01/17/2020 05:46:41</t>
  </si>
  <si>
    <t>01/17/2020 05:45:57</t>
  </si>
  <si>
    <t>01/17/2020 05:49:41</t>
  </si>
  <si>
    <t>f741edb8-4ab6-4ebc-a961-d391bbd9b15c.tmp</t>
  </si>
  <si>
    <t>\\acsfs\profiles$\marlyannegdls\Downloads\f741edb8-4ab6-4ebc-a961-d391bbd9b15c.tmp</t>
  </si>
  <si>
    <t>01/17/2020 05:48:39</t>
  </si>
  <si>
    <t>198773a3-180b-486d-bfee-6bf41e957ddb.tmp</t>
  </si>
  <si>
    <t>\\acsfs\profiles$\ROZENCAM\Downloads\198773a3-180b-486d-bfee-6bf41e957ddb.tmp</t>
  </si>
  <si>
    <t>01/17/2020 05:50:42</t>
  </si>
  <si>
    <t>01/17/2020 05:51:41</t>
  </si>
  <si>
    <t>01/17/2020 05:49:33</t>
  </si>
  <si>
    <t>01/17/2020 05:52:41</t>
  </si>
  <si>
    <t>01/17/2020 05:50:34</t>
  </si>
  <si>
    <t>01/17/2020 05:54:41</t>
  </si>
  <si>
    <t>510801f2-2c1a-451e-a539-1fdbe924a33d.tmp</t>
  </si>
  <si>
    <t>\\acsfs\profiles$\ROZENCAM\Downloads\510801f2-2c1a-451e-a539-1fdbe924a33d.tmp</t>
  </si>
  <si>
    <t>01/17/2020 05:51:49</t>
  </si>
  <si>
    <t>01/17/2020 05:55:41</t>
  </si>
  <si>
    <t>01/17/2020 05:56:41</t>
  </si>
  <si>
    <t>01/17/2020 05:59:49</t>
  </si>
  <si>
    <t>01/17/2020 06:00:42</t>
  </si>
  <si>
    <t>a334f662-59a8-4fcc-9f22-d80ea6c3079c.tmp</t>
  </si>
  <si>
    <t>\\acsfs\profiles$\lucasqdss\Downloads\a334f662-59a8-4fcc-9f22-d80ea6c3079c.tmp</t>
  </si>
  <si>
    <t>01/17/2020 06:01:41</t>
  </si>
  <si>
    <t>01/17/2020 05:59:36</t>
  </si>
  <si>
    <t>01/17/2020 05:57:54</t>
  </si>
  <si>
    <t>01/17/2020 06:02:41</t>
  </si>
  <si>
    <t>01/17/2020 06:06:41</t>
  </si>
  <si>
    <t>01/17/2020 06:02:43</t>
  </si>
  <si>
    <t>01/17/2020 06:04:30</t>
  </si>
  <si>
    <t>01/17/2020 06:08:41</t>
  </si>
  <si>
    <t>01/17/2020 06:09:40</t>
  </si>
  <si>
    <t>01/17/2020 06:10:41</t>
  </si>
  <si>
    <t>13f5a049-460b-49cd-be05-f231aa106291.tmp</t>
  </si>
  <si>
    <t>\\acsfs\profiles$\lucasqdss\Downloads\13f5a049-460b-49cd-be05-f231aa106291.tmp</t>
  </si>
  <si>
    <t>01/17/2020 06:11:41</t>
  </si>
  <si>
    <t>01/17/2020 06:08:34</t>
  </si>
  <si>
    <t>01/17/2020 06:13:41</t>
  </si>
  <si>
    <t>01/17/2020 06:11:05</t>
  </si>
  <si>
    <t>01/17/2020 06:14:41</t>
  </si>
  <si>
    <t>01/17/2020 06:16:41</t>
  </si>
  <si>
    <t>01/17/2020 06:13:11</t>
  </si>
  <si>
    <t>01/17/2020 06:18:15</t>
  </si>
  <si>
    <t>01/17/2020 06:19:41</t>
  </si>
  <si>
    <t>01/17/2020 06:18:42</t>
  </si>
  <si>
    <t>a3475879-4379-44d9-8f9e-6bf5c8ae004c.tmp</t>
  </si>
  <si>
    <t>\\acsfs\profiles$\ALYNYA\Downloads\a3475879-4379-44d9-8f9e-6bf5c8ae004c.tmp</t>
  </si>
  <si>
    <t>01/17/2020 06:19:17</t>
  </si>
  <si>
    <t>f8a0a5e4-afe6-4939-a11c-80f1a8abb7b5.tmp</t>
  </si>
  <si>
    <t>\\acsfs\profiles$\ALYNYA\Downloads\f8a0a5e4-afe6-4939-a11c-80f1a8abb7b5.tmp</t>
  </si>
  <si>
    <t>01/17/2020 06:21:41</t>
  </si>
  <si>
    <t>01/17/2020 06:20:13</t>
  </si>
  <si>
    <t>01/17/2020 06:22:41</t>
  </si>
  <si>
    <t>01/17/2020 06:23:13</t>
  </si>
  <si>
    <t>01/17/2020 06:24:41</t>
  </si>
  <si>
    <t>01/17/2020 06:23:22</t>
  </si>
  <si>
    <t>01/17/2020 06:24:05</t>
  </si>
  <si>
    <t>cad605cb-cd14-4ebb-8d1e-1b49472b0d3a.tmp</t>
  </si>
  <si>
    <t>\\acsfs\profiles$\ALYNYA\Downloads\cad605cb-cd14-4ebb-8d1e-1b49472b0d3a.tmp</t>
  </si>
  <si>
    <t>01/17/2020 06:24:36</t>
  </si>
  <si>
    <t>01/17/2020 06:25:41</t>
  </si>
  <si>
    <t>36e730e4-7646-4f72-872b-45e899e56fd0.tmp</t>
  </si>
  <si>
    <t>\\acsfs\profiles$\BRUNAAR\Downloads\36e730e4-7646-4f72-872b-45e899e56fd0.tmp</t>
  </si>
  <si>
    <t>01/17/2020 06:26:41</t>
  </si>
  <si>
    <t>01/17/2020 06:25:19</t>
  </si>
  <si>
    <t>01/17/2020 06:28:41</t>
  </si>
  <si>
    <t>01/17/2020 06:25:21</t>
  </si>
  <si>
    <t>01/17/2020 06:30:41</t>
  </si>
  <si>
    <t>01/17/2020 06:25:40</t>
  </si>
  <si>
    <t>e91ccf53-19dc-4293-b623-1ec35f7c0d0a.tmp</t>
  </si>
  <si>
    <t>\\acsfs\profiles$\BRUNAAR\Downloads\e91ccf53-19dc-4293-b623-1ec35f7c0d0a.tmp</t>
  </si>
  <si>
    <t>01/17/2020 06:27:22</t>
  </si>
  <si>
    <t>01/17/2020 06:31:41</t>
  </si>
  <si>
    <t>01/17/2020 06:33:03</t>
  </si>
  <si>
    <t>01/17/2020 06:33:41</t>
  </si>
  <si>
    <t>e3877d33-3807-43bf-a7b5-5d19253687c4.tmp</t>
  </si>
  <si>
    <t>\\acsfs\profiles$\danielac\Downloads\e3877d33-3807-43bf-a7b5-5d19253687c4.tmp</t>
  </si>
  <si>
    <t>01/17/2020 06:33:17</t>
  </si>
  <si>
    <t>111ac79e-47a2-4f8c-a01a-cfbf94141359.tmp</t>
  </si>
  <si>
    <t>\\acsfs\profiles$\danielac\Downloads\111ac79e-47a2-4f8c-a01a-cfbf94141359.tmp</t>
  </si>
  <si>
    <t>01/17/2020 06:30:49</t>
  </si>
  <si>
    <t>01/17/2020 06:34:41</t>
  </si>
  <si>
    <t>01/17/2020 06:34:03</t>
  </si>
  <si>
    <t>01/17/2020 06:35:41</t>
  </si>
  <si>
    <t>01/17/2020 06:36:41</t>
  </si>
  <si>
    <t>01/17/2020 06:34:32</t>
  </si>
  <si>
    <t>01/17/2020 06:38:40</t>
  </si>
  <si>
    <t>99e9a0ba-88bc-4a5e-ab62-ebc0e4f7be0e.tmp</t>
  </si>
  <si>
    <t>\\acsfs\profiles$\danielac\Downloads\99e9a0ba-88bc-4a5e-ab62-ebc0e4f7be0e.tmp</t>
  </si>
  <si>
    <t>01/17/2020 06:35:40</t>
  </si>
  <si>
    <t>a90a2350-5a61-49be-9f45-c2a5a077abfa.tmp</t>
  </si>
  <si>
    <t>\\acsfs\profiles$\danielac\Downloads\a90a2350-5a61-49be-9f45-c2a5a077abfa.tmp</t>
  </si>
  <si>
    <t>01/17/2020 06:35:59</t>
  </si>
  <si>
    <t>3ce91ca1-5d9a-4583-a0e4-f852b2c097b0.tmp</t>
  </si>
  <si>
    <t>\\acsfs\profiles$\danielac\Downloads\3ce91ca1-5d9a-4583-a0e4-f852b2c097b0.tmp</t>
  </si>
  <si>
    <t>01/17/2020 06:38:16</t>
  </si>
  <si>
    <t>01/17/2020 06:40:41</t>
  </si>
  <si>
    <t>01/17/2020 06:36:18</t>
  </si>
  <si>
    <t>dc0348e6-bcf8-4b16-b3e7-8a54f8f2ff25.tmp</t>
  </si>
  <si>
    <t>\\acsfs\profiles$\lucasqdss\Downloads\dc0348e6-bcf8-4b16-b3e7-8a54f8f2ff25.tmp</t>
  </si>
  <si>
    <t>01/17/2020 06:39:49</t>
  </si>
  <si>
    <t>01/17/2020 06:41:41</t>
  </si>
  <si>
    <t>01/17/2020 06:38:24</t>
  </si>
  <si>
    <t>01/17/2020 06:42:41</t>
  </si>
  <si>
    <t>01/17/2020 06:41:04</t>
  </si>
  <si>
    <t>01/17/2020 06:43:41</t>
  </si>
  <si>
    <t>01/17/2020 06:44:45</t>
  </si>
  <si>
    <t>01/17/2020 06:45:41</t>
  </si>
  <si>
    <t>01/17/2020 06:46:41</t>
  </si>
  <si>
    <t>01/17/2020 06:43:11</t>
  </si>
  <si>
    <t>01/17/2020 06:48:40</t>
  </si>
  <si>
    <t>60f6310d-c85c-4db2-bffc-5d3bb8fc6b52.tmp</t>
  </si>
  <si>
    <t>\\acsfs\profiles$\monicargds\Downloads\60f6310d-c85c-4db2-bffc-5d3bb8fc6b52.tmp</t>
  </si>
  <si>
    <t>01/17/2020 06:43:12</t>
  </si>
  <si>
    <t>d49b2fde-4d7e-4536-bf75-e8e8b9d5d757.tmp</t>
  </si>
  <si>
    <t>\\acsfs\profiles$\monicargds\Downloads\d49b2fde-4d7e-4536-bf75-e8e8b9d5d757.tmp</t>
  </si>
  <si>
    <t>01/17/2020 06:43:21</t>
  </si>
  <si>
    <t>f723b827-0eaf-4db2-af90-5abfb3e9e06e.tmp</t>
  </si>
  <si>
    <t>\\acsfs\profiles$\monicargds\Downloads\f723b827-0eaf-4db2-af90-5abfb3e9e06e.tmp</t>
  </si>
  <si>
    <t>01/17/2020 06:44:19</t>
  </si>
  <si>
    <t>37d12e64-3e97-463f-8641-7889f8746d95.tmp</t>
  </si>
  <si>
    <t>\\acsfs\profiles$\monicargds\Downloads\37d12e64-3e97-463f-8641-7889f8746d95.tmp</t>
  </si>
  <si>
    <t>01/17/2020 06:46:53</t>
  </si>
  <si>
    <t>01/17/2020 06:46:56</t>
  </si>
  <si>
    <t>01/17/2020 06:49:41</t>
  </si>
  <si>
    <t>01/17/2020 06:51:40</t>
  </si>
  <si>
    <t>01/17/2020 06:49:17</t>
  </si>
  <si>
    <t>01/17/2020 06:47:16</t>
  </si>
  <si>
    <t>01/17/2020 06:52:41</t>
  </si>
  <si>
    <t>01/17/2020 06:48:25</t>
  </si>
  <si>
    <t>01/17/2020 06:49:06</t>
  </si>
  <si>
    <t>01/17/2020 06:51:42</t>
  </si>
  <si>
    <t>01/17/2020 06:53:41</t>
  </si>
  <si>
    <t>01/17/2020 06:49:27</t>
  </si>
  <si>
    <t>c8923e4e-c7de-4b77-a0a4-591f1a2fbc5e.tmp</t>
  </si>
  <si>
    <t>\\acsfs\profiles$\anafsb\Downloads\c8923e4e-c7de-4b77-a0a4-591f1a2fbc5e.tmp</t>
  </si>
  <si>
    <t>01/17/2020 06:49:29</t>
  </si>
  <si>
    <t>f2ffaaab-e83e-41ac-ac21-ac0310c7724d.tmp</t>
  </si>
  <si>
    <t>\\acsfs\profiles$\anafsb\Downloads\f2ffaaab-e83e-41ac-ac21-ac0310c7724d.tmp</t>
  </si>
  <si>
    <t>01/17/2020 06:49:33</t>
  </si>
  <si>
    <t>52918d74-83f7-420e-a338-886c098e6dfb.tmp</t>
  </si>
  <si>
    <t>\\acsfs\profiles$\anafsb\Downloads\52918d74-83f7-420e-a338-886c098e6dfb.tmp</t>
  </si>
  <si>
    <t>01/17/2020 06:49:35</t>
  </si>
  <si>
    <t>6662e2b6-d553-4223-8c98-f78195e40429.tmp</t>
  </si>
  <si>
    <t>\\acsfs\profiles$\anafsb\Downloads\6662e2b6-d553-4223-8c98-f78195e40429.tmp</t>
  </si>
  <si>
    <t>01/17/2020 06:49:26</t>
  </si>
  <si>
    <t>01/17/2020 06:54:41</t>
  </si>
  <si>
    <t>01/17/2020 06:53:12</t>
  </si>
  <si>
    <t>01/17/2020 06:55:41</t>
  </si>
  <si>
    <t>3aa8d130-ee2e-4e5b-bef2-c7a4e884e5ac.tmp</t>
  </si>
  <si>
    <t>\\acsfs\profiles$\mariajra\Downloads\3aa8d130-ee2e-4e5b-bef2-c7a4e884e5ac.tmp</t>
  </si>
  <si>
    <t>01/17/2020 06:54:01</t>
  </si>
  <si>
    <t>04a9c8a2-7b29-41ae-8453-a0f577b28087.tmp</t>
  </si>
  <si>
    <t>\\acsfs\profiles$\mariajra\Downloads\04a9c8a2-7b29-41ae-8453-a0f577b28087.tmp</t>
  </si>
  <si>
    <t>01/17/2020 06:56:40</t>
  </si>
  <si>
    <t>01/17/2020 06:55:05</t>
  </si>
  <si>
    <t>01/17/2020 06:57:41</t>
  </si>
  <si>
    <t>01/17/2020 06:53:57</t>
  </si>
  <si>
    <t>01/17/2020 06:57:18</t>
  </si>
  <si>
    <t>01/17/2020 06:58:41</t>
  </si>
  <si>
    <t>fc1f4312-cd78-4042-a296-b3949cc72f4e.tmp</t>
  </si>
  <si>
    <t>\\acsfs\profiles$\anafsb\Downloads\fc1f4312-cd78-4042-a296-b3949cc72f4e.tmp</t>
  </si>
  <si>
    <t>01/17/2020 06:58:16</t>
  </si>
  <si>
    <t>3b176b7d-9283-46ac-b567-b78cca039c21.tmp</t>
  </si>
  <si>
    <t>\\acsfs\profiles$\anafsb\Downloads\3b176b7d-9283-46ac-b567-b78cca039c21.tmp</t>
  </si>
  <si>
    <t>01/17/2020 06:58:04</t>
  </si>
  <si>
    <t>01/17/2020 06:59:41</t>
  </si>
  <si>
    <t>01/17/2020 06:55:53</t>
  </si>
  <si>
    <t>01/17/2020 07:00:41</t>
  </si>
  <si>
    <t>36ea6e8b-f2dc-4230-a4ed-1194916e8cc4.tmp</t>
  </si>
  <si>
    <t>\\acsfs\profiles$\mariajra\Downloads\36ea6e8b-f2dc-4230-a4ed-1194916e8cc4.tmp</t>
  </si>
  <si>
    <t>01/17/2020 06:58:06</t>
  </si>
  <si>
    <t>cadd28b9-b63b-4634-bfba-7844cc85380d.tmp</t>
  </si>
  <si>
    <t>\\acsfs\profiles$\mariajra\Downloads\cadd28b9-b63b-4634-bfba-7844cc85380d.tmp</t>
  </si>
  <si>
    <t>01/17/2020 06:58:12</t>
  </si>
  <si>
    <t>7f1c4465-4738-40e0-9590-6477612ec3c9.tmp</t>
  </si>
  <si>
    <t>\\acsfs\profiles$\mariajra\Downloads\7f1c4465-4738-40e0-9590-6477612ec3c9.tmp</t>
  </si>
  <si>
    <t>01/17/2020 06:59:06</t>
  </si>
  <si>
    <t>e59f1700-b864-423e-b7c8-1cfe9a12bf82.tmp</t>
  </si>
  <si>
    <t>\\acsfs\profiles$\mariajra\Downloads\e59f1700-b864-423e-b7c8-1cfe9a12bf82.tmp</t>
  </si>
  <si>
    <t>01/17/2020 07:01:41</t>
  </si>
  <si>
    <t>01/17/2020 06:57:43</t>
  </si>
  <si>
    <t>01/17/2020 07:02:41</t>
  </si>
  <si>
    <t>01/17/2020 07:00:48</t>
  </si>
  <si>
    <t>01/17/2020 07:00:49</t>
  </si>
  <si>
    <t>01/17/2020 07:00:50</t>
  </si>
  <si>
    <t>01/17/2020 07:00:51</t>
  </si>
  <si>
    <t>01/17/2020 07:00:52</t>
  </si>
  <si>
    <t>01/17/2020 07:00:53</t>
  </si>
  <si>
    <t>01/17/2020 07:00:54</t>
  </si>
  <si>
    <t>01/17/2020 07:00:55</t>
  </si>
  <si>
    <t>01/17/2020 07:00:56</t>
  </si>
  <si>
    <t>01/17/2020 07:00:57</t>
  </si>
  <si>
    <t>01/17/2020 07:00:58</t>
  </si>
  <si>
    <t>01/17/2020 07:00:59</t>
  </si>
  <si>
    <t>01/17/2020 07:01:00</t>
  </si>
  <si>
    <t>01/17/2020 07:01:01</t>
  </si>
  <si>
    <t>01/17/2020 07:01:02</t>
  </si>
  <si>
    <t>01/17/2020 07:01:03</t>
  </si>
  <si>
    <t>01/17/2020 07:01:04</t>
  </si>
  <si>
    <t>01/17/2020 07:01:05</t>
  </si>
  <si>
    <t>01/17/2020 07:01:06</t>
  </si>
  <si>
    <t>01/17/2020 07:01:07</t>
  </si>
  <si>
    <t>01/17/2020 07:01:08</t>
  </si>
  <si>
    <t>01/17/2020 07:02:46</t>
  </si>
  <si>
    <t>01/17/2020 07:03:40</t>
  </si>
  <si>
    <t>01/17/2020 07:06:41</t>
  </si>
  <si>
    <t>01/17/2020 07:05:41</t>
  </si>
  <si>
    <t>01/17/2020 07:08:42</t>
  </si>
  <si>
    <t>01/17/2020 07:11:41</t>
  </si>
  <si>
    <t>01/17/2020 07:07:49</t>
  </si>
  <si>
    <t>01/17/2020 07:12:41</t>
  </si>
  <si>
    <t>01/17/2020 07:12:56</t>
  </si>
  <si>
    <t>01/17/2020 07:13:41</t>
  </si>
  <si>
    <t>01/17/2020 07:11:45</t>
  </si>
  <si>
    <t>01/16/2020 21:58:20</t>
  </si>
  <si>
    <t>01/17/2020 07:15:41</t>
  </si>
  <si>
    <t>01/17/2020 07:14:47</t>
  </si>
  <si>
    <t>01/17/2020 07:16:41</t>
  </si>
  <si>
    <t>01/17/2020 07:14:44</t>
  </si>
  <si>
    <t>01/17/2020 07:14:45</t>
  </si>
  <si>
    <t>01/17/2020 07:14:46</t>
  </si>
  <si>
    <t>01/17/2020 07:14:48</t>
  </si>
  <si>
    <t>01/17/2020 07:14:49</t>
  </si>
  <si>
    <t>01/17/2020 07:14:50</t>
  </si>
  <si>
    <t>01/17/2020 07:14:51</t>
  </si>
  <si>
    <t>01/17/2020 07:14:52</t>
  </si>
  <si>
    <t>01/17/2020 07:14:53</t>
  </si>
  <si>
    <t>01/17/2020 07:14:54</t>
  </si>
  <si>
    <t>01/17/2020 07:14:55</t>
  </si>
  <si>
    <t>01/17/2020 07:14:56</t>
  </si>
  <si>
    <t>01/17/2020 07:14:57</t>
  </si>
  <si>
    <t>01/17/2020 07:14:58</t>
  </si>
  <si>
    <t>01/17/2020 07:14:59</t>
  </si>
  <si>
    <t>01/17/2020 07:15:00</t>
  </si>
  <si>
    <t>01/17/2020 07:15:01</t>
  </si>
  <si>
    <t>01/17/2020 07:15:02</t>
  </si>
  <si>
    <t>01/17/2020 07:15:03</t>
  </si>
  <si>
    <t>01/17/2020 07:15:04</t>
  </si>
  <si>
    <t>01/17/2020 07:15:05</t>
  </si>
  <si>
    <t>01/17/2020 07:15:06</t>
  </si>
  <si>
    <t>01/17/2020 07:14:43</t>
  </si>
  <si>
    <t>https://udpmailboxap01.acs.com.br:8443/h/search?si=0&amp;so=0&amp;sc=76495&amp;sfi=2&amp;st=conversation&amp;action=compose</t>
  </si>
  <si>
    <t>01/17/2020 07:15:13</t>
  </si>
  <si>
    <t>01/17/2020 07:15:43</t>
  </si>
  <si>
    <t>01/17/2020 07:16:13</t>
  </si>
  <si>
    <t>01/17/2020 07:13:28</t>
  </si>
  <si>
    <t>01/17/2020 07:13:49</t>
  </si>
  <si>
    <t>01/17/2020 07:13:50</t>
  </si>
  <si>
    <t>01/17/2020 07:13:51</t>
  </si>
  <si>
    <t>01/17/2020 07:13:52</t>
  </si>
  <si>
    <t>01/17/2020 07:13:53</t>
  </si>
  <si>
    <t>01/17/2020 07:13:54</t>
  </si>
  <si>
    <t>01/17/2020 07:13:55</t>
  </si>
  <si>
    <t>01/17/2020 07:13:56</t>
  </si>
  <si>
    <t>01/17/2020 07:17:42</t>
  </si>
  <si>
    <t>01/17/2020 07:13:57</t>
  </si>
  <si>
    <t>01/17/2020 07:13:58</t>
  </si>
  <si>
    <t>01/17/2020 07:13:59</t>
  </si>
  <si>
    <t>01/17/2020 07:14:00</t>
  </si>
  <si>
    <t>01/17/2020 07:14:01</t>
  </si>
  <si>
    <t>01/17/2020 07:14:02</t>
  </si>
  <si>
    <t>01/17/2020 07:14:03</t>
  </si>
  <si>
    <t>01/17/2020 07:14:04</t>
  </si>
  <si>
    <t>01/17/2020 07:14:05</t>
  </si>
  <si>
    <t>01/17/2020 07:14:06</t>
  </si>
  <si>
    <t>01/17/2020 07:14:07</t>
  </si>
  <si>
    <t>01/17/2020 07:14:08</t>
  </si>
  <si>
    <t>01/17/2020 07:14:09</t>
  </si>
  <si>
    <t>01/17/2020 07:16:56</t>
  </si>
  <si>
    <t>01/17/2020 07:18:41</t>
  </si>
  <si>
    <t>e0960b7a-61e7-4b91-afaa-66b429dc6aef.tmp</t>
  </si>
  <si>
    <t>\\acsfs\profiles$\maxmillianosv\Downloads\e0960b7a-61e7-4b91-afaa-66b429dc6aef.tmp</t>
  </si>
  <si>
    <t>01/17/2020 07:17:21</t>
  </si>
  <si>
    <t>12e9c9f8-2c8e-4eb2-aa0c-3dee167a6f41.tmp</t>
  </si>
  <si>
    <t>\\acsfs\profiles$\maxmillianosv\Downloads\12e9c9f8-2c8e-4eb2-aa0c-3dee167a6f41.tmp</t>
  </si>
  <si>
    <t>01/17/2020 07:17:27</t>
  </si>
  <si>
    <t>a48df3a1-aca7-442a-ae32-e0ee163bbec9.tmp</t>
  </si>
  <si>
    <t>\\acsfs\profiles$\maxmillianosv\Downloads\a48df3a1-aca7-442a-ae32-e0ee163bbec9.tmp</t>
  </si>
  <si>
    <t>01/17/2020 07:17:37</t>
  </si>
  <si>
    <t>60626d14-0ad1-4425-89f8-0cc5ade71731.tmp</t>
  </si>
  <si>
    <t>\\acsfs\profiles$\maxmillianosv\Downloads\60626d14-0ad1-4425-89f8-0cc5ade71731.tmp</t>
  </si>
  <si>
    <t>01/17/2020 07:21:41</t>
  </si>
  <si>
    <t>01/17/2020 07:21:39</t>
  </si>
  <si>
    <t>01/17/2020 07:22:41</t>
  </si>
  <si>
    <t>01/17/2020 07:18:01</t>
  </si>
  <si>
    <t>01/17/2020 07:23:41</t>
  </si>
  <si>
    <t>05cfe45a-251d-4f49-8fc8-9cb4bfd6f8b4.tmp</t>
  </si>
  <si>
    <t>\\acsfs\profiles$\maxmillianosv\Downloads\05cfe45a-251d-4f49-8fc8-9cb4bfd6f8b4.tmp</t>
  </si>
  <si>
    <t>01/17/2020 07:18:28</t>
  </si>
  <si>
    <t>453551d7-f5b6-475f-bcb2-fe63f383d076.tmp</t>
  </si>
  <si>
    <t>\\acsfs\profiles$\maxmillianosv\Downloads\453551d7-f5b6-475f-bcb2-fe63f383d076.tmp</t>
  </si>
  <si>
    <t>01/17/2020 07:20:22</t>
  </si>
  <si>
    <t>2a877443-2b6c-48b8-b6d3-3f1c743bb35a.tmp</t>
  </si>
  <si>
    <t>\\acsfs\profiles$\inarajst\Downloads\2a877443-2b6c-48b8-b6d3-3f1c743bb35a.tmp</t>
  </si>
  <si>
    <t>01/17/2020 07:20:31</t>
  </si>
  <si>
    <t>bd0c1ba4-5514-4e75-b057-76f97f1dea69.tmp</t>
  </si>
  <si>
    <t>\\acsfs\profiles$\inarajst\Downloads\bd0c1ba4-5514-4e75-b057-76f97f1dea69.tmp</t>
  </si>
  <si>
    <t>01/17/2020 07:20:57</t>
  </si>
  <si>
    <t>1a484871-2fb8-4296-bb2d-f540d32ab82f.tmp</t>
  </si>
  <si>
    <t>\\acsfs\profiles$\inarajst\Downloads\1a484871-2fb8-4296-bb2d-f540d32ab82f.tmp</t>
  </si>
  <si>
    <t>01/17/2020 07:21:01</t>
  </si>
  <si>
    <t>2c45499d-ba89-47ba-92cd-260895fd1cd0.tmp</t>
  </si>
  <si>
    <t>\\acsfs\profiles$\inarajst\Downloads\2c45499d-ba89-47ba-92cd-260895fd1cd0.tmp</t>
  </si>
  <si>
    <t>01/17/2020 07:21:15</t>
  </si>
  <si>
    <t>c4ded9ae-b546-4904-af89-16c0a70f825c.tmp</t>
  </si>
  <si>
    <t>\\acsfs\profiles$\inarajst\Downloads\c4ded9ae-b546-4904-af89-16c0a70f825c.tmp</t>
  </si>
  <si>
    <t>01/17/2020 07:21:38</t>
  </si>
  <si>
    <t>8d808812-3575-4285-8977-8c96c00a9db9.tmp</t>
  </si>
  <si>
    <t>\\acsfs\profiles$\inarajst\Downloads\8d808812-3575-4285-8977-8c96c00a9db9.tmp</t>
  </si>
  <si>
    <t>01/17/2020 07:22:23</t>
  </si>
  <si>
    <t>6dee34a8-6310-465c-a605-96feff844539.tmp</t>
  </si>
  <si>
    <t>\\acsfs\profiles$\inarajst\Downloads\6dee34a8-6310-465c-a605-96feff844539.tmp</t>
  </si>
  <si>
    <t>01/17/2020 07:19:30</t>
  </si>
  <si>
    <t>01/17/2020 07:24:41</t>
  </si>
  <si>
    <t>01/17/2020 07:23:21</t>
  </si>
  <si>
    <t>01/17/2020 07:26:42</t>
  </si>
  <si>
    <t>01/17/2020 07:26:20</t>
  </si>
  <si>
    <t>01/17/2020 07:28:41</t>
  </si>
  <si>
    <t>6285646f-7816-4c40-ba40-6546bc30e1d4.tmp</t>
  </si>
  <si>
    <t>\\acsfs\profiles$\inarajst\Downloads\6285646f-7816-4c40-ba40-6546bc30e1d4.tmp</t>
  </si>
  <si>
    <t>01/17/2020 07:27:02</t>
  </si>
  <si>
    <t>01/17/2020 07:27:28</t>
  </si>
  <si>
    <t>01/16/2020 13:46:40</t>
  </si>
  <si>
    <t>01/17/2020 07:29:41</t>
  </si>
  <si>
    <t>01/17/2020 07:27:11</t>
  </si>
  <si>
    <t>01/17/2020 07:27:05</t>
  </si>
  <si>
    <t>88bb7835-a231-4848-86e5-f427641f6baf.tmp</t>
  </si>
  <si>
    <t>\\acsfs\profiles$\websondsa\Downloads\88bb7835-a231-4848-86e5-f427641f6baf.tmp</t>
  </si>
  <si>
    <t>01/17/2020 07:27:46</t>
  </si>
  <si>
    <t>594e3700-e42d-4c44-a37c-2539b7bf2848.tmp</t>
  </si>
  <si>
    <t>\\acsfs\profiles$\websondsa\Downloads\594e3700-e42d-4c44-a37c-2539b7bf2848.tmp</t>
  </si>
  <si>
    <t>01/17/2020 07:28:20</t>
  </si>
  <si>
    <t>92225631-e984-4753-a9a2-f0d9830f8a37.tmp</t>
  </si>
  <si>
    <t>\\acsfs\profiles$\websondsa\Downloads\92225631-e984-4753-a9a2-f0d9830f8a37.tmp</t>
  </si>
  <si>
    <t>01/17/2020 07:28:21</t>
  </si>
  <si>
    <t>e1551a44-ac68-4349-979b-d52b50dbfe20.tmp</t>
  </si>
  <si>
    <t>\\acsfs\profiles$\websondsa\Downloads\e1551a44-ac68-4349-979b-d52b50dbfe20.tmp</t>
  </si>
  <si>
    <t>01/17/2020 07:28:31</t>
  </si>
  <si>
    <t>4b9d2373-2181-4614-9621-de3cf15d980c.tmp</t>
  </si>
  <si>
    <t>\\acsfs\profiles$\websondsa\Downloads\4b9d2373-2181-4614-9621-de3cf15d980c.tmp</t>
  </si>
  <si>
    <t>01/17/2020 07:25:17</t>
  </si>
  <si>
    <t>01/17/2020 07:30:41</t>
  </si>
  <si>
    <t>01/16/2020 15:56:27</t>
  </si>
  <si>
    <t>01/17/2020 07:31:42</t>
  </si>
  <si>
    <t>01/17/2020 07:29:42</t>
  </si>
  <si>
    <t>e00c63f2-1cab-4fb6-b483-d578e9771415.tmp</t>
  </si>
  <si>
    <t>\\acsfs\profiles$\sarahbal\Downloads\e00c63f2-1cab-4fb6-b483-d578e9771415.tmp</t>
  </si>
  <si>
    <t>01/17/2020 07:30:49</t>
  </si>
  <si>
    <t>f40f52a4-7601-468c-ac38-c3ceb64640ad.tmp</t>
  </si>
  <si>
    <t>\\acsfs\profiles$\sarahbal\Downloads\f40f52a4-7601-468c-ac38-c3ceb64640ad.tmp</t>
  </si>
  <si>
    <t>01/17/2020 07:31:05</t>
  </si>
  <si>
    <t>f7876463-90c6-4ac1-a404-6a39dbfe08c4.tmp</t>
  </si>
  <si>
    <t>\\acsfs\profiles$\sarahbal\Downloads\f7876463-90c6-4ac1-a404-6a39dbfe08c4.tmp</t>
  </si>
  <si>
    <t>363f8ad4-1809-4108-bb12-9d34d6ffbadb.tmp</t>
  </si>
  <si>
    <t>\\acsfs\profiles$\dhiulliananads\Downloads\363f8ad4-1809-4108-bb12-9d34d6ffbadb.tmp</t>
  </si>
  <si>
    <t>01/17/2020 07:30:09</t>
  </si>
  <si>
    <t>17e725e4-9717-46d0-98bf-a3dc55511224.tmp</t>
  </si>
  <si>
    <t>\\acsfs\profiles$\dhiulliananads\Downloads\17e725e4-9717-46d0-98bf-a3dc55511224.tmp</t>
  </si>
  <si>
    <t>01/17/2020 07:27:39</t>
  </si>
  <si>
    <t>01/17/2020 07:32:41</t>
  </si>
  <si>
    <t>01/17/2020 07:32:23</t>
  </si>
  <si>
    <t>01/17/2020 07:28:59</t>
  </si>
  <si>
    <t>01/17/2020 07:34:41</t>
  </si>
  <si>
    <t>aa2cee0b-564a-4e77-a73b-6c037843b6b9.tmp</t>
  </si>
  <si>
    <t>\\acsfs\profiles$\ERICALSR\Downloads\aa2cee0b-564a-4e77-a73b-6c037843b6b9.tmp</t>
  </si>
  <si>
    <t>01/17/2020 07:30:36</t>
  </si>
  <si>
    <t>24040121-a2e3-4bc2-b72d-97795681d603.tmp</t>
  </si>
  <si>
    <t>\\acsfs\profiles$\ERICALSR\Downloads\24040121-a2e3-4bc2-b72d-97795681d603.tmp</t>
  </si>
  <si>
    <t>01/17/2020 07:31:49</t>
  </si>
  <si>
    <t>Evidencia Rai.PNG</t>
  </si>
  <si>
    <t>01/17/2020 07:36:42</t>
  </si>
  <si>
    <t>01/17/2020 07:31:15</t>
  </si>
  <si>
    <t>a2e2513f-b036-4d61-a5f2-14ac2548be56.tmp</t>
  </si>
  <si>
    <t>\\acsfs\profiles$\sarahbal\Downloads\a2e2513f-b036-4d61-a5f2-14ac2548be56.tmp</t>
  </si>
  <si>
    <t>01/17/2020 07:31:37</t>
  </si>
  <si>
    <t>c87a48f8-6bd7-4837-b72a-a8519b3da997.tmp</t>
  </si>
  <si>
    <t>\\acsfs\profiles$\sarahbal\Downloads\c87a48f8-6bd7-4837-b72a-a8519b3da997.tmp</t>
  </si>
  <si>
    <t>01/17/2020 07:33:40</t>
  </si>
  <si>
    <t>01/17/2020 07:38:41</t>
  </si>
  <si>
    <t>20189b20-2bef-48e3-9ee7-4af78e51dab1.tmp</t>
  </si>
  <si>
    <t>\\acsfs\profiles$\claudiajca\Downloads\20189b20-2bef-48e3-9ee7-4af78e51dab1.tmp</t>
  </si>
  <si>
    <t>01/17/2020 07:36:10</t>
  </si>
  <si>
    <t>665a7fa3-b7a8-49ef-94da-d8ba47591aa6.tmp</t>
  </si>
  <si>
    <t>\\acsfs\profiles$\claudiajca\Downloads\665a7fa3-b7a8-49ef-94da-d8ba47591aa6.tmp</t>
  </si>
  <si>
    <t>01/17/2020 07:37:19</t>
  </si>
  <si>
    <t>01/17/2020 07:38:58</t>
  </si>
  <si>
    <t>01/17/2020 07:40:41</t>
  </si>
  <si>
    <t>01/17/2020 07:41:41</t>
  </si>
  <si>
    <t>01/17/2020 07:40:14</t>
  </si>
  <si>
    <t>01/17/2020 07:42:41</t>
  </si>
  <si>
    <t>01/17/2020 07:40:30</t>
  </si>
  <si>
    <t>01/17/2020 07:43:41</t>
  </si>
  <si>
    <t>01/17/2020 07:42:14</t>
  </si>
  <si>
    <t>01/17/2020 07:44:41</t>
  </si>
  <si>
    <t>01/17/2020 07:39:32</t>
  </si>
  <si>
    <t>http:///batch/drive/v2internal?%24ct=multipart%2Fmixed%3B%20boundary%3D%22%3D%3D%3D%3D%3D9avcpcw93v7h%3D%3D%3D%3D%3D%22&amp;key=AIzaSyAy9VVXHSpS2IJpptzYtGbLP3-3_l0aBk4</t>
  </si>
  <si>
    <t>01/17/2020 07:39:45</t>
  </si>
  <si>
    <t>http:///batch/drive/v2internal?%24ct=multipart%2Fmixed%3B%20boundary%3D%22%3D%3D%3D%3D%3Dylkj68o6k3ha%3D%3D%3D%3D%3D%22&amp;key=AIzaSyAy9VVXHSpS2IJpptzYtGbLP3-3_l0aBk4</t>
  </si>
  <si>
    <t>http:///batch/drive/v2internal?%24ct=multipart%2Fmixed%3B%20boundary%3D%22%3D%3D%3D%3D%3Dafio3pj35tp7%3D%3D%3D%3D%3D%22&amp;key=AIzaSyAy9VVXHSpS2IJpptzYtGbLP3-3_l0aBk4</t>
  </si>
  <si>
    <t>01/17/2020 07:40:00</t>
  </si>
  <si>
    <t>http:///batch/drive/v2internal?%24ct=multipart%2Fmixed%3B%20boundary%3D%22%3D%3D%3D%3D%3Dotf40xn8g2xt%3D%3D%3D%3D%3D%22&amp;key=AIzaSyAy9VVXHSpS2IJpptzYtGbLP3-3_l0aBk4</t>
  </si>
  <si>
    <t>01/17/2020 07:40:01</t>
  </si>
  <si>
    <t>http:///batch/drive/v2internal?%24ct=multipart%2Fmixed%3B%20boundary%3D%22%3D%3D%3D%3D%3Dk6u97hv8r1lr%3D%3D%3D%3D%3D%22&amp;key=AIzaSyAy9VVXHSpS2IJpptzYtGbLP3-3_l0aBk4</t>
  </si>
  <si>
    <t>http:///batch/drive/v2internal?%24ct=multipart%2Fmixed%3B%20boundary%3D%22%3D%3D%3D%3D%3Dyk66fkha071w%3D%3D%3D%3D%3D%22&amp;key=AIzaSyAy9VVXHSpS2IJpptzYtGbLP3-3_l0aBk4</t>
  </si>
  <si>
    <t>http:///batch/drive/v2internal?%24ct=multipart%2Fmixed%3B%20boundary%3D%22%3D%3D%3D%3D%3Dtvhg96pgawz%3D%3D%3D%3D%3D%22&amp;key=AIzaSyAy9VVXHSpS2IJpptzYtGbLP3-3_l0aBk4</t>
  </si>
  <si>
    <t>01/17/2020 07:40:02</t>
  </si>
  <si>
    <t>http:///batch/drive/v2internal?%24ct=multipart%2Fmixed%3B%20boundary%3D%22%3D%3D%3D%3D%3Dbcq41prwevdf%3D%3D%3D%3D%3D%22&amp;key=AIzaSyAy9VVXHSpS2IJpptzYtGbLP3-3_l0aBk4</t>
  </si>
  <si>
    <t>01/17/2020 07:40:06</t>
  </si>
  <si>
    <t>http:///batch/drive/v2internal?%24ct=multipart%2Fmixed%3B%20boundary%3D%22%3D%3D%3D%3D%3Df1wmp9wqhzzj%3D%3D%3D%3D%3D%22&amp;key=AIzaSyAy9VVXHSpS2IJpptzYtGbLP3-3_l0aBk4</t>
  </si>
  <si>
    <t>http:///batch/drive/v2internal?%24ct=multipart%2Fmixed%3B%20boundary%3D%22%3D%3D%3D%3D%3D8j5c0zk3n2yn%3D%3D%3D%3D%3D%22&amp;key=AIzaSyAy9VVXHSpS2IJpptzYtGbLP3-3_l0aBk4</t>
  </si>
  <si>
    <t>01/17/2020 07:40:25</t>
  </si>
  <si>
    <t>http:///batch/drive/v2internal?%24ct=multipart%2Fmixed%3B%20boundary%3D%22%3D%3D%3D%3D%3D8g03hd9upfka%3D%3D%3D%3D%3D%22&amp;key=AIzaSyAy9VVXHSpS2IJpptzYtGbLP3-3_l0aBk4</t>
  </si>
  <si>
    <t>01/17/2020 07:40:26</t>
  </si>
  <si>
    <t>http:///batch/drive/v2internal?%24ct=multipart%2Fmixed%3B%20boundary%3D%22%3D%3D%3D%3D%3D893rrs6vpnfv%3D%3D%3D%3D%3D%22&amp;key=AIzaSyAy9VVXHSpS2IJpptzYtGbLP3-3_l0aBk4</t>
  </si>
  <si>
    <t>01/17/2020 07:40:27</t>
  </si>
  <si>
    <t>http:///batch/drive/v2internal?%24ct=multipart%2Fmixed%3B%20boundary%3D%22%3D%3D%3D%3D%3Dm9lgz7cdvhyl%3D%3D%3D%3D%3D%22&amp;key=AIzaSyAy9VVXHSpS2IJpptzYtGbLP3-3_l0aBk4</t>
  </si>
  <si>
    <t>01/17/2020 07:40:33</t>
  </si>
  <si>
    <t>"xmlhtt;0;0.271;0.327;0.333;0.356;0.356];0.363;0.371];0.382;0.441;0.462];0.478;0.527;0.551;0.567;0.653];0.669;0.675];0.683];0.697];0.908];0.916;0.93;0.938];0.941];0.964];0];1;1.05;1.105;1.146];1.7271157167530224];1.822];10;103.717;103.717];1042000;105.01499999986845;109.51500000010128;11;11.196;11.509;11661.065000000008;11c5m9ycfufsc7krihjn5d9wg8jcyqlqk;12;12.371;12.381;12.883;12.883];1234;12489.320000000134;12489865;12498.520000000099;12502.050000000054;126.73500000005333;128.87500000010732;13.316816351811706;13155.815000000075;13171.195000000125;13172.974999999951;13174.755000000005;13175.05499999993;13176.439999999957;13177.030000000059;13177.275000000009;13177.560000000085;13177.760000000035;13177.959999999985;13178.165000000035;13178.390000000036;13178.585000000112;13178.769999999986;13178.949999999986;13179.139999999961;13179.325000000063;13220.710000000054;135.94000000011874;1409.8699999999553;14095.074999999952;1413.735000000088;14219.665000000077;14432.234999999991;14437.675000000127;14496.0300000000</t>
  </si>
  <si>
    <t>http://"xmlhtt,0,0.271,0.327,0.333,0.356,0.356],0.363,0.371],0.382,0.441,0.462],0.478,0.527,0.551,0.567,0.653],0.669,0.675],0.683],0.697],0.908],0.916,0.93,0.938],0.941],0.964],0],1,1.05,1.105,1.146],1.7271157167530224],1.822],10,103.717,103.717],1042000,105.01499999986845,109.51500000010128,11,11.196,11.509,11661.065000000008,11c5m9ycfufsc7krihjn5d9wg8jcyqlqk,12,12.371,12.381,12.883,12.883],1234,12489.320000000134,12489865,12498.520000000099,12502.050000000054,126.73500000005333,128.87500000010732,13.316816351811706,13155.815000000075,13171.195000000125,13172.974999999951,13174.755000000005,13175.05499999993,13176.439999999957,13177.030000000059,13177.275000000009,13177.560000000085,13177.760000000035,13177.959999999985,13178.165000000035,13178.390000000036,13178.585000000112,13178.769999999986,13178.949999999986,13179.139999999961,13179.325000000063,13220.710000000054,135.94000000011874,1409.8699999999553,14095.074999999952,1413.735000000088,14219.665000000077,14432.234999999991,14437.675000000127,14496.030</t>
  </si>
  <si>
    <t>"xmlhtt;0;0.271;0.311;0.327;0.333;0.342;0.356;0.356];0.363;0.371];0.382;0.441;0.462];0.478;0.527;0.551;0.567;0.616];0.62];0.653];0.669;0.675];0.683];0.697];0.908];0.916;0.93;0.938];0.941];0.964];0];1;1.05;1.105;1.146];1.7271157167530224];1.822];10;103.717;103.717];1042000;105.01499999986845;109.51500000010128;11;11.196;11.509;11661.065000000008;11c5m9ycfufsc7krihjn5d9wg8jcyqlqk;12;12.371;12.381;12.883;12.883];1234;12489.320000000134;12489865;12498.520000000099;12502.050000000054;126.73500000005333;128.87500000010732;13.316816351811706;13155.815000000075;13171.195000000125;13172.974999999951;13174.755000000005;13175.05499999993;13176.439999999957;13177.030000000059;13177.275000000009;13177.560000000085;13177.760000000035;13177.959999999985;13178.165000000035;13178.390000000036;13178.585000000112;13178.769999999986;13178.949999999986;13179.139999999961;13179.325000000063;13220.710000000054;135.94000000011874;1409.8699999999553;14095.074999999952;1413.735000000088;14219.665000000077;14432.234999999991;14437.6750</t>
  </si>
  <si>
    <t>http://"xmlhtt,0,0.271,0.311,0.327,0.333,0.342,0.356,0.356],0.363,0.371],0.382,0.441,0.462],0.478,0.527,0.551,0.567,0.616],0.62],0.653],0.669,0.675],0.683],0.697],0.908],0.916,0.93,0.938],0.941],0.964],0],1,1.05,1.105,1.146],1.7271157167530224],1.822],10,103.717,103.717],1042000,105.01499999986845,109.51500000010128,11,11.196,11.509,11661.065000000008,11c5m9ycfufsc7krihjn5d9wg8jcyqlqk,12,12.371,12.381,12.883,12.883],1234,12489.320000000134,12489865,12498.520000000099,12502.050000000054,126.73500000005333,128.87500000010732,13.316816351811706,13155.815000000075,13171.195000000125,13172.974999999951,13174.755000000005,13175.05499999993,13176.439999999957,13177.030000000059,13177.275000000009,13177.560000000085,13177.760000000035,13177.959999999985,13178.165000000035,13178.390000000036,13178.585000000112,13178.769999999986,13178.949999999986,13179.139999999961,13179.325000000063,13220.710000000054,135.94000000011874,1409.8699999999553,14095.074999999952,1413.735000000088,14219.665000000077,14432.234999999991,144</t>
  </si>
  <si>
    <t>01/17/2020 07:44:12</t>
  </si>
  <si>
    <t>01/17/2020 07:45:41</t>
  </si>
  <si>
    <t>9f358900-595d-4cb0-9a9b-293a11318b82.tmp</t>
  </si>
  <si>
    <t>\\acsfs\profiles$\BRUNAAR\Downloads\9f358900-595d-4cb0-9a9b-293a11318b82.tmp</t>
  </si>
  <si>
    <t>01/17/2020 07:44:10</t>
  </si>
  <si>
    <t>1fda3fce-57ae-4ec4-8a66-48b770556226.tmp</t>
  </si>
  <si>
    <t>\\acsfs\profiles$\nayarasds\Downloads\1fda3fce-57ae-4ec4-8a66-48b770556226.tmp</t>
  </si>
  <si>
    <t>01/17/2020 07:45:00</t>
  </si>
  <si>
    <t>6e41c0d4-e3ec-4738-bd83-65d665f05b33.tmp</t>
  </si>
  <si>
    <t>\\acsfs\profiles$\nayarasds\Downloads\6e41c0d4-e3ec-4738-bd83-65d665f05b33.tmp</t>
  </si>
  <si>
    <t>01/17/2020 07:44:22</t>
  </si>
  <si>
    <t>01/17/2020 07:44:31</t>
  </si>
  <si>
    <t>01/17/2020 07:46:41</t>
  </si>
  <si>
    <t>01/17/2020 07:45:02</t>
  </si>
  <si>
    <t>01/17/2020 07:47:41</t>
  </si>
  <si>
    <t>01/17/2020 07:48:07</t>
  </si>
  <si>
    <t>01/17/2020 07:48:41</t>
  </si>
  <si>
    <t>8dd40c27-42f4-43b3-8e21-0b33c475724b.tmp</t>
  </si>
  <si>
    <t>\\acsfs\profiles$\danielac\Downloads\8dd40c27-42f4-43b3-8e21-0b33c475724b.tmp</t>
  </si>
  <si>
    <t>01/17/2020 07:45:05</t>
  </si>
  <si>
    <t>01/17/2020 07:49:41</t>
  </si>
  <si>
    <t>01/17/2020 07:46:44</t>
  </si>
  <si>
    <t>01/17/2020 07:47:48</t>
  </si>
  <si>
    <t>http:///batch/drive/v2internal?%24ct=multipart%2Fmixed%3B%20boundary%3D%22%3D%3D%3D%3D%3Dydqroyoecbaw%3D%3D%3D%3D%3D%22&amp;key=AIzaSyAy9VVXHSpS2IJpptzYtGbLP3-3_l0aBk4</t>
  </si>
  <si>
    <t>http:///batch/drive/v2internal?%24ct=multipart%2Fmixed%3B%20boundary%3D%22%3D%3D%3D%3D%3Dwgtezvmlhrib%3D%3D%3D%3D%3D%22&amp;key=AIzaSyAy9VVXHSpS2IJpptzYtGbLP3-3_l0aBk4</t>
  </si>
  <si>
    <t>http:///batch/drive/v2internal?%24ct=multipart%2Fmixed%3B%20boundary%3D%22%3D%3D%3D%3D%3Dt25jb4wlt68b%3D%3D%3D%3D%3D%22&amp;key=AIzaSyAy9VVXHSpS2IJpptzYtGbLP3-3_l0aBk4</t>
  </si>
  <si>
    <t>01/17/2020 07:47:49</t>
  </si>
  <si>
    <t>01/17/2020 07:47:53</t>
  </si>
  <si>
    <t>http:///batch/drive/v2internal?%24ct=multipart%2Fmixed%3B%20boundary%3D%22%3D%3D%3D%3D%3Ddzux1jyy0jn9%3D%3D%3D%3D%3D%22&amp;key=AIzaSyAy9VVXHSpS2IJpptzYtGbLP3-3_l0aBk4</t>
  </si>
  <si>
    <t>01/17/2020 07:47:54</t>
  </si>
  <si>
    <t>http:///batch/drive/v2internal?%24ct=multipart%2Fmixed%3B%20boundary%3D%22%3D%3D%3D%3D%3Djz45u1xdv2hb%3D%3D%3D%3D%3D%22&amp;key=AIzaSyAy9VVXHSpS2IJpptzYtGbLP3-3_l0aBk4</t>
  </si>
  <si>
    <t>http:///batch/drive/v2internal?%24ct=multipart%2Fmixed%3B%20boundary%3D%22%3D%3D%3D%3D%3Dng0mkurinb2g%3D%3D%3D%3D%3D%22&amp;key=AIzaSyAy9VVXHSpS2IJpptzYtGbLP3-3_l0aBk4</t>
  </si>
  <si>
    <t>01/17/2020 07:47:13</t>
  </si>
  <si>
    <t>01/17/2020 07:50:41</t>
  </si>
  <si>
    <t>lu421324aisxj.tmp</t>
  </si>
  <si>
    <t>\\acsfs\profiles$\BRUNAAR\Numero\lu421324aisxj.tmp</t>
  </si>
  <si>
    <t>01/17/2020 07:45:10</t>
  </si>
  <si>
    <t>091a2e77-923f-4f0b-8a1a-1acc1bdee7ba.tmp</t>
  </si>
  <si>
    <t>\\acsfs\profiles$\nayarasds\Downloads\091a2e77-923f-4f0b-8a1a-1acc1bdee7ba.tmp</t>
  </si>
  <si>
    <t>01/17/2020 07:45:39</t>
  </si>
  <si>
    <t>a641edbc-2aca-438e-8eeb-0d40df8b39d4.tmp</t>
  </si>
  <si>
    <t>\\acsfs\profiles$\nayarasds\Downloads\a641edbc-2aca-438e-8eeb-0d40df8b39d4.tmp</t>
  </si>
  <si>
    <t>01/17/2020 07:46:36</t>
  </si>
  <si>
    <t>210400bf-7d40-4acd-b144-c7fefae8f02f.tmp</t>
  </si>
  <si>
    <t>\\acsfs\profiles$\nayarasds\Downloads\210400bf-7d40-4acd-b144-c7fefae8f02f.tmp</t>
  </si>
  <si>
    <t>01/17/2020 07:51:40</t>
  </si>
  <si>
    <t>01/17/2020 07:48:13</t>
  </si>
  <si>
    <t>01/17/2020 07:48:43</t>
  </si>
  <si>
    <t>01/17/2020 07:49:13</t>
  </si>
  <si>
    <t>01/17/2020 07:49:43</t>
  </si>
  <si>
    <t>01/17/2020 07:50:13</t>
  </si>
  <si>
    <t>01/17/2020 07:50:43</t>
  </si>
  <si>
    <t>01/17/2020 07:50:37</t>
  </si>
  <si>
    <t>01/17/2020 07:48:15</t>
  </si>
  <si>
    <t>01/17/2020 07:52:41</t>
  </si>
  <si>
    <t>01/17/2020 07:49:39</t>
  </si>
  <si>
    <t>XLOG_tatianefr_14012020_100834.log</t>
  </si>
  <si>
    <t>\\acsfs\profiles$\tatianefr\My Documents\xworkcenter\logs\XLOG_tatianefr_14012020_100834.log</t>
  </si>
  <si>
    <t>01/17/2020 07:49:42</t>
  </si>
  <si>
    <t>01/17/2020 07:54:41</t>
  </si>
  <si>
    <t>Evidencia Adriele.PNG</t>
  </si>
  <si>
    <t>https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ure,rpermissions,shared,sharedwithmedate,thumbnailversion,title,userpermission(role),workspaceids</t>
  </si>
  <si>
    <t>01/17/2020 07:50:01</t>
  </si>
  <si>
    <t>01/17/2020 07:50:11</t>
  </si>
  <si>
    <t>01/17/2020 07:54:05</t>
  </si>
  <si>
    <t>http:///batch/drive/v2internal?%24ct=multipart%2Fmixed%3B%20boundary%3D%22%3D%3D%3D%3D%3Didm7wtxon632%3D%3D%3D%3D%3D%22&amp;key=AIzaSyAy9VVXHSpS2IJpptzYtGbLP3-3_l0aBk4</t>
  </si>
  <si>
    <t>http:///batch/drive/v2internal?%24ct=multipart%2Fmixed%3B%20boundary%3D%22%3D%3D%3D%3D%3Dl15euw6b51vd%3D%3D%3D%3D%3D%22&amp;key=AIzaSyAy9VVXHSpS2IJpptzYtGbLP3-3_l0aBk4</t>
  </si>
  <si>
    <t>01/17/2020 07:54:06</t>
  </si>
  <si>
    <t>http:///batch/drive/v2internal?%24ct=multipart%2Fmixed%3B%20boundary%3D%22%3D%3D%3D%3D%3Dl09k8k188y0q%3D%3D%3D%3D%3D%22&amp;key=AIzaSyAy9VVXHSpS2IJpptzYtGbLP3-3_l0aBk4</t>
  </si>
  <si>
    <t>01/17/2020 07:49:56</t>
  </si>
  <si>
    <t>01/17/2020 07:49:58</t>
  </si>
  <si>
    <t>e61398ea-9db7-4844-8232-b2d97a042f92.tmp</t>
  </si>
  <si>
    <t>\\acsfs\profiles$\felipetds\Downloads\e61398ea-9db7-4844-8232-b2d97a042f92.tmp</t>
  </si>
  <si>
    <t>01/17/2020 07:51:54</t>
  </si>
  <si>
    <t>c5456d76-9c58-460e-8f0b-4d088531a0a3.tmp</t>
  </si>
  <si>
    <t>\\acsfs\profiles$\felipetds\Downloads\c5456d76-9c58-460e-8f0b-4d088531a0a3.tmp</t>
  </si>
  <si>
    <t>01/17/2020 07:51:17</t>
  </si>
  <si>
    <t>01/17/2020 07:55:40</t>
  </si>
  <si>
    <t>01/17/2020 07:51:39</t>
  </si>
  <si>
    <t>01/17/2020 07:52:28</t>
  </si>
  <si>
    <t>01/17/2020 07:52:33</t>
  </si>
  <si>
    <t>01/17/2020 07:54:08</t>
  </si>
  <si>
    <t>01/17/2020 07:54:14</t>
  </si>
  <si>
    <t>01/17/2020 07:55:14</t>
  </si>
  <si>
    <t>01/17/2020 07:56:41</t>
  </si>
  <si>
    <t>01/17/2020 07:56:13</t>
  </si>
  <si>
    <t>01/17/2020 07:56:15</t>
  </si>
  <si>
    <t>01/17/2020 07:57:40</t>
  </si>
  <si>
    <t>c85d1926-0a2a-45e7-a648-3fd41a481057.tmp</t>
  </si>
  <si>
    <t>\\acsfs\profiles$\gustavoab\Downloads\c85d1926-0a2a-45e7-a648-3fd41a481057.tmp</t>
  </si>
  <si>
    <t>01/17/2020 07:56:51</t>
  </si>
  <si>
    <t>Não confirmado 11159.crdownload</t>
  </si>
  <si>
    <t>\\acsfs\profiles$\gustavoab\Downloads\Não confirmado 11159.crdownload</t>
  </si>
  <si>
    <t>01/17/2020 07:54:56</t>
  </si>
  <si>
    <t>01/17/2020 07:54:57</t>
  </si>
  <si>
    <t>01/17/2020 07:54:58</t>
  </si>
  <si>
    <t>01/17/2020 07:54:59</t>
  </si>
  <si>
    <t>01/17/2020 07:55:00</t>
  </si>
  <si>
    <t>01/17/2020 07:55:01</t>
  </si>
  <si>
    <t>01/17/2020 07:55:02</t>
  </si>
  <si>
    <t>01/17/2020 07:55:03</t>
  </si>
  <si>
    <t>01/17/2020 07:55:04</t>
  </si>
  <si>
    <t>01/17/2020 07:55:05</t>
  </si>
  <si>
    <t>01/17/2020 07:57:12</t>
  </si>
  <si>
    <t>ca5d4720-5c18-45b0-b00f-77c361187e51.tmp</t>
  </si>
  <si>
    <t>\\acsfs\profiles$\claudiajca\Downloads\ca5d4720-5c18-45b0-b00f-77c361187e51.tmp</t>
  </si>
  <si>
    <t>01/17/2020 07:55:06</t>
  </si>
  <si>
    <t>01/17/2020 07:55:07</t>
  </si>
  <si>
    <t>01/17/2020 07:55:08</t>
  </si>
  <si>
    <t>01/17/2020 07:55:09</t>
  </si>
  <si>
    <t>01/17/2020 07:55:10</t>
  </si>
  <si>
    <t>01/17/2020 07:55:11</t>
  </si>
  <si>
    <t>01/17/2020 07:55:12</t>
  </si>
  <si>
    <t>01/17/2020 07:55:13</t>
  </si>
  <si>
    <t>01/17/2020 07:55:15</t>
  </si>
  <si>
    <t>01/17/2020 07:55:16</t>
  </si>
  <si>
    <t>01/17/2020 07:55:17</t>
  </si>
  <si>
    <t>01/17/2020 07:55:18</t>
  </si>
  <si>
    <t>01/17/2020 07:55:19</t>
  </si>
  <si>
    <t>01/17/2020 00:06:22</t>
  </si>
  <si>
    <t>01/17/2020 07:55:20</t>
  </si>
  <si>
    <t>01/17/2020 07:55:21</t>
  </si>
  <si>
    <t>01/17/2020 07:55:22</t>
  </si>
  <si>
    <t>01/17/2020 07:56:37</t>
  </si>
  <si>
    <t>01/17/2020 07:59:41</t>
  </si>
  <si>
    <t>Evidencia Alexandra.PNG</t>
  </si>
  <si>
    <t>01/17/2020 07:56:47</t>
  </si>
  <si>
    <t>01/17/2020 07:57:07</t>
  </si>
  <si>
    <t>01/17/2020 08:00:40</t>
  </si>
  <si>
    <t>01/17/2020 07:55:28</t>
  </si>
  <si>
    <t>01/17/2020 07:56:49</t>
  </si>
  <si>
    <t>01/17/2020 07:57:52</t>
  </si>
  <si>
    <t>01/17/2020 07:58:16</t>
  </si>
  <si>
    <t>01/17/2020 07:59:02</t>
  </si>
  <si>
    <t>01/17/2020 07:59:08</t>
  </si>
  <si>
    <t>01/17/2020 07:59:14</t>
  </si>
  <si>
    <t>01/17/2020 07:59:32</t>
  </si>
  <si>
    <t>01/17/2020 07:59:34</t>
  </si>
  <si>
    <t>01/17/2020 07:57:45</t>
  </si>
  <si>
    <t>01/17/2020 07:57:46</t>
  </si>
  <si>
    <t>01/17/2020 07:56:22</t>
  </si>
  <si>
    <t>01/17/2020 08:01:41</t>
  </si>
  <si>
    <t>01/17/2020 07:58:48</t>
  </si>
  <si>
    <t>01/17/2020 07:58:55</t>
  </si>
  <si>
    <t>01/17/2020 07:59:27</t>
  </si>
  <si>
    <t>01/17/2020 07:59:29</t>
  </si>
  <si>
    <t>01/17/2020 07:59:37</t>
  </si>
  <si>
    <t>01/17/2020 07:59:50</t>
  </si>
  <si>
    <t>01/17/2020 08:00:01</t>
  </si>
  <si>
    <t>01/17/2020 08:00:16</t>
  </si>
  <si>
    <t>01/17/2020 08:00:31</t>
  </si>
  <si>
    <t>01/17/2020 07:58:54</t>
  </si>
  <si>
    <t>01/17/2020 07:57:43</t>
  </si>
  <si>
    <t>01/17/2020 07:58:18</t>
  </si>
  <si>
    <t>01/17/2020 08:02:40</t>
  </si>
  <si>
    <t>dc8dcbae-2f20-4639-9ff1-ecec045eaf79.tmp</t>
  </si>
  <si>
    <t>\\acsfs\profiles$\geovannasm\Downloads\dc8dcbae-2f20-4639-9ff1-ecec045eaf79.tmp</t>
  </si>
  <si>
    <t>01/17/2020 07:58:31</t>
  </si>
  <si>
    <t>b964ea7d-2084-4555-95d5-c688c5d94b69.tmp</t>
  </si>
  <si>
    <t>\\acsfs\profiles$\geovannasm\Downloads\b964ea7d-2084-4555-95d5-c688c5d94b69.tmp</t>
  </si>
  <si>
    <t>01/17/2020 07:58:36</t>
  </si>
  <si>
    <t>7ca30593-9312-4b45-b8ca-4dfd7bd63713.tmp</t>
  </si>
  <si>
    <t>\\acsfs\profiles$\geovannasm\Downloads\7ca30593-9312-4b45-b8ca-4dfd7bd63713.tmp</t>
  </si>
  <si>
    <t>6d389520-210e-4c49-a923-2955c64ef0ea.tmp</t>
  </si>
  <si>
    <t>\\acsfs\profiles$\geovannasm\Downloads\6d389520-210e-4c49-a923-2955c64ef0ea.tmp</t>
  </si>
  <si>
    <t>01/17/2020 07:59:04</t>
  </si>
  <si>
    <t>5a975761-49b0-4f0a-be83-999aa608dd7b.tmp</t>
  </si>
  <si>
    <t>\\acsfs\profiles$\geovannasm\Downloads\5a975761-49b0-4f0a-be83-999aa608dd7b.tmp</t>
  </si>
  <si>
    <t>01/17/2020 08:00:57</t>
  </si>
  <si>
    <t>7ac1e6d7-6069-4dc1-8080-325248015584.tmp</t>
  </si>
  <si>
    <t>\\acsfs\profiles$\geovannasm\Downloads\7ac1e6d7-6069-4dc1-8080-325248015584.tmp</t>
  </si>
  <si>
    <t>01/17/2020 08:01:45</t>
  </si>
  <si>
    <t>d27cad84-13cc-4f50-9be4-42a5f0de37da.tmp</t>
  </si>
  <si>
    <t>\\acsfs\profiles$\geovannasm\Downloads\d27cad84-13cc-4f50-9be4-42a5f0de37da.tmp</t>
  </si>
  <si>
    <t>01/17/2020 07:58:40</t>
  </si>
  <si>
    <t>01/17/2020 08:00:44</t>
  </si>
  <si>
    <t>e523603e-88ce-4526-bd5a-bca78ff13f87.tmp</t>
  </si>
  <si>
    <t>\\acsfs\profiles$\luanarda\Downloads\e523603e-88ce-4526-bd5a-bca78ff13f87.tmp</t>
  </si>
  <si>
    <t>01/17/2020 08:00:20</t>
  </si>
  <si>
    <t>01/17/2020 07:58:32</t>
  </si>
  <si>
    <t>01/17/2020 08:03:41</t>
  </si>
  <si>
    <t>lu88202677b.tmp</t>
  </si>
  <si>
    <t>\\acsfs\profiles$\jonathanwap\lu88202677b.tmp</t>
  </si>
  <si>
    <t>\\acsfs\profiles$\jonathanwap\lu88202677b.tmp\</t>
  </si>
  <si>
    <t>\\acsfs\profiles$\jonathanwap\lu88202677b.tmp\META-INF\</t>
  </si>
  <si>
    <t>\\acsfs\profiles$\jonathanwap\lu88202677b.tmp\Thumbnails\</t>
  </si>
  <si>
    <t>fe515767-44c4-4ba1-83f9-317b96b7d08b.tmp</t>
  </si>
  <si>
    <t>\\acsfs\profiles$\paulovadc\Downloads\fe515767-44c4-4ba1-83f9-317b96b7d08b.tmp</t>
  </si>
  <si>
    <t>01/17/2020 08:01:04</t>
  </si>
  <si>
    <t>15f580d4-c50a-46f8-9510-8f45a62a6beb.tmp</t>
  </si>
  <si>
    <t>\\acsfs\profiles$\paulovadc\Downloads\15f580d4-c50a-46f8-9510-8f45a62a6beb.tmp</t>
  </si>
  <si>
    <t>01/17/2020 08:01:15</t>
  </si>
  <si>
    <t>2a690e44-8922-4e85-ab7e-02c93d2bd3c6.tmp</t>
  </si>
  <si>
    <t>\\acsfs\profiles$\quindaizaagds\Downloads\2a690e44-8922-4e85-ab7e-02c93d2bd3c6.tmp</t>
  </si>
  <si>
    <t>01/17/2020 08:02:17</t>
  </si>
  <si>
    <t>19bac92a-1f84-4d56-a45b-4489c8d80b5f.tmp</t>
  </si>
  <si>
    <t>\\acsfs\profiles$\quindaizaagds\Downloads\19bac92a-1f84-4d56-a45b-4489c8d80b5f.tmp</t>
  </si>
  <si>
    <t>01/17/2020 08:02:13</t>
  </si>
  <si>
    <t>01/17/2020 08:04:40</t>
  </si>
  <si>
    <t>01/17/2020 07:59:24</t>
  </si>
  <si>
    <t>89254f7f-e2d1-4442-88d9-4f4dca1f51a0.tmp</t>
  </si>
  <si>
    <t>\\acsfs\profiles$\leticiala\Downloads\89254f7f-e2d1-4442-88d9-4f4dca1f51a0.tmp</t>
  </si>
  <si>
    <t>01/17/2020 07:59:25</t>
  </si>
  <si>
    <t>bffa891c-31df-4a20-9a56-635e007bd88b.tmp</t>
  </si>
  <si>
    <t>\\acsfs\profiles$\leticiala\Downloads\bffa891c-31df-4a20-9a56-635e007bd88b.tmp</t>
  </si>
  <si>
    <t>0320bea2-1f63-4a68-ae06-7f9b86ab1412.tmp</t>
  </si>
  <si>
    <t>\\acsfs\profiles$\leticiala\Downloads\0320bea2-1f63-4a68-ae06-7f9b86ab1412.tmp</t>
  </si>
  <si>
    <t>01/17/2020 08:03:07</t>
  </si>
  <si>
    <t>Evidencia Aline Sousa.PNG</t>
  </si>
  <si>
    <t>https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01/17/2020 08:03:17</t>
  </si>
  <si>
    <t>rabmybvpqgtjz gqgx2wkalgbcgkiuffn4lqk5wikfsotodazndq3nzaznzmwmtq2ntc4oaokcpvxon7hsqkpujdl/9d;</t>
  </si>
  <si>
    <t>https://rabmybvpqgtjz gqgx2wkalgbcgkiuffn4lqk5wikfsotodazndq3nzaznzmwmtq2ntc4oaokcpvxon7hsqkpujdl/9d</t>
  </si>
  <si>
    <t>01/17/2020 08:03:27</t>
  </si>
  <si>
    <t>01/17/2020 08:02:43</t>
  </si>
  <si>
    <t>01/17/2020 07:59:46</t>
  </si>
  <si>
    <t>01/17/2020 08:05:41</t>
  </si>
  <si>
    <t>01/17/2020 07:59:57</t>
  </si>
  <si>
    <t>01/17/2020 08:00:04</t>
  </si>
  <si>
    <t>01/17/2020 08:00:07</t>
  </si>
  <si>
    <t>100014299414656;joaogvc@algartech.com;katia.cardoso@bv.com.br;marianadjc@algartech.com;rafaelggs@algartech.com;taysdss@algartech.com;viniciussg@algartech.com;</t>
  </si>
  <si>
    <t>https://100014299414656,joaogvc@algartech.com,katia.cardoso@bv.com.br,marianadjc@algartech.com,rafaelggs@algartech.com,taysdss@algartech.com,viniciussg@algartech.com</t>
  </si>
  <si>
    <t>01/17/2020 08:00:42</t>
  </si>
  <si>
    <t>01/17/2020 08:00:45</t>
  </si>
  <si>
    <t>01/17/2020 08:01:05</t>
  </si>
  <si>
    <t>01/17/2020 08:01:01</t>
  </si>
  <si>
    <t>3509a9fd-4d7c-4f32-851d-9b41d10d4073.tmp</t>
  </si>
  <si>
    <t>\\acsfs\profiles$\THYAGOSP\Downloads\3509a9fd-4d7c-4f32-851d-9b41d10d4073.tmp</t>
  </si>
  <si>
    <t>01/17/2020 08:03:28</t>
  </si>
  <si>
    <t>9dd84e94-869a-44be-a34c-2a1bc267bdbb.tmp</t>
  </si>
  <si>
    <t>\\acsfs\profiles$\THYAGOSP\Downloads\9dd84e94-869a-44be-a34c-2a1bc267bdbb.tmp</t>
  </si>
  <si>
    <t>01/17/2020 08:03:37</t>
  </si>
  <si>
    <t>7f70133a-cdd9-401b-98eb-a7ade334a2b2.tmp</t>
  </si>
  <si>
    <t>\\acsfs\profiles$\THYAGOSP\Downloads\7f70133a-cdd9-401b-98eb-a7ade334a2b2.tmp</t>
  </si>
  <si>
    <t>01/17/2020 08:02:31</t>
  </si>
  <si>
    <t>01/17/2020 08:00:51</t>
  </si>
  <si>
    <t>43e072d4-2949-427e-9f51-cd7d9b638cf0.tmp</t>
  </si>
  <si>
    <t>\\acsfs\profiles$\vivianalds\Downloads\43e072d4-2949-427e-9f51-cd7d9b638cf0.tmp</t>
  </si>
  <si>
    <t>01/17/2020 08:02:34</t>
  </si>
  <si>
    <t>ed064d62-c393-46a9-aebd-c3ff6622a69b.tmp</t>
  </si>
  <si>
    <t>\\acsfs\profiles$\vivianalds\Downloads\ed064d62-c393-46a9-aebd-c3ff6622a69b.tmp</t>
  </si>
  <si>
    <t>01/17/2020 08:03:39</t>
  </si>
  <si>
    <t>01/17/2020 08:03:40</t>
  </si>
  <si>
    <t>lu10556ftri.tmp</t>
  </si>
  <si>
    <t>\\acsfs\profiles$\VIVIANALDS\My Documents\lu10556ftri.tmp</t>
  </si>
  <si>
    <t>\\acsfs\profiles$\VIVIANALDS\My Documents\lu10556ftri.tmp\</t>
  </si>
  <si>
    <t>\\acsfs\profiles$\VIVIANALDS\My Documents\lu10556ftri.tmp\META-INF\</t>
  </si>
  <si>
    <t>\\acsfs\profiles$\VIVIANALDS\My Documents\lu10556ftri.tmp\Thumbnails\</t>
  </si>
  <si>
    <t>01/17/2020 08:03:42</t>
  </si>
  <si>
    <t>lu10556ftrm.tmp</t>
  </si>
  <si>
    <t>\\acsfs\profiles$\VIVIANALDS\My Documents\lu10556ftrm.tmp</t>
  </si>
  <si>
    <t>\\acsfs\profiles$\VIVIANALDS\My Documents\lu10556ftrm.tmp\</t>
  </si>
  <si>
    <t>\\acsfs\profiles$\VIVIANALDS\My Documents\lu10556ftrm.tmp\META-INF\</t>
  </si>
  <si>
    <t>\\acsfs\profiles$\VIVIANALDS\My Documents\lu10556ftrm.tmp\Thumbnails\</t>
  </si>
  <si>
    <t>01/17/2020 08:03:43</t>
  </si>
  <si>
    <t>01/17/2020 08:03:44</t>
  </si>
  <si>
    <t>lu10556ftrq.tmp</t>
  </si>
  <si>
    <t>\\acsfs\profiles$\VIVIANALDS\My Documents\lu10556ftrq.tmp</t>
  </si>
  <si>
    <t>\\acsfs\profiles$\VIVIANALDS\My Documents\lu10556ftrq.tmp\</t>
  </si>
  <si>
    <t>\\acsfs\profiles$\VIVIANALDS\My Documents\lu10556ftrq.tmp\META-INF\</t>
  </si>
  <si>
    <t>\\acsfs\profiles$\VIVIANALDS\My Documents\lu10556ftrq.tmp\Thumbnails\</t>
  </si>
  <si>
    <t>01/17/2020 08:01:47</t>
  </si>
  <si>
    <t>01/17/2020 08:06:40</t>
  </si>
  <si>
    <t>01/17/2020 08:02:33</t>
  </si>
  <si>
    <t>01/17/2020 08:02:35</t>
  </si>
  <si>
    <t>01/17/2020 08:02:38</t>
  </si>
  <si>
    <t>3f6587f1-108c-42be-8f4a-3b7edef880f5.tmp</t>
  </si>
  <si>
    <t>\\acsfs\profiles$\gabrielaff\Downloads\3f6587f1-108c-42be-8f4a-3b7edef880f5.tmp</t>
  </si>
  <si>
    <t>01/17/2020 08:04:30</t>
  </si>
  <si>
    <t>4465f06d-05d6-46fd-b1ba-fd7c915b20c6.tmp</t>
  </si>
  <si>
    <t>\\acsfs\profiles$\gabrielaff\Downloads\4465f06d-05d6-46fd-b1ba-fd7c915b20c6.tmp</t>
  </si>
  <si>
    <t>01/17/2020 08:02:59</t>
  </si>
  <si>
    <t>01/17/2020 08:07:40</t>
  </si>
  <si>
    <t>686d43fd-c0cb-4146-a6d9-d2518b425fff.tmp</t>
  </si>
  <si>
    <t>\\acsfs\profiles$\luanarda\Downloads\686d43fd-c0cb-4146-a6d9-d2518b425fff.tmp</t>
  </si>
  <si>
    <t>01/17/2020 08:04:36</t>
  </si>
  <si>
    <t>01/17/2020 08:05:23</t>
  </si>
  <si>
    <t>7c2990b2-2f3c-4ea2-9047-ddbc85c900da.tmp</t>
  </si>
  <si>
    <t>\\acsfs\profiles$\luanarda\Downloads\7c2990b2-2f3c-4ea2-9047-ddbc85c900da.tmp</t>
  </si>
  <si>
    <t>01/17/2020 08:05:37</t>
  </si>
  <si>
    <t>c8648868-0b03-40e0-a9a6-aee43a14e361.tmp</t>
  </si>
  <si>
    <t>\\acsfs\profiles$\LUCASNS\Downloads\c8648868-0b03-40e0-a9a6-aee43a14e361.tmp</t>
  </si>
  <si>
    <t>01/17/2020 08:07:14</t>
  </si>
  <si>
    <t>577ea881-a80c-4ca6-8bcd-04ea0aab5b26.tmp</t>
  </si>
  <si>
    <t>\\acsfs\profiles$\LUCASNS\Downloads\577ea881-a80c-4ca6-8bcd-04ea0aab5b26.tmp</t>
  </si>
  <si>
    <t>01/17/2020 08:04:06</t>
  </si>
  <si>
    <t>01/17/2020 08:07:32</t>
  </si>
  <si>
    <t>01/17/2020 08:08:40</t>
  </si>
  <si>
    <t>01/17/2020 08:01:55</t>
  </si>
  <si>
    <t>28bf8dbf-aadf-4db2-a3ef-69bd5766f5a5.tmp</t>
  </si>
  <si>
    <t>\\acsfs\profiles$\geovannasm\Downloads\28bf8dbf-aadf-4db2-a3ef-69bd5766f5a5.tmp</t>
  </si>
  <si>
    <t>0ff55348-3655-45a0-9223-71ddb04ffb6c.tmp</t>
  </si>
  <si>
    <t>\\acsfs\profiles$\geovannasm\Downloads\0ff55348-3655-45a0-9223-71ddb04ffb6c.tmp</t>
  </si>
  <si>
    <t>69b37953-abe2-4af0-96b3-1dc418843e58.tmp</t>
  </si>
  <si>
    <t>\\acsfs\profiles$\geovannasm\Downloads\69b37953-abe2-4af0-96b3-1dc418843e58.tmp</t>
  </si>
  <si>
    <t>01/17/2020 08:05:14</t>
  </si>
  <si>
    <t>01/17/2020 08:09:40</t>
  </si>
  <si>
    <t>eb546d39-ae80-4f3a-9ceb-561f07485a53.tmp</t>
  </si>
  <si>
    <t>\\acsfs\profiles$\geovannasm\Downloads\eb546d39-ae80-4f3a-9ceb-561f07485a53.tmp</t>
  </si>
  <si>
    <t>01/17/2020 08:05:28</t>
  </si>
  <si>
    <t>4ce58edf-235b-43ae-a378-28cda846be5b.tmp</t>
  </si>
  <si>
    <t>\\acsfs\profiles$\geovannasm\Downloads\4ce58edf-235b-43ae-a378-28cda846be5b.tmp</t>
  </si>
  <si>
    <t>01/17/2020 08:05:33</t>
  </si>
  <si>
    <t>eaed5ed1-879a-4055-8a6a-154e27655133.tmp</t>
  </si>
  <si>
    <t>\\acsfs\profiles$\geovannasm\Downloads\eaed5ed1-879a-4055-8a6a-154e27655133.tmp</t>
  </si>
  <si>
    <t>8d337ad4-d6a9-4948-95bc-baa88cbc6a13.tmp</t>
  </si>
  <si>
    <t>\\acsfs\profiles$\geovannasm\Downloads\8d337ad4-d6a9-4948-95bc-baa88cbc6a13.tmp</t>
  </si>
  <si>
    <t>01/17/2020 08:05:50</t>
  </si>
  <si>
    <t>853113cf-a057-40d3-af3c-f0d1a3eb423e.tmp</t>
  </si>
  <si>
    <t>\\acsfs\profiles$\geovannasm\Downloads\853113cf-a057-40d3-af3c-f0d1a3eb423e.tmp</t>
  </si>
  <si>
    <t>01/17/2020 08:04:10</t>
  </si>
  <si>
    <t>924730cc-8425-490d-91d2-14928f12c3ad.tmp</t>
  </si>
  <si>
    <t>\\acsfs\profiles$\leticiala\Downloads\924730cc-8425-490d-91d2-14928f12c3ad.tmp</t>
  </si>
  <si>
    <t>01/17/2020 08:05:47</t>
  </si>
  <si>
    <t>"mozilla/5.0 (windows nt 6.1) applewebkit/537.36 (khtml;"xmlhtt;0;0.271;0.311;0.327;0.333;0.342;0.356;0.356];0.363;0.371];0.382;0.441;0.462];0.478;0.527;0.551;0.567;0.616];0.62];0.653];0.669;0.675];0.683];0.697];0.908];0.916;0.93;0.938];0.941];0.964];0];1;1.05;1.105;1.146];1.7271157167530224];1.822];10;103.717;103.717];1042000;105.01499999986845;109.51500000010128;11;11.196;11.509;11661.065000000008;11c5m9ycfufsc7krihjn5d9wg8jcyqlqk;12;12.371;12.381;12.883;12.883];1234;12489.320000000134;12489865;12498.520000000099;12502.050000000054;126.73500000005333;128.87500000010732;13;13.316816351811706;13155.815000000075;13171.195000000125;13172.974999999951;13174.755000000005;13175.05499999993;13176.439999999957;13177.030000000059;13177.275000000009;13177.560000000085;13177.760000000035;13177.959999999985;13178.165000000035;13178.390000000036;13178.585000000112;13178.769999999986;13178.949999999986;13179.139999999961;13179.325000000063;13220.710000000054;135.94000000011874;13700014;13700109;13700167;13700185;13700235;</t>
  </si>
  <si>
    <t>Evidencia Aline G.PNG</t>
  </si>
  <si>
    <t>https://"mozilla/5.0 (windows nt 6.1) applewebkit/537.36 (khtml,"xmlhtt,0,0.271,0.311,0.327,0.333,0.342,0.356,0.356],0.363,0.371],0.382,0.441,0.462],0.478,0.527,0.551,0.567,0.616],0.62],0.653],0.669,0.675],0.683],0.697],0.908],0.916,0.93,0.938],0.941],0.964],0],1,1.05,1.105,1.146],1.7271157167530224],1.822],10,103.717,103.717],1042000,105.01499999986845,109.51500000010128,11,11.196,11.509,11661.065000000008,11c5m9ycfufsc7krihjn5d9wg8jcyqlqk,12,12.371,12.381,12.883,12.883],1234,12489.320000000134,12489865,12498.520000000099,12502.050000000054,126.73500000005333,128.87500000010732,13,13.316816351811706,13155.815000000075,13171.195000000125,13172.974999999951,13174.755000000005,13175.05499999993,13176.439999999957,13177.030000000059,13177.275000000009,13177.560000000085,13177.760000000035,13177.959999999985,13178.165000000035,13178.390000000036,13178.585000000112,13178.769999999986,13178.949999999986,13179.139999999961,13179.325000000063,13220.710000000054,135.94000000011874,13700014,13700109,13700167,13700185,1</t>
  </si>
  <si>
    <t>01/17/2020 08:06:05</t>
  </si>
  <si>
    <t>01/17/2020 08:06:17</t>
  </si>
  <si>
    <t>https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01/17/2020 08:05:56</t>
  </si>
  <si>
    <t>01/17/2020 08:10:40</t>
  </si>
  <si>
    <t>01/17/2020 08:06:52</t>
  </si>
  <si>
    <t>100014299414656;joaogvc@algartech.com;marianadjc@algartech.com;planejamentodeoperacoesetrafego@bv.com.br;raphaelmco@algartech.com.br;ricardodfm@algartech.com.br;taysdss@algartech.com;viniciussg@algartech.com;</t>
  </si>
  <si>
    <t>100014299414656,joaogvc@algartech.com,marianadjc@algartech.com,planejamentodeoperacoesetrafego@bv.com.br,raphaelmco@algartech.com.br,ricardodfm@algartech.com.br,taysdss@algartech.com,viniciussg@algartech.com</t>
  </si>
  <si>
    <t>01/17/2020 08:06:56</t>
  </si>
  <si>
    <t>01/17/2020 08:07:02</t>
  </si>
  <si>
    <t>01/17/2020 08:07:52</t>
  </si>
  <si>
    <t>01/17/2020 08:07:56</t>
  </si>
  <si>
    <t>01/17/2020 08:08:14</t>
  </si>
  <si>
    <t>bvs-planejamentodeoperacoesetrafego@bv.com.br;joaogvc@algartech.com;marianadjc@algartech.com;planejamentodeoperacoesetrafego@bv.com.br;raphaelmco@algartech.com.br;ricardodfm@algartech.com.br;taysdss@algartech.com;viniciussg@algartech.com;</t>
  </si>
  <si>
    <t>bvs-planejamentodeoperacoesetrafego@bv.com.br,joaogvc@algartech.com,marianadjc@algartech.com,planejamentodeoperacoesetrafego@bv.com.br,raphaelmco@algartech.com.br,ricardodfm@algartech.com.br,taysdss@algartech.com,viniciussg@algartech.com</t>
  </si>
  <si>
    <t>01/17/2020 08:08:31</t>
  </si>
  <si>
    <t>100014299414656;bvs-planejamentodeoperacoesetrafego@bv.com.br;joaogvc@algartech.com;marianadjc@algartech.com;planejamentodeoperacoesetrafego@bv.com.br;raphaelmco@algartech.com.br;ricardodfm@algartech.com.br;taysdss@algartech.com;viniciussg@algartech.com;</t>
  </si>
  <si>
    <t>100014299414656,bvs-planejamentodeoperacoesetrafego@bv.com.br,joaogvc@algartech.com,marianadjc@algartech.com,planejamentodeoperacoesetrafego@bv.com.br,raphaelmco@algartech.com.br,ricardodfm@algartech.com.br,taysdss@algartech.com,viniciussg@algartech.com</t>
  </si>
  <si>
    <t>01/17/2020 08:08:38</t>
  </si>
  <si>
    <t>01/17/2020 08:09:45</t>
  </si>
  <si>
    <t>bvs-planejamentodeoperacoesetrafego@bv.com.br;joaogvc@algartech.com;marianadjc@algartech.com;planejamentodeoperacoesetrafego@bv.com.br;rafaelggs@algartech.com;raphaelmco@algartech.com.br;ricardodfm@algartech.com.br;taysdss@algartech.com;viniciussg@algartech.com;</t>
  </si>
  <si>
    <t>bvs-planejamentodeoperacoesetrafego@bv.com.br,joaogvc@algartech.com,marianadjc@algartech.com,planejamentodeoperacoesetrafego@bv.com.br,rafaelggs@algartech.com,raphaelmco@algartech.com.br,ricardodfm@algartech.com.br,taysdss@algartech.com,viniciussg@algartech.com</t>
  </si>
  <si>
    <t>01/17/2020 08:06:14</t>
  </si>
  <si>
    <t>01/17/2020 08:09:11</t>
  </si>
  <si>
    <t>01/17/2020 08:11:40</t>
  </si>
  <si>
    <t>01/17/2020 08:09:18</t>
  </si>
  <si>
    <t>01/17/2020 08:10:21</t>
  </si>
  <si>
    <t>bea74461-3e82-47d3-ad2b-abf89badd0b4.tmp</t>
  </si>
  <si>
    <t>\\acsfs\profiles$\geovannasm\Downloads\bea74461-3e82-47d3-ad2b-abf89badd0b4.tmp</t>
  </si>
  <si>
    <t>0eea3d8d-57f7-4309-a4ef-d41dfacfea57.tmp</t>
  </si>
  <si>
    <t>\\acsfs\profiles$\geovannasm\Downloads\0eea3d8d-57f7-4309-a4ef-d41dfacfea57.tmp</t>
  </si>
  <si>
    <t>01/17/2020 08:10:26</t>
  </si>
  <si>
    <t>cf4db0fe-a99e-496a-88d9-2e02dacb2d77.tmp</t>
  </si>
  <si>
    <t>\\acsfs\profiles$\geovannasm\Downloads\cf4db0fe-a99e-496a-88d9-2e02dacb2d77.tmp</t>
  </si>
  <si>
    <t>01/17/2020 08:11:02</t>
  </si>
  <si>
    <t>c023e5d2-80bc-4735-99a6-34943f72d557.tmp</t>
  </si>
  <si>
    <t>\\acsfs\profiles$\sarahbal\Downloads\c023e5d2-80bc-4735-99a6-34943f72d557.tmp</t>
  </si>
  <si>
    <t>01/17/2020 08:11:13</t>
  </si>
  <si>
    <t>01/17/2020 08:11:42</t>
  </si>
  <si>
    <t>01/17/2020 08:12:41</t>
  </si>
  <si>
    <t>01/17/2020 08:10:10</t>
  </si>
  <si>
    <t>01/17/2020 08:07:44</t>
  </si>
  <si>
    <t>01/17/2020 08:09:26</t>
  </si>
  <si>
    <t>01/17/2020 08:13:40</t>
  </si>
  <si>
    <t>01/17/2020 08:10:58</t>
  </si>
  <si>
    <t>01/17/2020 08:14:40</t>
  </si>
  <si>
    <t>89954cb1-76b5-4012-b329-1cd5a7780731.tmp</t>
  </si>
  <si>
    <t>\\acsfs\profiles$\geovannasm\Downloads\89954cb1-76b5-4012-b329-1cd5a7780731.tmp</t>
  </si>
  <si>
    <t>01/17/2020 08:11:26</t>
  </si>
  <si>
    <t>cc137430-8bf4-452d-92fc-221aed82317e.tmp</t>
  </si>
  <si>
    <t>\\acsfs\profiles$\geovannasm\Downloads\cc137430-8bf4-452d-92fc-221aed82317e.tmp</t>
  </si>
  <si>
    <t>01/17/2020 08:11:55</t>
  </si>
  <si>
    <t>e4c38080-ac7f-4bda-9e8f-12c448c3d412.tmp</t>
  </si>
  <si>
    <t>\\acsfs\profiles$\geovannasm\Downloads\e4c38080-ac7f-4bda-9e8f-12c448c3d412.tmp</t>
  </si>
  <si>
    <t>01/17/2020 08:12:43</t>
  </si>
  <si>
    <t>8033c462-9fdc-43ce-afc3-940fbfb98373.tmp</t>
  </si>
  <si>
    <t>\\acsfs\profiles$\geovannasm\Downloads\8033c462-9fdc-43ce-afc3-940fbfb98373.tmp</t>
  </si>
  <si>
    <t>01/17/2020 08:13:12</t>
  </si>
  <si>
    <t>ca78ca94-8366-44c3-88d2-9454099f15f3.tmp</t>
  </si>
  <si>
    <t>\\acsfs\profiles$\geovannasm\Downloads\ca78ca94-8366-44c3-88d2-9454099f15f3.tmp</t>
  </si>
  <si>
    <t>01/17/2020 08:09:55</t>
  </si>
  <si>
    <t>Evidencia Ana Claudia.PNG</t>
  </si>
  <si>
    <t>01/17/2020 08:10:07</t>
  </si>
  <si>
    <t>01/17/2020 08:10:19</t>
  </si>
  <si>
    <t>m/d2zp9xvgakalgbcgkiu5vqgrmk5wikfioultyzmzc5mjy1njy1nzqynduwmdmkcwj3xaxziyuvsmcbmmeonnwcsm78rtomotq3m;</t>
  </si>
  <si>
    <t>https://m/d2zp9xvgakalgbcgkiu5vqgrmk5wikfioultyzmzc5mjy1njy1nzqynduwmdmkcwj3xaxziyuvsmcbmmeonnwcsm78rtomotq3m</t>
  </si>
  <si>
    <t>01/17/2020 08:13:56</t>
  </si>
  <si>
    <t>Evidencia Ana Flavia.PNG</t>
  </si>
  <si>
    <t>01/17/2020 08:14:05</t>
  </si>
  <si>
    <t>01/17/2020 08:14:14</t>
  </si>
  <si>
    <t>01/17/2020 08:11:29</t>
  </si>
  <si>
    <t>01/17/2020 08:15:40</t>
  </si>
  <si>
    <t>01/17/2020 08:15:03</t>
  </si>
  <si>
    <t>01/17/2020 08:15:04</t>
  </si>
  <si>
    <t>01/17/2020 08:16:40</t>
  </si>
  <si>
    <t>01/17/2020 08:16:41</t>
  </si>
  <si>
    <t>01/17/2020 08:11:32</t>
  </si>
  <si>
    <t>0db047a2-c3ff-442e-a488-8a42362c73f2.tmp</t>
  </si>
  <si>
    <t>\\acsfs\profiles$\geovannasm\Downloads\0db047a2-c3ff-442e-a488-8a42362c73f2.tmp</t>
  </si>
  <si>
    <t>01/17/2020 08:14:00</t>
  </si>
  <si>
    <t>01/17/2020 08:13:13</t>
  </si>
  <si>
    <t>01/17/2020 08:14:59</t>
  </si>
  <si>
    <t>01/17/2020 08:17:41</t>
  </si>
  <si>
    <t>c0e47dd6-2770-4696-8798-a54f975fd1d2.tmp</t>
  </si>
  <si>
    <t>\\acsfs\profiles$\antoniosva\Downloads\c0e47dd6-2770-4696-8798-a54f975fd1d2.tmp</t>
  </si>
  <si>
    <t>01/17/2020 08:15:54</t>
  </si>
  <si>
    <t>8fadeb26-c3f1-43b4-903c-6770a1271d67.tmp</t>
  </si>
  <si>
    <t>\\acsfs\profiles$\antoniosva\Downloads\8fadeb26-c3f1-43b4-903c-6770a1271d67.tmp</t>
  </si>
  <si>
    <t>01/17/2020 08:13:05</t>
  </si>
  <si>
    <t>01/17/2020 08:18:07</t>
  </si>
  <si>
    <t>01/17/2020 08:18:40</t>
  </si>
  <si>
    <t>b4cad646-99c8-411e-a27a-e3f599b618c1.tmp</t>
  </si>
  <si>
    <t>\\acsfs\profiles$\wenderbnm\Downloads\b4cad646-99c8-411e-a27a-e3f599b618c1.tmp</t>
  </si>
  <si>
    <t>01/17/2020 08:14:42</t>
  </si>
  <si>
    <t>01/17/2020 08:14:19</t>
  </si>
  <si>
    <t>01/17/2020 08:19:41</t>
  </si>
  <si>
    <t>a140d88e-a9e5-4864-ac95-e012771716a9.tmp</t>
  </si>
  <si>
    <t>\\acsfs\profiles$\henriquehmdo\Downloads\a140d88e-a9e5-4864-ac95-e012771716a9.tmp</t>
  </si>
  <si>
    <t>01/17/2020 08:14:32</t>
  </si>
  <si>
    <t>01/17/2020 08:15:31</t>
  </si>
  <si>
    <t>c548606f-08b8-449b-9104-78d62a1cb67d.tmp</t>
  </si>
  <si>
    <t>\\acsfs\profiles$\henriquehmdo\Downloads\c548606f-08b8-449b-9104-78d62a1cb67d.tmp</t>
  </si>
  <si>
    <t>01/17/2020 08:17:59</t>
  </si>
  <si>
    <t>01/17/2020 08:13:57</t>
  </si>
  <si>
    <t>c6f8995a-b63e-474d-ad10-49706a899a98.tmp</t>
  </si>
  <si>
    <t>\\acsfs\profiles$\geovannasm\Downloads\c6f8995a-b63e-474d-ad10-49706a899a98.tmp</t>
  </si>
  <si>
    <t>01/17/2020 08:15:11</t>
  </si>
  <si>
    <t>a42dbcf1-7157-4635-b2d8-66f317fcb25f.tmp</t>
  </si>
  <si>
    <t>\\acsfs\profiles$\geovannasm\Downloads\a42dbcf1-7157-4635-b2d8-66f317fcb25f.tmp</t>
  </si>
  <si>
    <t>01/17/2020 08:15:24</t>
  </si>
  <si>
    <t>31b6c6d0-99f6-418b-a5fe-faff0d645c50.tmp</t>
  </si>
  <si>
    <t>\\acsfs\profiles$\geovannasm\Downloads\31b6c6d0-99f6-418b-a5fe-faff0d645c50.tmp</t>
  </si>
  <si>
    <t>01/17/2020 08:15:30</t>
  </si>
  <si>
    <t>b03c502c-eeb3-4859-ba91-9e42be4c160e.tmp</t>
  </si>
  <si>
    <t>\\acsfs\profiles$\geovannasm\Downloads\b03c502c-eeb3-4859-ba91-9e42be4c160e.tmp</t>
  </si>
  <si>
    <t>01/17/2020 08:15:37</t>
  </si>
  <si>
    <t>9a7d2d11-41c0-42e4-8b8e-860bebb2eb91.tmp</t>
  </si>
  <si>
    <t>\\acsfs\profiles$\geovannasm\Downloads\9a7d2d11-41c0-42e4-8b8e-860bebb2eb91.tmp</t>
  </si>
  <si>
    <t>01/17/2020 08:17:11</t>
  </si>
  <si>
    <t>95339d23-f846-4d5f-98e0-863cdcb2e1f6.tmp</t>
  </si>
  <si>
    <t>\\acsfs\profiles$\geovannasm\Downloads\95339d23-f846-4d5f-98e0-863cdcb2e1f6.tmp</t>
  </si>
  <si>
    <t>01/17/2020 08:17:18</t>
  </si>
  <si>
    <t>4c65a4d4-01c2-44a0-82e0-8f37e65e8477.tmp</t>
  </si>
  <si>
    <t>\\acsfs\profiles$\geovannasm\Downloads\4c65a4d4-01c2-44a0-82e0-8f37e65e8477.tmp</t>
  </si>
  <si>
    <t>01/17/2020 08:18:05</t>
  </si>
  <si>
    <t>93508359-8d0e-402e-9b35-610a78120f0f.tmp</t>
  </si>
  <si>
    <t>\\acsfs\profiles$\geovannasm\Downloads\93508359-8d0e-402e-9b35-610a78120f0f.tmp</t>
  </si>
  <si>
    <t>01/17/2020 08:18:17</t>
  </si>
  <si>
    <t>69805051-58f6-4a75-89b7-b93cb935e071.tmp</t>
  </si>
  <si>
    <t>\\acsfs\profiles$\geovannasm\Downloads\69805051-58f6-4a75-89b7-b93cb935e071.tmp</t>
  </si>
  <si>
    <t>01/17/2020 08:18:45</t>
  </si>
  <si>
    <t>48d98504-3db3-4635-b639-6e408fef199d.tmp</t>
  </si>
  <si>
    <t>\\acsfs\profiles$\geovannasm\Downloads\48d98504-3db3-4635-b639-6e408fef199d.tmp</t>
  </si>
  <si>
    <t>01/17/2020 08:16:37</t>
  </si>
  <si>
    <t>Evidencia Ana Paula.PNG</t>
  </si>
  <si>
    <t>01/17/2020 08:16:46</t>
  </si>
  <si>
    <t>01/17/2020 08:16:56</t>
  </si>
  <si>
    <t>01/17/2020 08:19:08</t>
  </si>
  <si>
    <t>Evidencia Antonio.PNG</t>
  </si>
  <si>
    <t>01/17/2020 08:21:40</t>
  </si>
  <si>
    <t>01/17/2020 08:17:27</t>
  </si>
  <si>
    <t>d4cbebc7-13eb-4b93-96fa-b7bb3c2e27cd.tmp</t>
  </si>
  <si>
    <t>\\acsfs\profiles$\ANAPDSB\Downloads\d4cbebc7-13eb-4b93-96fa-b7bb3c2e27cd.tmp</t>
  </si>
  <si>
    <t>01/17/2020 08:17:37</t>
  </si>
  <si>
    <t>\\acsfs\profiles$\ANAPDSB\Downloads\Q29udHJvbGxlci5DYWxjdWxhZG9yYURlVmVuY2lt (24).ica</t>
  </si>
  <si>
    <t>01/17/2020 08:18:48</t>
  </si>
  <si>
    <t>f9a9fdde-aeb5-4908-9858-1ee3d108c035.tmp</t>
  </si>
  <si>
    <t>\\acsfs\profiles$\ANAPDSB\Downloads\f9a9fdde-aeb5-4908-9858-1ee3d108c035.tmp</t>
  </si>
  <si>
    <t>01/17/2020 08:21:01</t>
  </si>
  <si>
    <t>01/17/2020 08:18:13</t>
  </si>
  <si>
    <t>01/17/2020 08:18:43</t>
  </si>
  <si>
    <t>01/17/2020 08:19:13</t>
  </si>
  <si>
    <t>01/17/2020 08:19:43</t>
  </si>
  <si>
    <t>01/17/2020 08:17:02</t>
  </si>
  <si>
    <t>01/17/2020 08:22:41</t>
  </si>
  <si>
    <t>1f08bb6f-b712-4903-b894-685fa2169611.tmp</t>
  </si>
  <si>
    <t>\\acsfs\profiles$\DALVADFB\Downloads\1f08bb6f-b712-4903-b894-685fa2169611.tmp</t>
  </si>
  <si>
    <t>01/17/2020 08:18:20</t>
  </si>
  <si>
    <t>01/17/2020 08:18:54</t>
  </si>
  <si>
    <t>474167bf-391a-4e9d-bb05-3b378a0b2a4b.tmp</t>
  </si>
  <si>
    <t>\\acsfs\profiles$\DALVADFB\Downloads\474167bf-391a-4e9d-bb05-3b378a0b2a4b.tmp</t>
  </si>
  <si>
    <t>91761416-f59e-4a34-ae5c-f38bfd918389.tmp</t>
  </si>
  <si>
    <t>\\acsfs\profiles$\antoniosva\Downloads\91761416-f59e-4a34-ae5c-f38bfd918389.tmp</t>
  </si>
  <si>
    <t>01/17/2020 08:18:02</t>
  </si>
  <si>
    <t>0c38ad0d-25a7-4d0a-adc6-b42c85d64283.tmp</t>
  </si>
  <si>
    <t>\\acsfs\profiles$\antoniosva\Downloads\0c38ad0d-25a7-4d0a-adc6-b42c85d64283.tmp</t>
  </si>
  <si>
    <t>01/17/2020 08:18:55</t>
  </si>
  <si>
    <t>2b7a9139-8e08-4882-aa65-1912a74097cf.tmp</t>
  </si>
  <si>
    <t>\\acsfs\profiles$\antoniosva\Downloads\2b7a9139-8e08-4882-aa65-1912a74097cf.tmp</t>
  </si>
  <si>
    <t>01/17/2020 08:20:11</t>
  </si>
  <si>
    <t>01/17/2020 08:20:26</t>
  </si>
  <si>
    <t>01/17/2020 08:20:59</t>
  </si>
  <si>
    <t>lu314041g7pxj.tmp</t>
  </si>
  <si>
    <t>\\acsfs\profiles$\ALEXANDREMM\lu314041g7pxj.tmp</t>
  </si>
  <si>
    <t>\\acsfs\profiles$\ALEXANDREMM\lu314041g7pxj.tmp\</t>
  </si>
  <si>
    <t>\\acsfs\profiles$\ALEXANDREMM\lu314041g7pxj.tmp\META-INF\</t>
  </si>
  <si>
    <t>\\acsfs\profiles$\ALEXANDREMM\lu314041g7pxj.tmp\Thumbnails\</t>
  </si>
  <si>
    <t>01/17/2020 08:19:15</t>
  </si>
  <si>
    <t>01/17/2020 08:23:40</t>
  </si>
  <si>
    <t>fe077273-f69c-40e9-a925-d657ca2e8ffc.tmp</t>
  </si>
  <si>
    <t>\\acsfs\profiles$\wenderbnm\Downloads\fe077273-f69c-40e9-a925-d657ca2e8ffc.tmp</t>
  </si>
  <si>
    <t>01/17/2020 08:19:48</t>
  </si>
  <si>
    <t>01/17/2020 08:24:40</t>
  </si>
  <si>
    <t>54f0e90d-f15b-441b-8f62-b1ae608455d0.tmp</t>
  </si>
  <si>
    <t>\\acsfs\profiles$\websondsa\Downloads\54f0e90d-f15b-441b-8f62-b1ae608455d0.tmp</t>
  </si>
  <si>
    <t>01/17/2020 08:19:18</t>
  </si>
  <si>
    <t>01/17/2020 08:19:29</t>
  </si>
  <si>
    <t>01/17/2020 08:22:38</t>
  </si>
  <si>
    <t>Evidencia Eduardo.PNG</t>
  </si>
  <si>
    <t>01/17/2020 08:22:47</t>
  </si>
  <si>
    <t>01/17/2020 08:23:36</t>
  </si>
  <si>
    <t>01/17/2020 08:20:34</t>
  </si>
  <si>
    <t>01/17/2020 08:25:41</t>
  </si>
  <si>
    <t>bvcartes-supervisores@algarnet.onmicrosoft.com;joaogvc@algartech.com;katia.cardoso@bv.com.br;leonardoao@algartech.com;marianadjc@algartech.com;paulacn@algartech.com;ricardodfm@algartech.com.br;taysdss@algartech.com;viniciussg@algartech.com;</t>
  </si>
  <si>
    <t>bvcartes-supervisores@algarnet.onmicrosoft.com,joaogvc@algartech.com,katia.cardoso@bv.com.br,leonardoao@algartech.com,marianadjc@algartech.com,paulacn@algartech.com,ricardodfm@algartech.com.br,taysdss@algartech.com,viniciussg@algartech.com</t>
  </si>
  <si>
    <t>01/17/2020 08:20:42</t>
  </si>
  <si>
    <t>01/17/2020 08:20:52</t>
  </si>
  <si>
    <t>01/17/2020 08:20:58</t>
  </si>
  <si>
    <t>01/17/2020 08:21:10</t>
  </si>
  <si>
    <t>01/17/2020 08:21:24</t>
  </si>
  <si>
    <t>01/17/2020 08:21:42</t>
  </si>
  <si>
    <t>mail.google.com/_/upload?authuser=0&amp;dcp=asu-n&amp;upload_id=AEnB2UpX59mNgQwaF-xxug7CHbxDizFPcdqmwCN43mcrGhONTBsAmIbqTwwFmgoNJsNtXN2JhpUiF4qZOk_m_mBgOIx6qXuTXIOavOEBHqa6gwjsXOzNqP8&amp;upload_protocol=resumable</t>
  </si>
  <si>
    <t>01/17/2020 08:22:01</t>
  </si>
  <si>
    <t>01/17/2020 08:24:02</t>
  </si>
  <si>
    <t>01/17/2020 08:23:55</t>
  </si>
  <si>
    <t>ca8db3a0-99e9-478d-9dc6-d327f0596ba4.tmp</t>
  </si>
  <si>
    <t>\\acsfs\profiles$\nayarasds\Downloads\ca8db3a0-99e9-478d-9dc6-d327f0596ba4.tmp</t>
  </si>
  <si>
    <t>01/17/2020 08:21:31</t>
  </si>
  <si>
    <t>80f689fb-366b-4b2c-90fa-1407844ad795.tmp</t>
  </si>
  <si>
    <t>\\acsfs\profiles$\ayalabfi\Downloads\80f689fb-366b-4b2c-90fa-1407844ad795.tmp</t>
  </si>
  <si>
    <t>01/17/2020 08:21:32</t>
  </si>
  <si>
    <t>16570611-4784-4477-b1c6-a951ea7f50a9.tmp</t>
  </si>
  <si>
    <t>\\acsfs\profiles$\ayalabfi\Downloads\16570611-4784-4477-b1c6-a951ea7f50a9.tmp</t>
  </si>
  <si>
    <t>01/17/2020 08:21:33</t>
  </si>
  <si>
    <t>d1d67f86-d1fa-4a7e-b191-841a1e4b818f.tmp</t>
  </si>
  <si>
    <t>\\acsfs\profiles$\ayalabfi\Downloads\d1d67f86-d1fa-4a7e-b191-841a1e4b818f.tmp</t>
  </si>
  <si>
    <t>01/17/2020 08:23:06</t>
  </si>
  <si>
    <t>494f7ea0-33fa-4a88-80d6-0b04ad28e58a.tmp</t>
  </si>
  <si>
    <t>\\acsfs\profiles$\ayalabfi\Downloads\494f7ea0-33fa-4a88-80d6-0b04ad28e58a.tmp</t>
  </si>
  <si>
    <t>01/17/2020 08:24:39</t>
  </si>
  <si>
    <t>ff11f2fd-0335-4ef3-9ddc-5a21533d29a1.tmp</t>
  </si>
  <si>
    <t>\\acsfs\profiles$\mariajra\Downloads\ff11f2fd-0335-4ef3-9ddc-5a21533d29a1.tmp</t>
  </si>
  <si>
    <t>01/17/2020 08:26:40</t>
  </si>
  <si>
    <t>cf95a8d5-5036-4014-9628-2fd5a65db9d2.tmp</t>
  </si>
  <si>
    <t>\\acsfs\profiles$\geovannasm\Downloads\cf95a8d5-5036-4014-9628-2fd5a65db9d2.tmp</t>
  </si>
  <si>
    <t>01/17/2020 08:23:09</t>
  </si>
  <si>
    <t>3c581736-1dbd-44db-bf21-c10ea216d42c.tmp</t>
  </si>
  <si>
    <t>\\acsfs\profiles$\geovannasm\Downloads\3c581736-1dbd-44db-bf21-c10ea216d42c.tmp</t>
  </si>
  <si>
    <t>01/17/2020 08:23:20</t>
  </si>
  <si>
    <t>309d60a9-2021-4c4f-bc5b-ed6eacbf8baf.tmp</t>
  </si>
  <si>
    <t>\\acsfs\profiles$\geovannasm\Downloads\309d60a9-2021-4c4f-bc5b-ed6eacbf8baf.tmp</t>
  </si>
  <si>
    <t>01/17/2020 08:23:31</t>
  </si>
  <si>
    <t>802bf693-8209-4dce-a7e1-29104508cb63.tmp</t>
  </si>
  <si>
    <t>\\acsfs\profiles$\geovannasm\Downloads\802bf693-8209-4dce-a7e1-29104508cb63.tmp</t>
  </si>
  <si>
    <t>01/17/2020 08:25:32</t>
  </si>
  <si>
    <t>CitrixReceiverWeb.exe.2dwrnf4.partial</t>
  </si>
  <si>
    <t>\\acsfs\profiles$\geovannasm\Downloads\CitrixReceiverWeb.exe.2dwrnf4.partial</t>
  </si>
  <si>
    <t>01/17/2020 08:24:58</t>
  </si>
  <si>
    <t>01/17/2020 08:27:41</t>
  </si>
  <si>
    <t>01/17/2020 08:26:19</t>
  </si>
  <si>
    <t>01/17/2020 08:28:44</t>
  </si>
  <si>
    <t>01/17/2020 08:29:41</t>
  </si>
  <si>
    <t>c5dcaab9-57d5-4060-86cf-d1ed5e9c969a.tmp</t>
  </si>
  <si>
    <t>\\acsfs\profiles$\lorrainerdl\Downloads\c5dcaab9-57d5-4060-86cf-d1ed5e9c969a.tmp</t>
  </si>
  <si>
    <t>01/17/2020 08:28:46</t>
  </si>
  <si>
    <t>84aff172-0ef6-4e98-82f2-77834a0442ec.tmp</t>
  </si>
  <si>
    <t>\\acsfs\profiles$\lorrainerdl\Downloads\84aff172-0ef6-4e98-82f2-77834a0442ec.tmp</t>
  </si>
  <si>
    <t>01/17/2020 08:27:10</t>
  </si>
  <si>
    <t>f90e2b52-c5f0-4057-92eb-8ae13cb1b6f6.tmp</t>
  </si>
  <si>
    <t>\\acsfs\profiles$\KARENDSR\Downloads\f90e2b52-c5f0-4057-92eb-8ae13cb1b6f6.tmp</t>
  </si>
  <si>
    <t>01/17/2020 08:27:55</t>
  </si>
  <si>
    <t>bf05b9db-7db0-4519-adea-8062db9bd100.tmp</t>
  </si>
  <si>
    <t>\\acsfs\profiles$\KARENDSR\Downloads\bf05b9db-7db0-4519-adea-8062db9bd100.tmp</t>
  </si>
  <si>
    <t>e362b03a-dfe1-4fa6-af7a-7073e00c89bd.tmp</t>
  </si>
  <si>
    <t>\\acsfs\profiles$\KARENDSR\Downloads\e362b03a-dfe1-4fa6-af7a-7073e00c89bd.tmp</t>
  </si>
  <si>
    <t>01/17/2020 08:27:36</t>
  </si>
  <si>
    <t>Evidencia Ester.PNG</t>
  </si>
  <si>
    <t>01/17/2020 08:27:46</t>
  </si>
  <si>
    <t>01/17/2020 08:28:13</t>
  </si>
  <si>
    <t>01/17/2020 08:24:28</t>
  </si>
  <si>
    <t>01/17/2020 08:27:37</t>
  </si>
  <si>
    <t>01/17/2020 08:30:41</t>
  </si>
  <si>
    <t>01/17/2020 08:27:39</t>
  </si>
  <si>
    <t>01/17/2020 08:27:43</t>
  </si>
  <si>
    <t>01/17/2020 08:27:48</t>
  </si>
  <si>
    <t>01/17/2020 08:27:51</t>
  </si>
  <si>
    <t>01/17/2020 08:27:58</t>
  </si>
  <si>
    <t>01/17/2020 08:28:01</t>
  </si>
  <si>
    <t>01/17/2020 08:28:18</t>
  </si>
  <si>
    <t>01/17/2020 08:28:22</t>
  </si>
  <si>
    <t>01/17/2020 08:28:30</t>
  </si>
  <si>
    <t>01/17/2020 08:28:34</t>
  </si>
  <si>
    <t>01/17/2020 08:28:37</t>
  </si>
  <si>
    <t>01/17/2020 08:28:52</t>
  </si>
  <si>
    <t>01/17/2020 08:29:00</t>
  </si>
  <si>
    <t>01/17/2020 08:29:06</t>
  </si>
  <si>
    <t>01/17/2020 08:29:14</t>
  </si>
  <si>
    <t>01/17/2020 08:29:20</t>
  </si>
  <si>
    <t>01/17/2020 08:29:26</t>
  </si>
  <si>
    <t>01/17/2020 08:29:34</t>
  </si>
  <si>
    <t>01/17/2020 08:26:16</t>
  </si>
  <si>
    <t>5c2d7b1a-f63b-4b66-86f6-4f7ff050f92c.tmp</t>
  </si>
  <si>
    <t>\\acsfs\profiles$\geovannasm\Downloads\5c2d7b1a-f63b-4b66-86f6-4f7ff050f92c.tmp</t>
  </si>
  <si>
    <t>01/17/2020 08:26:44</t>
  </si>
  <si>
    <t>e8c9e1c4-cb72-457a-9a12-1c2201c6d6f1.tmp</t>
  </si>
  <si>
    <t>\\acsfs\profiles$\geovannasm\Downloads\e8c9e1c4-cb72-457a-9a12-1c2201c6d6f1.tmp</t>
  </si>
  <si>
    <t>01/17/2020 08:26:55</t>
  </si>
  <si>
    <t>a87865e4-300b-4f68-b2d0-df564c357da6.tmp</t>
  </si>
  <si>
    <t>\\acsfs\profiles$\geovannasm\Downloads\a87865e4-300b-4f68-b2d0-df564c357da6.tmp</t>
  </si>
  <si>
    <t>01/17/2020 08:28:02</t>
  </si>
  <si>
    <t>ceab17fc-8ebb-40e7-80b1-b0d6c0a54c58.tmp</t>
  </si>
  <si>
    <t>\\acsfs\profiles$\THYAGOSP\Downloads\ceab17fc-8ebb-40e7-80b1-b0d6c0a54c58.tmp</t>
  </si>
  <si>
    <t>01/17/2020 08:29:44</t>
  </si>
  <si>
    <t>605e6de3-9a37-4d50-9fbd-d3c9529e55ef.tmp</t>
  </si>
  <si>
    <t>\\acsfs\profiles$\lorraynevam\Downloads\605e6de3-9a37-4d50-9fbd-d3c9529e55ef.tmp</t>
  </si>
  <si>
    <t>01/17/2020 08:28:29</t>
  </si>
  <si>
    <t>01/17/2020 08:30:13</t>
  </si>
  <si>
    <t>01/17/2020 08:31:40</t>
  </si>
  <si>
    <t>4e215e2f-0e2a-43e0-8cdd-bfac6e49d990.tmp</t>
  </si>
  <si>
    <t>\\acsfs\profiles$\geovannasm\Downloads\4e215e2f-0e2a-43e0-8cdd-bfac6e49d990.tmp</t>
  </si>
  <si>
    <t>01/17/2020 08:27:23</t>
  </si>
  <si>
    <t>MARCOS VINICIUS NARCIZO DA SILVA (21444).contact</t>
  </si>
  <si>
    <t>\\acsfs\profiles$\marcosvnds\Contacts\MARCOS VINICIUS NARCIZO DA SILVA (21444).contact</t>
  </si>
  <si>
    <t>01/17/2020 08:27:38</t>
  </si>
  <si>
    <t>01/17/2020 08:31:41</t>
  </si>
  <si>
    <t>01/17/2020 08:27:40</t>
  </si>
  <si>
    <t>01/17/2020 08:27:54</t>
  </si>
  <si>
    <t>01/17/2020 08:27:56</t>
  </si>
  <si>
    <t>01/17/2020 08:27:57</t>
  </si>
  <si>
    <t>01/17/2020 08:29:51</t>
  </si>
  <si>
    <t>08dabd70-f5b7-4563-91d1-3dc0ee02f7e4.tmp</t>
  </si>
  <si>
    <t>\\acsfs\profiles$\marcosvnds\Downloads\08dabd70-f5b7-4563-91d1-3dc0ee02f7e4.tmp</t>
  </si>
  <si>
    <t>01/17/2020 08:29:57</t>
  </si>
  <si>
    <t>8330a943-25f0-4d73-b351-a2e2821f1193.tmp</t>
  </si>
  <si>
    <t>\\acsfs\profiles$\marcosvnds\Downloads\8330a943-25f0-4d73-b351-a2e2821f1193.tmp</t>
  </si>
  <si>
    <t>01/17/2020 08:30:43</t>
  </si>
  <si>
    <t>fc3b1e66-54b8-434a-b590-f4ab181f4a87.tmp</t>
  </si>
  <si>
    <t>\\acsfs\profiles$\marcosvnds\Downloads\fc3b1e66-54b8-434a-b590-f4ab181f4a87.tmp</t>
  </si>
  <si>
    <t>01/17/2020 08:29:38</t>
  </si>
  <si>
    <t>c5723d74-d7e1-4935-9cbe-bdc355482594.tmp</t>
  </si>
  <si>
    <t>\\acsfs\profiles$\sarahbal\Downloads\c5723d74-d7e1-4935-9cbe-bdc355482594.tmp</t>
  </si>
  <si>
    <t>01/17/2020 08:31:13</t>
  </si>
  <si>
    <t>01/17/2020 08:28:04</t>
  </si>
  <si>
    <t>8b3d3c86-bea2-4a94-9f52-d3dcad0a5580.tmp</t>
  </si>
  <si>
    <t>\\acsfs\profiles$\dhiulliananads\Downloads\8b3d3c86-bea2-4a94-9f52-d3dcad0a5580.tmp</t>
  </si>
  <si>
    <t>01/17/2020 08:32:56</t>
  </si>
  <si>
    <t>01/17/2020 08:34:41</t>
  </si>
  <si>
    <t>77101ff8-eabb-46a0-95ce-870a07f4742b.tmp</t>
  </si>
  <si>
    <t>\\acsfs\profiles$\henriquehmdo\Downloads\77101ff8-eabb-46a0-95ce-870a07f4742b.tmp</t>
  </si>
  <si>
    <t>c08bfa4a-cc86-43eb-9962-d1ecc740feaa.tmp</t>
  </si>
  <si>
    <t>\\acsfs\profiles$\larissaad\Downloads\c08bfa4a-cc86-43eb-9962-d1ecc740feaa.tmp</t>
  </si>
  <si>
    <t>01/17/2020 08:30:06</t>
  </si>
  <si>
    <t>0c706ee0-a3cf-4911-8de6-fce2967cc803.tmp</t>
  </si>
  <si>
    <t>\\acsfs\profiles$\larissaad\Downloads\0c706ee0-a3cf-4911-8de6-fce2967cc803.tmp</t>
  </si>
  <si>
    <t>01/17/2020 08:29:36</t>
  </si>
  <si>
    <t>77f71fed-3123-4d6d-9ba8-a3c2a7165caf.tmp</t>
  </si>
  <si>
    <t>\\acsfs\profiles$\lorrainerdl\Downloads\77f71fed-3123-4d6d-9ba8-a3c2a7165caf.tmp</t>
  </si>
  <si>
    <t>01/17/2020 08:30:54</t>
  </si>
  <si>
    <t>31718347-f398-44aa-8621-769321ed6feb.tmp</t>
  </si>
  <si>
    <t>\\acsfs\profiles$\lorrainerdl\Downloads\31718347-f398-44aa-8621-769321ed6feb.tmp</t>
  </si>
  <si>
    <t>01/17/2020 08:31:22</t>
  </si>
  <si>
    <t>Evidencia Inara.PNG</t>
  </si>
  <si>
    <t>01/17/2020 08:31:31</t>
  </si>
  <si>
    <t>01/17/2020 08:34:10</t>
  </si>
  <si>
    <t>01/17/2020 08:29:49</t>
  </si>
  <si>
    <t>01/17/2020 08:35:42</t>
  </si>
  <si>
    <t>mail.google.com/_/upload?authuser=0&amp;dcp=asu-n&amp;upload_id=AEnB2UrAzLiq6H3oo6iNByd2RucNwc5qY6eXmxf4YTPwylVrmp7gD4oRafS1hgA0TBfCS0ccf4qKDOGxcGflTjN7rL1B1zr5f7wZb5NXHVbxRefLmhu8pQ0&amp;upload_protocol=resumable</t>
  </si>
  <si>
    <t>01/17/2020 08:29:50</t>
  </si>
  <si>
    <t>01/17/2020 08:31:56</t>
  </si>
  <si>
    <t>\\acsfs\profiles$\geovannasm\Contacts\</t>
  </si>
  <si>
    <t>GEOVANNA SOUSA MARTINS (24).contact</t>
  </si>
  <si>
    <t>\\acsfs\profiles$\geovannasm\Contacts\GEOVANNA SOUSA MARTINS (24).contact</t>
  </si>
  <si>
    <t>01/17/2020 08:32:08</t>
  </si>
  <si>
    <t>\\acsfs\profiles$\geovannasm\My Documents\My Videos\</t>
  </si>
  <si>
    <t>\\acsfs\profiles$\geovannasm\My Documents\My Videos\desktop.ini</t>
  </si>
  <si>
    <t>\\acsfs\profiles$\geovannasm\My Documents\My Pictures\</t>
  </si>
  <si>
    <t>\\acsfs\profiles$\geovannasm\My Documents\My Pictures\desktop.ini</t>
  </si>
  <si>
    <t>01/17/2020 08:32:09</t>
  </si>
  <si>
    <t>\\acsfs\profiles$\geovannasm\Contacts\desktop.ini</t>
  </si>
  <si>
    <t>\\acsfs\profiles$\geovannasm\Favorites\</t>
  </si>
  <si>
    <t>\\acsfs\profiles$\geovannasm\Favorites\desktop.ini</t>
  </si>
  <si>
    <t>\\acsfs\profiles$\geovannasm\My Documents\My Music\</t>
  </si>
  <si>
    <t>\\acsfs\profiles$\geovannasm\My Documents\My Music\desktop.ini</t>
  </si>
  <si>
    <t>01/17/2020 08:32:10</t>
  </si>
  <si>
    <t>\\acsfs\profiles$\geovannasm\Searches\</t>
  </si>
  <si>
    <t>\\acsfs\profiles$\geovannasm\Searches\desktop.ini</t>
  </si>
  <si>
    <t>\\acsfs\profiles$\geovannasm\Downloads\desktop.ini</t>
  </si>
  <si>
    <t>01/17/2020 08:32:11</t>
  </si>
  <si>
    <t>\\acsfs\profiles$\geovannasm\My Documents\desktop.ini</t>
  </si>
  <si>
    <t>01/17/2020 08:32:12</t>
  </si>
  <si>
    <t>\\acsfs\profiles$\geovannasm\Saved Games\</t>
  </si>
  <si>
    <t>\\acsfs\profiles$\geovannasm\Saved Games\desktop.ini</t>
  </si>
  <si>
    <t>01/17/2020 08:32:23</t>
  </si>
  <si>
    <t>\\acsfs\profiles$\geovannasm\Favorites\Links for Brasil\</t>
  </si>
  <si>
    <t>\\acsfs\profiles$\geovannasm\Favorites\Links for Brasil\desktop.ini</t>
  </si>
  <si>
    <t>\\acsfs\profiles$\geovannasm\Favorites\Links for Brasil\Microsoft Brasil.url</t>
  </si>
  <si>
    <t>01/17/2020 08:32:24</t>
  </si>
  <si>
    <t>\\acsfs\profiles$\geovannasm\Favorites\Links for Brasil\Windows Brasil.url</t>
  </si>
  <si>
    <t>\\acsfs\profiles$\geovannasm\Favorites\Links for Brasil\MSN Brasil.url</t>
  </si>
  <si>
    <t>01/17/2020 08:34:12</t>
  </si>
  <si>
    <t>609e5bb1-35d4-431e-8363-989b63ba02ce.tmp</t>
  </si>
  <si>
    <t>\\acsfs\profiles$\geovannasm\Downloads\609e5bb1-35d4-431e-8363-989b63ba02ce.tmp</t>
  </si>
  <si>
    <t>01/17/2020 08:34:55</t>
  </si>
  <si>
    <t>269a6ed7-0bc8-4121-bf37-c07701a00ef6.tmp</t>
  </si>
  <si>
    <t>\\acsfs\profiles$\geovannasm\Downloads\269a6ed7-0bc8-4121-bf37-c07701a00ef6.tmp</t>
  </si>
  <si>
    <t>01/17/2020 08:31:07</t>
  </si>
  <si>
    <t>0049f1ea-162f-4ab7-97a9-9324eac31abf.tmp</t>
  </si>
  <si>
    <t>\\acsfs\profiles$\lorraynevam\Downloads\0049f1ea-162f-4ab7-97a9-9324eac31abf.tmp</t>
  </si>
  <si>
    <t>01/17/2020 08:30:55</t>
  </si>
  <si>
    <t>01/17/2020 08:32:35</t>
  </si>
  <si>
    <t>5059ad99-8231-4066-bc72-d91955922d1e.tmp</t>
  </si>
  <si>
    <t>\\acsfs\profiles$\vivianalds\Downloads\5059ad99-8231-4066-bc72-d91955922d1e.tmp</t>
  </si>
  <si>
    <t>01/17/2020 08:31:21</t>
  </si>
  <si>
    <t>01/17/2020 08:36:41</t>
  </si>
  <si>
    <t>7d069d31-fbbd-4fac-b38c-25caf3b9e4bc.tmp</t>
  </si>
  <si>
    <t>\\acsfs\profiles$\marcosvnds\Downloads\7d069d31-fbbd-4fac-b38c-25caf3b9e4bc.tmp</t>
  </si>
  <si>
    <t>01/17/2020 08:31:46</t>
  </si>
  <si>
    <t>0fd12533-241e-4a77-9e24-d3da0a6c7c9e.tmp</t>
  </si>
  <si>
    <t>\\acsfs\profiles$\marcosvnds\Downloads\0fd12533-241e-4a77-9e24-d3da0a6c7c9e.tmp</t>
  </si>
  <si>
    <t>01/17/2020 08:32:02</t>
  </si>
  <si>
    <t>c2cbd27c-2eac-4211-8237-7b6a50adbe9a.tmp</t>
  </si>
  <si>
    <t>\\acsfs\profiles$\marcosvnds\Downloads\c2cbd27c-2eac-4211-8237-7b6a50adbe9a.tmp</t>
  </si>
  <si>
    <t>01/17/2020 08:34:39</t>
  </si>
  <si>
    <t>01/17/2020 08:31:43</t>
  </si>
  <si>
    <t>01/17/2020 08:32:13</t>
  </si>
  <si>
    <t>01/17/2020 08:32:43</t>
  </si>
  <si>
    <t>01/17/2020 08:33:13</t>
  </si>
  <si>
    <t>01/17/2020 08:36:13</t>
  </si>
  <si>
    <t>01/17/2020 08:33:27</t>
  </si>
  <si>
    <t>01/17/2020 08:37:41</t>
  </si>
  <si>
    <t>01/17/2020 08:36:32</t>
  </si>
  <si>
    <t>549e64d7-d79f-42d9-8dcf-36887c39c935.tmp</t>
  </si>
  <si>
    <t>\\acsfs\profiles$\Angelicacldr\Downloads\549e64d7-d79f-42d9-8dcf-36887c39c935.tmp</t>
  </si>
  <si>
    <t>01/17/2020 08:36:36</t>
  </si>
  <si>
    <t>01/17/2020 08:33:48</t>
  </si>
  <si>
    <t>01/17/2020 08:33:49</t>
  </si>
  <si>
    <t>lu314041g7pxq.tmp</t>
  </si>
  <si>
    <t>\\acsfs\profiles$\ALEXANDREMM\lu314041g7pxq.tmp</t>
  </si>
  <si>
    <t>\\acsfs\profiles$\ALEXANDREMM\lu314041g7pxq.tmp\</t>
  </si>
  <si>
    <t>\\acsfs\profiles$\ALEXANDREMM\lu314041g7pxq.tmp\META-INF\</t>
  </si>
  <si>
    <t>\\acsfs\profiles$\ALEXANDREMM\lu314041g7pxq.tmp\Thumbnails\</t>
  </si>
  <si>
    <t>01/17/2020 08:34:18</t>
  </si>
  <si>
    <t>01/17/2020 08:38:41</t>
  </si>
  <si>
    <t>63b3309a-3c51-4824-a81d-76f9f7cf8b70.tmp</t>
  </si>
  <si>
    <t>\\acsfs\profiles$\nataliacsl\Downloads\63b3309a-3c51-4824-a81d-76f9f7cf8b70.tmp</t>
  </si>
  <si>
    <t>01/17/2020 08:34:19</t>
  </si>
  <si>
    <t>7b32cb41-8262-4ceb-a1b7-ef4d496c9c10.tmp</t>
  </si>
  <si>
    <t>\\acsfs\profiles$\nataliacsl\Downloads\7b32cb41-8262-4ceb-a1b7-ef4d496c9c10.tmp</t>
  </si>
  <si>
    <t>01/17/2020 08:36:24</t>
  </si>
  <si>
    <t>01/17/2020 08:37:26</t>
  </si>
  <si>
    <t>87f5fb77-55ab-4c49-9a62-83b9defdebf6.tmp</t>
  </si>
  <si>
    <t>\\acsfs\profiles$\anafsb\Downloads\87f5fb77-55ab-4c49-9a62-83b9defdebf6.tmp</t>
  </si>
  <si>
    <t>01/17/2020 08:36:25</t>
  </si>
  <si>
    <t>01/17/2020 08:39:41</t>
  </si>
  <si>
    <t>01/17/2020 08:36:49</t>
  </si>
  <si>
    <t>Evidencia Jhonata.PNG</t>
  </si>
  <si>
    <t>01/17/2020 08:36:59</t>
  </si>
  <si>
    <t>01/17/2020 08:37:11</t>
  </si>
  <si>
    <t>01/17/2020 08:35:50</t>
  </si>
  <si>
    <t>01/17/2020 08:40:41</t>
  </si>
  <si>
    <t>01/17/2020 08:38:52</t>
  </si>
  <si>
    <t>lu421324aisxn.tmp</t>
  </si>
  <si>
    <t>\\acsfs\profiles$\BRUNAAR\Numero\lu421324aisxn.tmp</t>
  </si>
  <si>
    <t>01/17/2020 08:32:34</t>
  </si>
  <si>
    <t>\\acsfs\ACS\001 - Qualidade Lilian\PAULO\Cópia de RELATORIO PARA FAROL.xlsx\</t>
  </si>
  <si>
    <t>\\acsfs\ACS\001 - Qualidade Lilian\PAULO\Cópia de RELATORIO PARA FAROL.xlsx</t>
  </si>
  <si>
    <t>Cópia de RELATORIO PARA FAROL.xlsx</t>
  </si>
  <si>
    <t>01/17/2020 08:35:47</t>
  </si>
  <si>
    <t>cf9e96de-b617-4254-8b9a-986ee06defd5.tmp</t>
  </si>
  <si>
    <t>\\acsfs\profiles$\geovannasm\Downloads\cf9e96de-b617-4254-8b9a-986ee06defd5.tmp</t>
  </si>
  <si>
    <t>01/17/2020 08:35:27</t>
  </si>
  <si>
    <t>01/17/2020 08:35:28</t>
  </si>
  <si>
    <t>01/17/2020 08:40:42</t>
  </si>
  <si>
    <t>01/17/2020 08:38:19</t>
  </si>
  <si>
    <t>01/17/2020 08:35:34</t>
  </si>
  <si>
    <t>92af9ca2-41b1-40a6-8339-9bb1d3d8ddfd.tmp</t>
  </si>
  <si>
    <t>\\acsfs\profiles$\lorraynevam\Downloads\92af9ca2-41b1-40a6-8339-9bb1d3d8ddfd.tmp</t>
  </si>
  <si>
    <t>01/17/2020 08:38:33</t>
  </si>
  <si>
    <t>01/17/2020 08:36:44</t>
  </si>
  <si>
    <t>01/17/2020 08:41:41</t>
  </si>
  <si>
    <t>01/17/2020 08:37:48</t>
  </si>
  <si>
    <t>01/17/2020 08:39:08</t>
  </si>
  <si>
    <t>01/17/2020 08:36:43</t>
  </si>
  <si>
    <t>01/17/2020 08:37:13</t>
  </si>
  <si>
    <t>01/17/2020 08:37:43</t>
  </si>
  <si>
    <t>01/17/2020 08:38:43</t>
  </si>
  <si>
    <t>01/17/2020 08:39:43</t>
  </si>
  <si>
    <t>01/17/2020 08:40:43</t>
  </si>
  <si>
    <t>01/17/2020 08:41:13</t>
  </si>
  <si>
    <t>01/17/2020 08:38:16</t>
  </si>
  <si>
    <t>01/17/2020 08:38:06</t>
  </si>
  <si>
    <t>01/17/2020 08:42:41</t>
  </si>
  <si>
    <t>2587ef45-47d9-4871-b28c-e08e0b7089b3.tmp</t>
  </si>
  <si>
    <t>\\acsfs\profiles$\Angelicacldr\Downloads\2587ef45-47d9-4871-b28c-e08e0b7089b3.tmp</t>
  </si>
  <si>
    <t>01/17/2020 08:38:09</t>
  </si>
  <si>
    <t>ae47aae1-ff72-4aa4-87ff-f9b56c58de0d.tmp</t>
  </si>
  <si>
    <t>\\acsfs\profiles$\Angelicacldr\Downloads\ae47aae1-ff72-4aa4-87ff-f9b56c58de0d.tmp</t>
  </si>
  <si>
    <t>01/17/2020 08:39:26</t>
  </si>
  <si>
    <t>c4a2ed2d-6be5-46ec-ae5d-4c1b224a1902.tmp</t>
  </si>
  <si>
    <t>\\acsfs\profiles$\Angelicacldr\Downloads\c4a2ed2d-6be5-46ec-ae5d-4c1b224a1902.tmp</t>
  </si>
  <si>
    <t>01/17/2020 08:39:37</t>
  </si>
  <si>
    <t>df001cae-17d6-49e2-ba89-5ff94a86d2f8.tmp</t>
  </si>
  <si>
    <t>\\acsfs\profiles$\Angelicacldr\Downloads\df001cae-17d6-49e2-ba89-5ff94a86d2f8.tmp</t>
  </si>
  <si>
    <t>01/17/2020 08:40:11</t>
  </si>
  <si>
    <t>ec1bff6d-1edd-46ec-9c2c-217f14ccfc4d.tmp</t>
  </si>
  <si>
    <t>\\acsfs\profiles$\Angelicacldr\Downloads\ec1bff6d-1edd-46ec-9c2c-217f14ccfc4d.tmp</t>
  </si>
  <si>
    <t>01/17/2020 08:40:27</t>
  </si>
  <si>
    <t>582c2f59-1189-4881-9316-d308f68c8350.tmp</t>
  </si>
  <si>
    <t>\\acsfs\profiles$\Angelicacldr\Downloads\582c2f59-1189-4881-9316-d308f68c8350.tmp</t>
  </si>
  <si>
    <t>01/17/2020 08:38:11</t>
  </si>
  <si>
    <t>01/17/2020 08:42:38</t>
  </si>
  <si>
    <t>01/17/2020 08:43:41</t>
  </si>
  <si>
    <t>01/17/2020 08:40:36</t>
  </si>
  <si>
    <t>01/17/2020 08:44:41</t>
  </si>
  <si>
    <t>01/17/2020 08:42:25</t>
  </si>
  <si>
    <t>\\acsfs\profiles$\eduardobb\My Documents\xworkcenter\logs\</t>
  </si>
  <si>
    <t>XLOG_eduardobb_17012020_084205.log</t>
  </si>
  <si>
    <t>\\acsfs\profiles$\eduardobb\My Documents\xworkcenter\logs\XLOG_eduardobb_17012020_084205.log</t>
  </si>
  <si>
    <t>01/17/2020 08:40:13</t>
  </si>
  <si>
    <t>Evidencia Jose Lucas.PNG</t>
  </si>
  <si>
    <t>01/17/2020 08:40:25</t>
  </si>
  <si>
    <t>01/17/2020 08:41:50</t>
  </si>
  <si>
    <t>\\acsfs\Deptos\Operacao\Banco_Votorantim\Supervisao\SUPERS BV CARTÕES\MARIANA\Registros\Lançamentos\</t>
  </si>
  <si>
    <t>Comissao equipe Mari DEZEMBRO 2019.xlsx</t>
  </si>
  <si>
    <t>\\acsfs\Deptos\Operacao\Banco_Votorantim\Supervisao\SUPERS BV CARTÕES\MARIANA\Registros\Lançamentos\Comissao equipe Mari DEZEMBRO 2019.xlsx</t>
  </si>
  <si>
    <t>01/17/2020 08:43:29</t>
  </si>
  <si>
    <t>01/17/2020 08:45:41</t>
  </si>
  <si>
    <t>100014299414656;joaogvc@algartech.com;marianadjc@algartech.com;rafaelggs@algartech.com;taysdss@algartech.com;viniciussg@algartech.com;</t>
  </si>
  <si>
    <t>https://100014299414656,joaogvc@algartech.com,marianadjc@algartech.com,rafaelggs@algartech.com,taysdss@algartech.com,viniciussg@algartech.com</t>
  </si>
  <si>
    <t>01/17/2020 08:43:34</t>
  </si>
  <si>
    <t>100014299414656;bvcartes-supervisores@algarnet.onmicrosoft.com;joaogvc@algartech.com;leonardoao@algartech.com;marianadjc@algartech.com;paulacn@algartech.com;ricardodfm@algartech.com.br;taysdss@algartech.com;viniciussg@algartech.com;</t>
  </si>
  <si>
    <t>https://100014299414656,bvcartes-supervisores@algarnet.onmicrosoft.com,joaogvc@algartech.com,leonardoao@algartech.com,marianadjc@algartech.com,paulacn@algartech.com,ricardodfm@algartech.com.br,taysdss@algartech.com,viniciussg@algartech.com</t>
  </si>
  <si>
    <t>01/17/2020 08:40:51</t>
  </si>
  <si>
    <t>01/17/2020 08:41:27</t>
  </si>
  <si>
    <t>21e14f8e-6fa9-4029-bd39-4d38526fa9b9.tmp</t>
  </si>
  <si>
    <t>\\acsfs\profiles$\victoriaksr\Downloads\21e14f8e-6fa9-4029-bd39-4d38526fa9b9.tmp</t>
  </si>
  <si>
    <t>01/17/2020 08:41:33</t>
  </si>
  <si>
    <t>bc3f1817-c066-42bd-bb17-fffd22279e6a.tmp</t>
  </si>
  <si>
    <t>\\acsfs\profiles$\victoriaksr\Downloads\bc3f1817-c066-42bd-bb17-fffd22279e6a.tmp</t>
  </si>
  <si>
    <t>01/17/2020 08:46:41</t>
  </si>
  <si>
    <t>01/17/2020 08:43:19</t>
  </si>
  <si>
    <t>01/17/2020 08:43:20</t>
  </si>
  <si>
    <t>01/17/2020 08:41:43</t>
  </si>
  <si>
    <t>01/17/2020 08:47:42</t>
  </si>
  <si>
    <t>01/17/2020 08:44:23</t>
  </si>
  <si>
    <t>01/17/2020 08:47:23</t>
  </si>
  <si>
    <t>01/17/2020 08:49:42</t>
  </si>
  <si>
    <t>d17ee892-5ce4-4e87-82d3-02693aac2f05.tmp</t>
  </si>
  <si>
    <t>\\acsfs\profiles$\geovannasm\Downloads\d17ee892-5ce4-4e87-82d3-02693aac2f05.tmp</t>
  </si>
  <si>
    <t>01/17/2020 08:48:05</t>
  </si>
  <si>
    <t>61f47958-3d7a-4bf0-b666-53a28cb608bc.tmp</t>
  </si>
  <si>
    <t>\\acsfs\profiles$\geovannasm\Downloads\61f47958-3d7a-4bf0-b666-53a28cb608bc.tmp</t>
  </si>
  <si>
    <t>01/17/2020 08:48:18</t>
  </si>
  <si>
    <t>11b6a847-e581-4018-8d30-97dc2a00861e.tmp</t>
  </si>
  <si>
    <t>\\acsfs\profiles$\geovannasm\Downloads\11b6a847-e581-4018-8d30-97dc2a00861e.tmp</t>
  </si>
  <si>
    <t>01/17/2020 08:48:20</t>
  </si>
  <si>
    <t>471dbc97-cdf1-49db-8092-44ac968c6c59.tmp</t>
  </si>
  <si>
    <t>\\acsfs\profiles$\geovannasm\Downloads\471dbc97-cdf1-49db-8092-44ac968c6c59.tmp</t>
  </si>
  <si>
    <t>01/17/2020 08:46:59</t>
  </si>
  <si>
    <t>4c576353-b2e8-4317-b334-70b1cbab732a.tmp</t>
  </si>
  <si>
    <t>\\acsfs\profiles$\leticiala\Downloads\4c576353-b2e8-4317-b334-70b1cbab732a.tmp</t>
  </si>
  <si>
    <t>2a509ae4-2302-4099-b880-3d7d66ab343b.tmp</t>
  </si>
  <si>
    <t>\\acsfs\profiles$\leticiala\Downloads\2a509ae4-2302-4099-b880-3d7d66ab343b.tmp</t>
  </si>
  <si>
    <t>01/17/2020 08:49:31</t>
  </si>
  <si>
    <t>01/17/2020 08:50:41</t>
  </si>
  <si>
    <t>01/17/2020 08:50:00</t>
  </si>
  <si>
    <t>01/17/2020 08:47:47</t>
  </si>
  <si>
    <t>01/17/2020 08:51:41</t>
  </si>
  <si>
    <t>01/17/2020 08:48:07</t>
  </si>
  <si>
    <t>01/17/2020 08:48:24</t>
  </si>
  <si>
    <t>01/17/2020 08:49:09</t>
  </si>
  <si>
    <t>01/17/2020 08:50:16</t>
  </si>
  <si>
    <t>01/17/2020 08:49:33</t>
  </si>
  <si>
    <t>01/17/2020 08:53:41</t>
  </si>
  <si>
    <t>https://udpwfmniceap02/web/guest/home?p_auth=ggrj6frw&amp;p_p_id=58&amp;p_p_lifecycle=1&amp;p_p_state=maximized&amp;p_p_mode=view&amp;savelastpath=0&amp;_58_struts_action=/login/forgot_password</t>
  </si>
  <si>
    <t>01/17/2020 08:52:21</t>
  </si>
  <si>
    <t>CASO 00820786 - OPERADORA BEATRIZ PEREIRA MENDES DA SILVA_1_6772222389950429011_1_32.wav</t>
  </si>
  <si>
    <t>\\acsfs\Deptos\EDUCACAO EMPRESARIAL\KÉSIA\OUVIDORIA, PROCON, BACEN E RECLAME AQUI\CASO 00820786 - OPERADORA BEATRIZ PEREIRA MENDES DA SILVA_1_6772222389950429011_1_32.wav</t>
  </si>
  <si>
    <t>01/17/2020 08:49:38</t>
  </si>
  <si>
    <t>01/17/2020 08:54:41</t>
  </si>
  <si>
    <t>01/17/2020 08:49:26</t>
  </si>
  <si>
    <t>656296e8-01ad-477a-8821-848309bb3d56.tmp</t>
  </si>
  <si>
    <t>\\acsfs\profiles$\geovannasm\Downloads\656296e8-01ad-477a-8821-848309bb3d56.tmp</t>
  </si>
  <si>
    <t>01/17/2020 08:49:36</t>
  </si>
  <si>
    <t>da65935f-9f2d-492f-acc3-9ef290e1565a.tmp</t>
  </si>
  <si>
    <t>\\acsfs\profiles$\geovannasm\Downloads\da65935f-9f2d-492f-acc3-9ef290e1565a.tmp</t>
  </si>
  <si>
    <t>9ba0b00f-7bb0-40e0-aeeb-4da2c2710bcb.tmp</t>
  </si>
  <si>
    <t>\\acsfs\profiles$\geovannasm\Downloads\9ba0b00f-7bb0-40e0-aeeb-4da2c2710bcb.tmp</t>
  </si>
  <si>
    <t>01/17/2020 08:51:18</t>
  </si>
  <si>
    <t>0c036e68-56e9-430a-89df-b953a7c342e5.tmp</t>
  </si>
  <si>
    <t>\\acsfs\profiles$\geovannasm\Downloads\0c036e68-56e9-430a-89df-b953a7c342e5.tmp</t>
  </si>
  <si>
    <t>01/17/2020 08:52:15</t>
  </si>
  <si>
    <t>01/17/2020 08:55:41</t>
  </si>
  <si>
    <t>victoravdo</t>
  </si>
  <si>
    <t>67f6d953-9051-4dc5-b43a-3650b9792f8c</t>
  </si>
  <si>
    <t>https://www.portalsinergyrh.com.br/candidato/curriculo/meuperfil</t>
  </si>
  <si>
    <t>C:\Users\victoravdo\Pictures\</t>
  </si>
  <si>
    <t>01/17/2020 08:50:10</t>
  </si>
  <si>
    <t>\\acsfs\profiles$\victoriaksr\Downloads\.~lock.1721 1724 ate 16012020.xlsx#</t>
  </si>
  <si>
    <t>01/17/2020 08:53:59</t>
  </si>
  <si>
    <t>01/17/2020 08:55:15</t>
  </si>
  <si>
    <t>01/17/2020 08:50:59</t>
  </si>
  <si>
    <t>01/17/2020 08:56:41</t>
  </si>
  <si>
    <t>01/17/2020 08:51:03</t>
  </si>
  <si>
    <t>01/17/2020 08:51:32</t>
  </si>
  <si>
    <t>01/17/2020 08:51:36</t>
  </si>
  <si>
    <t>01/17/2020 08:53:36</t>
  </si>
  <si>
    <t>b1dd575e-b341-4f44-85c0-567ce313eb95.tmp</t>
  </si>
  <si>
    <t>\\acsfs\profiles$\talitafdc\Downloads\b1dd575e-b341-4f44-85c0-567ce313eb95.tmp</t>
  </si>
  <si>
    <t>01/17/2020 08:55:28</t>
  </si>
  <si>
    <t>c388f1e7-a9d7-445f-afdc-670372b7fe55.tmp</t>
  </si>
  <si>
    <t>\\acsfs\profiles$\talitafdc\Downloads\c388f1e7-a9d7-445f-afdc-670372b7fe55.tmp</t>
  </si>
  <si>
    <t>01/17/2020 08:51:45</t>
  </si>
  <si>
    <t>01/17/2020 08:51:49</t>
  </si>
  <si>
    <t>01/17/2020 08:51:53</t>
  </si>
  <si>
    <t>01/17/2020 08:51:57</t>
  </si>
  <si>
    <t>01/17/2020 08:51:58</t>
  </si>
  <si>
    <t>01/17/2020 08:52:09</t>
  </si>
  <si>
    <t>andrelpsa@algartech.com;catianalv@algartech.com;cpc-controldeskavon@algartech.com;joaogvc@algartech.com;joseasn@algartech.com;josiascdsj@algartech.com;leonardoao@algartech.com;lucianarsantos@algartech.com;luiz.henriquesantos@avon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08:52:25</t>
  </si>
  <si>
    <t>01/17/2020 08:52:50</t>
  </si>
  <si>
    <t>01/17/2020 08:53:10</t>
  </si>
  <si>
    <t>01/17/2020 08:54:20</t>
  </si>
  <si>
    <t>01/17/2020 08:58:41</t>
  </si>
  <si>
    <t>01/17/2020 08:52:56</t>
  </si>
  <si>
    <t>01/17/2020 08:55:44</t>
  </si>
  <si>
    <t>01/16/2020 22:08:42</t>
  </si>
  <si>
    <t>01/16/2020 22:08:44</t>
  </si>
  <si>
    <t>01/17/2020 08:56:40</t>
  </si>
  <si>
    <t>01/17/2020 08:57:26</t>
  </si>
  <si>
    <t>11ba4719-52f7-40e6-aa4c-e3b11ec9b77c.tmp</t>
  </si>
  <si>
    <t>\\acsfs\profiles$\rafaelamsv\Downloads\11ba4719-52f7-40e6-aa4c-e3b11ec9b77c.tmp</t>
  </si>
  <si>
    <t>01/17/2020 08:57:38</t>
  </si>
  <si>
    <t>18e564e3-c251-4547-bfba-515e80a5d755.tmp</t>
  </si>
  <si>
    <t>\\acsfs\profiles$\rafaelamsv\Downloads\18e564e3-c251-4547-bfba-515e80a5d755.tmp</t>
  </si>
  <si>
    <t>01/17/2020 08:58:51</t>
  </si>
  <si>
    <t>01/17/2020 08:59:41</t>
  </si>
  <si>
    <t>8141055a-6b5f-42c4-979d-3d0162480979.tmp</t>
  </si>
  <si>
    <t>\\acsfs\profiles$\fabianafv\Downloads\8141055a-6b5f-42c4-979d-3d0162480979.tmp</t>
  </si>
  <si>
    <t>01/17/2020 08:55:52</t>
  </si>
  <si>
    <t>01/17/2020 08:54:27</t>
  </si>
  <si>
    <t>01/17/2020 08:59:15</t>
  </si>
  <si>
    <t>01/17/2020 09:00:41</t>
  </si>
  <si>
    <t>01/17/2020 08:55:48</t>
  </si>
  <si>
    <t>01/17/2020 09:01:41</t>
  </si>
  <si>
    <t>9c4ed76e-d452-4fe8-ba0a-abc9cb3064d4.tmp</t>
  </si>
  <si>
    <t>\\acsfs\profiles$\talitafdc\Downloads\9c4ed76e-d452-4fe8-ba0a-abc9cb3064d4.tmp</t>
  </si>
  <si>
    <t>01/17/2020 09:00:45</t>
  </si>
  <si>
    <t>2f28ca25-2385-4fe6-add8-b6a3d8f34674.tmp</t>
  </si>
  <si>
    <t>\\acsfs\profiles$\sarahbal\Downloads\2f28ca25-2385-4fe6-add8-b6a3d8f34674.tmp</t>
  </si>
  <si>
    <t>01/17/2020 09:00:14</t>
  </si>
  <si>
    <t>01/17/2020 09:00:52</t>
  </si>
  <si>
    <t>01/17/2020 09:02:40</t>
  </si>
  <si>
    <t>d50e3be3-0956-48ad-b3b2-66a524003bda.tmp</t>
  </si>
  <si>
    <t>\\acsfs\profiles$\gabriellalpr\Downloads\d50e3be3-0956-48ad-b3b2-66a524003bda.tmp</t>
  </si>
  <si>
    <t>01/17/2020 09:01:14</t>
  </si>
  <si>
    <t>5f805a4b-c349-40b4-bf89-5b2e9a6e0948.tmp</t>
  </si>
  <si>
    <t>\\acsfs\profiles$\gabriellalpr\Downloads\5f805a4b-c349-40b4-bf89-5b2e9a6e0948.tmp</t>
  </si>
  <si>
    <t>01/17/2020 09:01:38</t>
  </si>
  <si>
    <t>a91e9e41-e238-4bcd-bd8a-c03198a40630.tmp</t>
  </si>
  <si>
    <t>\\acsfs\profiles$\gabriellalpr\Downloads\a91e9e41-e238-4bcd-bd8a-c03198a40630.tmp</t>
  </si>
  <si>
    <t>01/17/2020 09:02:07</t>
  </si>
  <si>
    <t>064e2880-cb09-4721-8288-1a6608d79df4.tmp</t>
  </si>
  <si>
    <t>\\acsfs\profiles$\gabriellalpr\Downloads\064e2880-cb09-4721-8288-1a6608d79df4.tmp</t>
  </si>
  <si>
    <t>01/17/2020 09:02:02</t>
  </si>
  <si>
    <t>766e2b84-3de8-4c31-9b45-cb20e9188224.tmp</t>
  </si>
  <si>
    <t>\\acsfs\profiles$\danielmlds\Downloads\766e2b84-3de8-4c31-9b45-cb20e9188224.tmp</t>
  </si>
  <si>
    <t>01/17/2020 08:58:53</t>
  </si>
  <si>
    <t>17a3636f-c61c-47c8-8dd3-022fe2f2bc15.tmp</t>
  </si>
  <si>
    <t>\\acsfs\profiles$\esterasg\Downloads\17a3636f-c61c-47c8-8dd3-022fe2f2bc15.tmp</t>
  </si>
  <si>
    <t>01/17/2020 08:59:57</t>
  </si>
  <si>
    <t>577378fe-383d-4867-b99d-efbd685c0d8b.tmp</t>
  </si>
  <si>
    <t>\\acsfs\profiles$\esterasg\Downloads\577378fe-383d-4867-b99d-efbd685c0d8b.tmp</t>
  </si>
  <si>
    <t>01/17/2020 09:00:29</t>
  </si>
  <si>
    <t>654ae9d0-4451-471c-9ecf-a0571c9a8e2e.tmp</t>
  </si>
  <si>
    <t>\\acsfs\profiles$\esterasg\Downloads\654ae9d0-4451-471c-9ecf-a0571c9a8e2e.tmp</t>
  </si>
  <si>
    <t>01/17/2020 09:01:08</t>
  </si>
  <si>
    <t>92608cf5-a488-4582-b8a1-5ece8353f920.tmp</t>
  </si>
  <si>
    <t>\\acsfs\profiles$\esterasg\Downloads\92608cf5-a488-4582-b8a1-5ece8353f920.tmp</t>
  </si>
  <si>
    <t>01/17/2020 09:01:37</t>
  </si>
  <si>
    <t>40bb66d2-698c-4753-8b88-970c8e2c5bc2.tmp</t>
  </si>
  <si>
    <t>\\acsfs\profiles$\esterasg\Downloads\40bb66d2-698c-4753-8b88-970c8e2c5bc2.tmp</t>
  </si>
  <si>
    <t>01/17/2020 09:02:30</t>
  </si>
  <si>
    <t>32518771-9287-4f73-8cd6-b6a573d210c0.tmp</t>
  </si>
  <si>
    <t>\\acsfs\profiles$\esterasg\Downloads\32518771-9287-4f73-8cd6-b6a573d210c0.tmp</t>
  </si>
  <si>
    <t>01/17/2020 08:59:31</t>
  </si>
  <si>
    <t>01/17/2020 09:03:41</t>
  </si>
  <si>
    <t>ad4a69b1-79ed-4f3a-bdbf-7be4abba388d.tmp</t>
  </si>
  <si>
    <t>\\acsfs\profiles$\monicargds\Downloads\ad4a69b1-79ed-4f3a-bdbf-7be4abba388d.tmp</t>
  </si>
  <si>
    <t>01/17/2020 08:59:35</t>
  </si>
  <si>
    <t>01/17/2020 09:01:43</t>
  </si>
  <si>
    <t>e2b0d050-a8b6-430b-b422-900b2752676e.tmp</t>
  </si>
  <si>
    <t>\\acsfs\profiles$\LUCASBS\Downloads\e2b0d050-a8b6-430b-b422-900b2752676e.tmp</t>
  </si>
  <si>
    <t>01/17/2020 09:02:20</t>
  </si>
  <si>
    <t>e710a669-e484-4461-8327-d19a0a35aa82.tmp</t>
  </si>
  <si>
    <t>\\acsfs\profiles$\Flaviojmm\Downloads\e710a669-e484-4461-8327-d19a0a35aa82.tmp</t>
  </si>
  <si>
    <t>01/17/2020 09:02:31</t>
  </si>
  <si>
    <t>01/17/2020 09:03:23</t>
  </si>
  <si>
    <t>049d7db4-d9b4-413f-aefe-e167a45244af.tmp</t>
  </si>
  <si>
    <t>\\acsfs\profiles$\Flaviojmm\Downloads\049d7db4-d9b4-413f-aefe-e167a45244af.tmp</t>
  </si>
  <si>
    <t>01/17/2020 09:00:39</t>
  </si>
  <si>
    <t>01/17/2020 09:04:40</t>
  </si>
  <si>
    <t>01/17/2020 09:02:37</t>
  </si>
  <si>
    <t>01/17/2020 09:02:59</t>
  </si>
  <si>
    <t>01/17/2020 09:02:23</t>
  </si>
  <si>
    <t>01/17/2020 08:59:52</t>
  </si>
  <si>
    <t>aa497b31-d332-4b9c-b52e-282df198226b.tmp</t>
  </si>
  <si>
    <t>\\acsfs\profiles$\fabianafv\Downloads\aa497b31-d332-4b9c-b52e-282df198226b.tmp</t>
  </si>
  <si>
    <t>01/17/2020 09:02:44</t>
  </si>
  <si>
    <t>2af1fad0-62fd-4b8e-bf88-4d12359ada80.tmp</t>
  </si>
  <si>
    <t>\\acsfs\profiles$\fabianafv\Downloads\2af1fad0-62fd-4b8e-bf88-4d12359ada80.tmp</t>
  </si>
  <si>
    <t>01/17/2020 09:00:50</t>
  </si>
  <si>
    <t>01/17/2020 09:05:41</t>
  </si>
  <si>
    <t>01/17/2020 09:04:06</t>
  </si>
  <si>
    <t>01/17/2020 09:01:58</t>
  </si>
  <si>
    <t>01/17/2020 09:06:40</t>
  </si>
  <si>
    <t>c4a0c293-cb0e-4459-afb1-74145b35f1f9.tmp</t>
  </si>
  <si>
    <t>\\acsfs\profiles$\gabrielhca\Downloads\c4a0c293-cb0e-4459-afb1-74145b35f1f9.tmp</t>
  </si>
  <si>
    <t>01/17/2020 09:02:27</t>
  </si>
  <si>
    <t>cf9032c5-501e-4b0e-9c04-0996034ac6f8.tmp</t>
  </si>
  <si>
    <t>\\acsfs\profiles$\gabrielhca\Downloads\cf9032c5-501e-4b0e-9c04-0996034ac6f8.tmp</t>
  </si>
  <si>
    <t>01/17/2020 09:03:56</t>
  </si>
  <si>
    <t>787bd5df-5e8c-4b77-a28d-b214fb5e833c.tmp</t>
  </si>
  <si>
    <t>\\acsfs\profiles$\gabrielhca\Downloads\787bd5df-5e8c-4b77-a28d-b214fb5e833c.tmp</t>
  </si>
  <si>
    <t>01/17/2020 09:04:02</t>
  </si>
  <si>
    <t>e3c6957a-a569-47cb-b98f-25433f4c154f.tmp</t>
  </si>
  <si>
    <t>\\acsfs\profiles$\gabrielhca\Downloads\e3c6957a-a569-47cb-b98f-25433f4c154f.tmp</t>
  </si>
  <si>
    <t>01/17/2020 09:04:10</t>
  </si>
  <si>
    <t>bf7df319-5255-41d4-9f17-b75f40e715d7.tmp</t>
  </si>
  <si>
    <t>\\acsfs\profiles$\gabrielhca\Downloads\bf7df319-5255-41d4-9f17-b75f40e715d7.tmp</t>
  </si>
  <si>
    <t>01/17/2020 09:02:01</t>
  </si>
  <si>
    <t>01/17/2020 09:05:20</t>
  </si>
  <si>
    <t>01/17/2020 09:05:46</t>
  </si>
  <si>
    <t>246ef06d-38bf-4e00-9be7-c2f06adffd28.tmp</t>
  </si>
  <si>
    <t>\\acsfs\profiles$\lucasgpe\Downloads\246ef06d-38bf-4e00-9be7-c2f06adffd28.tmp</t>
  </si>
  <si>
    <t>01/17/2020 09:02:32</t>
  </si>
  <si>
    <t>01/17/2020 09:04:50</t>
  </si>
  <si>
    <t>01/17/2020 09:05:06</t>
  </si>
  <si>
    <t>01/17/2020 09:03:14</t>
  </si>
  <si>
    <t>01/17/2020 09:05:44</t>
  </si>
  <si>
    <t>01/17/2020 09:06:14</t>
  </si>
  <si>
    <t>01/17/2020 09:04:44</t>
  </si>
  <si>
    <t>01/17/2020 09:07:41</t>
  </si>
  <si>
    <t>c28ae891-bd36-45f2-88dd-eeaaa8539504.tmp</t>
  </si>
  <si>
    <t>\\acsfs\profiles$\gabriellalpr\Downloads\c28ae891-bd36-45f2-88dd-eeaaa8539504.tmp</t>
  </si>
  <si>
    <t>01/17/2020 09:09:41</t>
  </si>
  <si>
    <t>01/17/2020 09:04:03</t>
  </si>
  <si>
    <t>e2114aaf-0b96-4a3a-986f-12a17b5c3064.tmp</t>
  </si>
  <si>
    <t>\\acsfs\profiles$\kellzylenneasr\Downloads\e2114aaf-0b96-4a3a-986f-12a17b5c3064.tmp</t>
  </si>
  <si>
    <t>01/17/2020 09:04:35</t>
  </si>
  <si>
    <t>f8f3459b-2176-4504-9f4e-7e8657d07fbf.tmp</t>
  </si>
  <si>
    <t>\\acsfs\profiles$\kellzylenneasr\Downloads\f8f3459b-2176-4504-9f4e-7e8657d07fbf.tmp</t>
  </si>
  <si>
    <t>01/17/2020 09:06:39</t>
  </si>
  <si>
    <t>01/17/2020 09:05:29</t>
  </si>
  <si>
    <t>01/17/2020 09:05:30</t>
  </si>
  <si>
    <t>01/17/2020 09:06:01</t>
  </si>
  <si>
    <t>01/17/2020 09:06:02</t>
  </si>
  <si>
    <t>01/17/2020 09:07:16</t>
  </si>
  <si>
    <t>01/17/2020 09:07:27</t>
  </si>
  <si>
    <t>01/17/2020 09:07:37</t>
  </si>
  <si>
    <t>01/17/2020 09:07:40</t>
  </si>
  <si>
    <t>01/17/2020 09:08:20</t>
  </si>
  <si>
    <t>01/17/2020 09:07:50</t>
  </si>
  <si>
    <t>01/17/2020 09:10:40</t>
  </si>
  <si>
    <t>0866993a-3055-41a7-9c7c-c385239cb886.tmp</t>
  </si>
  <si>
    <t>\\acsfs\profiles$\isabellegtds\Downloads\0866993a-3055-41a7-9c7c-c385239cb886.tmp</t>
  </si>
  <si>
    <t>01/17/2020 09:09:07</t>
  </si>
  <si>
    <t>2a2d0d9b-9b3e-403e-a2c6-3134241823c8.tmp</t>
  </si>
  <si>
    <t>\\acsfs\profiles$\isabellegtds\Downloads\2a2d0d9b-9b3e-403e-a2c6-3134241823c8.tmp</t>
  </si>
  <si>
    <t>01/17/2020 09:09:18</t>
  </si>
  <si>
    <t>6f277401-d61c-4a32-b00c-a858dec99c7d.tmp</t>
  </si>
  <si>
    <t>\\acsfs\profiles$\isabellegtds\Downloads\6f277401-d61c-4a32-b00c-a858dec99c7d.tmp</t>
  </si>
  <si>
    <t>01/17/2020 09:09:32</t>
  </si>
  <si>
    <t>c2c84d04-b180-4403-bf73-0f0fbc5125ff.tmp</t>
  </si>
  <si>
    <t>\\acsfs\profiles$\ayalabfi\Downloads\c2c84d04-b180-4403-bf73-0f0fbc5125ff.tmp</t>
  </si>
  <si>
    <t>01/17/2020 09:06:46</t>
  </si>
  <si>
    <t>01/17/2020 09:11:41</t>
  </si>
  <si>
    <t>01/17/2020 09:08:44</t>
  </si>
  <si>
    <t>5a0e4e73-cfdd-45c7-9402-8b88829fdfb9.tmp</t>
  </si>
  <si>
    <t>\\acsfs\profiles$\lucasgpe\Downloads\5a0e4e73-cfdd-45c7-9402-8b88829fdfb9.tmp</t>
  </si>
  <si>
    <t>01/17/2020 09:10:12</t>
  </si>
  <si>
    <t>01/17/2020 09:07:44</t>
  </si>
  <si>
    <t>01/17/2020 09:08:14</t>
  </si>
  <si>
    <t>01/17/2020 09:11:14</t>
  </si>
  <si>
    <t>01/17/2020 09:08:55</t>
  </si>
  <si>
    <t>01/17/2020 09:12:40</t>
  </si>
  <si>
    <t>01/17/2020 09:09:27</t>
  </si>
  <si>
    <t>01/17/2020 09:13:41</t>
  </si>
  <si>
    <t>b4bd1342-2173-40a3-9210-f3e59d681f17.tmp</t>
  </si>
  <si>
    <t>\\acsfs\profiles$\LUCASBS\Downloads\b4bd1342-2173-40a3-9210-f3e59d681f17.tmp</t>
  </si>
  <si>
    <t>01/17/2020 09:10:57</t>
  </si>
  <si>
    <t>01/17/2020 09:11:12</t>
  </si>
  <si>
    <t>01/17/2020 09:09:05</t>
  </si>
  <si>
    <t>\\acsfs\profiles$\FLAVIOJMM\My Documents\.~lock.Reneg Vcto 17-01 Flavio.ods#</t>
  </si>
  <si>
    <t>01/17/2020 09:11:17</t>
  </si>
  <si>
    <t>01/17/2020 09:14:40</t>
  </si>
  <si>
    <t>29184e56-625b-4cfe-a436-565cf2245ada.tmp</t>
  </si>
  <si>
    <t>\\acsfs\profiles$\esterasg\Downloads\29184e56-625b-4cfe-a436-565cf2245ada.tmp</t>
  </si>
  <si>
    <t>01/17/2020 09:11:54</t>
  </si>
  <si>
    <t>149cbdbc-7ad7-40f5-8662-0a7b649ec178.tmp</t>
  </si>
  <si>
    <t>\\acsfs\profiles$\esterasg\Downloads\149cbdbc-7ad7-40f5-8662-0a7b649ec178.tmp</t>
  </si>
  <si>
    <t>01/17/2020 09:12:51</t>
  </si>
  <si>
    <t>01/17/2020 09:12:21</t>
  </si>
  <si>
    <t>01/17/2020 09:13:06</t>
  </si>
  <si>
    <t>01/17/2020 09:10:27</t>
  </si>
  <si>
    <t>01/17/2020 09:15:40</t>
  </si>
  <si>
    <t>01/17/2020 09:13:50</t>
  </si>
  <si>
    <t>01/17/2020 09:16:40</t>
  </si>
  <si>
    <t>ba7d57d2-3360-4720-bff9-4f3a631006bf.tmp</t>
  </si>
  <si>
    <t>\\acsfs\profiles$\marcosvnds\Downloads\ba7d57d2-3360-4720-bff9-4f3a631006bf.tmp</t>
  </si>
  <si>
    <t>01/17/2020 09:15:37</t>
  </si>
  <si>
    <t>264535fc-91a4-4005-b004-70ce13339bfe.tmp</t>
  </si>
  <si>
    <t>\\acsfs\profiles$\lucasgpe\Downloads\264535fc-91a4-4005-b004-70ce13339bfe.tmp</t>
  </si>
  <si>
    <t>01/17/2020 09:12:44</t>
  </si>
  <si>
    <t>a1c0b305-9e9b-482c-8ba5-bbd8ab921e67.tmp</t>
  </si>
  <si>
    <t>\\acsfs\profiles$\gabrielaff\Downloads\a1c0b305-9e9b-482c-8ba5-bbd8ab921e67.tmp</t>
  </si>
  <si>
    <t>9ac3f590-49d8-4286-aa93-97d8e33eb5f9.tmp</t>
  </si>
  <si>
    <t>\\acsfs\profiles$\gabrielaff\Downloads\9ac3f590-49d8-4286-aa93-97d8e33eb5f9.tmp</t>
  </si>
  <si>
    <t>01/17/2020 09:13:55</t>
  </si>
  <si>
    <t>47d69fa2-6b0f-4059-b87d-82b1cfc363c0.tmp</t>
  </si>
  <si>
    <t>\\acsfs\profiles$\gabrielaff\Downloads\47d69fa2-6b0f-4059-b87d-82b1cfc363c0.tmp</t>
  </si>
  <si>
    <t>01/17/2020 09:14:25</t>
  </si>
  <si>
    <t>a260514c-ee57-4396-b616-cda213bca0e0.tmp</t>
  </si>
  <si>
    <t>\\acsfs\profiles$\gabrielaff\Downloads\a260514c-ee57-4396-b616-cda213bca0e0.tmp</t>
  </si>
  <si>
    <t>01/17/2020 09:12:39</t>
  </si>
  <si>
    <t>01/17/2020 09:15:42</t>
  </si>
  <si>
    <t>.~lock.ATIVO BV CARTÕES.ods#</t>
  </si>
  <si>
    <t>\\acsfs\profiles$\dhiulliananads\My Documents\.~lock.ATIVO BV CARTÕES.ods#</t>
  </si>
  <si>
    <t>01/17/2020 09:15:44</t>
  </si>
  <si>
    <t>01/17/2020 09:15:18</t>
  </si>
  <si>
    <t>01/17/2020 09:18:40</t>
  </si>
  <si>
    <t>01/17/2020 09:16:58</t>
  </si>
  <si>
    <t>01/17/2020 09:19:40</t>
  </si>
  <si>
    <t>01/17/2020 09:15:28</t>
  </si>
  <si>
    <t>132e611c-e779-45a5-b4bb-1b1e8691f73f.tmp</t>
  </si>
  <si>
    <t>\\acsfs\profiles$\esterasg\Downloads\132e611c-e779-45a5-b4bb-1b1e8691f73f.tmp</t>
  </si>
  <si>
    <t>01/17/2020 09:15:52</t>
  </si>
  <si>
    <t>fe387606-247d-49ee-a991-776b3055d3e8.tmp</t>
  </si>
  <si>
    <t>\\acsfs\profiles$\PEDROHAB\Downloads\fe387606-247d-49ee-a991-776b3055d3e8.tmp</t>
  </si>
  <si>
    <t>01/17/2020 09:15:53</t>
  </si>
  <si>
    <t>51d48f1f-f193-4e2a-b482-04a8950b871e.tmp</t>
  </si>
  <si>
    <t>\\acsfs\profiles$\PEDROHAB\Downloads\51d48f1f-f193-4e2a-b482-04a8950b871e.tmp</t>
  </si>
  <si>
    <t>01/17/2020 09:18:55</t>
  </si>
  <si>
    <t>10.200.67.6</t>
  </si>
  <si>
    <t>58d174c6-3048-49fb-979d-a24093096cb0.tmp</t>
  </si>
  <si>
    <t>\\acsfs\profiles$\geovannasm\Downloads\58d174c6-3048-49fb-979d-a24093096cb0.tmp</t>
  </si>
  <si>
    <t>01/17/2020 09:17:52</t>
  </si>
  <si>
    <t>01/17/2020 09:17:26</t>
  </si>
  <si>
    <t>01/17/2020 09:21:40</t>
  </si>
  <si>
    <t>01/17/2020 09:17:14</t>
  </si>
  <si>
    <t>20bc96d0-5ff7-4e18-b436-042c5622dc5c.tmp</t>
  </si>
  <si>
    <t>\\acsfs\profiles$\gabrielaff\Downloads\20bc96d0-5ff7-4e18-b436-042c5622dc5c.tmp</t>
  </si>
  <si>
    <t>01/17/2020 09:18:16</t>
  </si>
  <si>
    <t>ae1e3ccf-754d-48f6-a7dc-972caf71fa2b.tmp</t>
  </si>
  <si>
    <t>\\acsfs\profiles$\gabrielaff\Downloads\ae1e3ccf-754d-48f6-a7dc-972caf71fa2b.tmp</t>
  </si>
  <si>
    <t>01/17/2020 09:18:27</t>
  </si>
  <si>
    <t>01/17/2020 09:19:23</t>
  </si>
  <si>
    <t>01/17/2020 09:19:24</t>
  </si>
  <si>
    <t>01/17/2020 09:18:44</t>
  </si>
  <si>
    <t>01/17/2020 09:21:31</t>
  </si>
  <si>
    <t>01/17/2020 09:23:40</t>
  </si>
  <si>
    <t>01/17/2020 09:22:49</t>
  </si>
  <si>
    <t>01/17/2020 09:22:51</t>
  </si>
  <si>
    <t>01/17/2020 09:22:56</t>
  </si>
  <si>
    <t>01/17/2020 09:24:41</t>
  </si>
  <si>
    <t>01/17/2020 09:20:39</t>
  </si>
  <si>
    <t>9cbae7b3-be90-486f-9ee3-6638d6a08d05.tmp</t>
  </si>
  <si>
    <t>\\acsfs\profiles$\larissaad\Downloads\9cbae7b3-be90-486f-9ee3-6638d6a08d05.tmp</t>
  </si>
  <si>
    <t>01/17/2020 09:23:23</t>
  </si>
  <si>
    <t>bed68132-a3e9-4348-aa25-96070d5aadd4.tmp</t>
  </si>
  <si>
    <t>\\acsfs\profiles$\rafaelacdoc\Downloads\bed68132-a3e9-4348-aa25-96070d5aadd4.tmp</t>
  </si>
  <si>
    <t>01/17/2020 09:19:36</t>
  </si>
  <si>
    <t>e2da5cbd-ee7b-45fb-9bc9-f14026d74095.tmp</t>
  </si>
  <si>
    <t>\\acsfs\profiles$\lorrainerdl\Downloads\e2da5cbd-ee7b-45fb-9bc9-f14026d74095.tmp</t>
  </si>
  <si>
    <t>01/17/2020 09:22:26</t>
  </si>
  <si>
    <t>ce1cb0f0-b008-4a47-988f-3b20120b1b83.tmp</t>
  </si>
  <si>
    <t>\\acsfs\profiles$\fabianafv\Downloads\ce1cb0f0-b008-4a47-988f-3b20120b1b83.tmp</t>
  </si>
  <si>
    <t>01/17/2020 09:23:14</t>
  </si>
  <si>
    <t>01/17/2020 09:20:05</t>
  </si>
  <si>
    <t>e290075d-ddad-4f19-8f91-90b23f7c8cdd.tmp</t>
  </si>
  <si>
    <t>\\acsfs\profiles$\geovannasm\Downloads\e290075d-ddad-4f19-8f91-90b23f7c8cdd.tmp</t>
  </si>
  <si>
    <t>01/17/2020 09:20:15</t>
  </si>
  <si>
    <t>7c683f23-f97d-499d-8a76-a6e8fef3f4e3.tmp</t>
  </si>
  <si>
    <t>\\acsfs\profiles$\geovannasm\Downloads\7c683f23-f97d-499d-8a76-a6e8fef3f4e3.tmp</t>
  </si>
  <si>
    <t>01/17/2020 09:21:03</t>
  </si>
  <si>
    <t>01/17/2020 09:25:40</t>
  </si>
  <si>
    <t>01/17/2020 09:21:09</t>
  </si>
  <si>
    <t>bvcartes-supervisores@algarnet.onmicrosoft.com;bvs-planejamentodeoperacoesetrafego@bv.com.br;joaogvc@algartech.com;leonardoao@algartech.com;marianadjc@algartech.com;paulacn@algartech.com;planejamentodeoperacoesetrafego@bv.com.br;raphaelmco@algartech.com.br;ricardodfm@algartech.com.br;taysdss@algartech.com;viniciussg@algartech.com;</t>
  </si>
  <si>
    <t>bvcartes-supervisores@algarnet.onmicrosoft.com,bvs-planejamentodeoperacoesetrafego@bv.com.br,joaogvc@algartech.com,leonardoao@algartech.com,marianadjc@algartech.com,paulacn@algartech.com,planejamentodeoperacoesetrafego@bv.com.br,raphaelmco@algartech.com.br,ricardodfm@algartech.com.br,taysdss@algartech.com,viniciussg@algartech.com</t>
  </si>
  <si>
    <t>01/17/2020 09:21:38</t>
  </si>
  <si>
    <t>01/17/2020 09:22:17</t>
  </si>
  <si>
    <t>01/17/2020 09:22:20</t>
  </si>
  <si>
    <t>01/17/2020 09:22:25</t>
  </si>
  <si>
    <t>01/17/2020 09:22:35</t>
  </si>
  <si>
    <t>01/17/2020 09:21:05</t>
  </si>
  <si>
    <t>9e10fad8-30d0-45e0-b1fe-715bc44063c9.tmp</t>
  </si>
  <si>
    <t>\\acsfs\profiles$\ayalabfi\Downloads\9e10fad8-30d0-45e0-b1fe-715bc44063c9.tmp</t>
  </si>
  <si>
    <t>01/17/2020 09:24:00</t>
  </si>
  <si>
    <t>01/17/2020 09:26:40</t>
  </si>
  <si>
    <t>01/17/2020 09:21:44</t>
  </si>
  <si>
    <t>01/17/2020 09:22:14</t>
  </si>
  <si>
    <t>01/17/2020 09:23:16</t>
  </si>
  <si>
    <t>01/17/2020 09:26:43</t>
  </si>
  <si>
    <t>01/17/2020 09:27:40</t>
  </si>
  <si>
    <t>01/17/2020 09:26:49</t>
  </si>
  <si>
    <t>01/17/2020 09:26:23</t>
  </si>
  <si>
    <t>01/17/2020 09:28:41</t>
  </si>
  <si>
    <t>01/17/2020 09:27:25</t>
  </si>
  <si>
    <t>01/17/2020 09:26:12</t>
  </si>
  <si>
    <t>01/17/2020 09:26:37</t>
  </si>
  <si>
    <t>01/17/2020 09:27:34</t>
  </si>
  <si>
    <t>01/17/2020 09:27:37</t>
  </si>
  <si>
    <t>01/17/2020 09:27:55</t>
  </si>
  <si>
    <t>01/17/2020 09:28:02</t>
  </si>
  <si>
    <t>01/17/2020 09:28:09</t>
  </si>
  <si>
    <t>01/17/2020 09:24:52</t>
  </si>
  <si>
    <t>01/17/2020 09:24:17</t>
  </si>
  <si>
    <t>01/17/2020 09:29:41</t>
  </si>
  <si>
    <t>69f3465d-a088-4b5b-881c-a52b2bf27c3c.tmp</t>
  </si>
  <si>
    <t>\\acsfs\profiles$\websondsa\Downloads\69f3465d-a088-4b5b-881c-a52b2bf27c3c.tmp</t>
  </si>
  <si>
    <t>01/17/2020 09:24:04</t>
  </si>
  <si>
    <t>01/17/2020 09:25:31</t>
  </si>
  <si>
    <t>44f26e33-7769-479b-aa05-3f024c2f34b7.tmp</t>
  </si>
  <si>
    <t>\\acsfs\profiles$\rafaelacdoc\Downloads\44f26e33-7769-479b-aa05-3f024c2f34b7.tmp</t>
  </si>
  <si>
    <t>01/17/2020 09:28:44</t>
  </si>
  <si>
    <t>0c626b05-cccc-4d5d-88f2-b80a9e847666.tmp</t>
  </si>
  <si>
    <t>\\acsfs\profiles$\nathaliarmr\Downloads\0c626b05-cccc-4d5d-88f2-b80a9e847666.tmp</t>
  </si>
  <si>
    <t>01/17/2020 09:25:59</t>
  </si>
  <si>
    <t>YuriCS</t>
  </si>
  <si>
    <t>\\acsfs\profiles$\yurics\Downloads\</t>
  </si>
  <si>
    <t>b3ddb925-4066-4931-be59-16b94b6c4990.tmp</t>
  </si>
  <si>
    <t>\\acsfs\profiles$\yurics\Downloads\b3ddb925-4066-4931-be59-16b94b6c4990.tmp</t>
  </si>
  <si>
    <t>01/17/2020 09:28:31</t>
  </si>
  <si>
    <t>4f03f388-8f96-4e16-8f6d-8c87568dc8c6.tmp</t>
  </si>
  <si>
    <t>\\acsfs\profiles$\yurics\Downloads\4f03f388-8f96-4e16-8f6d-8c87568dc8c6.tmp</t>
  </si>
  <si>
    <t>01/17/2020 09:28:47</t>
  </si>
  <si>
    <t>a52c569f-edb3-45a5-980e-7ae66aec51ea.tmp</t>
  </si>
  <si>
    <t>\\acsfs\profiles$\yurics\Downloads\a52c569f-edb3-45a5-980e-7ae66aec51ea.tmp</t>
  </si>
  <si>
    <t>01/17/2020 09:29:07</t>
  </si>
  <si>
    <t>34f42924-fbee-4055-a7b2-278c39e78709.tmp</t>
  </si>
  <si>
    <t>\\acsfs\profiles$\yurics\Downloads\34f42924-fbee-4055-a7b2-278c39e78709.tmp</t>
  </si>
  <si>
    <t>01/17/2020 09:29:24</t>
  </si>
  <si>
    <t>b877f5a4-3c7e-4143-a5fa-7b9926514f4d.tmp</t>
  </si>
  <si>
    <t>\\acsfs\profiles$\yurics\Downloads\b877f5a4-3c7e-4143-a5fa-7b9926514f4d.tmp</t>
  </si>
  <si>
    <t>01/17/2020 09:29:26</t>
  </si>
  <si>
    <t>01/17/2020 09:30:41</t>
  </si>
  <si>
    <t>Fechamento DEZEMBRO.txt</t>
  </si>
  <si>
    <t>\\acsfs\DEPTOS\Operacao\Banco_Votorantim\Qualidade\Eliane\Contestação MUTANT DEZEMBRO\Fechamento DEZEMBRO.txt</t>
  </si>
  <si>
    <t>01/17/2020 09:31:41</t>
  </si>
  <si>
    <t>01/17/2020 09:27:45</t>
  </si>
  <si>
    <t>01/17/2020 09:28:45</t>
  </si>
  <si>
    <t>01/17/2020 09:30:45</t>
  </si>
  <si>
    <t>01/17/2020 09:31:15</t>
  </si>
  <si>
    <t>01/17/2020 09:31:28</t>
  </si>
  <si>
    <t>01/17/2020 09:32:40</t>
  </si>
  <si>
    <t>\\acsfs\profiles$\antoniosva\My Documents\xworkcenter\logs\</t>
  </si>
  <si>
    <t>XLOG_antoniosva_17012020_084215.log</t>
  </si>
  <si>
    <t>\\acsfs\profiles$\antoniosva\My Documents\xworkcenter\logs\XLOG_antoniosva_17012020_084215.log</t>
  </si>
  <si>
    <t>01/17/2020 09:30:51</t>
  </si>
  <si>
    <t>141e5ce4-d2f3-40cf-b5a2-d715e3dc3d35.tmp</t>
  </si>
  <si>
    <t>\\acsfs\profiles$\luanarda\Downloads\141e5ce4-d2f3-40cf-b5a2-d715e3dc3d35.tmp</t>
  </si>
  <si>
    <t>01/17/2020 09:28:29</t>
  </si>
  <si>
    <t>01/17/2020 09:33:41</t>
  </si>
  <si>
    <t>01/17/2020 09:28:52</t>
  </si>
  <si>
    <t>01/17/2020 09:29:18</t>
  </si>
  <si>
    <t>01/17/2020 09:29:27</t>
  </si>
  <si>
    <t>01/17/2020 09:29:38</t>
  </si>
  <si>
    <t>01/17/2020 09:30:34</t>
  </si>
  <si>
    <t>CASO 00820786 - CAROLINE RODRIGUES DA SILVA COUTINHO.pdf</t>
  </si>
  <si>
    <t>\\acsfs\Deptos\EDUCACAO EMPRESARIAL\KÉSIA\OUVIDORIA, PROCON, BACEN E RECLAME AQUI\CASO 00820786 - CAROLINE RODRIGUES DA SILVA COUTINHO.pdf</t>
  </si>
  <si>
    <t>01/17/2020 09:30:53</t>
  </si>
  <si>
    <t>01/17/2020 09:31:17</t>
  </si>
  <si>
    <t>01/17/2020 09:31:21</t>
  </si>
  <si>
    <t>01/17/2020 09:31:22</t>
  </si>
  <si>
    <t>01/17/2020 09:31:24</t>
  </si>
  <si>
    <t>01/17/2020 09:32:09</t>
  </si>
  <si>
    <t>01/17/2020 09:30:36</t>
  </si>
  <si>
    <t>01/17/2020 09:34:41</t>
  </si>
  <si>
    <t>01/17/2020 09:29:44</t>
  </si>
  <si>
    <t>6608379f-1a9c-4725-95fc-e2ffeb6cf860.tmp</t>
  </si>
  <si>
    <t>\\acsfs\profiles$\lorrainerdl\Downloads\6608379f-1a9c-4725-95fc-e2ffeb6cf860.tmp</t>
  </si>
  <si>
    <t>01/17/2020 09:33:33</t>
  </si>
  <si>
    <t>906604b8-ac6e-46bb-9e81-e06e1c482b82.tmp</t>
  </si>
  <si>
    <t>\\acsfs\profiles$\PEDROHAB\Downloads\906604b8-ac6e-46bb-9e81-e06e1c482b82.tmp</t>
  </si>
  <si>
    <t>01/17/2020 09:30:54</t>
  </si>
  <si>
    <t>9fe90df0-7922-44c9-94f7-ce7f2938e47d.tmp</t>
  </si>
  <si>
    <t>\\acsfs\profiles$\nathaliarmr\Downloads\9fe90df0-7922-44c9-94f7-ce7f2938e47d.tmp</t>
  </si>
  <si>
    <t>01/17/2020 09:31:50</t>
  </si>
  <si>
    <t>c92b244e-4480-4540-98a5-673db2da7e78.tmp</t>
  </si>
  <si>
    <t>\\acsfs\profiles$\nathaliarmr\Downloads\c92b244e-4480-4540-98a5-673db2da7e78.tmp</t>
  </si>
  <si>
    <t>01/17/2020 09:30:18</t>
  </si>
  <si>
    <t>01/17/2020 09:35:40</t>
  </si>
  <si>
    <t>https://bvcartes-supervisores@algarnet.onmicrosoft.com,bvs-planejamentodeoperacoesetrafego@bv.com.br,joaogvc@algartech.com,leonardoao@algartech.com,marianadjc@algartech.com,paulacn@algartech.com,planejamentodeoperacoesetrafego@bv.com.br,raphaelmco@algartech.com.br,ricardodfm@algartech.com.br,taysdss@algartech.com,viniciussg@algartech.com</t>
  </si>
  <si>
    <t>01/17/2020 09:31:43</t>
  </si>
  <si>
    <t>01/17/2020 09:36:41</t>
  </si>
  <si>
    <t>e63e5ab3-6123-4cf5-b9cf-7aa1f77ce562.tmp</t>
  </si>
  <si>
    <t>\\acsfs\profiles$\lucasgpe\Downloads\e63e5ab3-6123-4cf5-b9cf-7aa1f77ce562.tmp</t>
  </si>
  <si>
    <t>01/17/2020 09:34:13</t>
  </si>
  <si>
    <t>934a61b5-66fb-48f0-839f-f278156da465.tmp</t>
  </si>
  <si>
    <t>\\acsfs\profiles$\lucasgpe\Downloads\934a61b5-66fb-48f0-839f-f278156da465.tmp</t>
  </si>
  <si>
    <t>01/17/2020 09:34:01</t>
  </si>
  <si>
    <t>01/17/2020 09:32:01</t>
  </si>
  <si>
    <t>01/17/2020 09:32:51</t>
  </si>
  <si>
    <t>01/17/2020 09:33:20</t>
  </si>
  <si>
    <t>01/17/2020 09:33:28</t>
  </si>
  <si>
    <t>01/17/2020 09:33:50</t>
  </si>
  <si>
    <t>01/17/2020 09:33:55</t>
  </si>
  <si>
    <t>mail.google.com/sync/u/0/i/s?hl=pt-BR&amp;c=1142</t>
  </si>
  <si>
    <t>01/17/2020 09:34:16</t>
  </si>
  <si>
    <t>01/17/2020 09:34:19</t>
  </si>
  <si>
    <t>01/17/2020 09:34:33</t>
  </si>
  <si>
    <t>01/17/2020 09:36:15</t>
  </si>
  <si>
    <t>01/17/2020 09:33:40</t>
  </si>
  <si>
    <t>01/17/2020 09:37:40</t>
  </si>
  <si>
    <t>01/17/2020 09:35:46</t>
  </si>
  <si>
    <t>efeb7c66-df93-4647-8e58-2b1a96e9bc3e.tmp</t>
  </si>
  <si>
    <t>\\acsfs\profiles$\danielmlds\Downloads\efeb7c66-df93-4647-8e58-2b1a96e9bc3e.tmp</t>
  </si>
  <si>
    <t>01/17/2020 09:38:41</t>
  </si>
  <si>
    <t>01/17/2020 09:39:41</t>
  </si>
  <si>
    <t>e8664419-0945-4fb1-b8ac-db763e8f7432.tmp</t>
  </si>
  <si>
    <t>\\acsfs\profiles$\larissaad\Downloads\e8664419-0945-4fb1-b8ac-db763e8f7432.tmp</t>
  </si>
  <si>
    <t>01/17/2020 09:35:43</t>
  </si>
  <si>
    <t>01/17/2020 09:38:15</t>
  </si>
  <si>
    <t>59043dc9-5e5e-40a5-a40e-0721484044d1.tmp</t>
  </si>
  <si>
    <t>\\acsfs\profiles$\leticiala\Downloads\59043dc9-5e5e-40a5-a40e-0721484044d1.tmp</t>
  </si>
  <si>
    <t>01/17/2020 09:38:48</t>
  </si>
  <si>
    <t>01/17/2020 09:40:41</t>
  </si>
  <si>
    <t>01/17/2020 09:38:51</t>
  </si>
  <si>
    <t>5f4a189e-3d6d-422c-96e4-38a5cf6cd43f.tmp</t>
  </si>
  <si>
    <t>\\acsfs\profiles$\jhonatadss\Downloads\5f4a189e-3d6d-422c-96e4-38a5cf6cd43f.tmp</t>
  </si>
  <si>
    <t>44012c17-4d09-4471-a060-e73dbb5cdfb6.tmp</t>
  </si>
  <si>
    <t>\\acsfs\profiles$\jhonatadss\Downloads\44012c17-4d09-4471-a060-e73dbb5cdfb6.tmp</t>
  </si>
  <si>
    <t>01/17/2020 09:39:43</t>
  </si>
  <si>
    <t>5004bcb7-ecc2-4cc8-ac5c-18b6d29bb524.tmp</t>
  </si>
  <si>
    <t>\\acsfs\profiles$\jhonatadss\Downloads\5004bcb7-ecc2-4cc8-ac5c-18b6d29bb524.tmp</t>
  </si>
  <si>
    <t>01/17/2020 09:37:31</t>
  </si>
  <si>
    <t>01/17/2020 09:37:03</t>
  </si>
  <si>
    <t>01/17/2020 09:41:41</t>
  </si>
  <si>
    <t>01/17/2020 09:38:33</t>
  </si>
  <si>
    <t>0bbed4cb-8e64-497e-97c2-18341ea1ac1d.tmp</t>
  </si>
  <si>
    <t>\\acsfs\profiles$\adelvinsonle\Downloads\0bbed4cb-8e64-497e-97c2-18341ea1ac1d.tmp</t>
  </si>
  <si>
    <t>01/17/2020 09:38:39</t>
  </si>
  <si>
    <t>01/17/2020 09:36:45</t>
  </si>
  <si>
    <t>01/17/2020 09:37:45</t>
  </si>
  <si>
    <t>01/17/2020 09:39:45</t>
  </si>
  <si>
    <t>01/17/2020 09:40:45</t>
  </si>
  <si>
    <t>01/17/2020 09:40:13</t>
  </si>
  <si>
    <t>01/17/2020 09:42:41</t>
  </si>
  <si>
    <t>01/17/2020 09:43:41</t>
  </si>
  <si>
    <t>01/17/2020 09:42:12</t>
  </si>
  <si>
    <t>01/17/2020 09:42:17</t>
  </si>
  <si>
    <t>lu649212c9lk.tmp</t>
  </si>
  <si>
    <t>\\acsfs\profiles$\FLAVIOJMM\My Documents\lu649212c9lk.tmp</t>
  </si>
  <si>
    <t>\\acsfs\profiles$\FLAVIOJMM\My Documents\lu649212c9lk.tmp\</t>
  </si>
  <si>
    <t>\\acsfs\profiles$\FLAVIOJMM\My Documents\lu649212c9lk.tmp\META-INF\</t>
  </si>
  <si>
    <t>\\acsfs\profiles$\FLAVIOJMM\My Documents\lu649212c9lk.tmp\Thumbnails\</t>
  </si>
  <si>
    <t>01/17/2020 09:42:55</t>
  </si>
  <si>
    <t>01/17/2020 09:44:41</t>
  </si>
  <si>
    <t>01/17/2020 09:43:30</t>
  </si>
  <si>
    <t>d7197ed1-1639-4149-8996-47c614301ec0.tmp</t>
  </si>
  <si>
    <t>\\acsfs\profiles$\LAISLG\Downloads\d7197ed1-1639-4149-8996-47c614301ec0.tmp</t>
  </si>
  <si>
    <t>01/17/2020 09:41:21</t>
  </si>
  <si>
    <t>01/17/2020 09:45:41</t>
  </si>
  <si>
    <t>01/17/2020 09:40:59</t>
  </si>
  <si>
    <t>71a88402-47a5-41ef-9b78-46175e2e1d4e.tmp</t>
  </si>
  <si>
    <t>\\acsfs\profiles$\jhonatadss\Downloads\71a88402-47a5-41ef-9b78-46175e2e1d4e.tmp</t>
  </si>
  <si>
    <t>01/17/2020 09:41:01</t>
  </si>
  <si>
    <t>b76b649e-af25-4731-a145-61f26c741adb.tmp</t>
  </si>
  <si>
    <t>\\acsfs\profiles$\jhonatadss\Downloads\b76b649e-af25-4731-a145-61f26c741adb.tmp</t>
  </si>
  <si>
    <t>01/17/2020 09:41:07</t>
  </si>
  <si>
    <t>d95035ed-d62a-4687-a983-243005c8a9b0.tmp</t>
  </si>
  <si>
    <t>\\acsfs\profiles$\jhonatadss\Downloads\d95035ed-d62a-4687-a983-243005c8a9b0.tmp</t>
  </si>
  <si>
    <t>01/17/2020 09:42:11</t>
  </si>
  <si>
    <t>f27ab3c7-5934-4cbe-abee-93b78414c374.tmp</t>
  </si>
  <si>
    <t>\\acsfs\profiles$\lucasqdss\Downloads\f27ab3c7-5934-4cbe-abee-93b78414c374.tmp</t>
  </si>
  <si>
    <t>01/17/2020 09:46:41</t>
  </si>
  <si>
    <t>01/17/2020 09:41:47</t>
  </si>
  <si>
    <t>01/17/2020 09:43:03</t>
  </si>
  <si>
    <t>https://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7/2020 09:43:40</t>
  </si>
  <si>
    <t>01/17/2020 09:44:03</t>
  </si>
  <si>
    <t>01/17/2020 09:45:53</t>
  </si>
  <si>
    <t>01/17/2020 09:41:45</t>
  </si>
  <si>
    <t>b2f4c17a-becd-4d6a-a956-c88aa4076f55.tmp</t>
  </si>
  <si>
    <t>\\acsfs\profiles$\adelvinsonle\Downloads\b2f4c17a-becd-4d6a-a956-c88aa4076f55.tmp</t>
  </si>
  <si>
    <t>01/17/2020 09:43:15</t>
  </si>
  <si>
    <t>01/17/2020 09:43:45</t>
  </si>
  <si>
    <t>01/17/2020 09:45:16</t>
  </si>
  <si>
    <t>01/17/2020 09:43:17</t>
  </si>
  <si>
    <t>01/17/2020 09:47:41</t>
  </si>
  <si>
    <t>01/17/2020 09:48:41</t>
  </si>
  <si>
    <t>01/17/2020 09:45:08</t>
  </si>
  <si>
    <t>01/16/2020 18:19:12</t>
  </si>
  <si>
    <t>dadosXdocx.xlsx</t>
  </si>
  <si>
    <t>\\acsfs\ACS\Gabriel da Silva\Contemporânea\Acessos\dadosXdocx.xlsx</t>
  </si>
  <si>
    <t>01/16/2020 18:19:36</t>
  </si>
  <si>
    <t>01/16/2020 18:20:08</t>
  </si>
  <si>
    <t>outlook.office.com/owa/service.svc?action=CreateItem&amp;app=Mail&amp;n=431</t>
  </si>
  <si>
    <t>aline.toledo@call.neobpo.com.br;eliane.martins@bv.com.br;erick.barreto@call.neobpo.com.br;renata.farina@bv.com.br;tivit.jsalvino@bv.com.br;valquiria.ghirotti@call.neobpo.com.br;</t>
  </si>
  <si>
    <t>aline.toledo@call.neobpo.com.br,eliane.martins@bv.com.br,erick.barreto@call.neobpo.com.br,renata.farina@bv.com.br,tivit.jsalvino@bv.com.br,valquiria.ghirotti@call.neobpo.com.br</t>
  </si>
  <si>
    <t>01/16/2020 18:20:20</t>
  </si>
  <si>
    <t>outlook.office.com/owa/service.svc?action=CreateItem&amp;app=Mail&amp;n=453</t>
  </si>
  <si>
    <t>01/16/2020 18:20:49</t>
  </si>
  <si>
    <t>01/16/2020 18:20:59</t>
  </si>
  <si>
    <t>01/17/2020 09:43:48</t>
  </si>
  <si>
    <t>01/17/2020 09:47:04</t>
  </si>
  <si>
    <t>NPS - ALGAR.JPG</t>
  </si>
  <si>
    <t>01/17/2020 09:48:01</t>
  </si>
  <si>
    <t>01/17/2020 09:49:42</t>
  </si>
  <si>
    <t>1476ca48-e3c0-42ea-872f-593c88460557.tmp</t>
  </si>
  <si>
    <t>\\acsfs\profiles$\rafaelacdoc\Downloads\1476ca48-e3c0-42ea-872f-593c88460557.tmp</t>
  </si>
  <si>
    <t>01/17/2020 09:48:39</t>
  </si>
  <si>
    <t>94b8976d-b756-4d1f-a858-14e9b9dc898e.tmp</t>
  </si>
  <si>
    <t>\\acsfs\profiles$\rafaelacdoc\Downloads\94b8976d-b756-4d1f-a858-14e9b9dc898e.tmp</t>
  </si>
  <si>
    <t>01/17/2020 09:44:04</t>
  </si>
  <si>
    <t>dd0980db-5cdf-4c49-99a0-2cd65ecde844.tmp</t>
  </si>
  <si>
    <t>\\acsfs\profiles$\LAISLG\Downloads\dd0980db-5cdf-4c49-99a0-2cd65ecde844.tmp</t>
  </si>
  <si>
    <t>01/17/2020 09:49:36</t>
  </si>
  <si>
    <t>01/17/2020 09:50:41</t>
  </si>
  <si>
    <t>01/17/2020 09:51:41</t>
  </si>
  <si>
    <t>01/17/2020 09:51:42</t>
  </si>
  <si>
    <t>01/17/2020 09:46:31</t>
  </si>
  <si>
    <t>01/17/2020 09:46:55</t>
  </si>
  <si>
    <t>01/17/2020 09:46:58</t>
  </si>
  <si>
    <t>01/17/2020 09:47:18</t>
  </si>
  <si>
    <t>01/17/2020 09:47:49</t>
  </si>
  <si>
    <t>100022417546165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</t>
  </si>
  <si>
    <t>https://100022417546165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7/2020 09:48:55</t>
  </si>
  <si>
    <t>01/17/2020 09:49:28</t>
  </si>
  <si>
    <t>mail.google.com/sync/u/0/i/s?hl=pt-BR&amp;c=1178</t>
  </si>
  <si>
    <t>01/17/2020 09:49:32</t>
  </si>
  <si>
    <t>01/17/2020 09:49:51</t>
  </si>
  <si>
    <t>01/17/2020 09:49:55</t>
  </si>
  <si>
    <t>01/17/2020 09:50:02</t>
  </si>
  <si>
    <t>100022417546165;andrelpsa@algartech.com;cpc-controldeskavon@algartech.com;joaogvc@algartech.com;joseasn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22417546165,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7/2020 09:50:07</t>
  </si>
  <si>
    <t>01/17/2020 09:50:22</t>
  </si>
  <si>
    <t>01/17/2020 09:50:31</t>
  </si>
  <si>
    <t>100022417546165;andrelpsa@algartech.com;catianalv@algartech.com;cpc-controldeskavon@algartech.com;joaogvc@algartech.com;joseasn@algartech.com;josiascdsj@algartech.com;leonardoao@algartech.com;lucianarsantos@algartech.com;luiz.henriquesantos@avon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100022417546165,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09:50:35</t>
  </si>
  <si>
    <t>01/17/2020 09:50:39</t>
  </si>
  <si>
    <t>01/17/2020 09:50:42</t>
  </si>
  <si>
    <t>01/17/2020 09:50:45</t>
  </si>
  <si>
    <t>01/17/2020 09:48:46</t>
  </si>
  <si>
    <t>01/17/2020 09:49:46</t>
  </si>
  <si>
    <t>01/17/2020 09:47:42</t>
  </si>
  <si>
    <t>01/17/2020 09:52:40</t>
  </si>
  <si>
    <t>01/17/2020 09:48:17</t>
  </si>
  <si>
    <t>01/17/2020 09:50:25</t>
  </si>
  <si>
    <t>01/17/2020 09:53:41</t>
  </si>
  <si>
    <t>01/17/2020 09:48:57</t>
  </si>
  <si>
    <t>01/17/2020 09:54:41</t>
  </si>
  <si>
    <t>a00867d5-142d-414c-a447-076b5e803bbc.tmp</t>
  </si>
  <si>
    <t>\\acsfs\profiles$\rafaelacdoc\Downloads\a00867d5-142d-414c-a447-076b5e803bbc.tmp</t>
  </si>
  <si>
    <t>01/17/2020 09:49:15</t>
  </si>
  <si>
    <t>ae2e1e2f-f251-48b0-bee5-9dc6e81dff94.tmp</t>
  </si>
  <si>
    <t>\\acsfs\profiles$\rafaelacdoc\Downloads\ae2e1e2f-f251-48b0-bee5-9dc6e81dff94.tmp</t>
  </si>
  <si>
    <t>d43c3121-3e99-4d84-92a4-9a95d7c40a51.tmp</t>
  </si>
  <si>
    <t>\\acsfs\profiles$\ALYNYA\Downloads\d43c3121-3e99-4d84-92a4-9a95d7c40a51.tmp</t>
  </si>
  <si>
    <t>01/17/2020 09:49:58</t>
  </si>
  <si>
    <t>01/17/2020 09:55:41</t>
  </si>
  <si>
    <t>01/17/2020 09:50:03</t>
  </si>
  <si>
    <t>01/17/2020 09:50:11</t>
  </si>
  <si>
    <t>01/17/2020 09:50:19</t>
  </si>
  <si>
    <t>01/17/2020 09:50:24</t>
  </si>
  <si>
    <t>01/17/2020 09:51:09</t>
  </si>
  <si>
    <t>01/17/2020 09:53:06</t>
  </si>
  <si>
    <t>100014299414656;andrelpsa@algartech.com;joaogvc@algartech.com;leonardoao@algartech.com;marianadjc@algartech.com;maristelavodq@bv.algartech.com;paulacn@algartech.com;rafaelggs@algartech.com;ricardodfm@algartech.com.br;taysdss@algartech.com;viniciussg@algartech.com;</t>
  </si>
  <si>
    <t>100014299414656,andrelpsa@algartech.com,joaogvc@algartech.com,leonardoao@algartech.com,marianadjc@algartech.com,maristelavodq@bv.algartech.com,paulacn@algartech.com,rafaelggs@algartech.com,ricardodfm@algartech.com.br,taysdss@algartech.com,viniciussg@algartech.com</t>
  </si>
  <si>
    <t>01/17/2020 09:53:15</t>
  </si>
  <si>
    <t>01/17/2020 09:53:21</t>
  </si>
  <si>
    <t>100014123564284;andrelpsa@algartech.com;joaogvc@algartech.com;leonardoao@algartech.com;marianadjc@algartech.com;maristelavodq@bv.algartech.com;paulacn@algartech.com;rafaelggs@algartech.com;ricardodfm@algartech.com.br;taysdss@algartech.com;viniciussg@algartech.com;</t>
  </si>
  <si>
    <t>100014123564284,andrelpsa@algartech.com,joaogvc@algartech.com,leonardoao@algartech.com,marianadjc@algartech.com,maristelavodq@bv.algartech.com,paulacn@algartech.com,rafaelggs@algartech.com,ricardodfm@algartech.com.br,taysdss@algartech.com,viniciussg@algartech.com</t>
  </si>
  <si>
    <t>01/17/2020 09:53:39</t>
  </si>
  <si>
    <t>01/17/2020 09:53:57</t>
  </si>
  <si>
    <t>mail.google.com/_/upload?authuser=0&amp;dcp=asu-n&amp;upload_id=AEnB2UqfDU_ImxSEWDg5hboqvsnk_ijY0pzhxuHg6hdhY3-zQPrjuU41k8zND6UPtbXryNJsQ4BsPysuK8EEnvK7YVG1IXYP2A&amp;upload_protocol=resumable</t>
  </si>
  <si>
    <t>01/17/2020 09:53:19</t>
  </si>
  <si>
    <t>01/17/2020 09:56:41</t>
  </si>
  <si>
    <t>7d01e22a-cd25-405f-a09c-0930388207c4.tmp</t>
  </si>
  <si>
    <t>\\acsfs\profiles$\lorenabmc\Downloads\7d01e22a-cd25-405f-a09c-0930388207c4.tmp</t>
  </si>
  <si>
    <t>01/17/2020 09:54:58</t>
  </si>
  <si>
    <t>01/17/2020 09:55:05</t>
  </si>
  <si>
    <t>01/17/2020 09:55:16</t>
  </si>
  <si>
    <t>01/17/2020 09:55:26</t>
  </si>
  <si>
    <t>01/17/2020 09:55:32</t>
  </si>
  <si>
    <t>100022417546165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7/2020 09:55:37</t>
  </si>
  <si>
    <t>01/17/2020 09:55:54</t>
  </si>
  <si>
    <t>01/17/2020 09:54:46</t>
  </si>
  <si>
    <t>01/17/2020 09:56:49</t>
  </si>
  <si>
    <t>01/17/2020 09:58:41</t>
  </si>
  <si>
    <t>01/17/2020 09:58:04</t>
  </si>
  <si>
    <t>01/17/2020 09:58:18</t>
  </si>
  <si>
    <t>2eecd32c-d299-4329-9f09-d0588cf7553e.tmp</t>
  </si>
  <si>
    <t>\\acsfs\profiles$\cintiadjl\Downloads\2eecd32c-d299-4329-9f09-d0588cf7553e.tmp</t>
  </si>
  <si>
    <t>01/17/2020 09:58:21</t>
  </si>
  <si>
    <t>72dab1a0-d717-4adf-bca6-1d14d61b622e.tmp</t>
  </si>
  <si>
    <t>\\acsfs\profiles$\cintiadjl\Downloads\72dab1a0-d717-4adf-bca6-1d14d61b622e.tmp</t>
  </si>
  <si>
    <t>01/17/2020 09:55:59</t>
  </si>
  <si>
    <t>lu649212c9lt.tmp</t>
  </si>
  <si>
    <t>\\acsfs\profiles$\FLAVIOJMM\My Documents\lu649212c9lt.tmp</t>
  </si>
  <si>
    <t>\\acsfs\profiles$\FLAVIOJMM\My Documents\lu649212c9lt.tmp\</t>
  </si>
  <si>
    <t>\\acsfs\profiles$\FLAVIOJMM\My Documents\lu649212c9lt.tmp\META-INF\</t>
  </si>
  <si>
    <t>\\acsfs\profiles$\FLAVIOJMM\My Documents\lu649212c9lt.tmp\Thumbnails\</t>
  </si>
  <si>
    <t>01/17/2020 09:54:37</t>
  </si>
  <si>
    <t>marta.JPG</t>
  </si>
  <si>
    <t>01/17/2020 09:55:21</t>
  </si>
  <si>
    <t>01/17/2020 09:55:47</t>
  </si>
  <si>
    <t>01/17/2020 09:56:27</t>
  </si>
  <si>
    <t>01/17/2020 09:55:53</t>
  </si>
  <si>
    <t>01/17/2020 09:59:41</t>
  </si>
  <si>
    <t>01/17/2020 09:59:51</t>
  </si>
  <si>
    <t>01/17/2020 10:00:41</t>
  </si>
  <si>
    <t>189441ad-8b0d-45b4-941c-4a8aff2e82cd.tmp</t>
  </si>
  <si>
    <t>\\acsfs\profiles$\matheushds\Downloads\189441ad-8b0d-45b4-941c-4a8aff2e82cd.tmp</t>
  </si>
  <si>
    <t>01/17/2020 09:58:33</t>
  </si>
  <si>
    <t>01/17/2020 10:00:15</t>
  </si>
  <si>
    <t>01/17/2020 09:56:56</t>
  </si>
  <si>
    <t>01/17/2020 10:01:42</t>
  </si>
  <si>
    <t>43d0a310-c340-4140-9efe-ed89a1531812.tmp</t>
  </si>
  <si>
    <t>\\acsfs\profiles$\lorenabmc\Downloads\43d0a310-c340-4140-9efe-ed89a1531812.tmp</t>
  </si>
  <si>
    <t>01/17/2020 10:00:11</t>
  </si>
  <si>
    <t>01/17/2020 09:56:26</t>
  </si>
  <si>
    <t>01/17/2020 09:56:54</t>
  </si>
  <si>
    <t>01/17/2020 09:57:02</t>
  </si>
  <si>
    <t>mail.google.com/sync/u/0/i/s?hl=pt-BR&amp;c=1243</t>
  </si>
  <si>
    <t>100014082285011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4082285011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7/2020 09:57:28</t>
  </si>
  <si>
    <t>mail.google.com/sync/u/0/i/s?hl=pt-BR&amp;c=1246</t>
  </si>
  <si>
    <t>01/17/2020 09:57:00</t>
  </si>
  <si>
    <t>01/17/2020 09:57:01</t>
  </si>
  <si>
    <t>01/16/2020 21:41:20</t>
  </si>
  <si>
    <t>01/17/2020 10:00:23</t>
  </si>
  <si>
    <t>01/17/2020 09:57:31</t>
  </si>
  <si>
    <t>01/17/2020 10:02:41</t>
  </si>
  <si>
    <t>507b6ac4-47b3-4836-b2e6-06ed0f65c7ed.tmp</t>
  </si>
  <si>
    <t>\\acsfs\profiles$\LUCASNS\Downloads\507b6ac4-47b3-4836-b2e6-06ed0f65c7ed.tmp</t>
  </si>
  <si>
    <t>b5a8b05e-c885-4256-a19c-3f88a4a52b00.tmp</t>
  </si>
  <si>
    <t>\\acsfs\profiles$\LUCASNS\Downloads\b5a8b05e-c885-4256-a19c-3f88a4a52b00.tmp</t>
  </si>
  <si>
    <t>01/17/2020 09:58:32</t>
  </si>
  <si>
    <t>01/17/2020 10:03:41</t>
  </si>
  <si>
    <t>01/17/2020 10:02:13</t>
  </si>
  <si>
    <t>01/17/2020 10:04:41</t>
  </si>
  <si>
    <t>01/17/2020 10:04:27</t>
  </si>
  <si>
    <t>01/17/2020 10:05:41</t>
  </si>
  <si>
    <t>8da7fb89-4914-4a99-af62-a012ac9b1efb.tmp</t>
  </si>
  <si>
    <t>\\acsfs\profiles$\gabrielafs\Downloads\8da7fb89-4914-4a99-af62-a012ac9b1efb.tmp</t>
  </si>
  <si>
    <t>1a69f682-3916-407b-b621-d9277a0d3424.tmp</t>
  </si>
  <si>
    <t>\\acsfs\profiles$\gabrielafs\Downloads\1a69f682-3916-407b-b621-d9277a0d3424.tmp</t>
  </si>
  <si>
    <t>01/17/2020 10:04:28</t>
  </si>
  <si>
    <t>b8b1c802-769c-468d-ab4d-68b5df30cc09.tmp</t>
  </si>
  <si>
    <t>\\acsfs\profiles$\gabrielafs\Downloads\b8b1c802-769c-468d-ab4d-68b5df30cc09.tmp</t>
  </si>
  <si>
    <t>01/17/2020 10:04:29</t>
  </si>
  <si>
    <t>de0a4e48-3bbd-446c-a441-382d646ae896.tmp</t>
  </si>
  <si>
    <t>\\acsfs\profiles$\gabrielafs\Downloads\de0a4e48-3bbd-446c-a441-382d646ae896.tmp</t>
  </si>
  <si>
    <t>01/17/2020 10:02:53</t>
  </si>
  <si>
    <t>d19f978b-c3b1-4b16-96dd-6da01c783cc4.tmp</t>
  </si>
  <si>
    <t>\\acsfs\profiles$\matheushds\Downloads\d19f978b-c3b1-4b16-96dd-6da01c783cc4.tmp</t>
  </si>
  <si>
    <t>01/17/2020 10:03:36</t>
  </si>
  <si>
    <t>e5d8ab39-c99b-4c44-9534-14c90a9f8e09.tmp</t>
  </si>
  <si>
    <t>\\acsfs\profiles$\matheushds\Downloads\e5d8ab39-c99b-4c44-9534-14c90a9f8e09.tmp</t>
  </si>
  <si>
    <t>01/17/2020 09:59:59</t>
  </si>
  <si>
    <t>01/17/2020 10:01:49</t>
  </si>
  <si>
    <t>e7d23a21-1865-4454-aa2a-b54f7d20f9ed.tmp</t>
  </si>
  <si>
    <t>\\acsfs\profiles$\THYAGOSP\Downloads\e7d23a21-1865-4454-aa2a-b54f7d20f9ed.tmp</t>
  </si>
  <si>
    <t>01/17/2020 10:01:59</t>
  </si>
  <si>
    <t>6db46d6d-9164-4fcf-8ce0-243677f66e96.tmp</t>
  </si>
  <si>
    <t>\\acsfs\profiles$\THYAGOSP\Downloads\6db46d6d-9164-4fcf-8ce0-243677f66e96.tmp</t>
  </si>
  <si>
    <t>01/17/2020 10:02:24</t>
  </si>
  <si>
    <t>7735c92b-0a82-41bf-9bd9-9c7d41b4349a.tmp</t>
  </si>
  <si>
    <t>\\acsfs\profiles$\THYAGOSP\Downloads\7735c92b-0a82-41bf-9bd9-9c7d41b4349a.tmp</t>
  </si>
  <si>
    <t>01/17/2020 10:01:12</t>
  </si>
  <si>
    <t>01/17/2020 10:01:27</t>
  </si>
  <si>
    <t>01/17/2020 10:00:56</t>
  </si>
  <si>
    <t>01/17/2020 10:06:41</t>
  </si>
  <si>
    <t>01/17/2020 10:00:59</t>
  </si>
  <si>
    <t>01/17/2020 10:05:28</t>
  </si>
  <si>
    <t>5d5e8c17-584f-4d61-8a2a-38f2f5b029c0.tmp</t>
  </si>
  <si>
    <t>\\acsfs\profiles$\lucasgpe\Downloads\5d5e8c17-584f-4d61-8a2a-38f2f5b029c0.tmp</t>
  </si>
  <si>
    <t>01/17/2020 10:02:43</t>
  </si>
  <si>
    <t>16d06aa2-52a5-44d3-a24e-3a0c275c90b9.tmp</t>
  </si>
  <si>
    <t>\\acsfs\profiles$\mariagsg\Downloads\16d06aa2-52a5-44d3-a24e-3a0c275c90b9.tmp</t>
  </si>
  <si>
    <t>15998321-29c0-4fc7-9546-9467865aba5e.tmp</t>
  </si>
  <si>
    <t>\\acsfs\profiles$\mariagsg\Downloads\15998321-29c0-4fc7-9546-9467865aba5e.tmp</t>
  </si>
  <si>
    <t>01/17/2020 10:02:47</t>
  </si>
  <si>
    <t>01/17/2020 10:03:19</t>
  </si>
  <si>
    <t>01/17/2020 10:03:40</t>
  </si>
  <si>
    <t>dbb7ade1-9877-42d8-8baf-82ad7839488a.tmp</t>
  </si>
  <si>
    <t>\\acsfs\profiles$\mariagsg\Downloads\dbb7ade1-9877-42d8-8baf-82ad7839488a.tmp</t>
  </si>
  <si>
    <t>01/17/2020 10:04:18</t>
  </si>
  <si>
    <t>93c0574a-b667-4ba3-96a8-28ddda171bb9.tmp</t>
  </si>
  <si>
    <t>\\acsfs\profiles$\gabrielaff\Downloads\93c0574a-b667-4ba3-96a8-28ddda171bb9.tmp</t>
  </si>
  <si>
    <t>01/17/2020 10:04:47</t>
  </si>
  <si>
    <t>01/17/2020 10:05:47</t>
  </si>
  <si>
    <t>01/17/2020 10:06:17</t>
  </si>
  <si>
    <t>01/17/2020 10:04:56</t>
  </si>
  <si>
    <t>01/17/2020 10:07:41</t>
  </si>
  <si>
    <t>01/17/2020 10:05:31</t>
  </si>
  <si>
    <t>01/17/2020 10:08:41</t>
  </si>
  <si>
    <t>MOAN.JPG</t>
  </si>
  <si>
    <t>01/17/2020 10:06:07</t>
  </si>
  <si>
    <t>01/17/2020 10:07:00</t>
  </si>
  <si>
    <t>01/17/2020 10:08:01</t>
  </si>
  <si>
    <t>01/17/2020 10:09:41</t>
  </si>
  <si>
    <t>01/17/2020 10:08:02</t>
  </si>
  <si>
    <t>01/17/2020 10:08:03</t>
  </si>
  <si>
    <t>01/17/2020 10:08:04</t>
  </si>
  <si>
    <t>01/17/2020 10:08:19</t>
  </si>
  <si>
    <t>01/17/2020 10:08:20</t>
  </si>
  <si>
    <t>01/17/2020 10:04:22</t>
  </si>
  <si>
    <t>01/17/2020 10:08:48</t>
  </si>
  <si>
    <t>01/17/2020 10:10:41</t>
  </si>
  <si>
    <t>e18dc08d-8253-4063-9c15-9f105b009308.tmp</t>
  </si>
  <si>
    <t>\\acsfs\profiles$\gabrielafs\Downloads\e18dc08d-8253-4063-9c15-9f105b009308.tmp</t>
  </si>
  <si>
    <t>01/17/2020 10:06:49</t>
  </si>
  <si>
    <t>81f3231c-1427-4392-9ff3-0b6f2c30ec03.tmp</t>
  </si>
  <si>
    <t>\\acsfs\profiles$\matheushds\Downloads\81f3231c-1427-4392-9ff3-0b6f2c30ec03.tmp</t>
  </si>
  <si>
    <t>01/17/2020 10:09:04</t>
  </si>
  <si>
    <t>97453373-9c54-4969-b0c1-0c1ac105a5a6.tmp</t>
  </si>
  <si>
    <t>\\acsfs\profiles$\jhonatadss\Downloads\97453373-9c54-4969-b0c1-0c1ac105a5a6.tmp</t>
  </si>
  <si>
    <t>01/17/2020 10:08:46</t>
  </si>
  <si>
    <t>01/17/2020 10:08:50</t>
  </si>
  <si>
    <t>01/17/2020 10:09:59</t>
  </si>
  <si>
    <t>01/17/2020 10:10:05</t>
  </si>
  <si>
    <t>.~lock.Vendas - Copia.ods#</t>
  </si>
  <si>
    <t>\\acsfs\profiles$\VIVIANALDS\My Documents\.~lock.Vendas - Copia.ods#</t>
  </si>
  <si>
    <t>01/17/2020 10:09:47</t>
  </si>
  <si>
    <t>01/17/2020 10:11:41</t>
  </si>
  <si>
    <t>9363e05d-eafd-4013-865c-79c8109671bf.tmp</t>
  </si>
  <si>
    <t>\\acsfs\profiles$\lorenabmc\Downloads\9363e05d-eafd-4013-865c-79c8109671bf.tmp</t>
  </si>
  <si>
    <t>01/17/2020 10:07:17</t>
  </si>
  <si>
    <t>2be1917b-d90e-4499-a7a9-7501c5f31d2e.tmp</t>
  </si>
  <si>
    <t>\\acsfs\profiles$\gabrielhca\Downloads\2be1917b-d90e-4499-a7a9-7501c5f31d2e.tmp</t>
  </si>
  <si>
    <t>01/17/2020 10:09:46</t>
  </si>
  <si>
    <t>01/17/2020 10:10:27</t>
  </si>
  <si>
    <t>01/17/2020 10:07:33</t>
  </si>
  <si>
    <t>01/17/2020 10:07:34</t>
  </si>
  <si>
    <t>01/17/2020 10:08:17</t>
  </si>
  <si>
    <t>01/17/2020 10:09:17</t>
  </si>
  <si>
    <t>01/17/2020 10:10:17</t>
  </si>
  <si>
    <t>01/17/2020 10:10:47</t>
  </si>
  <si>
    <t>01/17/2020 10:11:17</t>
  </si>
  <si>
    <t>01/17/2020 10:11:35</t>
  </si>
  <si>
    <t>01/17/2020 10:12:41</t>
  </si>
  <si>
    <t>01/17/2020 10:09:19</t>
  </si>
  <si>
    <t>01/17/2020 10:12:32</t>
  </si>
  <si>
    <t>01/17/2020 10:11:25</t>
  </si>
  <si>
    <t>01/17/2020 10:13:41</t>
  </si>
  <si>
    <t>01/17/2020 10:09:43</t>
  </si>
  <si>
    <t>railson.JPG</t>
  </si>
  <si>
    <t>01/17/2020 10:10:04</t>
  </si>
  <si>
    <t>01/17/2020 10:10:26</t>
  </si>
  <si>
    <t>01/17/2020 10:13:31</t>
  </si>
  <si>
    <t>JORGE.JPG</t>
  </si>
  <si>
    <t>01/17/2020 10:12:29</t>
  </si>
  <si>
    <t>01/17/2020 10:14:41</t>
  </si>
  <si>
    <t>01/17/2020 10:09:06</t>
  </si>
  <si>
    <t>01/17/2020 10:12:53</t>
  </si>
  <si>
    <t>01/17/2020 10:15:41</t>
  </si>
  <si>
    <t>01/17/2020 10:13:12</t>
  </si>
  <si>
    <t>RELATORIO DE LOGIN - FINANCEIRA - 14-01 - Cópia.xlsm</t>
  </si>
  <si>
    <t>\\acsfs\DEPTOS\Operacao\PCP\5 - Comum\PLANEJAMENTO BV\14 - ACOMPANHAMENTO\1 - REPORT ACOMPANHAMENTO\2020\1 - JANEIRO\FINANCEIRA\Login Logout Financeira\RELATORIO DE LOGIN - FINANCEIRA - 14-01 - Cópia.xlsm</t>
  </si>
  <si>
    <t>01/17/2020 10:14:07</t>
  </si>
  <si>
    <t>8182bfac-2727-4fbf-98c3-cb4022b9661a.tmp</t>
  </si>
  <si>
    <t>\\acsfs\profiles$\jhonatadss\Downloads\8182bfac-2727-4fbf-98c3-cb4022b9661a.tmp</t>
  </si>
  <si>
    <t>01/17/2020 10:13:03</t>
  </si>
  <si>
    <t>lu10556fttt.tmp</t>
  </si>
  <si>
    <t>\\acsfs\profiles$\VIVIANALDS\My Documents\lu10556fttt.tmp</t>
  </si>
  <si>
    <t>\\acsfs\profiles$\VIVIANALDS\My Documents\lu10556fttt.tmp\</t>
  </si>
  <si>
    <t>\\acsfs\profiles$\VIVIANALDS\My Documents\lu10556fttt.tmp\META-INF\</t>
  </si>
  <si>
    <t>\\acsfs\profiles$\VIVIANALDS\My Documents\lu10556fttt.tmp\Thumbnails\</t>
  </si>
  <si>
    <t>01/17/2020 10:13:39</t>
  </si>
  <si>
    <t>01/17/2020 10:13:40</t>
  </si>
  <si>
    <t>lu10556fttx.tmp</t>
  </si>
  <si>
    <t>\\acsfs\profiles$\VIVIANALDS\My Documents\lu10556fttx.tmp</t>
  </si>
  <si>
    <t>01/17/2020 10:16:41</t>
  </si>
  <si>
    <t>\\acsfs\profiles$\VIVIANALDS\My Documents\lu10556fttx.tmp\</t>
  </si>
  <si>
    <t>\\acsfs\profiles$\VIVIANALDS\My Documents\lu10556fttx.tmp\META-INF\</t>
  </si>
  <si>
    <t>\\acsfs\profiles$\VIVIANALDS\My Documents\lu10556fttx.tmp\Thumbnails\</t>
  </si>
  <si>
    <t>01/17/2020 10:13:58</t>
  </si>
  <si>
    <t>lu10556ftu1.tmp</t>
  </si>
  <si>
    <t>\\acsfs\profiles$\VIVIANALDS\My Documents\lu10556ftu1.tmp</t>
  </si>
  <si>
    <t>\\acsfs\profiles$\VIVIANALDS\My Documents\lu10556ftu1.tmp\</t>
  </si>
  <si>
    <t>\\acsfs\profiles$\VIVIANALDS\My Documents\lu10556ftu1.tmp\META-INF\</t>
  </si>
  <si>
    <t>\\acsfs\profiles$\VIVIANALDS\My Documents\lu10556ftu1.tmp\Thumbnails\</t>
  </si>
  <si>
    <t>01/17/2020 10:14:57</t>
  </si>
  <si>
    <t>lu10556ftu5.tmp</t>
  </si>
  <si>
    <t>\\acsfs\profiles$\VIVIANALDS\My Documents\lu10556ftu5.tmp</t>
  </si>
  <si>
    <t>\\acsfs\profiles$\VIVIANALDS\My Documents\lu10556ftu5.tmp\</t>
  </si>
  <si>
    <t>\\acsfs\profiles$\VIVIANALDS\My Documents\lu10556ftu5.tmp\META-INF\</t>
  </si>
  <si>
    <t>\\acsfs\profiles$\VIVIANALDS\My Documents\lu10556ftu5.tmp\Thumbnails\</t>
  </si>
  <si>
    <t>01/17/2020 10:13:29</t>
  </si>
  <si>
    <t>8b0ab7b7-6169-4fbf-a991-213dde5199a1.tmp</t>
  </si>
  <si>
    <t>\\acsfs\profiles$\talitafdc\Downloads\8b0ab7b7-6169-4fbf-a991-213dde5199a1.tmp</t>
  </si>
  <si>
    <t>01/17/2020 10:13:33</t>
  </si>
  <si>
    <t>f6838018-3601-43d4-8d69-aae357a575ef.tmp</t>
  </si>
  <si>
    <t>\\acsfs\profiles$\talitafdc\Downloads\f6838018-3601-43d4-8d69-aae357a575ef.tmp</t>
  </si>
  <si>
    <t>01/17/2020 10:15:28</t>
  </si>
  <si>
    <t>ef7055a1-ee2c-40d4-a09a-5c8bf7957c69.tmp</t>
  </si>
  <si>
    <t>\\acsfs\profiles$\marcosvnds\Downloads\ef7055a1-ee2c-40d4-a09a-5c8bf7957c69.tmp</t>
  </si>
  <si>
    <t>01/17/2020 10:12:18</t>
  </si>
  <si>
    <t>a67bb2d5-91e0-43cd-8dec-9896888db8f4.tmp</t>
  </si>
  <si>
    <t>\\acsfs\profiles$\sarahbal\Downloads\a67bb2d5-91e0-43cd-8dec-9896888db8f4.tmp</t>
  </si>
  <si>
    <t>01/17/2020 10:12:00</t>
  </si>
  <si>
    <t>01/17/2020 10:12:24</t>
  </si>
  <si>
    <t>01/17/2020 10:13:00</t>
  </si>
  <si>
    <t>01/17/2020 10:13:13</t>
  </si>
  <si>
    <t>01/17/2020 10:13:25</t>
  </si>
  <si>
    <t>mail.google.com/sync/u/0/i/s?hl=pt-BR&amp;c=1263</t>
  </si>
  <si>
    <t>01/17/2020 10:13:37</t>
  </si>
  <si>
    <t>mail.google.com/sync/u/0/i/s?hl=pt-BR&amp;c=1267</t>
  </si>
  <si>
    <t>01/17/2020 10:14:58</t>
  </si>
  <si>
    <t>01/17/2020 10:15:08</t>
  </si>
  <si>
    <t>mail.google.com/sync/u/0/i/s?hl=pt-BR&amp;c=1270</t>
  </si>
  <si>
    <t>01/17/2020 10:15:56</t>
  </si>
  <si>
    <t>01/17/2020 10:16:06</t>
  </si>
  <si>
    <t>01/17/2020 10:16:07</t>
  </si>
  <si>
    <t>01/17/2020 10:16:19</t>
  </si>
  <si>
    <t>01/17/2020 10:12:47</t>
  </si>
  <si>
    <t>01/17/2020 10:13:17</t>
  </si>
  <si>
    <t>01/17/2020 10:15:48</t>
  </si>
  <si>
    <t>01/17/2020 10:13:57</t>
  </si>
  <si>
    <t>01/17/2020 10:18:41</t>
  </si>
  <si>
    <t>01/17/2020 10:14:21</t>
  </si>
  <si>
    <t>01/17/2020 10:16:47</t>
  </si>
  <si>
    <t>01/17/2020 10:19:41</t>
  </si>
  <si>
    <t>01/17/2020 10:15:21</t>
  </si>
  <si>
    <t>eda5e01a-3513-47fe-b939-04fbb7dcfde7.tmp</t>
  </si>
  <si>
    <t>\\acsfs\profiles$\larissaad\Downloads\eda5e01a-3513-47fe-b939-04fbb7dcfde7.tmp</t>
  </si>
  <si>
    <t>01/17/2020 10:17:25</t>
  </si>
  <si>
    <t>01/17/2020 10:17:44</t>
  </si>
  <si>
    <t>75c5b221-f4e7-4cc9-927f-bd3067a2866c.tmp</t>
  </si>
  <si>
    <t>\\acsfs\profiles$\rafaelacdoc\Downloads\75c5b221-f4e7-4cc9-927f-bd3067a2866c.tmp</t>
  </si>
  <si>
    <t>01/17/2020 10:17:23</t>
  </si>
  <si>
    <t>e123de88-7135-44c0-b3cd-b413f0ca1192.tmp</t>
  </si>
  <si>
    <t>\\acsfs\profiles$\geovannasm\Downloads\e123de88-7135-44c0-b3cd-b413f0ca1192.tmp</t>
  </si>
  <si>
    <t>01/17/2020 10:18:46</t>
  </si>
  <si>
    <t>01/17/2020 10:20:41</t>
  </si>
  <si>
    <t>01/17/2020 10:19:56</t>
  </si>
  <si>
    <t>01/17/2020 10:19:57</t>
  </si>
  <si>
    <t>01/17/2020 10:16:15</t>
  </si>
  <si>
    <t>01/17/2020 10:21:42</t>
  </si>
  <si>
    <t>lu10556ftu9.tmp</t>
  </si>
  <si>
    <t>\\acsfs\profiles$\VIVIANALDS\My Documents\lu10556ftu9.tmp</t>
  </si>
  <si>
    <t>\\acsfs\profiles$\VIVIANALDS\My Documents\lu10556ftu9.tmp\</t>
  </si>
  <si>
    <t>\\acsfs\profiles$\VIVIANALDS\My Documents\lu10556ftu9.tmp\META-INF\</t>
  </si>
  <si>
    <t>\\acsfs\profiles$\VIVIANALDS\My Documents\lu10556ftu9.tmp\Thumbnails\</t>
  </si>
  <si>
    <t>01/17/2020 10:21:01</t>
  </si>
  <si>
    <t>01/17/2020 10:16:35</t>
  </si>
  <si>
    <t>01/17/2020 10:16:37</t>
  </si>
  <si>
    <t>01/17/2020 10:16:25</t>
  </si>
  <si>
    <t>01/17/2020 10:18:18</t>
  </si>
  <si>
    <t>01/17/2020 10:20:18</t>
  </si>
  <si>
    <t>01/17/2020 10:20:48</t>
  </si>
  <si>
    <t>01/17/2020 10:21:05</t>
  </si>
  <si>
    <t>01/17/2020 10:21:33</t>
  </si>
  <si>
    <t>01/17/2020 10:22:41</t>
  </si>
  <si>
    <t>8f7a6360-2a61-4dd5-aa17-56dce1b7dc11.tmp</t>
  </si>
  <si>
    <t>\\acsfs\profiles$\kamilamrc\Downloads\8f7a6360-2a61-4dd5-aa17-56dce1b7dc11.tmp</t>
  </si>
  <si>
    <t>01/17/2020 10:18:31</t>
  </si>
  <si>
    <t>01/17/2020 10:23:41</t>
  </si>
  <si>
    <t>01/17/2020 10:21:38</t>
  </si>
  <si>
    <t>98a55329-1d29-4d99-9944-3c35c3c5d5d5.tmp</t>
  </si>
  <si>
    <t>\\acsfs\profiles$\quindaizaagds\Downloads\98a55329-1d29-4d99-9944-3c35c3c5d5d5.tmp</t>
  </si>
  <si>
    <t>01/17/2020 10:22:44</t>
  </si>
  <si>
    <t>a08fd26c-521b-4595-9052-c9aaff467a4c.tmp</t>
  </si>
  <si>
    <t>\\acsfs\profiles$\quindaizaagds\Downloads\a08fd26c-521b-4595-9052-c9aaff467a4c.tmp</t>
  </si>
  <si>
    <t>01/17/2020 10:22:47</t>
  </si>
  <si>
    <t>01/17/2020 10:22:53</t>
  </si>
  <si>
    <t>lu649212c9m6.tmp</t>
  </si>
  <si>
    <t>\\acsfs\profiles$\FLAVIOJMM\My Documents\lu649212c9m6.tmp</t>
  </si>
  <si>
    <t>\\acsfs\profiles$\FLAVIOJMM\My Documents\lu649212c9m6.tmp\</t>
  </si>
  <si>
    <t>\\acsfs\profiles$\FLAVIOJMM\My Documents\lu649212c9m6.tmp\META-INF\</t>
  </si>
  <si>
    <t>\\acsfs\profiles$\FLAVIOJMM\My Documents\lu649212c9m6.tmp\Thumbnails\</t>
  </si>
  <si>
    <t>01/17/2020 10:18:50</t>
  </si>
  <si>
    <t>VICTOR VE.JPG</t>
  </si>
  <si>
    <t>01/17/2020 10:19:13</t>
  </si>
  <si>
    <t>01/17/2020 10:19:32</t>
  </si>
  <si>
    <t>01/17/2020 10:20:43</t>
  </si>
  <si>
    <t>Desvio.txt</t>
  </si>
  <si>
    <t>\\acsfs\Deptos\Operacao\Banco_Votorantim\Supervisao\Maristela\CRBV vendas\Desligamento\Desvio.txt</t>
  </si>
  <si>
    <t>01/17/2020 10:21:20</t>
  </si>
  <si>
    <t>01/17/2020 10:20:36</t>
  </si>
  <si>
    <t>01/17/2020 10:24:40</t>
  </si>
  <si>
    <t>52d00029-86f3-4c13-bda4-82d5149183af.tmp</t>
  </si>
  <si>
    <t>\\acsfs\profiles$\larissaad\Downloads\52d00029-86f3-4c13-bda4-82d5149183af.tmp</t>
  </si>
  <si>
    <t>01/17/2020 10:23:28</t>
  </si>
  <si>
    <t>bc14b354-a9d3-4a6b-aab9-167542a6c03d.tmp</t>
  </si>
  <si>
    <t>\\acsfs\profiles$\geovannasm\Downloads\bc14b354-a9d3-4a6b-aab9-167542a6c03d.tmp</t>
  </si>
  <si>
    <t>c3d7041a-f5fb-43ac-86cb-3b35e93d577c.tmp</t>
  </si>
  <si>
    <t>\\acsfs\profiles$\PEDROHAB\Downloads\c3d7041a-f5fb-43ac-86cb-3b35e93d577c.tmp</t>
  </si>
  <si>
    <t>01/17/2020 10:22:17</t>
  </si>
  <si>
    <t>01/17/2020 10:25:41</t>
  </si>
  <si>
    <t>f3618e23-963f-4c3c-9fd7-6f5bdab22bc7.tmp</t>
  </si>
  <si>
    <t>\\acsfs\profiles$\francislayneads\Downloads\f3618e23-963f-4c3c-9fd7-6f5bdab22bc7.tmp</t>
  </si>
  <si>
    <t>01/17/2020 10:23:37</t>
  </si>
  <si>
    <t>31177982-37bc-4f4d-b328-6885bf5f5058.tmp</t>
  </si>
  <si>
    <t>\\acsfs\profiles$\francislayneads\Downloads\31177982-37bc-4f4d-b328-6885bf5f5058.tmp</t>
  </si>
  <si>
    <t>01/17/2020 10:20:28</t>
  </si>
  <si>
    <t>01/17/2020 10:20:34</t>
  </si>
  <si>
    <t>01/17/2020 10:20:44</t>
  </si>
  <si>
    <t>100014123564284;andrelpsa@algartech.com;joaogvc@algartech.com;leonardoao@algartech.com;marianadjc@algartech.com;maristelavodq@bv.algartech.com;paulacn@algartech.com;rafaelggs@algartech.com;ricardodfm@algartech.com.br;robsonams@algartech.com;taysdss@algartech.com;viniciussg@algartech.com;</t>
  </si>
  <si>
    <t>100014123564284,andrelpsa@algartech.com,joaogvc@algartech.com,leonardoao@algartech.com,marianadjc@algartech.com,maristelavodq@bv.algartech.com,paulacn@algartech.com,rafaelggs@algartech.com,ricardodfm@algartech.com.br,robsonams@algartech.com,taysdss@algartech.com,viniciussg@algartech.com</t>
  </si>
  <si>
    <t>01/17/2020 10:21:00</t>
  </si>
  <si>
    <t>01/17/2020 10:21:09</t>
  </si>
  <si>
    <t>01/17/2020 10:21:13</t>
  </si>
  <si>
    <t>bvcartes-supervisores@algarnet.onmicrosoft.com;joaogvc@algartech.com;katia.cardoso@bv.com.br;leonardoao@algartech.com;marianadjc@algartech.com;paulacn@algartech.com;ricardodfm@algartech.com.br;robsonams@algartech.com;taysdss@algartech.com;viniciussg@algartech.com;</t>
  </si>
  <si>
    <t>bvcartes-supervisores@algarnet.onmicrosoft.com,joaogvc@algartech.com,katia.cardoso@bv.com.br,leonardoao@algartech.com,marianadjc@algartech.com,paulacn@algartech.com,ricardodfm@algartech.com.br,robsonams@algartech.com,taysdss@algartech.com,viniciussg@algartech.com</t>
  </si>
  <si>
    <t>01/17/2020 10:21:19</t>
  </si>
  <si>
    <t>01/17/2020 10:21:30</t>
  </si>
  <si>
    <t>01/17/2020 10:21:49</t>
  </si>
  <si>
    <t>01/17/2020 10:22:07</t>
  </si>
  <si>
    <t>01/17/2020 10:22:10</t>
  </si>
  <si>
    <t>01/17/2020 10:22:24</t>
  </si>
  <si>
    <t>01/17/2020 10:22:36</t>
  </si>
  <si>
    <t>01/17/2020 10:22:39</t>
  </si>
  <si>
    <t>01/17/2020 10:23:04</t>
  </si>
  <si>
    <t>01/17/2020 10:23:17</t>
  </si>
  <si>
    <t>RELATORIO DE LOGIN - FINANCEIRA - 16-01.xlsm</t>
  </si>
  <si>
    <t>\\acsfs\DEPTOS\Operacao\PCP\5 - Comum\PLANEJAMENTO BV\14 - ACOMPANHAMENTO\1 - REPORT ACOMPANHAMENTO\2020\1 - JANEIRO\FINANCEIRA\Login Logout Financeira\RELATORIO DE LOGIN - FINANCEIRA - 16-01.xlsm</t>
  </si>
  <si>
    <t>01/17/2020 10:23:36</t>
  </si>
  <si>
    <t>mail.google.com/_/upload?authuser=0&amp;dcp=asu-n&amp;upload_id=AEnB2UpRoU7WWFTNY45lZ5h00Fo3H-Mh071ooPE-OytOImNPGgk2xO3fyX2glxF7uMPjT4uR3v44eircnU_5CzzrxbjHDohkm09cP8I4Yi3rWhC0CDcw9eU&amp;upload_protocol=resumable</t>
  </si>
  <si>
    <t>01/17/2020 10:23:50</t>
  </si>
  <si>
    <t>01/17/2020 10:23:52</t>
  </si>
  <si>
    <t>01/17/2020 10:22:06</t>
  </si>
  <si>
    <t>b85abf56-48ec-4500-b19b-5394fa31e258.tmp</t>
  </si>
  <si>
    <t>\\acsfs\profiles$\lorraynevam\Downloads\b85abf56-48ec-4500-b19b-5394fa31e258.tmp</t>
  </si>
  <si>
    <t>01/17/2020 10:22:37</t>
  </si>
  <si>
    <t>01/17/2020 10:26:40</t>
  </si>
  <si>
    <t>01/17/2020 10:21:32</t>
  </si>
  <si>
    <t>mail.google.com/sync/u/0/i/s?hl=pt-BR&amp;c=1288</t>
  </si>
  <si>
    <t>01/17/2020 10:21:52</t>
  </si>
  <si>
    <t>01/17/2020 10:22:01</t>
  </si>
  <si>
    <t>01/17/2020 10:22:11</t>
  </si>
  <si>
    <t>01/17/2020 10:22:27</t>
  </si>
  <si>
    <t>01/17/2020 10:22:34</t>
  </si>
  <si>
    <t>mail.google.com/sync/u/0/i/s?hl=pt-BR&amp;c=1301</t>
  </si>
  <si>
    <t>mail.google.com/sync/u/0/i/s?hl=pt-BR&amp;c=1308</t>
  </si>
  <si>
    <t>01/17/2020 10:23:35</t>
  </si>
  <si>
    <t>01/17/2020 10:23:48</t>
  </si>
  <si>
    <t>mail.google.com/sync/u/0/i/s?hl=pt-BR&amp;c=1312</t>
  </si>
  <si>
    <t>01/17/2020 10:24:09</t>
  </si>
  <si>
    <t>01/17/2020 10:25:55</t>
  </si>
  <si>
    <t>01/17/2020 10:23:18</t>
  </si>
  <si>
    <t>01/17/2020 10:24:18</t>
  </si>
  <si>
    <t>01/17/2020 10:24:48</t>
  </si>
  <si>
    <t>01/17/2020 10:22:57</t>
  </si>
  <si>
    <t>01/17/2020 10:27:41</t>
  </si>
  <si>
    <t>ef8ea8da-83ee-4ff5-8285-121ad9f0f054.tmp</t>
  </si>
  <si>
    <t>\\acsfs\profiles$\kamilamrc\Downloads\ef8ea8da-83ee-4ff5-8285-121ad9f0f054.tmp</t>
  </si>
  <si>
    <t>dd51fb1e-adb3-4ddd-8038-873dd0a1304b.tmp</t>
  </si>
  <si>
    <t>\\acsfs\profiles$\kamilamrc\Downloads\dd51fb1e-adb3-4ddd-8038-873dd0a1304b.tmp</t>
  </si>
  <si>
    <t>4c36a4f9-3bd7-4bb3-b74b-a1a508db78c5.tmp</t>
  </si>
  <si>
    <t>\\acsfs\profiles$\kamilamrc\Downloads\4c36a4f9-3bd7-4bb3-b74b-a1a508db78c5.tmp</t>
  </si>
  <si>
    <t>01/17/2020 10:23:58</t>
  </si>
  <si>
    <t>9b4df88b-6a39-4bf5-8872-07103e8045fa.tmp</t>
  </si>
  <si>
    <t>\\acsfs\profiles$\kamilamrc\Downloads\9b4df88b-6a39-4bf5-8872-07103e8045fa.tmp</t>
  </si>
  <si>
    <t>01/17/2020 10:24:06</t>
  </si>
  <si>
    <t>c200dc85-cb83-405c-b797-8953641312fb.tmp</t>
  </si>
  <si>
    <t>\\acsfs\profiles$\kamilamrc\Downloads\c200dc85-cb83-405c-b797-8953641312fb.tmp</t>
  </si>
  <si>
    <t>01/17/2020 10:25:49</t>
  </si>
  <si>
    <t>01/17/2020 10:26:50</t>
  </si>
  <si>
    <t>01/17/2020 10:28:40</t>
  </si>
  <si>
    <t>01/17/2020 10:27:33</t>
  </si>
  <si>
    <t>01/17/2020 10:29:41</t>
  </si>
  <si>
    <t>01/17/2020 10:28:41</t>
  </si>
  <si>
    <t>8aac1f05-6bb3-4964-992e-35bab7a1a07c.tmp</t>
  </si>
  <si>
    <t>\\acsfs\profiles$\fabianafv\Downloads\8aac1f05-6bb3-4964-992e-35bab7a1a07c.tmp</t>
  </si>
  <si>
    <t>01/17/2020 10:28:08</t>
  </si>
  <si>
    <t>01/17/2020 10:27:53</t>
  </si>
  <si>
    <t>01/17/2020 10:30:41</t>
  </si>
  <si>
    <t>andrelpsa@algartech.com;joaogvc@algartech.com;leonardoao@algartech.com;marianadjc@algartech.com;paulacn@algartech.com;supervisaobancovotorantim@algartech.com;taysdss@algartech.com;viniciussg@algartech.com;</t>
  </si>
  <si>
    <t>andrelpsa@algartech.com,joaogvc@algartech.com,leonardoao@algartech.com,marianadjc@algartech.com,paulacn@algartech.com,supervisaobancovotorantim@algartech.com,taysdss@algartech.com,viniciussg@algartech.com</t>
  </si>
  <si>
    <t>01/17/2020 10:28:02</t>
  </si>
  <si>
    <t>01/17/2020 10:28:11</t>
  </si>
  <si>
    <t>01/17/2020 10:28:27</t>
  </si>
  <si>
    <t>01/17/2020 10:25:35</t>
  </si>
  <si>
    <t>01/17/2020 10:25:36</t>
  </si>
  <si>
    <t>01/17/2020 10:27:31</t>
  </si>
  <si>
    <t>38562c11-c510-471b-85c5-ea8dfc893b58.tmp</t>
  </si>
  <si>
    <t>\\acsfs\profiles$\esterasg\Downloads\38562c11-c510-471b-85c5-ea8dfc893b58.tmp</t>
  </si>
  <si>
    <t>01/17/2020 10:28:12</t>
  </si>
  <si>
    <t>9bd7476a-43ac-4e86-a014-ac3ff127c629.tmp</t>
  </si>
  <si>
    <t>\\acsfs\profiles$\esterasg\Downloads\9bd7476a-43ac-4e86-a014-ac3ff127c629.tmp</t>
  </si>
  <si>
    <t>01/17/2020 10:29:12</t>
  </si>
  <si>
    <t>ed313955-698e-45e1-a996-5d515a5d2619.tmp</t>
  </si>
  <si>
    <t>\\acsfs\profiles$\esterasg\Downloads\ed313955-698e-45e1-a996-5d515a5d2619.tmp</t>
  </si>
  <si>
    <t>01/17/2020 10:31:41</t>
  </si>
  <si>
    <t>af2c081b-cce2-4192-8456-98e0664e4e27.tmp</t>
  </si>
  <si>
    <t>\\acsfs\profiles$\vivianalds\Downloads\af2c081b-cce2-4192-8456-98e0664e4e27.tmp</t>
  </si>
  <si>
    <t>01/17/2020 10:29:33</t>
  </si>
  <si>
    <t>01/17/2020 10:30:42</t>
  </si>
  <si>
    <t>01/17/2020 10:29:29</t>
  </si>
  <si>
    <t>01/17/2020 10:30:10</t>
  </si>
  <si>
    <t>01/17/2020 10:31:06</t>
  </si>
  <si>
    <t>mail.google.com/sync/u/0/i/s?hl=pt-BR&amp;c=1329</t>
  </si>
  <si>
    <t>01/17/2020 10:31:10</t>
  </si>
  <si>
    <t>01/17/2020 10:31:17</t>
  </si>
  <si>
    <t>01/17/2020 10:30:56</t>
  </si>
  <si>
    <t>10.200.67.42</t>
  </si>
  <si>
    <t>JOAO PEDRO NICOMEDES BERTOLDO GOMES (10481).contact</t>
  </si>
  <si>
    <t>\\acsfs\profiles$\joaopnbg\Contacts\JOAO PEDRO NICOMEDES BERTOLDO GOMES (10481).contact</t>
  </si>
  <si>
    <t>01/17/2020 10:30:57</t>
  </si>
  <si>
    <t>01/17/2020 10:31:11</t>
  </si>
  <si>
    <t>01/17/2020 10:31:12</t>
  </si>
  <si>
    <t>01/17/2020 10:27:19</t>
  </si>
  <si>
    <t>01/17/2020 10:27:49</t>
  </si>
  <si>
    <t>01/17/2020 10:28:19</t>
  </si>
  <si>
    <t>01/17/2020 10:29:19</t>
  </si>
  <si>
    <t>01/17/2020 10:31:13</t>
  </si>
  <si>
    <t>01/17/2020 10:31:14</t>
  </si>
  <si>
    <t>01/17/2020 10:31:15</t>
  </si>
  <si>
    <t>01/17/2020 10:31:16</t>
  </si>
  <si>
    <t>01/17/2020 10:31:18</t>
  </si>
  <si>
    <t>01/17/2020 10:31:19</t>
  </si>
  <si>
    <t>01/17/2020 10:31:20</t>
  </si>
  <si>
    <t>01/17/2020 10:26:08</t>
  </si>
  <si>
    <t>01/17/2020 10:32:41</t>
  </si>
  <si>
    <t>01/17/2020 10:28:28</t>
  </si>
  <si>
    <t>01/17/2020 10:30:51</t>
  </si>
  <si>
    <t>01/17/2020 10:33:41</t>
  </si>
  <si>
    <t>f25b9fd4-afd3-46dd-a62e-dd29c52ea168.tmp</t>
  </si>
  <si>
    <t>\\acsfs\profiles$\paulovadc\Downloads\f25b9fd4-afd3-46dd-a62e-dd29c52ea168.tmp</t>
  </si>
  <si>
    <t>01/17/2020 10:31:09</t>
  </si>
  <si>
    <t>c80ea12b-5608-4d7b-a0f8-db59a4f4dafb.tmp</t>
  </si>
  <si>
    <t>\\acsfs\profiles$\inarajst\Downloads\c80ea12b-5608-4d7b-a0f8-db59a4f4dafb.tmp</t>
  </si>
  <si>
    <t>01/17/2020 10:33:27</t>
  </si>
  <si>
    <t>Andreza.JPG</t>
  </si>
  <si>
    <t>01/17/2020 10:30:20</t>
  </si>
  <si>
    <t>01/17/2020 10:34:41</t>
  </si>
  <si>
    <t>01/17/2020 10:33:30</t>
  </si>
  <si>
    <t>01/17/2020 10:35:41</t>
  </si>
  <si>
    <t>100014299414656;andrelpsa@algartech.com;bvcartes-supervisores@algarnet.onmicrosoft.com;joaogvc@algartech.com;leonardoao@algartech.com;marianadjc@algartech.com;paulacn@algartech.com;ricardodfm@algartech.com.br;supervisaobancovotorantim@algartech.com;taysdss@algartech.com;viniciussg@algartech.com;</t>
  </si>
  <si>
    <t>100014299414656,andrelpsa@algartech.com,bvcartes-supervisores@algarnet.onmicrosoft.com,joaogvc@algartech.com,leonardoao@algartech.com,marianadjc@algartech.com,paulacn@algartech.com,ricardodfm@algartech.com.br,supervisaobancovotorantim@algartech.com,taysdss@algartech.com,viniciussg@algartech.com</t>
  </si>
  <si>
    <t>01/17/2020 10:33:33</t>
  </si>
  <si>
    <t>01/17/2020 10:33:45</t>
  </si>
  <si>
    <t>01/17/2020 10:34:18</t>
  </si>
  <si>
    <t>andrelpsa@algartech.com;bvs-planejamentodeoperacoesetrafego@bv.com.br;joaogvc@algartech.com;leonardoao@algartech.com;marianadjc@algartech.com;paulacn@algartech.com;planejamentodeoperacoesetrafego@bv.com.br;rafaelggs@algartech.com;raphaelmco@algartech.com.br;ricardodfm@algartech.com.br;supervisaobancovotorantim@algartech.com;taysdss@algartech.com;viniciussg@algartech.com;</t>
  </si>
  <si>
    <t>andrelpsa@algartech.com,bvs-planejamentodeoperacoesetrafego@bv.com.br,joaogvc@algartech.com,leonardoao@algartech.com,marianadjc@algartech.com,paulacn@algartech.com,planejamentodeoperacoesetrafego@bv.com.br,rafaelggs@algartech.com,raphaelmco@algartech.com.br,ricardodfm@algartech.com.br,supervisaobancovotorantim@algartech.com,taysdss@algartech.com,viniciussg@algartech.com</t>
  </si>
  <si>
    <t>01/17/2020 10:31:51</t>
  </si>
  <si>
    <t>71193582-df6a-4bc6-bf53-2df539cfca45.tmp</t>
  </si>
  <si>
    <t>\\acsfs\profiles$\lucasqdss\Downloads\71193582-df6a-4bc6-bf53-2df539cfca45.tmp</t>
  </si>
  <si>
    <t>01/17/2020 10:33:17</t>
  </si>
  <si>
    <t>01/17/2020 10:36:41</t>
  </si>
  <si>
    <t>01/17/2020 10:34:35</t>
  </si>
  <si>
    <t>01/17/2020 10:34:36</t>
  </si>
  <si>
    <t>01/17/2020 10:34:37</t>
  </si>
  <si>
    <t>01/17/2020 10:34:38</t>
  </si>
  <si>
    <t>01/17/2020 10:34:39</t>
  </si>
  <si>
    <t>01/17/2020 10:34:40</t>
  </si>
  <si>
    <t>01/17/2020 10:34:42</t>
  </si>
  <si>
    <t>01/17/2020 10:34:43</t>
  </si>
  <si>
    <t>01/17/2020 10:34:44</t>
  </si>
  <si>
    <t>01/17/2020 10:34:45</t>
  </si>
  <si>
    <t>01/17/2020 10:34:46</t>
  </si>
  <si>
    <t>01/17/2020 10:34:47</t>
  </si>
  <si>
    <t>01/17/2020 10:34:48</t>
  </si>
  <si>
    <t>01/17/2020 10:34:49</t>
  </si>
  <si>
    <t>01/17/2020 10:31:24</t>
  </si>
  <si>
    <t>cc9e22f0-d6bc-4f58-8a85-20b67427474e.tmp</t>
  </si>
  <si>
    <t>\\acsfs\profiles$\sarahbal\Downloads\cc9e22f0-d6bc-4f58-8a85-20b67427474e.tmp</t>
  </si>
  <si>
    <t>01/17/2020 10:35:28</t>
  </si>
  <si>
    <t>01/17/2020 10:35:29</t>
  </si>
  <si>
    <t>01/17/2020 10:31:27</t>
  </si>
  <si>
    <t>mail.google.com/sync/u/0/i/s?hl=pt-BR&amp;c=1335</t>
  </si>
  <si>
    <t>01/17/2020 10:31:29</t>
  </si>
  <si>
    <t>mail.google.com/sync/u/0/i/s?hl=pt-BR&amp;c=1337</t>
  </si>
  <si>
    <t>01/17/2020 10:31:42</t>
  </si>
  <si>
    <t>mail.google.com/sync/u/0/i/s?hl=pt-BR&amp;c=1339</t>
  </si>
  <si>
    <t>01/17/2020 10:32:15</t>
  </si>
  <si>
    <t>9e68604e-794d-444d-bd28-9b83750d2fc3;</t>
  </si>
  <si>
    <t>mail.google.com/_/upload?authuser=0&amp;dcp=asu-n&amp;upload_id=AEnB2UqK9zt1V6L5ZFFp85ErNBOolce10WwZhmGbb_ugtoAt1BH9fpAC7_alZVFPqlnhz9x4R73MJEQ4MNK4QiojscXlN8cG179SANPtGtflRJFwfeYSCXM&amp;upload_protocol=resumable</t>
  </si>
  <si>
    <t>andrelpsa@algartech.com;br accept-language: pt-br;catianalv@algartech.com;cpc-controldeskavon@algartech.com;deflate;en-us;q=0.8;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3f249faaef91dd495870c37bb9823719</t>
  </si>
  <si>
    <t>andrelpsa@algartech.com,br accept-language: pt-br,catianalv@algartech.com,cpc-controldeskavon@algartech.com,deflate,en-us;q=0.8,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3f249faaef91dd495870c37bb9823719</t>
  </si>
  <si>
    <t>01/17/2020 10:32:19</t>
  </si>
  <si>
    <t>01/17/2020 10:34:50</t>
  </si>
  <si>
    <t>01/17/2020 10:35:50</t>
  </si>
  <si>
    <t>01/17/2020 10:36:20</t>
  </si>
  <si>
    <t>01/17/2020 10:31:21</t>
  </si>
  <si>
    <t>01/17/2020 10:31:36</t>
  </si>
  <si>
    <t>01/17/2020 10:31:37</t>
  </si>
  <si>
    <t>01/17/2020 10:34:23</t>
  </si>
  <si>
    <t>01/17/2020 10:38:41</t>
  </si>
  <si>
    <t>01/17/2020 10:33:58</t>
  </si>
  <si>
    <t>01/17/2020 10:39:42</t>
  </si>
  <si>
    <t>01/17/2020 10:35:23</t>
  </si>
  <si>
    <t>01/17/2020 10:37:33</t>
  </si>
  <si>
    <t>01/17/2020 10:38:20</t>
  </si>
  <si>
    <t>01/17/2020 10:35:17</t>
  </si>
  <si>
    <t>01/17/2020 10:40:41</t>
  </si>
  <si>
    <t>andrelpsa@algartech.com;joaogvc@algartech.com;leonardoao@algartech.com;marianadjc@algartech.com;maristelavodq@bv.algartech.com;paulacn@algartech.com;ricardodfm@algartech.com.br;supervisaobancovotorantim@algartech.com;taysdss@algartech.com;viniciussg@algartech.com;</t>
  </si>
  <si>
    <t>andrelpsa@algartech.com,joaogvc@algartech.com,leonardoao@algartech.com,marianadjc@algartech.com,maristelavodq@bv.algartech.com,paulacn@algartech.com,ricardodfm@algartech.com.br,supervisaobancovotorantim@algartech.com,taysdss@algartech.com,viniciussg@algartech.com</t>
  </si>
  <si>
    <t>01/17/2020 10:35:22</t>
  </si>
  <si>
    <t>01/17/2020 10:35:26</t>
  </si>
  <si>
    <t>01/17/2020 10:35:51</t>
  </si>
  <si>
    <t>01/17/2020 10:35:55</t>
  </si>
  <si>
    <t>01/17/2020 10:36:07</t>
  </si>
  <si>
    <t>01/17/2020 10:36:36</t>
  </si>
  <si>
    <t>DETALHADO FINANCEIRA .xlsx</t>
  </si>
  <si>
    <t>\\acsfs\DEPTOS\Operacao\PCP\5 - Comum\PLANEJAMENTO BV\14 - ACOMPANHAMENTO\1 - REPORT ACOMPANHAMENTO\2020\1 - JANEIRO\FINANCEIRA\DETALHADO FINANCEIRA .xlsx</t>
  </si>
  <si>
    <t>01/17/2020 10:36:52</t>
  </si>
  <si>
    <t>mail.google.com/_/upload?authuser=0&amp;dcp=asu-n&amp;upload_id=AEnB2UoRAataZtFMwf1Tar5BDJSkK2JJ6xcHUaWRPiwc2AZ21jOGaPrzjkugMo0w2w9DsS2RoLRlCpwx5lUXRUYzQc4b_4xMwLrLjursCvgbU7WXwoKLzSc&amp;upload_protocol=resumable</t>
  </si>
  <si>
    <t>01/17/2020 10:37:42</t>
  </si>
  <si>
    <t>01/17/2020 10:39:26</t>
  </si>
  <si>
    <t>01/17/2020 10:36:06</t>
  </si>
  <si>
    <t>01/17/2020 10:41:40</t>
  </si>
  <si>
    <t>lu10556ftud.tmp</t>
  </si>
  <si>
    <t>\\acsfs\profiles$\VIVIANALDS\My Documents\lu10556ftud.tmp</t>
  </si>
  <si>
    <t>\\acsfs\profiles$\VIVIANALDS\My Documents\lu10556ftud.tmp\</t>
  </si>
  <si>
    <t>\\acsfs\profiles$\VIVIANALDS\My Documents\lu10556ftud.tmp\META-INF\</t>
  </si>
  <si>
    <t>\\acsfs\profiles$\VIVIANALDS\My Documents\lu10556ftud.tmp\Thumbnails\</t>
  </si>
  <si>
    <t>01/17/2020 10:39:15</t>
  </si>
  <si>
    <t>Vendas novembro.txt</t>
  </si>
  <si>
    <t>\\acsfs\profiles$\lucasgpe\Desktop\Vendas novembro.txt</t>
  </si>
  <si>
    <t>01/17/2020 10:39:51</t>
  </si>
  <si>
    <t>01/17/2020 10:40:08</t>
  </si>
  <si>
    <t>01/17/2020 10:40:30</t>
  </si>
  <si>
    <t>mail.google.com/sync/u/0/i/s?hl=pt-BR&amp;c=1361</t>
  </si>
  <si>
    <t>01/17/2020 10:40:40</t>
  </si>
  <si>
    <t>01/17/2020 10:40:47</t>
  </si>
  <si>
    <t>algartechcpcbv@bv.algartech.com;andrelpsa@algartech.com;br accept-language: pt-br;cpc-controldeskavon@algartech.com;deflate;en-us;q=0.8;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</t>
  </si>
  <si>
    <t>algartechcpcbv@bv.algartech.com,andrelpsa@algartech.com,br accept-language: pt-br,cpc-controldeskavon@algartech.com,deflate,en-us;q=0.8,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</t>
  </si>
  <si>
    <t>01/17/2020 10:41:14</t>
  </si>
  <si>
    <t>100014122394468;algartechcpcbv@bv.algartech.com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100014122394468,algartechcpcbv@bv.algartech.com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10:36:50</t>
  </si>
  <si>
    <t>01/17/2020 10:40:33</t>
  </si>
  <si>
    <t>01/17/2020 10:43:41</t>
  </si>
  <si>
    <t>1a118de1-2aca-431b-adde-cf8f8ddfcd7b.tmp</t>
  </si>
  <si>
    <t>\\acsfs\profiles$\gabrielsma\Downloads\1a118de1-2aca-431b-adde-cf8f8ddfcd7b.tmp</t>
  </si>
  <si>
    <t>01/17/2020 10:40:35</t>
  </si>
  <si>
    <t>\\acsfs\ACS\Gabriel da Silva\Contemporânea\Acessos\Q29udHJvbGxlci5JbnRyYW5ldC1DaHJvbWU-.ica.crdownload</t>
  </si>
  <si>
    <t>01/17/2020 10:39:29</t>
  </si>
  <si>
    <t>LUCIENE.JPG</t>
  </si>
  <si>
    <t>01/17/2020 10:39:56</t>
  </si>
  <si>
    <t>01/17/2020 10:43:46</t>
  </si>
  <si>
    <t>01/17/2020 10:44:41</t>
  </si>
  <si>
    <t>d5da5453-d933-49fa-ac00-95d750ff842b.tmp</t>
  </si>
  <si>
    <t>\\acsfs\profiles$\geovannasm\Downloads\d5da5453-d933-49fa-ac00-95d750ff842b.tmp</t>
  </si>
  <si>
    <t>01/17/2020 10:44:01</t>
  </si>
  <si>
    <t>Evidencia Lorraine.PNG</t>
  </si>
  <si>
    <t>01/17/2020 10:45:41</t>
  </si>
  <si>
    <t>01/17/2020 10:44:20</t>
  </si>
  <si>
    <t>01/17/2020 10:46:41</t>
  </si>
  <si>
    <t>01/17/2020 10:41:33</t>
  </si>
  <si>
    <t>algartechcpcbv@bv.algartech.com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algartechcpcbv@bv.algartech.com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10:41:39</t>
  </si>
  <si>
    <t>01/17/2020 10:41:43</t>
  </si>
  <si>
    <t>01/17/2020 10:41:47</t>
  </si>
  <si>
    <t>01/17/2020 10:41:52</t>
  </si>
  <si>
    <t>01/17/2020 10:41:58</t>
  </si>
  <si>
    <t>100022417546165;algartechcpcbv@bv.algartech.com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22417546165,algartechcpcbv@bv.algartech.com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0:41:50</t>
  </si>
  <si>
    <t>01/17/2020 10:42:20</t>
  </si>
  <si>
    <t>01/17/2020 10:45:24</t>
  </si>
  <si>
    <t>01/17/2020 10:47:41</t>
  </si>
  <si>
    <t>01/17/2020 10:47:36</t>
  </si>
  <si>
    <t>01/17/2020 10:48:41</t>
  </si>
  <si>
    <t>01/17/2020 10:47:37</t>
  </si>
  <si>
    <t>01/17/2020 10:47:39</t>
  </si>
  <si>
    <t>01/17/2020 10:47:43</t>
  </si>
  <si>
    <t>01/17/2020 10:48:03</t>
  </si>
  <si>
    <t>Rodney.JPG</t>
  </si>
  <si>
    <t>01/17/2020 10:46:50</t>
  </si>
  <si>
    <t>01/17/2020 10:49:42</t>
  </si>
  <si>
    <t>b8a19b7f-47e9-4c6a-803e-f26705107e89.tmp</t>
  </si>
  <si>
    <t>\\acsfs\profiles$\larissaad\Downloads\b8a19b7f-47e9-4c6a-803e-f26705107e89.tmp</t>
  </si>
  <si>
    <t>01/17/2020 10:47:28</t>
  </si>
  <si>
    <t>1a1284f6-f448-4703-9f96-664a78e972d1.tmp</t>
  </si>
  <si>
    <t>\\acsfs\profiles$\geovannasm\Downloads\1a1284f6-f448-4703-9f96-664a78e972d1.tmp</t>
  </si>
  <si>
    <t>01/17/2020 10:44:22</t>
  </si>
  <si>
    <t>01/17/2020 10:44:43</t>
  </si>
  <si>
    <t>01/17/2020 10:48:36</t>
  </si>
  <si>
    <t>\\acsfs\profiles$\yurics\My Documents\xworkcenter\lex\</t>
  </si>
  <si>
    <t>\\acsfs\profiles$\yurics\My Documents\xworkcenter\lex\temp.tlx</t>
  </si>
  <si>
    <t>01/17/2020 10:48:37</t>
  </si>
  <si>
    <t>01/17/2020 10:48:38</t>
  </si>
  <si>
    <t>01/17/2020 10:48:39</t>
  </si>
  <si>
    <t>01/17/2020 10:48:40</t>
  </si>
  <si>
    <t>01/17/2020 10:48:42</t>
  </si>
  <si>
    <t>01/17/2020 10:48:43</t>
  </si>
  <si>
    <t>01/17/2020 10:48:44</t>
  </si>
  <si>
    <t>01/17/2020 10:48:45</t>
  </si>
  <si>
    <t>01/17/2020 10:48:46</t>
  </si>
  <si>
    <t>01/17/2020 10:48:47</t>
  </si>
  <si>
    <t>01/17/2020 10:48:48</t>
  </si>
  <si>
    <t>01/17/2020 10:48:49</t>
  </si>
  <si>
    <t>01/17/2020 10:48:50</t>
  </si>
  <si>
    <t>01/17/2020 10:48:51</t>
  </si>
  <si>
    <t>01/17/2020 10:48:52</t>
  </si>
  <si>
    <t>01/17/2020 10:48:53</t>
  </si>
  <si>
    <t>01/17/2020 10:48:54</t>
  </si>
  <si>
    <t>01/17/2020 10:48:55</t>
  </si>
  <si>
    <t>01/17/2020 10:48:56</t>
  </si>
  <si>
    <t>01/17/2020 10:48:57</t>
  </si>
  <si>
    <t>01/17/2020 10:48:58</t>
  </si>
  <si>
    <t>01/17/2020 10:48:59</t>
  </si>
  <si>
    <t>01/17/2020 10:49:00</t>
  </si>
  <si>
    <t>01/17/2020 10:49:01</t>
  </si>
  <si>
    <t>01/17/2020 10:49:02</t>
  </si>
  <si>
    <t>01/17/2020 10:49:20</t>
  </si>
  <si>
    <t>01/17/2020 10:50:41</t>
  </si>
  <si>
    <t>01/17/2020 10:49:26</t>
  </si>
  <si>
    <t>01/17/2020 10:51:41</t>
  </si>
  <si>
    <t>01/17/2020 10:48:08</t>
  </si>
  <si>
    <t>01/17/2020 10:53:41</t>
  </si>
  <si>
    <t>01/17/2020 10:51:01</t>
  </si>
  <si>
    <t>1c0191e8-bded-45ab-946b-996246ca6bd6.tmp</t>
  </si>
  <si>
    <t>\\acsfs\profiles$\gabrielsma\Downloads\1c0191e8-bded-45ab-946b-996246ca6bd6.tmp</t>
  </si>
  <si>
    <t>01/17/2020 10:51:04</t>
  </si>
  <si>
    <t>01/17/2020 10:49:33</t>
  </si>
  <si>
    <t>01/17/2020 10:49:13</t>
  </si>
  <si>
    <t>01/17/2020 10:54:41</t>
  </si>
  <si>
    <t>ebe4799f-c23d-4783-81a5-87c098838af2.tmp</t>
  </si>
  <si>
    <t>\\acsfs\profiles$\geovannasm\Downloads\ebe4799f-c23d-4783-81a5-87c098838af2.tmp</t>
  </si>
  <si>
    <t>01/17/2020 10:54:02</t>
  </si>
  <si>
    <t>01/17/2020 10:55:41</t>
  </si>
  <si>
    <t>01/17/2020 10:56:41</t>
  </si>
  <si>
    <t>01/17/2020 10:53:40</t>
  </si>
  <si>
    <t>01/17/2020 10:54:17</t>
  </si>
  <si>
    <t>01/17/2020 10:57:41</t>
  </si>
  <si>
    <t>01/17/2020 10:57:23</t>
  </si>
  <si>
    <t>01/17/2020 10:58:41</t>
  </si>
  <si>
    <t>01/17/2020 10:57:27</t>
  </si>
  <si>
    <t>01/17/2020 10:55:57</t>
  </si>
  <si>
    <t>6fdf4911-acde-44b1-b6c1-ea37ae8dae3f.tmp</t>
  </si>
  <si>
    <t>\\acsfs\profiles$\danielac\Downloads\6fdf4911-acde-44b1-b6c1-ea37ae8dae3f.tmp</t>
  </si>
  <si>
    <t>01/17/2020 10:58:53</t>
  </si>
  <si>
    <t>01/17/2020 10:59:41</t>
  </si>
  <si>
    <t>01/17/2020 11:00:10</t>
  </si>
  <si>
    <t>01/17/2020 11:00:41</t>
  </si>
  <si>
    <t>01/17/2020 11:00:17</t>
  </si>
  <si>
    <t>01/17/2020 11:01:41</t>
  </si>
  <si>
    <t>01/17/2020 11:00:14</t>
  </si>
  <si>
    <t>01/17/2020 11:00:22</t>
  </si>
  <si>
    <t>01/17/2020 11:00:26</t>
  </si>
  <si>
    <t>01/17/2020 11:00:36</t>
  </si>
  <si>
    <t>01/17/2020 10:57:47</t>
  </si>
  <si>
    <t>01/17/2020 10:57:49</t>
  </si>
  <si>
    <t>01/17/2020 11:02:41</t>
  </si>
  <si>
    <t>7fa729b9-9ac1-46e1-99f5-db2bcf6e5021.tmp</t>
  </si>
  <si>
    <t>\\acsfs\profiles$\luanarda\Downloads\7fa729b9-9ac1-46e1-99f5-db2bcf6e5021.tmp</t>
  </si>
  <si>
    <t>01/17/2020 10:59:07</t>
  </si>
  <si>
    <t>lu314041g7py6.tmp</t>
  </si>
  <si>
    <t>\\acsfs\profiles$\ALEXANDREMM\lu314041g7py6.tmp</t>
  </si>
  <si>
    <t>\\acsfs\profiles$\ALEXANDREMM\lu314041g7py6.tmp\</t>
  </si>
  <si>
    <t>\\acsfs\profiles$\ALEXANDREMM\lu314041g7py6.tmp\META-INF\</t>
  </si>
  <si>
    <t>\\acsfs\profiles$\ALEXANDREMM\lu314041g7py6.tmp\Thumbnails\</t>
  </si>
  <si>
    <t>01/17/2020 10:57:46</t>
  </si>
  <si>
    <t>01/17/2020 10:58:33</t>
  </si>
  <si>
    <t>01/17/2020 11:03:41</t>
  </si>
  <si>
    <t>01/17/2020 11:01:23</t>
  </si>
  <si>
    <t>01/17/2020 11:01:28</t>
  </si>
  <si>
    <t>lu12012129m1b.tmp</t>
  </si>
  <si>
    <t>\\acsfs\profiles$\LUCASBS\RENEG BV\Consolidado\lu12012129m1b.tmp</t>
  </si>
  <si>
    <t>\\acsfs\profiles$\LUCASBS\RENEG BV\Consolidado\lu12012129m1b.tmp\</t>
  </si>
  <si>
    <t>\\acsfs\profiles$\LUCASBS\RENEG BV\Consolidado\lu12012129m1b.tmp\META-INF\</t>
  </si>
  <si>
    <t>\\acsfs\profiles$\LUCASBS\RENEG BV\Consolidado\lu12012129m1b.tmp\Thumbnails\</t>
  </si>
  <si>
    <t>01/17/2020 11:02:20</t>
  </si>
  <si>
    <t>01/17/2020 11:04:41</t>
  </si>
  <si>
    <t>kit_pre_deslig_ant_term_contrato_empregado_124184_bruno de oliveira farias.pdf</t>
  </si>
  <si>
    <t>01/17/2020 11:02:13</t>
  </si>
  <si>
    <t>cfcc0ae0-1f9b-4ef9-8436-06b81cbc23c1.tmp</t>
  </si>
  <si>
    <t>\\acsfs\profiles$\felipetds\Downloads\cfcc0ae0-1f9b-4ef9-8436-06b81cbc23c1.tmp</t>
  </si>
  <si>
    <t>01/17/2020 11:01:03</t>
  </si>
  <si>
    <t>01/17/2020 11:06:41</t>
  </si>
  <si>
    <t>01/17/2020 11:01:43</t>
  </si>
  <si>
    <t>01/17/2020 11:01:57</t>
  </si>
  <si>
    <t>01/17/2020 11:02:22</t>
  </si>
  <si>
    <t>01/17/2020 11:02:53</t>
  </si>
  <si>
    <t>01/17/2020 11:02:57</t>
  </si>
  <si>
    <t>01/17/2020 11:03:01</t>
  </si>
  <si>
    <t>01/17/2020 11:03:26</t>
  </si>
  <si>
    <t>01/17/2020 11:03:34</t>
  </si>
  <si>
    <t>01/17/2020 11:03:47</t>
  </si>
  <si>
    <t>01/17/2020 11:04:36</t>
  </si>
  <si>
    <t>01/17/2020 11:04:50</t>
  </si>
  <si>
    <t>01/17/2020 11:04:54</t>
  </si>
  <si>
    <t>01/17/2020 11:04:49</t>
  </si>
  <si>
    <t>01/17/2020 11:05:33</t>
  </si>
  <si>
    <t>01/17/2020 11:01:49</t>
  </si>
  <si>
    <t>cc0ecaec-23ef-4e42-87a0-0faeb88d85c8.tmp</t>
  </si>
  <si>
    <t>\\acsfs\profiles$\joselrb\Downloads\cc0ecaec-23ef-4e42-87a0-0faeb88d85c8.tmp</t>
  </si>
  <si>
    <t>eec013e9-3f35-4a30-a785-428e7c85f747.tmp</t>
  </si>
  <si>
    <t>\\acsfs\profiles$\joselrb\Downloads\eec013e9-3f35-4a30-a785-428e7c85f747.tmp</t>
  </si>
  <si>
    <t>01/17/2020 11:02:56</t>
  </si>
  <si>
    <t>ecbe8d36-218d-4cf6-8cb3-91982f400ac1.tmp</t>
  </si>
  <si>
    <t>\\acsfs\profiles$\joselrb\Downloads\ecbe8d36-218d-4cf6-8cb3-91982f400ac1.tmp</t>
  </si>
  <si>
    <t>01/17/2020 11:06:52</t>
  </si>
  <si>
    <t>01/17/2020 11:07:41</t>
  </si>
  <si>
    <t>3dce046a-144e-4a6b-b74b-a71d2e89b161.tmp</t>
  </si>
  <si>
    <t>\\acsfs\profiles$\luanarda\Downloads\3dce046a-144e-4a6b-b74b-a71d2e89b161.tmp</t>
  </si>
  <si>
    <t>01/17/2020 11:04:52</t>
  </si>
  <si>
    <t>01/17/2020 11:08:41</t>
  </si>
  <si>
    <t>01/17/2020 11:04:57</t>
  </si>
  <si>
    <t>lu649212c9mn.tmp</t>
  </si>
  <si>
    <t>\\acsfs\profiles$\FLAVIOJMM\My Documents\lu649212c9mn.tmp</t>
  </si>
  <si>
    <t>\\acsfs\profiles$\FLAVIOJMM\My Documents\lu649212c9mn.tmp\</t>
  </si>
  <si>
    <t>\\acsfs\profiles$\FLAVIOJMM\My Documents\lu649212c9mn.tmp\META-INF\</t>
  </si>
  <si>
    <t>\\acsfs\profiles$\FLAVIOJMM\My Documents\lu649212c9mn.tmp\Thumbnails\</t>
  </si>
  <si>
    <t>01/17/2020 11:04:16</t>
  </si>
  <si>
    <t>01/17/2020 11:09:42</t>
  </si>
  <si>
    <t>c275921d-7180-45c6-8e4b-7a42989d493d.tmp</t>
  </si>
  <si>
    <t>\\acsfs\profiles$\ERICALSR\Downloads\c275921d-7180-45c6-8e4b-7a42989d493d.tmp</t>
  </si>
  <si>
    <t>01/17/2020 11:05:58</t>
  </si>
  <si>
    <t>01/17/2020 11:10:41</t>
  </si>
  <si>
    <t>Dimensionamento_Janeiro Financeira (1) (6).xlsx</t>
  </si>
  <si>
    <t>\\acsfs\ACS\001 - Qualidade Lilian\PAULO\Pasta Tainara\Dimensionamento_Janeiro Financeira (1) (6).xlsx</t>
  </si>
  <si>
    <t>\\acsfs\ACS\001 - Qualidade Lilian\PAULO\Pasta Tainara\Dimensionamento_Janeiro Financeira (1) (6).xlsx\</t>
  </si>
  <si>
    <t>\\acsfs\ACS\001 - Qualidade Lilian\PAULO\Pasta Tainara\Dimensionamento_Janeiro Financeira (1) (6).xlsx\:Zone.Identifier:$DATA</t>
  </si>
  <si>
    <t>01/17/2020 11:05:30</t>
  </si>
  <si>
    <t>01/17/2020 11:08:04</t>
  </si>
  <si>
    <t>01/17/2020 11:08:05</t>
  </si>
  <si>
    <t>lu421324aisxr.tmp</t>
  </si>
  <si>
    <t>\\acsfs\profiles$\BRUNAAR\Numero\lu421324aisxr.tmp</t>
  </si>
  <si>
    <t>01/17/2020 11:09:06</t>
  </si>
  <si>
    <t>01/17/2020 11:09:07</t>
  </si>
  <si>
    <t>lu421324aisxv.tmp</t>
  </si>
  <si>
    <t>\\acsfs\profiles$\BRUNAAR\Numero\lu421324aisxv.tmp</t>
  </si>
  <si>
    <t>01/17/2020 11:05:57</t>
  </si>
  <si>
    <t>4fe8e3c1-19d5-45d8-a541-b27cf8b5ef83.tmp</t>
  </si>
  <si>
    <t>\\acsfs\profiles$\victoriaksr\Downloads\4fe8e3c1-19d5-45d8-a541-b27cf8b5ef83.tmp</t>
  </si>
  <si>
    <t>01/17/2020 11:06:36</t>
  </si>
  <si>
    <t>01/17/2020 11:11:42</t>
  </si>
  <si>
    <t>01/17/2020 11:12:42</t>
  </si>
  <si>
    <t>01/17/2020 11:09:04</t>
  </si>
  <si>
    <t>01/17/2020 11:09:14</t>
  </si>
  <si>
    <t>01/17/2020 11:10:33</t>
  </si>
  <si>
    <t>01/17/2020 11:08:36</t>
  </si>
  <si>
    <t>01/17/2020 11:13:41</t>
  </si>
  <si>
    <t>01/17/2020 11:13:15</t>
  </si>
  <si>
    <t>kit_pre_deslig_pedido_demissao_ausente_100708_denner luis dos reis.pdf</t>
  </si>
  <si>
    <t>01/17/2020 11:11:29</t>
  </si>
  <si>
    <t>01/17/2020 11:16:42</t>
  </si>
  <si>
    <t>01/17/2020 11:11:33</t>
  </si>
  <si>
    <t>01/17/2020 11:13:22</t>
  </si>
  <si>
    <t>01/17/2020 11:14:04</t>
  </si>
  <si>
    <t>01/17/2020 11:14:09</t>
  </si>
  <si>
    <t>01/17/2020 11:14:15</t>
  </si>
  <si>
    <t>01/17/2020 11:16:39</t>
  </si>
  <si>
    <t>01/17/2020 11:17:41</t>
  </si>
  <si>
    <t>7f2d82f3-98b3-4433-bcd4-1e60d7cf6eb8.tmp</t>
  </si>
  <si>
    <t>\\acsfs\profiles$\luanarda\Downloads\7f2d82f3-98b3-4433-bcd4-1e60d7cf6eb8.tmp</t>
  </si>
  <si>
    <t>01/17/2020 11:17:25</t>
  </si>
  <si>
    <t>01/17/2020 11:16:24</t>
  </si>
  <si>
    <t>01/17/2020 11:19:42</t>
  </si>
  <si>
    <t>a75668d4-b893-4b20-843d-1e8f19f51695.tmp</t>
  </si>
  <si>
    <t>\\acsfs\profiles$\lorrainerdl\Downloads\a75668d4-b893-4b20-843d-1e8f19f51695.tmp</t>
  </si>
  <si>
    <t>01/17/2020 11:17:23</t>
  </si>
  <si>
    <t>01/17/2020 11:19:02</t>
  </si>
  <si>
    <t>817c90f7-89ac-42e2-b8a1-453b533d0d5a.tmp</t>
  </si>
  <si>
    <t>\\acsfs\profiles$\yurics\Downloads\817c90f7-89ac-42e2-b8a1-453b533d0d5a.tmp</t>
  </si>
  <si>
    <t>01/17/2020 11:16:12</t>
  </si>
  <si>
    <t>01/17/2020 11:20:42</t>
  </si>
  <si>
    <t>01/17/2020 11:15:59</t>
  </si>
  <si>
    <t>01/17/2020 11:21:42</t>
  </si>
  <si>
    <t>01/17/2020 11:16:08</t>
  </si>
  <si>
    <t>01/17/2020 11:17:04</t>
  </si>
  <si>
    <t>01/17/2020 11:17:37</t>
  </si>
  <si>
    <t>01/17/2020 11:17:44</t>
  </si>
  <si>
    <t>01/17/2020 11:18:04</t>
  </si>
  <si>
    <t>01/17/2020 11:18:10</t>
  </si>
  <si>
    <t>01/17/2020 11:18:47</t>
  </si>
  <si>
    <t>01/17/2020 11:18:58</t>
  </si>
  <si>
    <t>01/17/2020 11:19:09</t>
  </si>
  <si>
    <t>01/17/2020 11:19:15</t>
  </si>
  <si>
    <t>01/17/2020 11:19:24</t>
  </si>
  <si>
    <t>01/17/2020 11:20:20</t>
  </si>
  <si>
    <t>01/17/2020 11:20:25</t>
  </si>
  <si>
    <t>01/17/2020 11:18:15</t>
  </si>
  <si>
    <t>94f4b793-cbb7-4a69-a024-c549e72cd673.tmp</t>
  </si>
  <si>
    <t>\\acsfs\profiles$\joselrb\Downloads\94f4b793-cbb7-4a69-a024-c549e72cd673.tmp</t>
  </si>
  <si>
    <t>01/17/2020 11:22:03</t>
  </si>
  <si>
    <t>01/17/2020 11:23:42</t>
  </si>
  <si>
    <t>01/17/2020 11:21:58</t>
  </si>
  <si>
    <t>01/17/2020 11:24:42</t>
  </si>
  <si>
    <t>8a13146a-d84e-433e-86fb-af953da2d00b.tmp</t>
  </si>
  <si>
    <t>\\acsfs\profiles$\KARENDSR\Downloads\8a13146a-d84e-433e-86fb-af953da2d00b.tmp</t>
  </si>
  <si>
    <t>01/17/2020 11:23:59</t>
  </si>
  <si>
    <t>01/17/2020 11:22:40</t>
  </si>
  <si>
    <t>01/17/2020 11:25:42</t>
  </si>
  <si>
    <t>01/17/2020 11:20:48</t>
  </si>
  <si>
    <t>01/17/2020 11:26:42</t>
  </si>
  <si>
    <t>01/17/2020 11:20:52</t>
  </si>
  <si>
    <t>01/17/2020 11:21:12</t>
  </si>
  <si>
    <t>01/17/2020 11:21:22</t>
  </si>
  <si>
    <t>01/17/2020 11:21:48</t>
  </si>
  <si>
    <t>01/17/2020 11:23:15</t>
  </si>
  <si>
    <t>01/17/2020 11:23:20</t>
  </si>
  <si>
    <t>01/17/2020 11:23:56</t>
  </si>
  <si>
    <t>01/17/2020 11:24:22</t>
  </si>
  <si>
    <t>01/17/2020 11:24:28</t>
  </si>
  <si>
    <t>01/17/2020 11:24:45</t>
  </si>
  <si>
    <t>01/17/2020 11:24:47</t>
  </si>
  <si>
    <t>01/17/2020 11:25:03</t>
  </si>
  <si>
    <t>01/17/2020 11:25:19</t>
  </si>
  <si>
    <t>01/17/2020 11:25:31</t>
  </si>
  <si>
    <t>01/17/2020 11:25:36</t>
  </si>
  <si>
    <t>01/17/2020 11:27:09</t>
  </si>
  <si>
    <t>01/17/2020 11:27:42</t>
  </si>
  <si>
    <t>dae1d406-dfa3-4972-b8a7-f887adf45bcc.tmp</t>
  </si>
  <si>
    <t>\\acsfs\profiles$\luanarda\Downloads\dae1d406-dfa3-4972-b8a7-f887adf45bcc.tmp</t>
  </si>
  <si>
    <t>01/17/2020 11:28:42</t>
  </si>
  <si>
    <t>01/17/2020 11:25:20</t>
  </si>
  <si>
    <t>01/17/2020 11:29:42</t>
  </si>
  <si>
    <t>01/17/2020 11:26:50</t>
  </si>
  <si>
    <t>01/17/2020 11:24:20</t>
  </si>
  <si>
    <t>9ddf980c-4c23-42bf-bb5d-aecf28a7276f.tmp</t>
  </si>
  <si>
    <t>\\acsfs\profiles$\larissaad\Downloads\9ddf980c-4c23-42bf-bb5d-aecf28a7276f.tmp</t>
  </si>
  <si>
    <t>01/17/2020 11:27:12</t>
  </si>
  <si>
    <t>01/17/2020 11:31:42</t>
  </si>
  <si>
    <t>01/17/2020 11:25:56</t>
  </si>
  <si>
    <t>01/17/2020 11:26:43</t>
  </si>
  <si>
    <t>01/17/2020 11:27:19</t>
  </si>
  <si>
    <t>01/17/2020 11:27:45</t>
  </si>
  <si>
    <t>01/17/2020 11:28:23</t>
  </si>
  <si>
    <t>01/17/2020 11:28:31</t>
  </si>
  <si>
    <t>01/17/2020 11:29:17</t>
  </si>
  <si>
    <t>01/17/2020 11:29:24</t>
  </si>
  <si>
    <t>01/17/2020 11:29:29</t>
  </si>
  <si>
    <t>01/17/2020 11:29:35</t>
  </si>
  <si>
    <t>01/17/2020 11:29:55</t>
  </si>
  <si>
    <t>01/17/2020 11:30:13</t>
  </si>
  <si>
    <t>01/17/2020 11:28:15</t>
  </si>
  <si>
    <t>01/17/2020 11:33:42</t>
  </si>
  <si>
    <t>01/17/2020 11:33:00</t>
  </si>
  <si>
    <t>01/17/2020 11:33:05</t>
  </si>
  <si>
    <t>lu649212c9n0.tmp</t>
  </si>
  <si>
    <t>\\acsfs\profiles$\FLAVIOJMM\My Documents\lu649212c9n0.tmp</t>
  </si>
  <si>
    <t>\\acsfs\profiles$\FLAVIOJMM\My Documents\lu649212c9n0.tmp\</t>
  </si>
  <si>
    <t>\\acsfs\profiles$\FLAVIOJMM\My Documents\lu649212c9n0.tmp\META-INF\</t>
  </si>
  <si>
    <t>\\acsfs\profiles$\FLAVIOJMM\My Documents\lu649212c9n0.tmp\Thumbnails\</t>
  </si>
  <si>
    <t>01/17/2020 11:28:55</t>
  </si>
  <si>
    <t>01/17/2020 11:34:42</t>
  </si>
  <si>
    <t>01/17/2020 11:35:42</t>
  </si>
  <si>
    <t>01/17/2020 11:34:45</t>
  </si>
  <si>
    <t>https://web.vortex.data.microsoft.com/collect/v1?$mscomcookies=false&amp;ext-javascript-msfpc='guid=50dfa963729d4f2f9cc0955b4aec78b8&amp;hash=50df&amp;lv=202001&amp;v=4&amp;lu=1579085016023'</t>
  </si>
  <si>
    <t>01/17/2020 11:31:19</t>
  </si>
  <si>
    <t>01/17/2020 11:31:21</t>
  </si>
  <si>
    <t>01/17/2020 11:36:42</t>
  </si>
  <si>
    <t>01/17/2020 11:35:12</t>
  </si>
  <si>
    <t>01/17/2020 11:35:13</t>
  </si>
  <si>
    <t>01/17/2020 11:38:43</t>
  </si>
  <si>
    <t>01/17/2020 11:36:38</t>
  </si>
  <si>
    <t>ba7d321f-9f62-4f13-8b90-d41575976a2a.tmp</t>
  </si>
  <si>
    <t>\\acsfs\profiles$\inarajst\Downloads\ba7d321f-9f62-4f13-8b90-d41575976a2a.tmp</t>
  </si>
  <si>
    <t>01/17/2020 11:37:16</t>
  </si>
  <si>
    <t>01/17/2020 11:37:21</t>
  </si>
  <si>
    <t>lu649212c9n5.tmp</t>
  </si>
  <si>
    <t>\\acsfs\profiles$\FLAVIOJMM\My Documents\lu649212c9n5.tmp</t>
  </si>
  <si>
    <t>\\acsfs\profiles$\FLAVIOJMM\My Documents\lu649212c9n5.tmp\</t>
  </si>
  <si>
    <t>\\acsfs\profiles$\FLAVIOJMM\My Documents\lu649212c9n5.tmp\META-INF\</t>
  </si>
  <si>
    <t>\\acsfs\profiles$\FLAVIOJMM\My Documents\lu649212c9n5.tmp\Thumbnails\</t>
  </si>
  <si>
    <t>01/17/2020 11:35:58</t>
  </si>
  <si>
    <t>01/17/2020 11:38:34</t>
  </si>
  <si>
    <t>01/17/2020 11:39:43</t>
  </si>
  <si>
    <t>01/17/2020 11:39:05</t>
  </si>
  <si>
    <t>01/17/2020 11:40:43</t>
  </si>
  <si>
    <t>01/17/2020 11:36:12</t>
  </si>
  <si>
    <t>01/17/2020 11:36:47</t>
  </si>
  <si>
    <t>3d5aab7d-a45e-419d-a22b-d7f7ef166460.tmp</t>
  </si>
  <si>
    <t>\\acsfs\profiles$\esterasg\Downloads\3d5aab7d-a45e-419d-a22b-d7f7ef166460.tmp</t>
  </si>
  <si>
    <t>01/17/2020 11:41:43</t>
  </si>
  <si>
    <t>01/17/2020 11:39:06</t>
  </si>
  <si>
    <t>01/17/2020 11:39:50</t>
  </si>
  <si>
    <t>7db5fc07-aa03-4975-ac10-fbcaa8b4f2fb.tmp</t>
  </si>
  <si>
    <t>\\acsfs\profiles$\joselrb\Downloads\7db5fc07-aa03-4975-ac10-fbcaa8b4f2fb.tmp</t>
  </si>
  <si>
    <t>01/17/2020 11:42:05</t>
  </si>
  <si>
    <t>01/17/2020 11:42:43</t>
  </si>
  <si>
    <t>01/17/2020 11:42:10</t>
  </si>
  <si>
    <t>lu3102449fynq.tmp</t>
  </si>
  <si>
    <t>\\acsfs\profiles$\CLAUDIAJCA\Reneg 18-12\lu3102449fynq.tmp</t>
  </si>
  <si>
    <t>\\acsfs\profiles$\CLAUDIAJCA\Reneg 18-12\lu3102449fynq.tmp\</t>
  </si>
  <si>
    <t>\\acsfs\profiles$\CLAUDIAJCA\Reneg 18-12\lu3102449fynq.tmp\META-INF\</t>
  </si>
  <si>
    <t>\\acsfs\profiles$\CLAUDIAJCA\Reneg 18-12\lu3102449fynq.tmp\Thumbnails\</t>
  </si>
  <si>
    <t>01/17/2020 11:42:11</t>
  </si>
  <si>
    <t>01/17/2020 11:43:44</t>
  </si>
  <si>
    <t>1214b529-0730-49c9-8ff8-7a32148527be.tmp</t>
  </si>
  <si>
    <t>\\acsfs\profiles$\paulovadc\Downloads\1214b529-0730-49c9-8ff8-7a32148527be.tmp</t>
  </si>
  <si>
    <t>01/17/2020 11:41:09</t>
  </si>
  <si>
    <t>01/17/2020 11:44:01</t>
  </si>
  <si>
    <t>01/17/2020 11:45:44</t>
  </si>
  <si>
    <t>lu421324aisy0.tmp</t>
  </si>
  <si>
    <t>\\acsfs\profiles$\BRUNAAR\Numero\lu421324aisy0.tmp</t>
  </si>
  <si>
    <t>01/17/2020 11:44:08</t>
  </si>
  <si>
    <t>01/17/2020 11:46:43</t>
  </si>
  <si>
    <t>01/17/2020 11:42:00</t>
  </si>
  <si>
    <t>01/17/2020 11:42:01</t>
  </si>
  <si>
    <t>lu1358412rhf1.tmp</t>
  </si>
  <si>
    <t>\\acsfs\profiles$\dhiulliananads\My Documents\lu1358412rhf1.tmp</t>
  </si>
  <si>
    <t>\\acsfs\profiles$\dhiulliananads\My Documents\lu1358412rhf1.tmp\</t>
  </si>
  <si>
    <t>\\acsfs\profiles$\dhiulliananads\My Documents\lu1358412rhf1.tmp\META-INF\</t>
  </si>
  <si>
    <t>\\acsfs\profiles$\dhiulliananads\My Documents\lu1358412rhf1.tmp\Thumbnails\</t>
  </si>
  <si>
    <t>01/17/2020 11:43:31</t>
  </si>
  <si>
    <t>01/17/2020 11:47:44</t>
  </si>
  <si>
    <t>01/17/2020 11:42:49</t>
  </si>
  <si>
    <t>f4798c11-034b-46b7-a281-4c7fc570c0ae.tmp</t>
  </si>
  <si>
    <t>\\acsfs\profiles$\antoniosva\Downloads\f4798c11-034b-46b7-a281-4c7fc570c0ae.tmp</t>
  </si>
  <si>
    <t>01/17/2020 11:46:18</t>
  </si>
  <si>
    <t>01/17/2020 11:48:44</t>
  </si>
  <si>
    <t>01/17/2020 11:46:24</t>
  </si>
  <si>
    <t>lu649212c9na.tmp</t>
  </si>
  <si>
    <t>\\acsfs\profiles$\FLAVIOJMM\My Documents\lu649212c9na.tmp</t>
  </si>
  <si>
    <t>\\acsfs\profiles$\FLAVIOJMM\My Documents\lu649212c9na.tmp\</t>
  </si>
  <si>
    <t>\\acsfs\profiles$\FLAVIOJMM\My Documents\lu649212c9na.tmp\META-INF\</t>
  </si>
  <si>
    <t>\\acsfs\profiles$\FLAVIOJMM\My Documents\lu649212c9na.tmp\Thumbnails\</t>
  </si>
  <si>
    <t>01/17/2020 11:51:44</t>
  </si>
  <si>
    <t>01/17/2020 11:50:53</t>
  </si>
  <si>
    <t>01/17/2020 11:52:44</t>
  </si>
  <si>
    <t>NATANAEL LAURENCIO FURTADO (20210).contact</t>
  </si>
  <si>
    <t>\\acsfs\profiles$\NatanaelLF\Contacts\NATANAEL LAURENCIO FURTADO (20210).contact</t>
  </si>
  <si>
    <t>01/17/2020 11:51:01</t>
  </si>
  <si>
    <t>01/17/2020 11:51:02</t>
  </si>
  <si>
    <t>01/17/2020 11:51:03</t>
  </si>
  <si>
    <t>01/17/2020 11:51:04</t>
  </si>
  <si>
    <t>01/17/2020 11:51:05</t>
  </si>
  <si>
    <t>01/17/2020 11:51:06</t>
  </si>
  <si>
    <t>01/17/2020 11:51:07</t>
  </si>
  <si>
    <t>01/17/2020 11:53:44</t>
  </si>
  <si>
    <t>01/17/2020 11:50:27</t>
  </si>
  <si>
    <t>01/17/2020 11:54:44</t>
  </si>
  <si>
    <t>kit_pre_deslig_ant_term_contrato_empregado_124184_bruno de oliveira farias (1).pdf</t>
  </si>
  <si>
    <t>01/17/2020 11:54:19</t>
  </si>
  <si>
    <t>01/17/2020 11:55:44</t>
  </si>
  <si>
    <t>01/17/2020 11:51:08</t>
  </si>
  <si>
    <t>01/17/2020 11:56:44</t>
  </si>
  <si>
    <t>01/17/2020 11:54:32</t>
  </si>
  <si>
    <t>01/17/2020 11:55:02</t>
  </si>
  <si>
    <t>01/17/2020 11:55:27</t>
  </si>
  <si>
    <t>01/17/2020 11:55:28</t>
  </si>
  <si>
    <t>lu1358412rhf6.tmp</t>
  </si>
  <si>
    <t>\\acsfs\profiles$\dhiulliananads\My Documents\lu1358412rhf6.tmp</t>
  </si>
  <si>
    <t>\\acsfs\profiles$\dhiulliananads\My Documents\lu1358412rhf6.tmp\</t>
  </si>
  <si>
    <t>\\acsfs\profiles$\dhiulliananads\My Documents\lu1358412rhf6.tmp\META-INF\</t>
  </si>
  <si>
    <t>\\acsfs\profiles$\dhiulliananads\My Documents\lu1358412rhf6.tmp\Thumbnails\</t>
  </si>
  <si>
    <t>01/17/2020 11:53:47</t>
  </si>
  <si>
    <t>01/17/2020 11:57:44</t>
  </si>
  <si>
    <t>01/17/2020 11:55:11</t>
  </si>
  <si>
    <t>01/17/2020 11:55:12</t>
  </si>
  <si>
    <t>01/17/2020 11:55:13</t>
  </si>
  <si>
    <t>01/17/2020 11:55:14</t>
  </si>
  <si>
    <t>01/17/2020 11:55:15</t>
  </si>
  <si>
    <t>01/17/2020 11:55:16</t>
  </si>
  <si>
    <t>01/17/2020 11:55:55</t>
  </si>
  <si>
    <t>01/17/2020 11:55:57</t>
  </si>
  <si>
    <t>01/17/2020 11:55:58</t>
  </si>
  <si>
    <t>01/17/2020 11:55:59</t>
  </si>
  <si>
    <t>01/17/2020 11:55:29</t>
  </si>
  <si>
    <t>01/17/2020 11:58:45</t>
  </si>
  <si>
    <t>01/17/2020 11:56:22</t>
  </si>
  <si>
    <t>01/17/2020 11:59:44</t>
  </si>
  <si>
    <t>kit_pre_deslig_ant_term_contrato_empregado_124184_bruno de oliveira farias (2).pdf</t>
  </si>
  <si>
    <t>01/17/2020 11:58:13</t>
  </si>
  <si>
    <t>KIT_PRE_DESLIG_ANT_TERM_CONTRATO_EMPREGADO_124184_BRUNO DE OLIVEIRA FARIAS (2).pdf</t>
  </si>
  <si>
    <t>01/17/2020 11:58:15</t>
  </si>
  <si>
    <t>01/17/2020 11:58:18</t>
  </si>
  <si>
    <t>01/17/2020 11:58:30</t>
  </si>
  <si>
    <t>01/17/2020 11:58:33</t>
  </si>
  <si>
    <t>01/17/2020 11:58:24</t>
  </si>
  <si>
    <t>01/17/2020 11:58:53</t>
  </si>
  <si>
    <t>01/17/2020 12:00:44</t>
  </si>
  <si>
    <t>261f3078-32ed-4957-9908-54e0a96cd4da.tmp</t>
  </si>
  <si>
    <t>\\acsfs\profiles$\ayalabfi\Downloads\261f3078-32ed-4957-9908-54e0a96cd4da.tmp</t>
  </si>
  <si>
    <t>01/17/2020 12:01:44</t>
  </si>
  <si>
    <t>01/17/2020 11:59:33</t>
  </si>
  <si>
    <t>01/17/2020 12:01:56</t>
  </si>
  <si>
    <t>01/17/2020 12:02:43</t>
  </si>
  <si>
    <t>01/17/2020 12:00:18</t>
  </si>
  <si>
    <t>01/17/2020 12:03:44</t>
  </si>
  <si>
    <t>01/17/2020 12:01:30</t>
  </si>
  <si>
    <t>01/17/2020 12:01:31</t>
  </si>
  <si>
    <t>lu208201ougwa.tmp</t>
  </si>
  <si>
    <t>\\acsfs\profiles$\paulovadc\lu208201ougwa.tmp</t>
  </si>
  <si>
    <t>\\acsfs\profiles$\paulovadc\lu208201ougwa.tmp\</t>
  </si>
  <si>
    <t>\\acsfs\profiles$\paulovadc\lu208201ougwa.tmp\META-INF\</t>
  </si>
  <si>
    <t>\\acsfs\profiles$\paulovadc\lu208201ougwa.tmp\Thumbnails\</t>
  </si>
  <si>
    <t>01/17/2020 12:01:35</t>
  </si>
  <si>
    <t>01/17/2020 12:02:28</t>
  </si>
  <si>
    <t>01/17/2020 11:59:19</t>
  </si>
  <si>
    <t>01/17/2020 12:02:52</t>
  </si>
  <si>
    <t>01/17/2020 12:05:44</t>
  </si>
  <si>
    <t>01/17/2020 12:01:32</t>
  </si>
  <si>
    <t>01/17/2020 12:01:52</t>
  </si>
  <si>
    <t>01/17/2020 12:01:53</t>
  </si>
  <si>
    <t>01/17/2020 12:06:44</t>
  </si>
  <si>
    <t>01/17/2020 12:04:04</t>
  </si>
  <si>
    <t>01/17/2020 12:04:34</t>
  </si>
  <si>
    <t>01/17/2020 12:03:13</t>
  </si>
  <si>
    <t>01/17/2020 12:08:45</t>
  </si>
  <si>
    <t>LAYLA APARECIDA MACEDO SILVEIRA (15).contact</t>
  </si>
  <si>
    <t>\\acsfs\profiles$\laylaams\Contacts\LAYLA APARECIDA MACEDO SILVEIRA (15).contact</t>
  </si>
  <si>
    <t>01/17/2020 12:03:25</t>
  </si>
  <si>
    <t>01/17/2020 12:03:26</t>
  </si>
  <si>
    <t>01/17/2020 12:03:27</t>
  </si>
  <si>
    <t>01/17/2020 12:03:28</t>
  </si>
  <si>
    <t>01/17/2020 12:03:29</t>
  </si>
  <si>
    <t>01/17/2020 12:03:30</t>
  </si>
  <si>
    <t>01/17/2020 12:03:31</t>
  </si>
  <si>
    <t>01/17/2020 12:03:32</t>
  </si>
  <si>
    <t>01/17/2020 12:03:33</t>
  </si>
  <si>
    <t>01/17/2020 12:03:34</t>
  </si>
  <si>
    <t>01/17/2020 12:03:35</t>
  </si>
  <si>
    <t>01/17/2020 12:03:36</t>
  </si>
  <si>
    <t>01/17/2020 12:03:37</t>
  </si>
  <si>
    <t>01/17/2020 12:03:53</t>
  </si>
  <si>
    <t>01/17/2020 12:03:55</t>
  </si>
  <si>
    <t>01/17/2020 12:03:56</t>
  </si>
  <si>
    <t>01/17/2020 12:03:57</t>
  </si>
  <si>
    <t>01/17/2020 12:05:35</t>
  </si>
  <si>
    <t>e7b0eaba-9678-4435-bdd0-73e123a132ed.tmp</t>
  </si>
  <si>
    <t>\\acsfs\profiles$\laylaams\Downloads\e7b0eaba-9678-4435-bdd0-73e123a132ed.tmp</t>
  </si>
  <si>
    <t>01/17/2020 12:05:47</t>
  </si>
  <si>
    <t>Não confirmado 964888.crdownload</t>
  </si>
  <si>
    <t>\\acsfs\profiles$\laylaams\Downloads\Não confirmado 964888.crdownload</t>
  </si>
  <si>
    <t>01/17/2020 12:05:48</t>
  </si>
  <si>
    <t>974895ec-7776-4cd8-aac7-5833d1d9ef6a.tmp</t>
  </si>
  <si>
    <t>\\acsfs\profiles$\laylaams\Downloads\974895ec-7776-4cd8-aac7-5833d1d9ef6a.tmp</t>
  </si>
  <si>
    <t>01/17/2020 12:05:50</t>
  </si>
  <si>
    <t>5516f4e7-73ea-42c6-aafe-dec318ce930f.tmp</t>
  </si>
  <si>
    <t>\\acsfs\profiles$\laylaams\Downloads\5516f4e7-73ea-42c6-aafe-dec318ce930f.tmp</t>
  </si>
  <si>
    <t>01/17/2020 12:05:53</t>
  </si>
  <si>
    <t>83dbadf6-0bf2-4bd2-ad75-73930e9ed201.tmp</t>
  </si>
  <si>
    <t>\\acsfs\profiles$\laylaams\Downloads\83dbadf6-0bf2-4bd2-ad75-73930e9ed201.tmp</t>
  </si>
  <si>
    <t>01/17/2020 12:05:58</t>
  </si>
  <si>
    <t>\\acsfs\profiles$\laylaams\Downloads\Q29udHJvbGxlci5DYWxjdWxhZG9yYURlVmVuY2lt (10).ica</t>
  </si>
  <si>
    <t>01/17/2020 12:06:25</t>
  </si>
  <si>
    <t>01/17/2020 12:07:23</t>
  </si>
  <si>
    <t>68ba34e4-3106-4a72-99e0-e855941e009e.tmp</t>
  </si>
  <si>
    <t>\\acsfs\profiles$\laylaams\Downloads\68ba34e4-3106-4a72-99e0-e855941e009e.tmp</t>
  </si>
  <si>
    <t>01/17/2020 12:04:57</t>
  </si>
  <si>
    <t>0e0c4c3d-6100-4c4b-8688-91a8b04275c5.tmp</t>
  </si>
  <si>
    <t>\\acsfs\profiles$\inarajst\Downloads\0e0c4c3d-6100-4c4b-8688-91a8b04275c5.tmp</t>
  </si>
  <si>
    <t>01/17/2020 12:03:43</t>
  </si>
  <si>
    <t>01/17/2020 12:03:48</t>
  </si>
  <si>
    <t>01/17/2020 12:06:38</t>
  </si>
  <si>
    <t>01/17/2020 12:10:44</t>
  </si>
  <si>
    <t>a94a3af2-57c9-4336-8312-d9edb4c1130f.tmp</t>
  </si>
  <si>
    <t>\\acsfs\profiles$\lorenabmc\Downloads\a94a3af2-57c9-4336-8312-d9edb4c1130f.tmp</t>
  </si>
  <si>
    <t>01/17/2020 12:11:43</t>
  </si>
  <si>
    <t>01/17/2020 12:08:34</t>
  </si>
  <si>
    <t>01/17/2020 12:09:45</t>
  </si>
  <si>
    <t>mail.google.com/sync/u/0/i/s?hl=pt-BR&amp;c=1411</t>
  </si>
  <si>
    <t>01/17/2020 12:10:16</t>
  </si>
  <si>
    <t>01/17/2020 12:10:31</t>
  </si>
  <si>
    <t>mail.google.com/sync/u/0/i/s?hl=pt-BR&amp;c=1416</t>
  </si>
  <si>
    <t>01/17/2020 12:10:47</t>
  </si>
  <si>
    <t>01/17/2020 12:10:49</t>
  </si>
  <si>
    <t>mail.google.com/sync/u/0/i/s?hl=pt-BR&amp;c=1418</t>
  </si>
  <si>
    <t>01/17/2020 12:10:50</t>
  </si>
  <si>
    <t>01/17/2020 12:11:03</t>
  </si>
  <si>
    <t>01/17/2020 12:11:47</t>
  </si>
  <si>
    <t>01/17/2020 12:13:43</t>
  </si>
  <si>
    <t>01/17/2020 12:10:26</t>
  </si>
  <si>
    <t>01/17/2020 12:14:44</t>
  </si>
  <si>
    <t>01/17/2020 12:09:06</t>
  </si>
  <si>
    <t>71847c2a-2f71-4fdc-87f2-40e5c6ba3b48.tmp</t>
  </si>
  <si>
    <t>\\acsfs\profiles$\geovannasm\Downloads\71847c2a-2f71-4fdc-87f2-40e5c6ba3b48.tmp</t>
  </si>
  <si>
    <t>d65bfa15-c493-43a9-a4e0-f9728c7bf396.tmp</t>
  </si>
  <si>
    <t>\\acsfs\profiles$\geovannasm\Downloads\d65bfa15-c493-43a9-a4e0-f9728c7bf396.tmp</t>
  </si>
  <si>
    <t>01/17/2020 12:09:15</t>
  </si>
  <si>
    <t>7759491f-d4a2-4edb-a603-4e9a39778d8a.tmp</t>
  </si>
  <si>
    <t>\\acsfs\profiles$\geovannasm\Downloads\7759491f-d4a2-4edb-a603-4e9a39778d8a.tmp</t>
  </si>
  <si>
    <t>01/17/2020 12:09:23</t>
  </si>
  <si>
    <t>8926f566-1333-4ec0-8cae-6bd053156cc7.tmp</t>
  </si>
  <si>
    <t>\\acsfs\profiles$\geovannasm\Downloads\8926f566-1333-4ec0-8cae-6bd053156cc7.tmp</t>
  </si>
  <si>
    <t>01/17/2020 12:09:52</t>
  </si>
  <si>
    <t>01/17/2020 12:12:03</t>
  </si>
  <si>
    <t>66d63535-010e-4292-b78d-d1d453ad8172.tmp</t>
  </si>
  <si>
    <t>\\acsfs\profiles$\nathaliarmr\Downloads\66d63535-010e-4292-b78d-d1d453ad8172.tmp</t>
  </si>
  <si>
    <t>01/16/2020 20:53:54</t>
  </si>
  <si>
    <t>lu166242ofjiw.tmp</t>
  </si>
  <si>
    <t>\\acsfs\profiles$\regisedsj\My Documents\lu166242ofjiw.tmp</t>
  </si>
  <si>
    <t>\\acsfs\profiles$\regisedsj\My Documents\lu166242ofjiw.tmp\</t>
  </si>
  <si>
    <t>\\acsfs\profiles$\regisedsj\My Documents\lu166242ofjiw.tmp\META-INF\</t>
  </si>
  <si>
    <t>\\acsfs\profiles$\regisedsj\My Documents\lu166242ofjiw.tmp\Thumbnails\</t>
  </si>
  <si>
    <t>01/17/2020 12:12:35</t>
  </si>
  <si>
    <t>01/17/2020 12:16:44</t>
  </si>
  <si>
    <t>01/17/2020 12:14:00</t>
  </si>
  <si>
    <t>01/17/2020 12:14:48</t>
  </si>
  <si>
    <t>01/17/2020 12:14:58</t>
  </si>
  <si>
    <t>01/17/2020 12:15:52</t>
  </si>
  <si>
    <t>9480e24d-8a4a-4c4f-b7cc-7d5d6fb77548.tmp</t>
  </si>
  <si>
    <t>\\acsfs\profiles$\adelvinsonle\Downloads\9480e24d-8a4a-4c4f-b7cc-7d5d6fb77548.tmp</t>
  </si>
  <si>
    <t>01/17/2020 12:15:06</t>
  </si>
  <si>
    <t>01/17/2020 12:11:24</t>
  </si>
  <si>
    <t>01/17/2020 12:11:49</t>
  </si>
  <si>
    <t>01/17/2020 12:11:55</t>
  </si>
  <si>
    <t>mail.google.com/sync/u/0/i/s?hl=pt-BR&amp;c=1427</t>
  </si>
  <si>
    <t>01/17/2020 12:13:40</t>
  </si>
  <si>
    <t>01/17/2020 12:18:44</t>
  </si>
  <si>
    <t>01/17/2020 12:16:46</t>
  </si>
  <si>
    <t>01/17/2020 12:15:45</t>
  </si>
  <si>
    <t>01/17/2020 12:19:44</t>
  </si>
  <si>
    <t>89a48c27-ae1f-418e-bd25-b8b635085eba.tmp</t>
  </si>
  <si>
    <t>\\acsfs\profiles$\geovannasm\Downloads\89a48c27-ae1f-418e-bd25-b8b635085eba.tmp</t>
  </si>
  <si>
    <t>01/17/2020 12:15:46</t>
  </si>
  <si>
    <t>01/17/2020 12:21:44</t>
  </si>
  <si>
    <t>01/17/2020 12:16:36</t>
  </si>
  <si>
    <t>01/17/2020 12:18:06</t>
  </si>
  <si>
    <t>01/17/2020 12:18:36</t>
  </si>
  <si>
    <t>01/17/2020 12:19:06</t>
  </si>
  <si>
    <t>01/17/2020 12:21:29</t>
  </si>
  <si>
    <t>01/17/2020 12:22:43</t>
  </si>
  <si>
    <t>01/17/2020 12:20:15</t>
  </si>
  <si>
    <t>01/17/2020 12:21:53</t>
  </si>
  <si>
    <t>01/17/2020 12:23:44</t>
  </si>
  <si>
    <t>01/17/2020 12:21:55</t>
  </si>
  <si>
    <t>01/17/2020 12:22:01</t>
  </si>
  <si>
    <t>01/17/2020 12:18:10</t>
  </si>
  <si>
    <t>eef621e6-dbe5-4d63-9dc9-48d7ed4e9ffd.tmp</t>
  </si>
  <si>
    <t>\\acsfs\profiles$\gabrielsma\Downloads\eef621e6-dbe5-4d63-9dc9-48d7ed4e9ffd.tmp</t>
  </si>
  <si>
    <t>01/17/2020 12:18:17</t>
  </si>
  <si>
    <t>01/17/2020 12:20:30</t>
  </si>
  <si>
    <t>01/17/2020 12:23:39</t>
  </si>
  <si>
    <t>01/17/2020 12:24:43</t>
  </si>
  <si>
    <t>01/17/2020 12:19:39</t>
  </si>
  <si>
    <t>8712b98a-ec1c-40ae-88ba-7585dc77ae90.tmp</t>
  </si>
  <si>
    <t>\\acsfs\profiles$\regisedsj\Downloads\8712b98a-ec1c-40ae-88ba-7585dc77ae90.tmp</t>
  </si>
  <si>
    <t>4260fc46-1da9-401c-9a9c-34b28acd5c1e.tmp</t>
  </si>
  <si>
    <t>\\acsfs\profiles$\regisedsj\Downloads\4260fc46-1da9-401c-9a9c-34b28acd5c1e.tmp</t>
  </si>
  <si>
    <t>01/17/2020 12:23:52</t>
  </si>
  <si>
    <t>01/17/2020 12:25:44</t>
  </si>
  <si>
    <t>01/17/2020 12:20:46</t>
  </si>
  <si>
    <t>01/17/2020 12:26:45</t>
  </si>
  <si>
    <t>01/17/2020 12:20:47</t>
  </si>
  <si>
    <t>01/17/2020 12:25:38</t>
  </si>
  <si>
    <t>01/17/2020 12:26:08</t>
  </si>
  <si>
    <t>01/17/2020 12:27:04</t>
  </si>
  <si>
    <t>01/17/2020 12:27:45</t>
  </si>
  <si>
    <t>01/17/2020 12:28:46</t>
  </si>
  <si>
    <t>01/17/2020 12:25:14</t>
  </si>
  <si>
    <t>01/17/2020 12:25:17</t>
  </si>
  <si>
    <t>outlook.office.com/owa/service.svc?action=CreateItem&amp;app=Mail&amp;n=86</t>
  </si>
  <si>
    <t>01/17/2020 12:26:04</t>
  </si>
  <si>
    <t>andrelpsa@algartech.com;eliane.martins@bv.com.br;gabrielsma@bv.algartech.com;robsonams@algartech.com;</t>
  </si>
  <si>
    <t>andrelpsa@algartech.com,eliane.martins@bv.com.br,gabrielsma@bv.algartech.com,robsonams@algartech.com</t>
  </si>
  <si>
    <t>01/17/2020 12:26:29</t>
  </si>
  <si>
    <t>56a6a67a-39b3-4b9c-8fcb-bd846c60ddb0.tmp</t>
  </si>
  <si>
    <t>\\acsfs\profiles$\gabrielsma\Downloads\56a6a67a-39b3-4b9c-8fcb-bd846c60ddb0.tmp</t>
  </si>
  <si>
    <t>01/17/2020 12:26:41</t>
  </si>
  <si>
    <t>Não confirmado 765612.crdownload</t>
  </si>
  <si>
    <t>\\acsfs\ACS\Gabriel da Silva\Contemporânea\VENDAS\Não confirmado 765612.crdownload</t>
  </si>
  <si>
    <t>01/17/2020 12:27:23</t>
  </si>
  <si>
    <t>758ed92a-3359-45ee-868b-9175bd735293.tmp</t>
  </si>
  <si>
    <t>\\acsfs\profiles$\gabrielsma\Downloads\758ed92a-3359-45ee-868b-9175bd735293.tmp</t>
  </si>
  <si>
    <t>\\acsfs\profiles$\gabrielsma\Downloads\758ed92a-3359-45ee-868b-9175bd735293.tmp\</t>
  </si>
  <si>
    <t>Novo Relat¢rio de Vendas.xlsx</t>
  </si>
  <si>
    <t>01/17/2020 12:28:02</t>
  </si>
  <si>
    <t>Não confirmado 406782.crdownload</t>
  </si>
  <si>
    <t>\\acsfs\ACS\Gabriel da Silva\Contemporânea\VENDAS\Não confirmado 406782.crdownload</t>
  </si>
  <si>
    <t>\\acsfs\ACS\Gabriel da Silva\Contemporânea\VENDAS\Não confirmado 406782.crdownload\</t>
  </si>
  <si>
    <t>01/17/2020 12:27:21</t>
  </si>
  <si>
    <t>01/17/2020 12:29:45</t>
  </si>
  <si>
    <t>a48b618b-f329-4a60-bcfe-0f59f93c5193.tmp</t>
  </si>
  <si>
    <t>\\acsfs\profiles$\lorrainerdl\Downloads\a48b618b-f329-4a60-bcfe-0f59f93c5193.tmp</t>
  </si>
  <si>
    <t>01/17/2020 12:28:36</t>
  </si>
  <si>
    <t>01/17/2020 12:30:09</t>
  </si>
  <si>
    <t>01/17/2020 12:30:45</t>
  </si>
  <si>
    <t>01/17/2020 12:31:45</t>
  </si>
  <si>
    <t>01/17/2020 12:26:38</t>
  </si>
  <si>
    <t>01/17/2020 12:27:08</t>
  </si>
  <si>
    <t>01/17/2020 12:27:39</t>
  </si>
  <si>
    <t>01/17/2020 12:29:39</t>
  </si>
  <si>
    <t>01/17/2020 12:31:08</t>
  </si>
  <si>
    <t>mail.google.com/sync/u/0/i/s?hl=pt-BR&amp;c=1441</t>
  </si>
  <si>
    <t>01/17/2020 12:31:30</t>
  </si>
  <si>
    <t>01/17/2020 12:31:34</t>
  </si>
  <si>
    <t>01/17/2020 12:29:41</t>
  </si>
  <si>
    <t>01/17/2020 12:32:45</t>
  </si>
  <si>
    <t>0a64b56c-b2d3-49c1-bb6a-b57473125d91.tmp</t>
  </si>
  <si>
    <t>\\acsfs\profiles$\LUISPLS\Downloads\0a64b56c-b2d3-49c1-bb6a-b57473125d91.tmp</t>
  </si>
  <si>
    <t>01/17/2020 12:30:30</t>
  </si>
  <si>
    <t>01/17/2020 12:31:44</t>
  </si>
  <si>
    <t>4c87a10e-a875-46f0-bbeb-7d7d4bb84012.tmp</t>
  </si>
  <si>
    <t>\\acsfs\profiles$\LUISPLS\Downloads\4c87a10e-a875-46f0-bbeb-7d7d4bb84012.tmp</t>
  </si>
  <si>
    <t>01/17/2020 12:29:23</t>
  </si>
  <si>
    <t>01/17/2020 12:33:45</t>
  </si>
  <si>
    <t>\\acsfs\ACS\Gabriel da Silva\Contemporânea\BDBV\63D0007E.tmp\</t>
  </si>
  <si>
    <t>\\acsfs\ACS\Gabriel da Silva\Contemporânea\BDBV\63D0007E.tmp\:Zone.Identifier:$DATA</t>
  </si>
  <si>
    <t>01/17/2020 12:29:24</t>
  </si>
  <si>
    <t>01/17/2020 12:32:42</t>
  </si>
  <si>
    <t>01/17/2020 12:34:45</t>
  </si>
  <si>
    <t>01/17/2020 12:32:03</t>
  </si>
  <si>
    <t>b59b75af-b0f2-4ced-91b2-9b83fd7c782d.tmp</t>
  </si>
  <si>
    <t>\\acsfs\profiles$\lorrainerdl\Downloads\b59b75af-b0f2-4ced-91b2-9b83fd7c782d.tmp</t>
  </si>
  <si>
    <t>01/17/2020 12:31:47</t>
  </si>
  <si>
    <t>01/17/2020 12:35:45</t>
  </si>
  <si>
    <t>RELATORIO DE LOGIN - BV CARTÕES 14-01 - Cópia.xlsm</t>
  </si>
  <si>
    <t>\\acsfs\DEPTOS\Operacao\PCP\5 - Comum\PLANEJAMENTO BV\14 - ACOMPANHAMENTO\1 - REPORT ACOMPANHAMENTO\2020\1 - JANEIRO\CARTÕES\Login Logout Cartões\RELATORIO DE LOGIN - BV CARTÕES 14-01 - Cópia.xlsm</t>
  </si>
  <si>
    <t>01/17/2020 12:34:04</t>
  </si>
  <si>
    <t>01/17/2020 12:35:21</t>
  </si>
  <si>
    <t>01/17/2020 12:36:45</t>
  </si>
  <si>
    <t>01/17/2020 12:32:10</t>
  </si>
  <si>
    <t>01/17/2020 12:32:40</t>
  </si>
  <si>
    <t>01/17/2020 12:33:10</t>
  </si>
  <si>
    <t>01/17/2020 12:34:40</t>
  </si>
  <si>
    <t>01/17/2020 12:31:53</t>
  </si>
  <si>
    <t>mail.google.com/sync/u/0/i/s?hl=pt-BR&amp;c=1448</t>
  </si>
  <si>
    <t>01/17/2020 12:32:15</t>
  </si>
  <si>
    <t>mail.google.com/sync/u/0/i/s?hl=pt-BR&amp;c=1450</t>
  </si>
  <si>
    <t>01/17/2020 12:32:25</t>
  </si>
  <si>
    <t>mail.google.com/sync/u/0/i/s?hl=pt-BR&amp;c=1452</t>
  </si>
  <si>
    <t>01/17/2020 12:32:31</t>
  </si>
  <si>
    <t>mail.google.com/sync/u/0/i/s?hl=pt-BR&amp;c=1455</t>
  </si>
  <si>
    <t>01/17/2020 12:32:47</t>
  </si>
  <si>
    <t>mail.google.com/sync/u/0/i/s?hl=pt-BR&amp;c=1457</t>
  </si>
  <si>
    <t>01/17/2020 12:32:50</t>
  </si>
  <si>
    <t>mail.google.com/sync/u/0/i/s?hl=pt-BR&amp;c=1459</t>
  </si>
  <si>
    <t>100014082285011;100014122394468;algartechcpcbv@bv.algartech.com;andrelpsa@algartech.com;catianalv@algartech.com;cpc-controldeskavon@algartech.com;joaogvc@algartech.com;joseasn@algartech.com;josiascdsj@algartech.com;leonardoao@algartech.com;lucianarsantos@algartech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100014082285011,100014122394468,algartechcpcbv@bv.algartech.com,andrelpsa@algartech.com,catianalv@algartech.com,cpc-controldeskavon@algartech.com,joaogvc@algartech.com,joseasn@algartech.com,josiascdsj@algartech.com,leonardoao@algartech.com,lucianarsantos@algartech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12:33:04</t>
  </si>
  <si>
    <t>mail.google.com/sync/u/0/i/s?hl=pt-BR&amp;c=1461</t>
  </si>
  <si>
    <t>mail.google.com/sync/u/0/i/s?hl=pt-BR&amp;c=1463</t>
  </si>
  <si>
    <t>01/17/2020 12:33:29</t>
  </si>
  <si>
    <t>mail.google.com/sync/u/0/i/s?hl=pt-BR&amp;c=1466</t>
  </si>
  <si>
    <t>01/17/2020 12:33:34</t>
  </si>
  <si>
    <t>mail.google.com/sync/u/0/i/s?hl=pt-BR&amp;c=1468</t>
  </si>
  <si>
    <t>01/17/2020 12:33:39</t>
  </si>
  <si>
    <t>mail.google.com/sync/u/0/i/s?hl=pt-BR&amp;c=1470</t>
  </si>
  <si>
    <t>01/17/2020 12:33:42</t>
  </si>
  <si>
    <t>01/17/2020 12:33:43</t>
  </si>
  <si>
    <t>mail.google.com/sync/u/0/i/s?hl=pt-BR&amp;c=1472</t>
  </si>
  <si>
    <t>01/17/2020 12:33:48</t>
  </si>
  <si>
    <t>01/17/2020 12:34:01</t>
  </si>
  <si>
    <t>algartechcpcbv@bv.algartech.com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algartechcpcbv@bv.algartech.com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2:34:20</t>
  </si>
  <si>
    <t>mail.google.com/sync/u/0/i/s?hl=pt-BR&amp;c=1479</t>
  </si>
  <si>
    <t>01/17/2020 12:34:27</t>
  </si>
  <si>
    <t>01/17/2020 12:34:35</t>
  </si>
  <si>
    <t>100014082285011;algartechcpcbv@bv.algartech.com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</t>
  </si>
  <si>
    <t>100014082285011,algartechcpcbv@bv.algartech.com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7/2020 12:34:39</t>
  </si>
  <si>
    <t>mail.google.com/sync/u/0/i/s?hl=pt-BR&amp;c=1486</t>
  </si>
  <si>
    <t>100022417546165;algartechcpcbv@bv.algartech.com;andrelpsa@algartech.com;catianalv@algartech.com;cpc-controldeskavon@algartech.com;joaogvc@algartech.com;joseasn@algartech.com;josiascdsj@algartech.com;leonardoao@algartech.com;lucianarsantos@algartech.com;luiz.henriquesantos@avon.com;marianadjc@algartech.com;maristelavodq@bv.algartech.com;paulacn@algartech.com;qualidadealgarbv@algartech.com;ricardodfm@algartech.com.br;senildapdo@algartecnologia.com.br;supervisaobancovotorantim@algartech.com;taysdss@algartech.com;thiagolrc@bv.algartech.com;</t>
  </si>
  <si>
    <t>100022417546165,algartechcpcbv@bv.algartech.com,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ricardodfm@algartech.com.br,senildapdo@algartecnologia.com.br,supervisaobancovotorantim@algartech.com,taysdss@algartech.com,thiagolrc@bv.algartech.com</t>
  </si>
  <si>
    <t>01/17/2020 12:35:25</t>
  </si>
  <si>
    <t>01/17/2020 12:37:45</t>
  </si>
  <si>
    <t>01/17/2020 12:34:00</t>
  </si>
  <si>
    <t>01/17/2020 12:34:05</t>
  </si>
  <si>
    <t>lu3102449fyob.tmp</t>
  </si>
  <si>
    <t>\\acsfs\profiles$\CLAUDIAJCA\Reneg 18-12\lu3102449fyob.tmp</t>
  </si>
  <si>
    <t>\\acsfs\profiles$\CLAUDIAJCA\Reneg 18-12\lu3102449fyob.tmp\</t>
  </si>
  <si>
    <t>\\acsfs\profiles$\CLAUDIAJCA\Reneg 18-12\lu3102449fyob.tmp\META-INF\</t>
  </si>
  <si>
    <t>\\acsfs\profiles$\CLAUDIAJCA\Reneg 18-12\lu3102449fyob.tmp\Thumbnails\</t>
  </si>
  <si>
    <t>01/17/2020 12:33:44</t>
  </si>
  <si>
    <t>01/17/2020 12:38:45</t>
  </si>
  <si>
    <t>\\acsfs\ACS\Gabriel da Silva\Contemporânea\BDBV\9554F80D.tmp\</t>
  </si>
  <si>
    <t>\\acsfs\ACS\Gabriel da Silva\Contemporânea\BDBV\9554F80D.tmp\:Zone.Identifier:$DATA</t>
  </si>
  <si>
    <t>01/17/2020 12:34:08</t>
  </si>
  <si>
    <t>01/17/2020 12:34:24</t>
  </si>
  <si>
    <t>01/17/2020 12:34:38</t>
  </si>
  <si>
    <t>01/17/2020 12:34:46</t>
  </si>
  <si>
    <t>01/17/2020 12:38:10</t>
  </si>
  <si>
    <t>01/17/2020 12:39:45</t>
  </si>
  <si>
    <t>01/17/2020 12:35:51</t>
  </si>
  <si>
    <t>01/17/2020 12:41:45</t>
  </si>
  <si>
    <t>01/17/2020 12:38:11</t>
  </si>
  <si>
    <t>01/17/2020 12:39:29</t>
  </si>
  <si>
    <t>01/17/2020 12:42:45</t>
  </si>
  <si>
    <t>01/17/2020 12:41:57</t>
  </si>
  <si>
    <t>01/17/2020 12:43:45</t>
  </si>
  <si>
    <t>01/17/2020 12:42:12</t>
  </si>
  <si>
    <t>d62871f7-a27c-4e6f-875c-c1d2c35cd02f.tmp</t>
  </si>
  <si>
    <t>\\acsfs\profiles$\nataliacsl\Downloads\d62871f7-a27c-4e6f-875c-c1d2c35cd02f.tmp</t>
  </si>
  <si>
    <t>01/17/2020 12:39:03</t>
  </si>
  <si>
    <t>01/17/2020 12:39:13</t>
  </si>
  <si>
    <t>\\acsfs\ACS\Gabriel da Silva\Contemporânea\BDBV\CFAB309F.tmp\</t>
  </si>
  <si>
    <t>\\acsfs\ACS\Gabriel da Silva\Contemporânea\BDBV\CFAB309F.tmp\:Zone.Identifier:$DATA</t>
  </si>
  <si>
    <t>01/17/2020 12:39:14</t>
  </si>
  <si>
    <t>01/17/2020 12:42:34</t>
  </si>
  <si>
    <t>Não confirmado 765227.crdownload</t>
  </si>
  <si>
    <t>\\acsfs\ACS\Gabriel da Silva\Contemporânea\NPS\NPS_Voz\Janeiro.20\Não confirmado 765227.crdownload</t>
  </si>
  <si>
    <t>01/17/2020 12:39:31</t>
  </si>
  <si>
    <t>12b72906-602a-4ae4-86a5-457dcd9559bc.tmp</t>
  </si>
  <si>
    <t>\\acsfs\profiles$\danielac\Downloads\12b72906-602a-4ae4-86a5-457dcd9559bc.tmp</t>
  </si>
  <si>
    <t>01/17/2020 12:39:52</t>
  </si>
  <si>
    <t>01/17/2020 12:44:45</t>
  </si>
  <si>
    <t>Desligamento Bruno.zip</t>
  </si>
  <si>
    <t>01/17/2020 12:39:53</t>
  </si>
  <si>
    <t>C:\Users\raicdf\Downloads\Desligamento Bruno.zip\</t>
  </si>
  <si>
    <t>Desligamento Bruno.pdf</t>
  </si>
  <si>
    <t>01/17/2020 12:41:02</t>
  </si>
  <si>
    <t>https://algar.folhasinergyrh.com.br/rescisao/upload?id=0&amp;idsolicitacao=22116&amp;idprerescisao=0</t>
  </si>
  <si>
    <t>03/02/2020;</t>
  </si>
  <si>
    <t>https://03/02/2020</t>
  </si>
  <si>
    <t>01/17/2020 12:41:29</t>
  </si>
  <si>
    <t>01/17/2020 12:41:23</t>
  </si>
  <si>
    <t>mail.google.com/_/upload?authuser=0&amp;dcp=asu-n&amp;upload_id=AEnB2UpAVuAhNOvVL72gUIlRw0R-gONXfAl1WxPWP2YGfZ7V0PzSwjudtkYvB7GbByuRB2hsZuNh6tqGOWrxJZl1pO05ZEZ3mw&amp;upload_protocol=resumable</t>
  </si>
  <si>
    <t>01/17/2020 12:41:28</t>
  </si>
  <si>
    <t>01/17/2020 12:41:35</t>
  </si>
  <si>
    <t>01/17/2020 12:41:44</t>
  </si>
  <si>
    <t>01/17/2020 12:41:50</t>
  </si>
  <si>
    <t>01/17/2020 12:41:54</t>
  </si>
  <si>
    <t>01/17/2020 12:42:16</t>
  </si>
  <si>
    <t>01/17/2020 12:42:23</t>
  </si>
  <si>
    <t>01/17/2020 12:42:26</t>
  </si>
  <si>
    <t>01/17/2020 12:42:38</t>
  </si>
  <si>
    <t>01/17/2020 12:42:55</t>
  </si>
  <si>
    <t>01/17/2020 12:42:58</t>
  </si>
  <si>
    <t>01/17/2020 12:43:03</t>
  </si>
  <si>
    <t>17/01/2020;marianacgs@algartech.com;</t>
  </si>
  <si>
    <t>17/01/2020,marianacgs@algartech.com</t>
  </si>
  <si>
    <t>01/17/2020 12:43:09</t>
  </si>
  <si>
    <t>01/17/2020 12:43:01</t>
  </si>
  <si>
    <t>01/17/2020 12:44:51</t>
  </si>
  <si>
    <t>01/17/2020 12:45:45</t>
  </si>
  <si>
    <t>01/17/2020 12:43:14</t>
  </si>
  <si>
    <t>01/17/2020 12:43:37</t>
  </si>
  <si>
    <t>4d27565d-3f1a-43e9-831c-c2cd77377ecb.tmp</t>
  </si>
  <si>
    <t>\\acsfs\profiles$\mariajra\Downloads\4d27565d-3f1a-43e9-831c-c2cd77377ecb.tmp</t>
  </si>
  <si>
    <t>01/17/2020 12:45:40</t>
  </si>
  <si>
    <t>01/17/2020 12:44:50</t>
  </si>
  <si>
    <t>01/17/2020 12:46:45</t>
  </si>
  <si>
    <t>4549d2b1-2b3c-4006-942d-ce65a201d808.tmp</t>
  </si>
  <si>
    <t>\\acsfs\profiles$\mariagsg\Downloads\4549d2b1-2b3c-4006-942d-ce65a201d808.tmp</t>
  </si>
  <si>
    <t>01/17/2020 12:46:55</t>
  </si>
  <si>
    <t>01/17/2020 12:47:45</t>
  </si>
  <si>
    <t>01/17/2020 12:47:31</t>
  </si>
  <si>
    <t>01/17/2020 12:46:32</t>
  </si>
  <si>
    <t>01/17/2020 12:43:38</t>
  </si>
  <si>
    <t>01/17/2020 12:48:45</t>
  </si>
  <si>
    <t>Não confirmado 831053.crdownload</t>
  </si>
  <si>
    <t>\\acsfs\ACS\Gabriel da Silva\Contemporânea\Gen\Não confirmado 831053.crdownload</t>
  </si>
  <si>
    <t>01/17/2020 12:45:06</t>
  </si>
  <si>
    <t>\\acsfs\ACS\Gabriel da Silva\Contemporânea\BDBV\FBB98513.tmp\</t>
  </si>
  <si>
    <t>\\acsfs\ACS\Gabriel da Silva\Contemporânea\BDBV\FBB98513.tmp\:Zone.Identifier:$DATA</t>
  </si>
  <si>
    <t>01/17/2020 12:45:07</t>
  </si>
  <si>
    <t>01/17/2020 12:47:25</t>
  </si>
  <si>
    <t>01/17/2020 12:48:59</t>
  </si>
  <si>
    <t>01/17/2020 12:49:45</t>
  </si>
  <si>
    <t>754ae356-1aab-4f51-9e34-b608977e1a18.tmp</t>
  </si>
  <si>
    <t>\\acsfs\profiles$\lorrainerdl\Downloads\754ae356-1aab-4f51-9e34-b608977e1a18.tmp</t>
  </si>
  <si>
    <t>01/17/2020 12:48:00</t>
  </si>
  <si>
    <t>01/17/2020 12:47:11</t>
  </si>
  <si>
    <t>01/17/2020 12:50:45</t>
  </si>
  <si>
    <t>01/17/2020 12:47:12</t>
  </si>
  <si>
    <t>lu421324aisy4.tmp</t>
  </si>
  <si>
    <t>\\acsfs\profiles$\BRUNAAR\Numero\lu421324aisy4.tmp</t>
  </si>
  <si>
    <t>01/17/2020 12:47:43</t>
  </si>
  <si>
    <t>01/17/2020 12:47:44</t>
  </si>
  <si>
    <t>lu421324aisy8.tmp</t>
  </si>
  <si>
    <t>\\acsfs\profiles$\BRUNAAR\Numero\lu421324aisy8.tmp</t>
  </si>
  <si>
    <t>01/17/2020 12:45:50</t>
  </si>
  <si>
    <t>01/17/2020 12:47:32</t>
  </si>
  <si>
    <t>lu10556ftuq.tmp</t>
  </si>
  <si>
    <t>\\acsfs\profiles$\VIVIANALDS\My Documents\lu10556ftuq.tmp</t>
  </si>
  <si>
    <t>\\acsfs\profiles$\VIVIANALDS\My Documents\lu10556ftuq.tmp\</t>
  </si>
  <si>
    <t>\\acsfs\profiles$\VIVIANALDS\My Documents\lu10556ftuq.tmp\META-INF\</t>
  </si>
  <si>
    <t>\\acsfs\profiles$\VIVIANALDS\My Documents\lu10556ftuq.tmp\Thumbnails\</t>
  </si>
  <si>
    <t>01/17/2020 12:51:45</t>
  </si>
  <si>
    <t>01/17/2020 12:52:45</t>
  </si>
  <si>
    <t>01/17/2020 12:50:33</t>
  </si>
  <si>
    <t>01/17/2020 12:52:12</t>
  </si>
  <si>
    <t>01/17/2020 12:52:07</t>
  </si>
  <si>
    <t>01/17/2020 12:53:45</t>
  </si>
  <si>
    <t>45406feb-6206-45d6-b54e-9c2050d65790.tmp</t>
  </si>
  <si>
    <t>\\acsfs\profiles$\paulovadc\Downloads\45406feb-6206-45d6-b54e-9c2050d65790.tmp</t>
  </si>
  <si>
    <t>01/17/2020 12:48:40</t>
  </si>
  <si>
    <t>\\acsfs\ACS\Gabriel da Silva\Contemporânea\BDBV\52BE520F.tmp\</t>
  </si>
  <si>
    <t>\\acsfs\ACS\Gabriel da Silva\Contemporânea\BDBV\52BE520F.tmp\:Zone.Identifier:$DATA</t>
  </si>
  <si>
    <t>01/17/2020 12:48:41</t>
  </si>
  <si>
    <t>01/17/2020 12:50:01</t>
  </si>
  <si>
    <t>Desligados ALGAR - 10_01 a 16_01.xlsx</t>
  </si>
  <si>
    <t>\\acsfs\ACS\Gabriel da Silva\Contemporânea\BDBV\Desligados ALGAR - 10_01 a 16_01.xlsx</t>
  </si>
  <si>
    <t>01/17/2020 12:54:45</t>
  </si>
  <si>
    <t>01/17/2020 12:49:54</t>
  </si>
  <si>
    <t>Evidencia Maria Isabel.PNG</t>
  </si>
  <si>
    <t>01/17/2020 12:50:25</t>
  </si>
  <si>
    <t>01/17/2020 12:50:39</t>
  </si>
  <si>
    <t>01/17/2020 12:53:36</t>
  </si>
  <si>
    <t>01/17/2020 12:56:45</t>
  </si>
  <si>
    <t>lu10556ftuu.tmp</t>
  </si>
  <si>
    <t>\\acsfs\profiles$\VIVIANALDS\My Documents\lu10556ftuu.tmp</t>
  </si>
  <si>
    <t>\\acsfs\profiles$\VIVIANALDS\My Documents\lu10556ftuu.tmp\</t>
  </si>
  <si>
    <t>\\acsfs\profiles$\VIVIANALDS\My Documents\lu10556ftuu.tmp\META-INF\</t>
  </si>
  <si>
    <t>\\acsfs\profiles$\VIVIANALDS\My Documents\lu10556ftuu.tmp\Thumbnails\</t>
  </si>
  <si>
    <t>01/17/2020 12:53:38</t>
  </si>
  <si>
    <t>01/17/2020 12:53:39</t>
  </si>
  <si>
    <t>lu10556ftuy.tmp</t>
  </si>
  <si>
    <t>\\acsfs\profiles$\VIVIANALDS\My Documents\lu10556ftuy.tmp</t>
  </si>
  <si>
    <t>\\acsfs\profiles$\VIVIANALDS\My Documents\lu10556ftuy.tmp\</t>
  </si>
  <si>
    <t>\\acsfs\profiles$\VIVIANALDS\My Documents\lu10556ftuy.tmp\META-INF\</t>
  </si>
  <si>
    <t>\\acsfs\profiles$\VIVIANALDS\My Documents\lu10556ftuy.tmp\Thumbnails\</t>
  </si>
  <si>
    <t>01/17/2020 12:53:47</t>
  </si>
  <si>
    <t>01/17/2020 12:51:36</t>
  </si>
  <si>
    <t>7784ac39-ec68-4785-af3c-876c38b5da8b.tmp</t>
  </si>
  <si>
    <t>\\acsfs\profiles$\sarahbal\Downloads\7784ac39-ec68-4785-af3c-876c38b5da8b.tmp</t>
  </si>
  <si>
    <t>01/17/2020 12:52:16</t>
  </si>
  <si>
    <t>01/17/2020 12:53:16</t>
  </si>
  <si>
    <t>01/17/2020 12:53:46</t>
  </si>
  <si>
    <t>01/17/2020 12:54:16</t>
  </si>
  <si>
    <t>01/17/2020 12:54:46</t>
  </si>
  <si>
    <t>01/17/2020 12:54:11</t>
  </si>
  <si>
    <t>aead30f6-c92e-485b-b77b-2a61004f1f9d.tmp</t>
  </si>
  <si>
    <t>\\acsfs\profiles$\joselrb\Downloads\aead30f6-c92e-485b-b77b-2a61004f1f9d.tmp</t>
  </si>
  <si>
    <t>01/17/2020 12:53:14</t>
  </si>
  <si>
    <t>01/17/2020 12:57:46</t>
  </si>
  <si>
    <t>01/17/2020 12:52:58</t>
  </si>
  <si>
    <t>01/17/2020 12:58:46</t>
  </si>
  <si>
    <t>a5fe56da-4ae3-4ff6-9ce9-fe4f7195b8b1.tmp</t>
  </si>
  <si>
    <t>\\acsfs\profiles$\paulovadc\Downloads\a5fe56da-4ae3-4ff6-9ce9-fe4f7195b8b1.tmp</t>
  </si>
  <si>
    <t>01/17/2020 12:55:37</t>
  </si>
  <si>
    <t>fdbb3649-1a73-45dc-b3da-076f9482825c.tmp</t>
  </si>
  <si>
    <t>\\acsfs\profiles$\paulovadc\Downloads\fdbb3649-1a73-45dc-b3da-076f9482825c.tmp</t>
  </si>
  <si>
    <t>01/17/2020 12:56:30</t>
  </si>
  <si>
    <t>01/17/2020 12:59:46</t>
  </si>
  <si>
    <t>01/17/2020 12:55:18</t>
  </si>
  <si>
    <t>01/17/2020 12:55:55</t>
  </si>
  <si>
    <t>Evidencia Maria Julia.PNG</t>
  </si>
  <si>
    <t>01/17/2020 12:56:12</t>
  </si>
  <si>
    <t>01/17/2020 12:56:24</t>
  </si>
  <si>
    <t>01/17/2020 12:55:57</t>
  </si>
  <si>
    <t>01/17/2020 13:00:46</t>
  </si>
  <si>
    <t>01/17/2020 12:56:23</t>
  </si>
  <si>
    <t>01/17/2020 12:56:28</t>
  </si>
  <si>
    <t>01/17/2020 12:56:31</t>
  </si>
  <si>
    <t>01/17/2020 12:56:35</t>
  </si>
  <si>
    <t>01/17/2020 12:56:41</t>
  </si>
  <si>
    <t>01/17/2020 12:56:46</t>
  </si>
  <si>
    <t>01/17/2020 12:57:10</t>
  </si>
  <si>
    <t>01/17/2020 12:57:13</t>
  </si>
  <si>
    <t>01/17/2020 12:57:49</t>
  </si>
  <si>
    <t>01/17/2020 12:57:52</t>
  </si>
  <si>
    <t>01/17/2020 12:58:03</t>
  </si>
  <si>
    <t>01/17/2020 12:58:07</t>
  </si>
  <si>
    <t>01/17/2020 12:58:16</t>
  </si>
  <si>
    <t>01/17/2020 12:58:41</t>
  </si>
  <si>
    <t>01/17/2020 12:58:53</t>
  </si>
  <si>
    <t>01/17/2020 12:59:24</t>
  </si>
  <si>
    <t>01/17/2020 12:59:27</t>
  </si>
  <si>
    <t>01/17/2020 12:59:39</t>
  </si>
  <si>
    <t>RELATORIO DE LOGIN - BV CARTÕES 16-01.xlsm</t>
  </si>
  <si>
    <t>\\acsfs\DEPTOS\Operacao\PCP\5 - Comum\PLANEJAMENTO BV\14 - ACOMPANHAMENTO\1 - REPORT ACOMPANHAMENTO\2020\1 - JANEIRO\CARTÕES\Login Logout Cartões\RELATORIO DE LOGIN - BV CARTÕES 16-01.xlsm</t>
  </si>
  <si>
    <t>01/17/2020 12:59:49</t>
  </si>
  <si>
    <t>01/17/2020 12:58:01</t>
  </si>
  <si>
    <t>0b8e5ee6-bd5c-4c71-8d31-5684ece02576.tmp</t>
  </si>
  <si>
    <t>\\acsfs\profiles$\matheushds\Downloads\0b8e5ee6-bd5c-4c71-8d31-5684ece02576.tmp</t>
  </si>
  <si>
    <t>01/17/2020 13:01:47</t>
  </si>
  <si>
    <t>01/17/2020 13:01:33</t>
  </si>
  <si>
    <t>01/17/2020 13:02:46</t>
  </si>
  <si>
    <t>lu818564av6na.tmp</t>
  </si>
  <si>
    <t>\\acsfs\profiles$\LUISPLS\My Documents\Nova pasta\lu818564av6na.tmp</t>
  </si>
  <si>
    <t>\\acsfs\profiles$\LUISPLS\My Documents\Nova pasta\lu818564av6na.tmp\</t>
  </si>
  <si>
    <t>\\acsfs\profiles$\LUISPLS\My Documents\Nova pasta\lu818564av6na.tmp\META-INF\</t>
  </si>
  <si>
    <t>\\acsfs\profiles$\LUISPLS\My Documents\Nova pasta\lu818564av6na.tmp\Thumbnails\</t>
  </si>
  <si>
    <t>01/17/2020 13:01:41</t>
  </si>
  <si>
    <t>01/17/2020 12:58:34</t>
  </si>
  <si>
    <t>01/17/2020 13:03:46</t>
  </si>
  <si>
    <t>01/17/2020 13:02:29</t>
  </si>
  <si>
    <t>01/17/2020 13:04:46</t>
  </si>
  <si>
    <t>580d32d1-8ade-4ff6-85a9-91555b9c7871.tmp</t>
  </si>
  <si>
    <t>\\acsfs\profiles$\leticiala\Downloads\580d32d1-8ade-4ff6-85a9-91555b9c7871.tmp</t>
  </si>
  <si>
    <t>01/17/2020 13:00:48</t>
  </si>
  <si>
    <t>Evidencia Mariele.PNG</t>
  </si>
  <si>
    <t>01/17/2020 13:01:15</t>
  </si>
  <si>
    <t>03/02/2020;rabmybvpqgtjz gqgx2wkalgbcgkiuffn4lqk5wikfsotodazndq3nzaznzmwmtq2ntc4oaokcpvxon7hsqkpujdl/9d;</t>
  </si>
  <si>
    <t>https://03/02/2020,rabmybvpqgtjz gqgx2wkalgbcgkiuffn4lqk5wikfsotodazndq3nzaznzmwmtq2ntc4oaokcpvxon7hsqkpujdl/9d</t>
  </si>
  <si>
    <t>01/17/2020 13:05:46</t>
  </si>
  <si>
    <t>01/17/2020 13:00:21</t>
  </si>
  <si>
    <t>01/17/2020 13:02:02</t>
  </si>
  <si>
    <t>01/17/2020 13:02:17</t>
  </si>
  <si>
    <t>01/17/2020 13:03:52</t>
  </si>
  <si>
    <t>DETALHADO CARTÕES.xlsx</t>
  </si>
  <si>
    <t>\\acsfs\DEPTOS\Operacao\PCP\5 - Comum\PLANEJAMENTO BV\14 - ACOMPANHAMENTO\1 - REPORT ACOMPANHAMENTO\2020\1 - JANEIRO\CARTÕES\DETALHADO CARTÕES.xlsx</t>
  </si>
  <si>
    <t>01/17/2020 13:00:55</t>
  </si>
  <si>
    <t>01/17/2020 13:01:48</t>
  </si>
  <si>
    <t>01/17/2020 13:06:46</t>
  </si>
  <si>
    <t>01/17/2020 13:02:18</t>
  </si>
  <si>
    <t>01/17/2020 13:02:49</t>
  </si>
  <si>
    <t>01/17/2020 13:03:19</t>
  </si>
  <si>
    <t>01/17/2020 13:04:19</t>
  </si>
  <si>
    <t>01/17/2020 12:41:00</t>
  </si>
  <si>
    <t>01/17/2020 13:07:46</t>
  </si>
  <si>
    <t>01/17/2020 12:41:01</t>
  </si>
  <si>
    <t>lu1554011uvbc.tmp</t>
  </si>
  <si>
    <t>\\acsfs\profiles$\ALYNYA\My Documents\lu1554011uvbc.tmp</t>
  </si>
  <si>
    <t>01/17/2020 13:08:47</t>
  </si>
  <si>
    <t>\\acsfs\profiles$\ALYNYA\My Documents\lu1554011uvbc.tmp\</t>
  </si>
  <si>
    <t>\\acsfs\profiles$\ALYNYA\My Documents\lu1554011uvbc.tmp\META-INF\</t>
  </si>
  <si>
    <t>\\acsfs\profiles$\ALYNYA\My Documents\lu1554011uvbc.tmp\Thumbnails\</t>
  </si>
  <si>
    <t>01/17/2020 13:05:28</t>
  </si>
  <si>
    <t>01/17/2020 13:05:54</t>
  </si>
  <si>
    <t>01/17/2020 13:07:41</t>
  </si>
  <si>
    <t>01/17/2020 13:09:46</t>
  </si>
  <si>
    <t>bc928cb0-b8a2-4b00-a1d8-834b20cbfeac.tmp</t>
  </si>
  <si>
    <t>\\acsfs\profiles$\felipetds\Downloads\bc928cb0-b8a2-4b00-a1d8-834b20cbfeac.tmp</t>
  </si>
  <si>
    <t>01/17/2020 13:06:02</t>
  </si>
  <si>
    <t>Evidenvia Mayane.PNG</t>
  </si>
  <si>
    <t>01/17/2020 13:06:18</t>
  </si>
  <si>
    <t>01/17/2020 13:06:35</t>
  </si>
  <si>
    <t>01/17/2020 13:05:29</t>
  </si>
  <si>
    <t>01/17/2020 13:10:47</t>
  </si>
  <si>
    <t>01/17/2020 13:05:33</t>
  </si>
  <si>
    <t>01/17/2020 13:05:37</t>
  </si>
  <si>
    <t>01/17/2020 13:10:00</t>
  </si>
  <si>
    <t>01/17/2020 13:05:55</t>
  </si>
  <si>
    <t>01/17/2020 13:06:01</t>
  </si>
  <si>
    <t>01/17/2020 13:06:28</t>
  </si>
  <si>
    <t>01/17/2020 13:06:29</t>
  </si>
  <si>
    <t>01/17/2020 13:06:50</t>
  </si>
  <si>
    <t>01/17/2020 13:07:18</t>
  </si>
  <si>
    <t>01/17/2020 13:09:07</t>
  </si>
  <si>
    <t>01/17/2020 13:09:13</t>
  </si>
  <si>
    <t>01/17/2020 13:09:22</t>
  </si>
  <si>
    <t>01/17/2020 13:09:31</t>
  </si>
  <si>
    <t>01/17/2020 13:09:32</t>
  </si>
  <si>
    <t>01/17/2020 13:09:40</t>
  </si>
  <si>
    <t>01/17/2020 13:09:45</t>
  </si>
  <si>
    <t>mail.google.com/_/upload?authuser=0&amp;dcp=asu-n&amp;upload_id=AEnB2Uo7j6YsdsJrsxuto6jkuiVhzeTID23l7s5aQIl69NEQx5Qrz1ftewG93seIbcYd0SxSPWeyZpXhxs045D5hylombEvumvfdYh9T3GOsoLqpHOVjgcs&amp;upload_protocol=resumable</t>
  </si>
  <si>
    <t>01/17/2020 13:08:51</t>
  </si>
  <si>
    <t>01/17/2020 13:11:46</t>
  </si>
  <si>
    <t>01/17/2020 13:10:43</t>
  </si>
  <si>
    <t>01/17/2020 13:10:44</t>
  </si>
  <si>
    <t>01/17/2020 13:10:45</t>
  </si>
  <si>
    <t>01/17/2020 13:10:46</t>
  </si>
  <si>
    <t>01/17/2020 13:10:48</t>
  </si>
  <si>
    <t>01/17/2020 13:10:49</t>
  </si>
  <si>
    <t>01/17/2020 13:10:50</t>
  </si>
  <si>
    <t>01/17/2020 13:10:51</t>
  </si>
  <si>
    <t>01/17/2020 13:10:52</t>
  </si>
  <si>
    <t>01/17/2020 13:10:53</t>
  </si>
  <si>
    <t>01/17/2020 13:10:54</t>
  </si>
  <si>
    <t>01/17/2020 13:10:55</t>
  </si>
  <si>
    <t>01/17/2020 13:10:56</t>
  </si>
  <si>
    <t>01/17/2020 13:10:57</t>
  </si>
  <si>
    <t>01/17/2020 13:10:58</t>
  </si>
  <si>
    <t>01/17/2020 13:10:59</t>
  </si>
  <si>
    <t>01/17/2020 13:11:00</t>
  </si>
  <si>
    <t>01/17/2020 13:11:01</t>
  </si>
  <si>
    <t>01/17/2020 13:08:59</t>
  </si>
  <si>
    <t>01/17/2020 13:12:45</t>
  </si>
  <si>
    <t>01/17/2020 13:11:10</t>
  </si>
  <si>
    <t>lu50524b9j4u.tmp</t>
  </si>
  <si>
    <t>\\acsfs\profiles$\LUISPLS\My Documents\Nova pasta\lu50524b9j4u.tmp</t>
  </si>
  <si>
    <t>\\acsfs\profiles$\LUISPLS\My Documents\Nova pasta\lu50524b9j4u.tmp\</t>
  </si>
  <si>
    <t>\\acsfs\profiles$\LUISPLS\My Documents\Nova pasta\lu50524b9j4u.tmp\META-INF\</t>
  </si>
  <si>
    <t>\\acsfs\profiles$\LUISPLS\My Documents\Nova pasta\lu50524b9j4u.tmp\Thumbnails\</t>
  </si>
  <si>
    <t>01/17/2020 13:08:01</t>
  </si>
  <si>
    <t>01/17/2020 13:13:46</t>
  </si>
  <si>
    <t>45548983-323d-4cfd-aacf-18866bc46e0d.tmp</t>
  </si>
  <si>
    <t>\\acsfs\profiles$\laylaams\Downloads\45548983-323d-4cfd-aacf-18866bc46e0d.tmp</t>
  </si>
  <si>
    <t>ffadfb83-158d-452f-8e35-7d2198bfea99.tmp</t>
  </si>
  <si>
    <t>\\acsfs\profiles$\quindaizaagds\Downloads\ffadfb83-158d-452f-8e35-7d2198bfea99.tmp</t>
  </si>
  <si>
    <t>01/17/2020 13:11:44</t>
  </si>
  <si>
    <t>01/17/2020 13:14:46</t>
  </si>
  <si>
    <t>e65f0e78-11af-41bf-bb53-3554afb2b56f.tmp</t>
  </si>
  <si>
    <t>\\acsfs\profiles$\ERICALSR\Downloads\e65f0e78-11af-41bf-bb53-3554afb2b56f.tmp</t>
  </si>
  <si>
    <t>01/17/2020 13:11:45</t>
  </si>
  <si>
    <t>NATANAEL LAURENCIO FURTADO (4082).contact</t>
  </si>
  <si>
    <t>\\acsfs\profiles$\NatanaelLF\Contacts\NATANAEL LAURENCIO FURTADO (4082).contact</t>
  </si>
  <si>
    <t>01/17/2020 13:11:32</t>
  </si>
  <si>
    <t>Evidencia Nayara.PNG</t>
  </si>
  <si>
    <t>01/17/2020 13:12:33</t>
  </si>
  <si>
    <t>01/17/2020 13:12:50</t>
  </si>
  <si>
    <t>01/17/2020 13:15:47</t>
  </si>
  <si>
    <t>01/17/2020 13:10:26</t>
  </si>
  <si>
    <t>NICE15.xls</t>
  </si>
  <si>
    <t>\\acsfs\ACS\001 - Qualidade Lilian\PAULO\Pasta Tainara\NICE15.xls</t>
  </si>
  <si>
    <t>01/17/2020 13:10:27</t>
  </si>
  <si>
    <t>01/17/2020 13:15:02</t>
  </si>
  <si>
    <t>01/17/2020 13:10:22</t>
  </si>
  <si>
    <t>01/17/2020 13:15:46</t>
  </si>
  <si>
    <t>01/17/2020 13:16:46</t>
  </si>
  <si>
    <t>3f446afe-abe1-4eba-8a42-543adf2c5b0e.tmp</t>
  </si>
  <si>
    <t>\\acsfs\profiles$\sarahbal\Downloads\3f446afe-abe1-4eba-8a42-543adf2c5b0e.tmp</t>
  </si>
  <si>
    <t>01/17/2020 13:13:22</t>
  </si>
  <si>
    <t>0f40a3c5-de67-472d-ac2d-220012b0f15c.tmp</t>
  </si>
  <si>
    <t>\\acsfs\profiles$\dhiulliananads\Downloads\0f40a3c5-de67-472d-ac2d-220012b0f15c.tmp</t>
  </si>
  <si>
    <t>01/17/2020 13:16:50</t>
  </si>
  <si>
    <t>01/17/2020 13:17:46</t>
  </si>
  <si>
    <t>01/17/2020 13:16:55</t>
  </si>
  <si>
    <t>lu3102449fyok.tmp</t>
  </si>
  <si>
    <t>\\acsfs\profiles$\CLAUDIAJCA\Reneg 18-12\lu3102449fyok.tmp</t>
  </si>
  <si>
    <t>\\acsfs\profiles$\CLAUDIAJCA\Reneg 18-12\lu3102449fyok.tmp\</t>
  </si>
  <si>
    <t>\\acsfs\profiles$\CLAUDIAJCA\Reneg 18-12\lu3102449fyok.tmp\META-INF\</t>
  </si>
  <si>
    <t>\\acsfs\profiles$\CLAUDIAJCA\Reneg 18-12\lu3102449fyok.tmp\Thumbnails\</t>
  </si>
  <si>
    <t>01/17/2020 13:13:58</t>
  </si>
  <si>
    <t>01/17/2020 13:18:45</t>
  </si>
  <si>
    <t>aebe7aca-fb18-4912-b96e-e63bc81f6e78.tmp</t>
  </si>
  <si>
    <t>\\acsfs\profiles$\quindaizaagds\Downloads\aebe7aca-fb18-4912-b96e-e63bc81f6e78.tmp</t>
  </si>
  <si>
    <t>01/17/2020 13:15:06</t>
  </si>
  <si>
    <t>01/17/2020 13:15:10</t>
  </si>
  <si>
    <t>01/17/2020 13:15:20</t>
  </si>
  <si>
    <t>01/17/2020 13:15:28</t>
  </si>
  <si>
    <t>01/17/2020 13:17:27</t>
  </si>
  <si>
    <t>01/17/2020 13:17:47</t>
  </si>
  <si>
    <t>01/17/2020 13:17:58</t>
  </si>
  <si>
    <t>01/17/2020 13:18:01</t>
  </si>
  <si>
    <t>01/17/2020 13:18:04</t>
  </si>
  <si>
    <t>01/17/2020 13:18:10</t>
  </si>
  <si>
    <t>01/17/2020 13:18:13</t>
  </si>
  <si>
    <t>01/17/2020 13:17:45</t>
  </si>
  <si>
    <t>01/17/2020 13:19:46</t>
  </si>
  <si>
    <t>01/17/2020 13:16:25</t>
  </si>
  <si>
    <t>a61a06c0-dc9f-48f8-998e-801c70d86f5c.tmp</t>
  </si>
  <si>
    <t>\\acsfs\profiles$\regisedsj\Downloads\a61a06c0-dc9f-48f8-998e-801c70d86f5c.tmp</t>
  </si>
  <si>
    <t>01/17/2020 13:19:18</t>
  </si>
  <si>
    <t>76198efa-9fb1-484f-9484-763852361433.tmp</t>
  </si>
  <si>
    <t>\\acsfs\profiles$\regisedsj\Downloads\76198efa-9fb1-484f-9484-763852361433.tmp</t>
  </si>
  <si>
    <t>01/17/2020 13:15:53</t>
  </si>
  <si>
    <t>01/17/2020 13:20:46</t>
  </si>
  <si>
    <t>01/17/2020 13:15:58</t>
  </si>
  <si>
    <t>lu1132010ucmt.tmp</t>
  </si>
  <si>
    <t>\\acsfs\profiles$\ISABELLEGTDS\Nova pasta\lu1132010ucmt.tmp</t>
  </si>
  <si>
    <t>\\acsfs\profiles$\ISABELLEGTDS\Nova pasta\lu1132010ucmt.tmp\</t>
  </si>
  <si>
    <t>\\acsfs\profiles$\ISABELLEGTDS\Nova pasta\lu1132010ucmt.tmp\META-INF\</t>
  </si>
  <si>
    <t>\\acsfs\profiles$\ISABELLEGTDS\Nova pasta\lu1132010ucmt.tmp\Thumbnails\</t>
  </si>
  <si>
    <t>01/17/2020 13:17:03</t>
  </si>
  <si>
    <t>.~lock.isabelle 17.01.20.ods#</t>
  </si>
  <si>
    <t>\\acsfs\profiles$\ISABELLEGTDS\Nova pasta\.~lock.isabelle 17.01.20.ods#</t>
  </si>
  <si>
    <t>01/17/2020 13:17:09</t>
  </si>
  <si>
    <t>lu1132010ucmy.tmp</t>
  </si>
  <si>
    <t>\\acsfs\profiles$\ISABELLEGTDS\Nova pasta\lu1132010ucmy.tmp</t>
  </si>
  <si>
    <t>\\acsfs\profiles$\ISABELLEGTDS\Nova pasta\lu1132010ucmy.tmp\</t>
  </si>
  <si>
    <t>\\acsfs\profiles$\ISABELLEGTDS\Nova pasta\lu1132010ucmy.tmp\META-INF\</t>
  </si>
  <si>
    <t>\\acsfs\profiles$\ISABELLEGTDS\Nova pasta\lu1132010ucmy.tmp\Thumbnails\</t>
  </si>
  <si>
    <t>01/17/2020 13:18:24</t>
  </si>
  <si>
    <t>01/17/2020 13:21:47</t>
  </si>
  <si>
    <t>01/17/2020 13:18:54</t>
  </si>
  <si>
    <t>01/17/2020 13:19:38</t>
  </si>
  <si>
    <t>01/17/2020 13:18:38</t>
  </si>
  <si>
    <t>01/17/2020 13:22:46</t>
  </si>
  <si>
    <t>01/17/2020 13:22:22</t>
  </si>
  <si>
    <t>01/17/2020 13:23:47</t>
  </si>
  <si>
    <t>01/17/2020 13:22:20</t>
  </si>
  <si>
    <t>lu84766u4bm.tmp</t>
  </si>
  <si>
    <t>\\acsfs\ACS\Gabriel da Silva\Contemporânea\lu84766u4bm.tmp</t>
  </si>
  <si>
    <t>\\acsfs\ACS\Gabriel da Silva\Contemporânea\lu84766u4bm.tmp\Basic\</t>
  </si>
  <si>
    <t>\\acsfs\ACS\Gabriel da Silva\Contemporânea\lu84766u4bm.tmp\Basic\Standard\</t>
  </si>
  <si>
    <t>Sheet1.xml</t>
  </si>
  <si>
    <t>\\acsfs\ACS\Gabriel da Silva\Contemporânea\lu84766u4bm.tmp\Basic\VBAProject\</t>
  </si>
  <si>
    <t>01/17/2020 13:22:23</t>
  </si>
  <si>
    <t>\\acsfs\ACS\Gabriel da Silva\Contemporânea\lu84766u4bm.tmp\</t>
  </si>
  <si>
    <t>\\acsfs\ACS\Gabriel da Silva\Contemporânea\lu84766u4bm.tmp\META-INF\</t>
  </si>
  <si>
    <t>\\acsfs\ACS\Gabriel da Silva\Contemporânea\lu84766u4bm.tmp\Thumbnails\</t>
  </si>
  <si>
    <t>01/17/2020 13:22:30</t>
  </si>
  <si>
    <t>01/17/2020 13:22:44</t>
  </si>
  <si>
    <t>01/17/2020 13:19:21</t>
  </si>
  <si>
    <t>01/17/2020 13:24:46</t>
  </si>
  <si>
    <t>784dbfbe-b45f-4b7d-82f4-913f7cd1a213.tmp</t>
  </si>
  <si>
    <t>\\acsfs\profiles$\leticiala\Downloads\784dbfbe-b45f-4b7d-82f4-913f7cd1a213.tmp</t>
  </si>
  <si>
    <t>01/17/2020 13:20:58</t>
  </si>
  <si>
    <t>100272fd-60e6-4875-a621-280951acc11f.tmp</t>
  </si>
  <si>
    <t>\\acsfs\profiles$\PEDROHAB\Downloads\100272fd-60e6-4875-a621-280951acc11f.tmp</t>
  </si>
  <si>
    <t>01/17/2020 13:21:45</t>
  </si>
  <si>
    <t>01/17/2020 13:26:46</t>
  </si>
  <si>
    <t>01/17/2020 13:22:56</t>
  </si>
  <si>
    <t>01/17/2020 13:26:02</t>
  </si>
  <si>
    <t>01/17/2020 13:23:09</t>
  </si>
  <si>
    <t>01/17/2020 13:23:54</t>
  </si>
  <si>
    <t>01/17/2020 13:28:46</t>
  </si>
  <si>
    <t>01/17/2020 13:23:59</t>
  </si>
  <si>
    <t>lu12012129m2s.tmp</t>
  </si>
  <si>
    <t>\\acsfs\profiles$\LUCASBS\RENEG BV\Consolidado\lu12012129m2s.tmp</t>
  </si>
  <si>
    <t>\\acsfs\profiles$\LUCASBS\RENEG BV\Consolidado\lu12012129m2s.tmp\</t>
  </si>
  <si>
    <t>\\acsfs\profiles$\LUCASBS\RENEG BV\Consolidado\lu12012129m2s.tmp\META-INF\</t>
  </si>
  <si>
    <t>\\acsfs\profiles$\LUCASBS\RENEG BV\Consolidado\lu12012129m2s.tmp\Thumbnails\</t>
  </si>
  <si>
    <t>01/17/2020 13:24:21</t>
  </si>
  <si>
    <t>01/17/2020 13:24:23</t>
  </si>
  <si>
    <t>lu84766u4bx.tmp</t>
  </si>
  <si>
    <t>\\acsfs\ACS\Gabriel da Silva\Contemporânea\lu84766u4bx.tmp</t>
  </si>
  <si>
    <t>\\acsfs\ACS\Gabriel da Silva\Contemporânea\lu84766u4bx.tmp\Basic\</t>
  </si>
  <si>
    <t>\\acsfs\ACS\Gabriel da Silva\Contemporânea\lu84766u4bx.tmp\Basic\Standard\</t>
  </si>
  <si>
    <t>\\acsfs\ACS\Gabriel da Silva\Contemporânea\lu84766u4bx.tmp\Basic\VBAProject\</t>
  </si>
  <si>
    <t>\\acsfs\ACS\Gabriel da Silva\Contemporânea\lu84766u4bx.tmp\</t>
  </si>
  <si>
    <t>\\acsfs\ACS\Gabriel da Silva\Contemporânea\lu84766u4bx.tmp\META-INF\</t>
  </si>
  <si>
    <t>\\acsfs\ACS\Gabriel da Silva\Contemporânea\lu84766u4bx.tmp\Thumbnails\</t>
  </si>
  <si>
    <t>01/17/2020 13:27:11</t>
  </si>
  <si>
    <t>01/17/2020 13:29:46</t>
  </si>
  <si>
    <t>01/17/2020 13:26:20</t>
  </si>
  <si>
    <t>01/17/2020 13:26:45</t>
  </si>
  <si>
    <t>01/17/2020 13:30:46</t>
  </si>
  <si>
    <t>01/17/2020 13:26:49</t>
  </si>
  <si>
    <t>01/17/2020 13:26:35</t>
  </si>
  <si>
    <t>01/17/2020 13:31:46</t>
  </si>
  <si>
    <t>celiarl@algartech.com;celiarl@algartecnologia.com.br;</t>
  </si>
  <si>
    <t>celiarl@algartech.com,celiarl@algartecnologia.com.br</t>
  </si>
  <si>
    <t>01/17/2020 13:26:41</t>
  </si>
  <si>
    <t>01/17/2020 13:28:58</t>
  </si>
  <si>
    <t>01/17/2020 13:30:59</t>
  </si>
  <si>
    <t>01/17/2020 13:30:12</t>
  </si>
  <si>
    <t>01/17/2020 13:30:04</t>
  </si>
  <si>
    <t>01/17/2020 13:32:46</t>
  </si>
  <si>
    <t>01/17/2020 13:32:26</t>
  </si>
  <si>
    <t>01/17/2020 13:34:07</t>
  </si>
  <si>
    <t>01/17/2020 13:35:46</t>
  </si>
  <si>
    <t>1.PNG</t>
  </si>
  <si>
    <t>\\acsfs\ACS\001 - Qualidade Lilian\PAULO\Pasta Tainara\1.PNG</t>
  </si>
  <si>
    <t>01/17/2020 13:34:31</t>
  </si>
  <si>
    <t>2.PNG</t>
  </si>
  <si>
    <t>\\acsfs\ACS\001 - Qualidade Lilian\PAULO\Pasta Tainara\2.PNG</t>
  </si>
  <si>
    <t>01/17/2020 13:33:09</t>
  </si>
  <si>
    <t>01/17/2020 13:36:46</t>
  </si>
  <si>
    <t>01/17/2020 13:33:28</t>
  </si>
  <si>
    <t>01/17/2020 13:33:42</t>
  </si>
  <si>
    <t>01/17/2020 13:33:47</t>
  </si>
  <si>
    <t>01/17/2020 13:31:32</t>
  </si>
  <si>
    <t>01/17/2020 13:31:57</t>
  </si>
  <si>
    <t>179bf8d6-3be4-4ac4-81e6-233629cd9868.tmp</t>
  </si>
  <si>
    <t>\\acsfs\profiles$\sarahbal\Downloads\179bf8d6-3be4-4ac4-81e6-233629cd9868.tmp</t>
  </si>
  <si>
    <t>01/17/2020 13:35:37</t>
  </si>
  <si>
    <t>01/17/2020 13:37:46</t>
  </si>
  <si>
    <t>01/17/2020 13:35:53</t>
  </si>
  <si>
    <t>01/17/2020 13:35:54</t>
  </si>
  <si>
    <t>lu50524b9j4z.tmp</t>
  </si>
  <si>
    <t>\\acsfs\profiles$\LUISPLS\My Documents\Nova pasta\lu50524b9j4z.tmp</t>
  </si>
  <si>
    <t>\\acsfs\profiles$\LUISPLS\My Documents\Nova pasta\lu50524b9j4z.tmp\</t>
  </si>
  <si>
    <t>\\acsfs\profiles$\LUISPLS\My Documents\Nova pasta\lu50524b9j4z.tmp\META-INF\</t>
  </si>
  <si>
    <t>\\acsfs\profiles$\LUISPLS\My Documents\Nova pasta\lu50524b9j4z.tmp\Thumbnails\</t>
  </si>
  <si>
    <t>01/17/2020 13:38:46</t>
  </si>
  <si>
    <t>01/17/2020 13:34:12</t>
  </si>
  <si>
    <t>fceebff2-cf41-4fd6-89c5-eb748824063c.tmp</t>
  </si>
  <si>
    <t>\\acsfs\profiles$\paulovadc\Downloads\fceebff2-cf41-4fd6-89c5-eb748824063c.tmp</t>
  </si>
  <si>
    <t>01/17/2020 13:37:44</t>
  </si>
  <si>
    <t>01/17/2020 13:40:46</t>
  </si>
  <si>
    <t>051a664c-8b76-4c55-aae8-2523aafbdd4f.tmp</t>
  </si>
  <si>
    <t>\\acsfs\profiles$\ayalabfi\Downloads\051a664c-8b76-4c55-aae8-2523aafbdd4f.tmp</t>
  </si>
  <si>
    <t>01/17/2020 13:35:11</t>
  </si>
  <si>
    <t>3.PNG</t>
  </si>
  <si>
    <t>\\acsfs\ACS\001 - Qualidade Lilian\PAULO\Pasta Tainara\3.PNG</t>
  </si>
  <si>
    <t>01/17/2020 13:35:43</t>
  </si>
  <si>
    <t>4.PNG</t>
  </si>
  <si>
    <t>\\acsfs\ACS\001 - Qualidade Lilian\PAULO\Pasta Tainara\4.PNG</t>
  </si>
  <si>
    <t>01/17/2020 13:36:47</t>
  </si>
  <si>
    <t>01/17/2020 13:40:04</t>
  </si>
  <si>
    <t>01/17/2020 13:39:20</t>
  </si>
  <si>
    <t>01/17/2020 13:41:47</t>
  </si>
  <si>
    <t>01/17/2020 13:38:58</t>
  </si>
  <si>
    <t>01/17/2020 13:42:46</t>
  </si>
  <si>
    <t>01/17/2020 13:42:07</t>
  </si>
  <si>
    <t>01/17/2020 13:42:13</t>
  </si>
  <si>
    <t>lu3102449fyox.tmp</t>
  </si>
  <si>
    <t>\\acsfs\profiles$\CLAUDIAJCA\Reneg 18-12\lu3102449fyox.tmp</t>
  </si>
  <si>
    <t>\\acsfs\profiles$\CLAUDIAJCA\Reneg 18-12\lu3102449fyox.tmp\</t>
  </si>
  <si>
    <t>\\acsfs\profiles$\CLAUDIAJCA\Reneg 18-12\lu3102449fyox.tmp\META-INF\</t>
  </si>
  <si>
    <t>\\acsfs\profiles$\CLAUDIAJCA\Reneg 18-12\lu3102449fyox.tmp\Thumbnails\</t>
  </si>
  <si>
    <t>01/17/2020 13:41:12</t>
  </si>
  <si>
    <t>01/17/2020 13:43:47</t>
  </si>
  <si>
    <t>94add22c-481f-443e-9e1b-a5ed57aeaa61.tmp</t>
  </si>
  <si>
    <t>\\acsfs\profiles$\KARENJSS\Downloads\94add22c-481f-443e-9e1b-a5ed57aeaa61.tmp</t>
  </si>
  <si>
    <t>01/17/2020 13:42:48</t>
  </si>
  <si>
    <t>3eaada40-c07f-4c0f-b256-867143a12cd6.tmp</t>
  </si>
  <si>
    <t>\\acsfs\profiles$\KARENJSS\Downloads\3eaada40-c07f-4c0f-b256-867143a12cd6.tmp</t>
  </si>
  <si>
    <t>01/17/2020 13:38:41</t>
  </si>
  <si>
    <t>01/17/2020 13:41:45</t>
  </si>
  <si>
    <t>c39579cd-eec4-415a-920d-f7a4c5e7ec70.tmp</t>
  </si>
  <si>
    <t>\\acsfs\profiles$\inarajst\Downloads\c39579cd-eec4-415a-920d-f7a4c5e7ec70.tmp</t>
  </si>
  <si>
    <t>01/17/2020 13:42:10</t>
  </si>
  <si>
    <t>b2aee2cc-95ba-4018-afc3-40d07b8a82c5.tmp</t>
  </si>
  <si>
    <t>\\acsfs\profiles$\inarajst\Downloads\b2aee2cc-95ba-4018-afc3-40d07b8a82c5.tmp</t>
  </si>
  <si>
    <t>01/17/2020 13:41:59</t>
  </si>
  <si>
    <t>01/17/2020 13:42:02</t>
  </si>
  <si>
    <t>lu84766u4ca.tmp</t>
  </si>
  <si>
    <t>\\acsfs\ACS\Gabriel da Silva\Contemporânea\lu84766u4ca.tmp</t>
  </si>
  <si>
    <t>\\acsfs\ACS\Gabriel da Silva\Contemporânea\lu84766u4ca.tmp\Basic\</t>
  </si>
  <si>
    <t>\\acsfs\ACS\Gabriel da Silva\Contemporânea\lu84766u4ca.tmp\Basic\Standard\</t>
  </si>
  <si>
    <t>\\acsfs\ACS\Gabriel da Silva\Contemporânea\lu84766u4ca.tmp\Basic\VBAProject\</t>
  </si>
  <si>
    <t>\\acsfs\ACS\Gabriel da Silva\Contemporânea\lu84766u4ca.tmp\</t>
  </si>
  <si>
    <t>\\acsfs\ACS\Gabriel da Silva\Contemporânea\lu84766u4ca.tmp\META-INF\</t>
  </si>
  <si>
    <t>\\acsfs\ACS\Gabriel da Silva\Contemporânea\lu84766u4ca.tmp\Thumbnails\</t>
  </si>
  <si>
    <t>01/17/2020 13:38:53</t>
  </si>
  <si>
    <t>lu649212c9ob.tmp</t>
  </si>
  <si>
    <t>\\acsfs\profiles$\FLAVIOJMM\My Documents\lu649212c9ob.tmp</t>
  </si>
  <si>
    <t>\\acsfs\profiles$\FLAVIOJMM\My Documents\lu649212c9ob.tmp\</t>
  </si>
  <si>
    <t>\\acsfs\profiles$\FLAVIOJMM\My Documents\lu649212c9ob.tmp\META-INF\</t>
  </si>
  <si>
    <t>\\acsfs\profiles$\FLAVIOJMM\My Documents\lu649212c9ob.tmp\Thumbnails\</t>
  </si>
  <si>
    <t>01/17/2020 13:42:18</t>
  </si>
  <si>
    <t>01/17/2020 13:45:47</t>
  </si>
  <si>
    <t>bff6873a-6ef9-4001-881b-6c61f8814782.tmp</t>
  </si>
  <si>
    <t>\\acsfs\profiles$\georgendsq\Downloads\bff6873a-6ef9-4001-881b-6c61f8814782.tmp</t>
  </si>
  <si>
    <t>01/17/2020 13:43:31</t>
  </si>
  <si>
    <t>d67ee8f3-94fb-41df-a8eb-10909d779f8a.tmp</t>
  </si>
  <si>
    <t>\\acsfs\profiles$\georgendsq\Downloads\d67ee8f3-94fb-41df-a8eb-10909d779f8a.tmp</t>
  </si>
  <si>
    <t>01/17/2020 13:44:23</t>
  </si>
  <si>
    <t>607f5ae5-91c9-4216-b081-d1397677379d.tmp</t>
  </si>
  <si>
    <t>\\acsfs\profiles$\georgendsq\Downloads\607f5ae5-91c9-4216-b081-d1397677379d.tmp</t>
  </si>
  <si>
    <t>01/17/2020 13:44:44</t>
  </si>
  <si>
    <t>263f4601-f434-4bda-aa56-f705db9325e7.tmp</t>
  </si>
  <si>
    <t>\\acsfs\profiles$\georgendsq\Downloads\263f4601-f434-4bda-aa56-f705db9325e7.tmp</t>
  </si>
  <si>
    <t>01/17/2020 13:41:50</t>
  </si>
  <si>
    <t>ANDREZA CAROLINE AGUIAR PIRES FERREIRA (13464).contact</t>
  </si>
  <si>
    <t>\\acsfs\profiles$\andrezacapf\Contacts\ANDREZA CAROLINE AGUIAR PIRES FERREIRA (13464).contact</t>
  </si>
  <si>
    <t>01/17/2020 13:41:57</t>
  </si>
  <si>
    <t>01/17/2020 13:41:58</t>
  </si>
  <si>
    <t>01/17/2020 13:42:00</t>
  </si>
  <si>
    <t>01/17/2020 13:42:01</t>
  </si>
  <si>
    <t>01/17/2020 13:42:11</t>
  </si>
  <si>
    <t>01/17/2020 13:42:52</t>
  </si>
  <si>
    <t>a20be6ee-c1c3-48d2-b84a-154ff6d06e10.tmp</t>
  </si>
  <si>
    <t>\\acsfs\profiles$\andrezacapf\Downloads\a20be6ee-c1c3-48d2-b84a-154ff6d06e10.tmp</t>
  </si>
  <si>
    <t>01/17/2020 13:42:57</t>
  </si>
  <si>
    <t>82491025-aa4c-43c8-b634-070f84c5544e.tmp</t>
  </si>
  <si>
    <t>\\acsfs\profiles$\andrezacapf\Downloads\82491025-aa4c-43c8-b634-070f84c5544e.tmp</t>
  </si>
  <si>
    <t>01/17/2020 13:43:30</t>
  </si>
  <si>
    <t>3aebb08d-3cb3-4859-9408-29c8f12ea11f.tmp</t>
  </si>
  <si>
    <t>\\acsfs\profiles$\andrezacapf\Downloads\3aebb08d-3cb3-4859-9408-29c8f12ea11f.tmp</t>
  </si>
  <si>
    <t>01/17/2020 13:43:36</t>
  </si>
  <si>
    <t>a833ba76-63d6-4d40-8f95-639371a9d175.tmp</t>
  </si>
  <si>
    <t>\\acsfs\profiles$\andrezacapf\Downloads\a833ba76-63d6-4d40-8f95-639371a9d175.tmp</t>
  </si>
  <si>
    <t>01/17/2020 13:43:42</t>
  </si>
  <si>
    <t>17372549-9f38-4514-9ec2-c24481901cf7.tmp</t>
  </si>
  <si>
    <t>\\acsfs\profiles$\andrezacapf\Downloads\17372549-9f38-4514-9ec2-c24481901cf7.tmp</t>
  </si>
  <si>
    <t>01/17/2020 13:43:46</t>
  </si>
  <si>
    <t>32436099-dd2d-4757-b297-3996b1dde580.tmp</t>
  </si>
  <si>
    <t>\\acsfs\profiles$\andrezacapf\Downloads\32436099-dd2d-4757-b297-3996b1dde580.tmp</t>
  </si>
  <si>
    <t>01/17/2020 13:45:18</t>
  </si>
  <si>
    <t>b9008100-d12e-437d-a42c-75a74018f95c.tmp</t>
  </si>
  <si>
    <t>\\acsfs\profiles$\andrezacapf\Downloads\b9008100-d12e-437d-a42c-75a74018f95c.tmp</t>
  </si>
  <si>
    <t>01/17/2020 13:42:40</t>
  </si>
  <si>
    <t>14c77ff2-a667-40cd-8436-f8a1581fa701.tmp</t>
  </si>
  <si>
    <t>\\acsfs\profiles$\esterasg\Downloads\14c77ff2-a667-40cd-8436-f8a1581fa701.tmp</t>
  </si>
  <si>
    <t>01/17/2020 13:42:23</t>
  </si>
  <si>
    <t>712f3542-3e32-4d94-a567-cb62bb5a2272.tmp</t>
  </si>
  <si>
    <t>\\acsfs\profiles$\nathaliaos\Downloads\712f3542-3e32-4d94-a567-cb62bb5a2272.tmp</t>
  </si>
  <si>
    <t>01/17/2020 13:43:51</t>
  </si>
  <si>
    <t>bd3a5bea-484e-499d-9795-7a3049162ea3.tmp</t>
  </si>
  <si>
    <t>\\acsfs\profiles$\nathaliaos\Downloads\bd3a5bea-484e-499d-9795-7a3049162ea3.tmp</t>
  </si>
  <si>
    <t>01/17/2020 13:41:11</t>
  </si>
  <si>
    <t>2ca200c2-ed0f-4f12-8fb0-ae122429c816.tmp</t>
  </si>
  <si>
    <t>\\acsfs\profiles$\mariajra\Downloads\2ca200c2-ed0f-4f12-8fb0-ae122429c816.tmp</t>
  </si>
  <si>
    <t>01/17/2020 13:44:38</t>
  </si>
  <si>
    <t>01/17/2020 13:46:46</t>
  </si>
  <si>
    <t>Joao Qualidade.PNG</t>
  </si>
  <si>
    <t>01/17/2020 13:45:04</t>
  </si>
  <si>
    <t>01/17/2020 13:46:05</t>
  </si>
  <si>
    <t>01/17/2020 13:42:53</t>
  </si>
  <si>
    <t>01/17/2020 13:45:12</t>
  </si>
  <si>
    <t>01/17/2020 13:47:46</t>
  </si>
  <si>
    <t>01/17/2020 13:46:37</t>
  </si>
  <si>
    <t>d519b901-d6d3-4c95-b6dc-7921f7d563db.tmp</t>
  </si>
  <si>
    <t>\\acsfs\profiles$\ingridsm\Downloads\d519b901-d6d3-4c95-b6dc-7921f7d563db.tmp</t>
  </si>
  <si>
    <t>01/17/2020 13:44:04</t>
  </si>
  <si>
    <t>01/17/2020 13:48:46</t>
  </si>
  <si>
    <t>c297f8e9-b0c8-4548-b374-18ae61520c37.tmp</t>
  </si>
  <si>
    <t>\\acsfs\profiles$\KARENJSS\Downloads\c297f8e9-b0c8-4548-b374-18ae61520c37.tmp</t>
  </si>
  <si>
    <t>01/17/2020 13:46:51</t>
  </si>
  <si>
    <t>lu12012129m35.tmp</t>
  </si>
  <si>
    <t>\\acsfs\profiles$\LUCASBS\RENEG BV\Consolidado\lu12012129m35.tmp</t>
  </si>
  <si>
    <t>\\acsfs\profiles$\LUCASBS\RENEG BV\Consolidado\lu12012129m35.tmp\</t>
  </si>
  <si>
    <t>\\acsfs\profiles$\LUCASBS\RENEG BV\Consolidado\lu12012129m35.tmp\META-INF\</t>
  </si>
  <si>
    <t>\\acsfs\profiles$\LUCASBS\RENEG BV\Consolidado\lu12012129m35.tmp\Thumbnails\</t>
  </si>
  <si>
    <t>01/17/2020 13:44:29</t>
  </si>
  <si>
    <t>01/17/2020 13:44:36</t>
  </si>
  <si>
    <t>lu649212c9og.tmp</t>
  </si>
  <si>
    <t>\\acsfs\profiles$\FLAVIOJMM\My Documents\lu649212c9og.tmp</t>
  </si>
  <si>
    <t>\\acsfs\profiles$\FLAVIOJMM\My Documents\lu649212c9og.tmp\</t>
  </si>
  <si>
    <t>\\acsfs\profiles$\FLAVIOJMM\My Documents\lu649212c9og.tmp\META-INF\</t>
  </si>
  <si>
    <t>\\acsfs\profiles$\FLAVIOJMM\My Documents\lu649212c9og.tmp\Thumbnails\</t>
  </si>
  <si>
    <t>01/17/2020 13:45:24</t>
  </si>
  <si>
    <t>01/17/2020 13:49:46</t>
  </si>
  <si>
    <t>01779c85-8338-4e6a-acbd-e0a2c97219c6.tmp</t>
  </si>
  <si>
    <t>\\acsfs\profiles$\brendadsl\Downloads\01779c85-8338-4e6a-acbd-e0a2c97219c6.tmp</t>
  </si>
  <si>
    <t>01/17/2020 13:45:26</t>
  </si>
  <si>
    <t>eedc7147-d474-42f0-a726-f03f8c300c09.tmp</t>
  </si>
  <si>
    <t>\\acsfs\profiles$\brendadsl\Downloads\eedc7147-d474-42f0-a726-f03f8c300c09.tmp</t>
  </si>
  <si>
    <t>9ff95df9-1634-4474-a4b4-e56e8e5ed58a.tmp</t>
  </si>
  <si>
    <t>\\acsfs\profiles$\brendadsl\Downloads\9ff95df9-1634-4474-a4b4-e56e8e5ed58a.tmp</t>
  </si>
  <si>
    <t>01/17/2020 13:45:28</t>
  </si>
  <si>
    <t>10dc38bf-1c21-4506-8d7b-d61f4bb5b464.tmp</t>
  </si>
  <si>
    <t>\\acsfs\profiles$\brendadsl\Downloads\10dc38bf-1c21-4506-8d7b-d61f4bb5b464.tmp</t>
  </si>
  <si>
    <t>01/17/2020 13:45:29</t>
  </si>
  <si>
    <t>605eac5f-d61f-4f73-a8d2-0833c8b41b15.tmp</t>
  </si>
  <si>
    <t>\\acsfs\profiles$\brendadsl\Downloads\605eac5f-d61f-4f73-a8d2-0833c8b41b15.tmp</t>
  </si>
  <si>
    <t>01/17/2020 13:47:24</t>
  </si>
  <si>
    <t>56f01d0e-28f5-413b-9911-d60af58b4f73.tmp</t>
  </si>
  <si>
    <t>\\acsfs\profiles$\brendadsl\Downloads\56f01d0e-28f5-413b-9911-d60af58b4f73.tmp</t>
  </si>
  <si>
    <t>01/17/2020 13:48:21</t>
  </si>
  <si>
    <t>de8c9f16-7c23-4586-8197-899cb0d42857.tmp</t>
  </si>
  <si>
    <t>\\acsfs\profiles$\brendadsl\Downloads\de8c9f16-7c23-4586-8197-899cb0d42857.tmp</t>
  </si>
  <si>
    <t>01/17/2020 13:45:02</t>
  </si>
  <si>
    <t>01/17/2020 13:50:46</t>
  </si>
  <si>
    <t>fa976db5-68c7-4b60-a3a4-c1fdd3802503.tmp</t>
  </si>
  <si>
    <t>\\acsfs\profiles$\georgendsq\Downloads\fa976db5-68c7-4b60-a3a4-c1fdd3802503.tmp</t>
  </si>
  <si>
    <t>01/17/2020 13:46:44</t>
  </si>
  <si>
    <t>01/17/2020 13:49:39</t>
  </si>
  <si>
    <t>01/17/2020 13:49:40</t>
  </si>
  <si>
    <t>01/17/2020 13:45:22</t>
  </si>
  <si>
    <t>584620f1-a286-4dc1-b6d6-7b7c2180932f.tmp</t>
  </si>
  <si>
    <t>\\acsfs\profiles$\andrezacapf\Downloads\584620f1-a286-4dc1-b6d6-7b7c2180932f.tmp</t>
  </si>
  <si>
    <t>01/17/2020 13:50:00</t>
  </si>
  <si>
    <t>01/17/2020 13:49:41</t>
  </si>
  <si>
    <t>01/17/2020 13:50:01</t>
  </si>
  <si>
    <t>01/17/2020 13:49:43</t>
  </si>
  <si>
    <t>01/17/2020 13:50:02</t>
  </si>
  <si>
    <t>01/17/2020 13:50:03</t>
  </si>
  <si>
    <t>01/17/2020 13:50:04</t>
  </si>
  <si>
    <t>01/17/2020 13:50:05</t>
  </si>
  <si>
    <t>01/17/2020 13:50:06</t>
  </si>
  <si>
    <t>01/17/2020 13:49:36</t>
  </si>
  <si>
    <t>01/17/2020 13:50:07</t>
  </si>
  <si>
    <t>01/17/2020 13:50:08</t>
  </si>
  <si>
    <t>01/17/2020 13:50:09</t>
  </si>
  <si>
    <t>01/17/2020 13:50:10</t>
  </si>
  <si>
    <t>01/17/2020 13:50:11</t>
  </si>
  <si>
    <t>01/17/2020 13:47:23</t>
  </si>
  <si>
    <t>01/17/2020 13:51:46</t>
  </si>
  <si>
    <t>01/17/2020 13:48:12</t>
  </si>
  <si>
    <t>Joao NPS.PNG</t>
  </si>
  <si>
    <t>01/17/2020 13:46:35</t>
  </si>
  <si>
    <t>01/17/2020 13:47:05</t>
  </si>
  <si>
    <t>01/17/2020 13:47:35</t>
  </si>
  <si>
    <t>01/17/2020 13:51:30</t>
  </si>
  <si>
    <t>Agent State Details 16.01.2020.xlsx</t>
  </si>
  <si>
    <t>\\acsfs\deptos\Operacao\PCP\5 - Comum\PLANEJAMENTO BV\23 - EXTRAÇÕES\Agent State Details\2020\JANEIRO\Agent State Details 16.01.2020.xlsx</t>
  </si>
  <si>
    <t>01/17/2020 13:48:10</t>
  </si>
  <si>
    <t>01/17/2020 13:53:46</t>
  </si>
  <si>
    <t>cdbba443-4556-43e0-ad89-51d119156ec6.tmp</t>
  </si>
  <si>
    <t>\\acsfs\profiles$\ingridsm\Downloads\cdbba443-4556-43e0-ad89-51d119156ec6.tmp</t>
  </si>
  <si>
    <t>01/17/2020 13:48:31</t>
  </si>
  <si>
    <t>dd8f2301-4c71-40d8-8f37-a318cf76fb20.tmp</t>
  </si>
  <si>
    <t>\\acsfs\profiles$\ingridsm\Downloads\dd8f2301-4c71-40d8-8f37-a318cf76fb20.tmp</t>
  </si>
  <si>
    <t>01/17/2020 13:48:16</t>
  </si>
  <si>
    <t>f7b9d0d0-30ae-45ce-bef6-cd9517a6fb1b.tmp</t>
  </si>
  <si>
    <t>\\acsfs\profiles$\gabrielamdp\Downloads\f7b9d0d0-30ae-45ce-bef6-cd9517a6fb1b.tmp</t>
  </si>
  <si>
    <t>01/17/2020 13:48:18</t>
  </si>
  <si>
    <t>90b61c67-20a9-4822-b0b2-a342ee434efc.tmp</t>
  </si>
  <si>
    <t>\\acsfs\profiles$\gabrielamdp\Downloads\90b61c67-20a9-4822-b0b2-a342ee434efc.tmp</t>
  </si>
  <si>
    <t>01/17/2020 13:50:49</t>
  </si>
  <si>
    <t>8fae46f4-3945-4dcd-9b9d-afb0e26c902b.tmp</t>
  </si>
  <si>
    <t>\\acsfs\profiles$\gabrielamdp\Downloads\8fae46f4-3945-4dcd-9b9d-afb0e26c902b.tmp</t>
  </si>
  <si>
    <t>01/17/2020 13:52:13</t>
  </si>
  <si>
    <t>01/17/2020 13:52:08</t>
  </si>
  <si>
    <t>01/17/2020 13:52:54</t>
  </si>
  <si>
    <t>01/17/2020 13:50:50</t>
  </si>
  <si>
    <t>01/17/2020 13:48:54</t>
  </si>
  <si>
    <t>01/17/2020 13:52:18</t>
  </si>
  <si>
    <t>Dimensionamento_Janeiro Financeira_3ºCiclo.xlsx</t>
  </si>
  <si>
    <t>\\acsfs\DEPTOS\Operacao\Banco_Votorantim\Qualidade\Eliane\Dimensionamento_Janeiro Financeira_3ºCiclo.xlsx</t>
  </si>
  <si>
    <t>01/17/2020 13:55:46</t>
  </si>
  <si>
    <t>VICTOR GARCIA LEMOS (23201).contact</t>
  </si>
  <si>
    <t>\\acsfs\profiles$\victorgl\Contacts\VICTOR GARCIA LEMOS (23201).contact</t>
  </si>
  <si>
    <t>01/17/2020 13:52:14</t>
  </si>
  <si>
    <t>01/17/2020 13:52:30</t>
  </si>
  <si>
    <t>01/17/2020 13:52:31</t>
  </si>
  <si>
    <t>01/17/2020 13:52:32</t>
  </si>
  <si>
    <t>01/17/2020 13:52:33</t>
  </si>
  <si>
    <t>01/17/2020 13:52:34</t>
  </si>
  <si>
    <t>01/17/2020 13:52:35</t>
  </si>
  <si>
    <t>01/17/2020 13:52:36</t>
  </si>
  <si>
    <t>01/17/2020 13:52:37</t>
  </si>
  <si>
    <t>01/17/2020 13:52:38</t>
  </si>
  <si>
    <t>01/17/2020 13:52:39</t>
  </si>
  <si>
    <t>01/17/2020 13:52:40</t>
  </si>
  <si>
    <t>01/17/2020 13:53:12</t>
  </si>
  <si>
    <t>01/17/2020 13:53:14</t>
  </si>
  <si>
    <t>01/17/2020 13:53:15</t>
  </si>
  <si>
    <t>01/17/2020 13:53:17</t>
  </si>
  <si>
    <t>01/17/2020 13:50:41</t>
  </si>
  <si>
    <t>dcbce88d-dd7f-4248-9c17-75596ed752d6.tmp</t>
  </si>
  <si>
    <t>\\acsfs\profiles$\THYAGOSP\Downloads\dcbce88d-dd7f-4248-9c17-75596ed752d6.tmp</t>
  </si>
  <si>
    <t>01/17/2020 13:50:12</t>
  </si>
  <si>
    <t>01/17/2020 13:50:13</t>
  </si>
  <si>
    <t>01/17/2020 13:50:14</t>
  </si>
  <si>
    <t>01/17/2020 13:50:15</t>
  </si>
  <si>
    <t>01/17/2020 13:54:40</t>
  </si>
  <si>
    <t>01/17/2020 13:50:16</t>
  </si>
  <si>
    <t>01/17/2020 13:50:17</t>
  </si>
  <si>
    <t>01/17/2020 13:50:18</t>
  </si>
  <si>
    <t>01/17/2020 13:50:19</t>
  </si>
  <si>
    <t>01/17/2020 13:50:20</t>
  </si>
  <si>
    <t>01/17/2020 13:50:21</t>
  </si>
  <si>
    <t>01/17/2020 13:51:35</t>
  </si>
  <si>
    <t>6fd681e6-3e56-4684-a103-e212adadb36b.tmp</t>
  </si>
  <si>
    <t>\\acsfs\profiles$\andrezacapf\Downloads\6fd681e6-3e56-4684-a103-e212adadb36b.tmp</t>
  </si>
  <si>
    <t>01/17/2020 13:50:51</t>
  </si>
  <si>
    <t>01/17/2020 13:50:53</t>
  </si>
  <si>
    <t>01/17/2020 13:51:24</t>
  </si>
  <si>
    <t>01/17/2020 13:56:46</t>
  </si>
  <si>
    <t>01/17/2020 13:51:42</t>
  </si>
  <si>
    <t>01/17/2020 13:51:48</t>
  </si>
  <si>
    <t>01/17/2020 13:54:41</t>
  </si>
  <si>
    <t>673f9414-45f6-4ccd-8eb3-ca04001950bd.tmp</t>
  </si>
  <si>
    <t>\\acsfs\profiles$\regisadsa\Downloads\673f9414-45f6-4ccd-8eb3-ca04001950bd.tmp</t>
  </si>
  <si>
    <t>01/17/2020 13:55:53</t>
  </si>
  <si>
    <t>4c099c64-d19c-4584-a676-59f92bb87be4.tmp</t>
  </si>
  <si>
    <t>\\acsfs\profiles$\regisadsa\Downloads\4c099c64-d19c-4584-a676-59f92bb87be4.tmp</t>
  </si>
  <si>
    <t>01/17/2020 13:54:53</t>
  </si>
  <si>
    <t>01/17/2020 13:53:38</t>
  </si>
  <si>
    <t>01/17/2020 13:54:08</t>
  </si>
  <si>
    <t>01/17/2020 13:54:38</t>
  </si>
  <si>
    <t>01/17/2020 13:55:09</t>
  </si>
  <si>
    <t>01/17/2020 13:56:03</t>
  </si>
  <si>
    <t>01/17/2020 13:52:27</t>
  </si>
  <si>
    <t>01/17/2020 13:57:46</t>
  </si>
  <si>
    <t>6569e7c4-9e91-42d6-b802-5e0aa8bd2957.tmp</t>
  </si>
  <si>
    <t>\\acsfs\profiles$\luanarda\Downloads\6569e7c4-9e91-42d6-b802-5e0aa8bd2957.tmp</t>
  </si>
  <si>
    <t>01/17/2020 13:52:43</t>
  </si>
  <si>
    <t>01/17/2020 13:53:32</t>
  </si>
  <si>
    <t>01/17/2020 13:58:45</t>
  </si>
  <si>
    <t>b14f7c63-4000-4690-9b52-e5d4a1ef9831.tmp</t>
  </si>
  <si>
    <t>\\acsfs\profiles$\KARENJSS\Downloads\b14f7c63-4000-4690-9b52-e5d4a1ef9831.tmp</t>
  </si>
  <si>
    <t>01/17/2020 13:55:22</t>
  </si>
  <si>
    <t>1ff7a9c2-2ec0-4b50-bb17-f7e1912622ac.tmp</t>
  </si>
  <si>
    <t>\\acsfs\profiles$\KARENJSS\Downloads\1ff7a9c2-2ec0-4b50-bb17-f7e1912622ac.tmp</t>
  </si>
  <si>
    <t>01/17/2020 13:55:28</t>
  </si>
  <si>
    <t>7e3f8fa1-f5da-48b8-ad76-703f4c81bac5.tmp</t>
  </si>
  <si>
    <t>\\acsfs\profiles$\KARENJSS\Downloads\7e3f8fa1-f5da-48b8-ad76-703f4c81bac5.tmp</t>
  </si>
  <si>
    <t>01/17/2020 13:55:31</t>
  </si>
  <si>
    <t>01/17/2020 13:56:28</t>
  </si>
  <si>
    <t>824a75b9-0073-4d01-9fdc-8ba3bab80b59.tmp</t>
  </si>
  <si>
    <t>\\acsfs\profiles$\gabrielamdp\Downloads\824a75b9-0073-4d01-9fdc-8ba3bab80b59.tmp</t>
  </si>
  <si>
    <t>01/17/2020 13:53:52</t>
  </si>
  <si>
    <t>01/17/2020 13:55:10</t>
  </si>
  <si>
    <t>a539fb6e-e00b-4f3e-b5b7-e7b1816073fc.tmp</t>
  </si>
  <si>
    <t>\\acsfs\profiles$\gabrielsma\Downloads\a539fb6e-e00b-4f3e-b5b7-e7b1816073fc.tmp</t>
  </si>
  <si>
    <t>01/17/2020 13:55:26</t>
  </si>
  <si>
    <t>01/17/2020 13:55:13</t>
  </si>
  <si>
    <t>01/17/2020 13:54:31</t>
  </si>
  <si>
    <t>01/17/2020 13:59:46</t>
  </si>
  <si>
    <t>01/17/2020 13:55:18</t>
  </si>
  <si>
    <t>dd84298b-57c1-4982-93cd-18ff211f5aec.tmp</t>
  </si>
  <si>
    <t>\\acsfs\profiles$\larissaad\Downloads\dd84298b-57c1-4982-93cd-18ff211f5aec.tmp</t>
  </si>
  <si>
    <t>dd091f81-5c67-41e3-b09b-6d7c6d69b18d.tmp</t>
  </si>
  <si>
    <t>\\acsfs\profiles$\larissaad\Downloads\dd091f81-5c67-41e3-b09b-6d7c6d69b18d.tmp</t>
  </si>
  <si>
    <t>01/17/2020 13:55:05</t>
  </si>
  <si>
    <t>76a7e1a5-37cd-4797-aa2c-d6c4d22e4b80.tmp</t>
  </si>
  <si>
    <t>\\acsfs\profiles$\rafaelacdoc\Downloads\76a7e1a5-37cd-4797-aa2c-d6c4d22e4b80.tmp</t>
  </si>
  <si>
    <t>01/17/2020 13:55:49</t>
  </si>
  <si>
    <t>01/17/2020 13:54:46</t>
  </si>
  <si>
    <t>boleto_0_30520091820200117075030.pdf</t>
  </si>
  <si>
    <t>01/17/2020 13:54:59</t>
  </si>
  <si>
    <t>01/17/2020 14:00:46</t>
  </si>
  <si>
    <t>7a7593b6-51ed-4c03-a164-75c66934715e.tmp</t>
  </si>
  <si>
    <t>\\acsfs\profiles$\victorgl\Downloads\7a7593b6-51ed-4c03-a164-75c66934715e.tmp</t>
  </si>
  <si>
    <t>01/17/2020 13:57:38</t>
  </si>
  <si>
    <t>b576edaf-dd27-436e-9818-3619bf6580dc.tmp</t>
  </si>
  <si>
    <t>\\acsfs\profiles$\victorgl\Downloads\b576edaf-dd27-436e-9818-3619bf6580dc.tmp</t>
  </si>
  <si>
    <t>01/17/2020 13:57:42</t>
  </si>
  <si>
    <t>cb0580a6-bb44-4e0b-a9e2-a68f14bf7911.tmp</t>
  </si>
  <si>
    <t>\\acsfs\profiles$\victorgl\Downloads\cb0580a6-bb44-4e0b-a9e2-a68f14bf7911.tmp</t>
  </si>
  <si>
    <t>01/17/2020 13:59:59</t>
  </si>
  <si>
    <t>d2cf6c34-25a3-4f14-a1bd-b0301b655c1c.tmp</t>
  </si>
  <si>
    <t>\\acsfs\profiles$\victorgl\Downloads\d2cf6c34-25a3-4f14-a1bd-b0301b655c1c.tmp</t>
  </si>
  <si>
    <t>01/17/2020 13:56:31</t>
  </si>
  <si>
    <t>01/17/2020 13:56:35</t>
  </si>
  <si>
    <t>01/17/2020 14:01:46</t>
  </si>
  <si>
    <t>64e403d9-6da7-457b-ad75-2b95eec6eb55.tmp</t>
  </si>
  <si>
    <t>\\acsfs\profiles$\regisadsa\Downloads\64e403d9-6da7-457b-ad75-2b95eec6eb55.tmp</t>
  </si>
  <si>
    <t>01/17/2020 13:57:54</t>
  </si>
  <si>
    <t>8924b916-1c35-4912-a51f-d8e9c2473101.tmp</t>
  </si>
  <si>
    <t>\\acsfs\profiles$\regisadsa\Downloads\8924b916-1c35-4912-a51f-d8e9c2473101.tmp</t>
  </si>
  <si>
    <t>01/17/2020 14:00:03</t>
  </si>
  <si>
    <t>2df58f98-9626-4705-973f-308317fd67c3.tmp</t>
  </si>
  <si>
    <t>\\acsfs\profiles$\regisadsa\Downloads\2df58f98-9626-4705-973f-308317fd67c3.tmp</t>
  </si>
  <si>
    <t>01/17/2020 13:58:22</t>
  </si>
  <si>
    <t>01/17/2020 14:00:25</t>
  </si>
  <si>
    <t>01/17/2020 13:56:48</t>
  </si>
  <si>
    <t>01/17/2020 13:59:41</t>
  </si>
  <si>
    <t>01/17/2020 13:57:40</t>
  </si>
  <si>
    <t>01/17/2020 13:58:10</t>
  </si>
  <si>
    <t>01/17/2020 13:59:10</t>
  </si>
  <si>
    <t>01/17/2020 13:59:40</t>
  </si>
  <si>
    <t>01/17/2020 14:00:23</t>
  </si>
  <si>
    <t>AGENT LOGIN LOGOUT DETAILS REPORT 16.01.2020.xlsx</t>
  </si>
  <si>
    <t>\\acsfs\deptos\Operacao\PCP\5 - Comum\PLANEJAMENTO BV\23 - EXTRAÇÕES\Agente Login Logout details report\2020\JANEIRO\AGENT LOGIN LOGOUT DETAILS REPORT 16.01.2020.xlsx</t>
  </si>
  <si>
    <t>01/17/2020 14:02:42</t>
  </si>
  <si>
    <t>01/17/2020 14:03:46</t>
  </si>
  <si>
    <t>b673abc7-8cca-46af-9aff-5f8b465042c8.tmp</t>
  </si>
  <si>
    <t>\\acsfs\profiles$\laylaams\Downloads\b673abc7-8cca-46af-9aff-5f8b465042c8.tmp</t>
  </si>
  <si>
    <t>01/17/2020 14:01:38</t>
  </si>
  <si>
    <t>21EDB318.tmp</t>
  </si>
  <si>
    <t>\\acsfs\ACS\Gabriel da Silva\Contemporânea\Erros Operacionais\21EDB318.tmp</t>
  </si>
  <si>
    <t>01/17/2020 14:01:39</t>
  </si>
  <si>
    <t>01/17/2020 13:59:03</t>
  </si>
  <si>
    <t>01/17/2020 13:59:08</t>
  </si>
  <si>
    <t>lu649212c9ol.tmp</t>
  </si>
  <si>
    <t>\\acsfs\profiles$\FLAVIOJMM\My Documents\lu649212c9ol.tmp</t>
  </si>
  <si>
    <t>\\acsfs\profiles$\FLAVIOJMM\My Documents\lu649212c9ol.tmp\</t>
  </si>
  <si>
    <t>\\acsfs\profiles$\FLAVIOJMM\My Documents\lu649212c9ol.tmp\META-INF\</t>
  </si>
  <si>
    <t>\\acsfs\profiles$\FLAVIOJMM\My Documents\lu649212c9ol.tmp\Thumbnails\</t>
  </si>
  <si>
    <t>01/17/2020 14:00:04</t>
  </si>
  <si>
    <t>01/17/2020 14:04:46</t>
  </si>
  <si>
    <t>01/17/2020 14:00:08</t>
  </si>
  <si>
    <t>01/17/2020 14:00:39</t>
  </si>
  <si>
    <t>01/17/2020 14:05:46</t>
  </si>
  <si>
    <t>01/17/2020 14:02:49</t>
  </si>
  <si>
    <t>01/17/2020 14:02:51</t>
  </si>
  <si>
    <t>01/17/2020 14:03:01</t>
  </si>
  <si>
    <t>01/17/2020 14:03:03</t>
  </si>
  <si>
    <t>01/17/2020 14:02:05</t>
  </si>
  <si>
    <t>01/17/2020 14:06:45</t>
  </si>
  <si>
    <t>01/17/2020 14:02:38</t>
  </si>
  <si>
    <t>Gabriela F Qualidade.PNG</t>
  </si>
  <si>
    <t>01/17/2020 14:03:58</t>
  </si>
  <si>
    <t>Gabriela F Assiduidade.PNG</t>
  </si>
  <si>
    <t>01/17/2020 14:05:15</t>
  </si>
  <si>
    <t>Gabriela F NPS.PNG</t>
  </si>
  <si>
    <t>01/17/2020 14:01:45</t>
  </si>
  <si>
    <t>Agent utilization 01.01.2020 a 15.01.2020.xlsx</t>
  </si>
  <si>
    <t>\\acsfs\deptos\Operacao\PCP\5 - Comum\PLANEJAMENTO BV\23 - EXTRAÇÕES\Agent utilization\2020\Agent utilization 01.01.2020 a 15.01.2020.xlsx</t>
  </si>
  <si>
    <t>01/17/2020 14:06:35</t>
  </si>
  <si>
    <t>Queue Summary Report 01.01.20 a 15.01.2020.xlsx</t>
  </si>
  <si>
    <t>\\acsfs\deptos\Operacao\PCP\5 - Comum\PLANEJAMENTO BV\23 - EXTRAÇÕES\Queue Summary Report\2020\Queue Summary Report 01.01.20 a 15.01.2020.xlsx</t>
  </si>
  <si>
    <t>01/17/2020 14:03:57</t>
  </si>
  <si>
    <t>01/17/2020 14:07:46</t>
  </si>
  <si>
    <t>01/17/2020 14:03:40</t>
  </si>
  <si>
    <t>01/17/2020 14:08:45</t>
  </si>
  <si>
    <t>01/17/2020 14:03:41</t>
  </si>
  <si>
    <t>01/17/2020 14:08:03</t>
  </si>
  <si>
    <t>01/17/2020 14:04:56</t>
  </si>
  <si>
    <t>01/17/2020 14:09:46</t>
  </si>
  <si>
    <t>01/17/2020 14:04:57</t>
  </si>
  <si>
    <t>01/17/2020 14:05:20</t>
  </si>
  <si>
    <t>01/17/2020 14:06:25</t>
  </si>
  <si>
    <t>ba5e075b-0d7f-44ab-a2d7-495f48b8d951.tmp</t>
  </si>
  <si>
    <t>\\acsfs\profiles$\felipetds\Downloads\ba5e075b-0d7f-44ab-a2d7-495f48b8d951.tmp</t>
  </si>
  <si>
    <t>01/17/2020 14:06:36</t>
  </si>
  <si>
    <t>01/17/2020 14:10:46</t>
  </si>
  <si>
    <t>01/17/2020 14:06:41</t>
  </si>
  <si>
    <t>01/17/2020 14:06:42</t>
  </si>
  <si>
    <t>01/17/2020 14:06:43</t>
  </si>
  <si>
    <t>01/17/2020 14:06:46</t>
  </si>
  <si>
    <t>01/17/2020 14:06:47</t>
  </si>
  <si>
    <t>01/17/2020 14:06:48</t>
  </si>
  <si>
    <t>01/17/2020 14:06:50</t>
  </si>
  <si>
    <t>01/17/2020 14:06:51</t>
  </si>
  <si>
    <t>01/17/2020 14:06:52</t>
  </si>
  <si>
    <t>01/17/2020 14:06:53</t>
  </si>
  <si>
    <t>01/17/2020 14:06:54</t>
  </si>
  <si>
    <t>01/17/2020 14:06:55</t>
  </si>
  <si>
    <t>01/17/2020 14:06:57</t>
  </si>
  <si>
    <t>01/17/2020 14:06:58</t>
  </si>
  <si>
    <t>01/17/2020 14:06:59</t>
  </si>
  <si>
    <t>01/17/2020 14:07:00</t>
  </si>
  <si>
    <t>01/17/2020 14:07:01</t>
  </si>
  <si>
    <t>01/17/2020 14:07:02</t>
  </si>
  <si>
    <t>01/17/2020 14:07:03</t>
  </si>
  <si>
    <t>01/17/2020 14:07:04</t>
  </si>
  <si>
    <t>01/17/2020 14:07:05</t>
  </si>
  <si>
    <t>01/17/2020 14:07:06</t>
  </si>
  <si>
    <t>01/17/2020 14:07:07</t>
  </si>
  <si>
    <t>01/17/2020 14:07:08</t>
  </si>
  <si>
    <t>01/17/2020 14:07:09</t>
  </si>
  <si>
    <t>01/17/2020 14:07:10</t>
  </si>
  <si>
    <t>01/17/2020 14:07:12</t>
  </si>
  <si>
    <t>01/17/2020 14:07:13</t>
  </si>
  <si>
    <t>01/17/2020 14:07:14</t>
  </si>
  <si>
    <t>01/17/2020 14:07:16</t>
  </si>
  <si>
    <t>01/17/2020 14:07:17</t>
  </si>
  <si>
    <t>01/17/2020 14:07:18</t>
  </si>
  <si>
    <t>01/17/2020 14:07:19</t>
  </si>
  <si>
    <t>01/17/2020 14:07:20</t>
  </si>
  <si>
    <t>01/17/2020 14:07:21</t>
  </si>
  <si>
    <t>01/17/2020 14:07:22</t>
  </si>
  <si>
    <t>01/17/2020 14:07:47</t>
  </si>
  <si>
    <t>01/17/2020 14:05:42</t>
  </si>
  <si>
    <t>01/17/2020 14:10:30</t>
  </si>
  <si>
    <t>01/17/2020 14:06:34</t>
  </si>
  <si>
    <t>01/17/2020 14:11:46</t>
  </si>
  <si>
    <t>lu10556ftv8.tmp</t>
  </si>
  <si>
    <t>\\acsfs\profiles$\VIVIANALDS\My Documents\lu10556ftv8.tmp</t>
  </si>
  <si>
    <t>\\acsfs\profiles$\VIVIANALDS\My Documents\lu10556ftv8.tmp\</t>
  </si>
  <si>
    <t>\\acsfs\profiles$\VIVIANALDS\My Documents\lu10556ftv8.tmp\META-INF\</t>
  </si>
  <si>
    <t>\\acsfs\profiles$\VIVIANALDS\My Documents\lu10556ftv8.tmp\Thumbnails\</t>
  </si>
  <si>
    <t>01/17/2020 14:10:15</t>
  </si>
  <si>
    <t>2e9d90c5-a2ac-4480-953a-af14209c22bf.tmp</t>
  </si>
  <si>
    <t>\\acsfs\profiles$\vivianalds\Downloads\2e9d90c5-a2ac-4480-953a-af14209c22bf.tmp</t>
  </si>
  <si>
    <t>01/17/2020 14:07:25</t>
  </si>
  <si>
    <t>f064609e-b109-43aa-b666-699505afef51.tmp</t>
  </si>
  <si>
    <t>\\acsfs\profiles$\gabrielaff\Downloads\f064609e-b109-43aa-b666-699505afef51.tmp</t>
  </si>
  <si>
    <t>01/17/2020 14:08:21</t>
  </si>
  <si>
    <t>8094c785-2085-473c-8dac-f55094daa022.tmp</t>
  </si>
  <si>
    <t>\\acsfs\profiles$\sarahbal\Downloads\8094c785-2085-473c-8dac-f55094daa022.tmp</t>
  </si>
  <si>
    <t>01/17/2020 14:06:44</t>
  </si>
  <si>
    <t>01/17/2020 14:07:44</t>
  </si>
  <si>
    <t>01/17/2020 14:08:10</t>
  </si>
  <si>
    <t>01/17/2020 14:13:46</t>
  </si>
  <si>
    <t>aa96d90c-c23a-47cf-8a77-bd70ce8b6495.tmp</t>
  </si>
  <si>
    <t>\\acsfs\profiles$\gabrielamdp\Downloads\aa96d90c-c23a-47cf-8a77-bd70ce8b6495.tmp</t>
  </si>
  <si>
    <t>01/17/2020 14:08:20</t>
  </si>
  <si>
    <t>5c8fc9ba-0727-4143-9137-fe3d7ca79733.tmp</t>
  </si>
  <si>
    <t>\\acsfs\profiles$\gabrielamdp\Downloads\5c8fc9ba-0727-4143-9137-fe3d7ca79733.tmp</t>
  </si>
  <si>
    <t>01/17/2020 14:09:59</t>
  </si>
  <si>
    <t>01/17/2020 14:10:13</t>
  </si>
  <si>
    <t>01/17/2020 14:10:18</t>
  </si>
  <si>
    <t>lu649212c9ou.tmp</t>
  </si>
  <si>
    <t>\\acsfs\profiles$\FLAVIOJMM\My Documents\lu649212c9ou.tmp</t>
  </si>
  <si>
    <t>\\acsfs\profiles$\FLAVIOJMM\My Documents\lu649212c9ou.tmp\</t>
  </si>
  <si>
    <t>\\acsfs\profiles$\FLAVIOJMM\My Documents\lu649212c9ou.tmp\META-INF\</t>
  </si>
  <si>
    <t>\\acsfs\profiles$\FLAVIOJMM\My Documents\lu649212c9ou.tmp\Thumbnails\</t>
  </si>
  <si>
    <t>01/17/2020 14:10:44</t>
  </si>
  <si>
    <t>006a2957-065a-450e-9644-6ff32cbf185d.tmp</t>
  </si>
  <si>
    <t>\\acsfs\profiles$\edicarlosdl\Downloads\006a2957-065a-450e-9644-6ff32cbf185d.tmp</t>
  </si>
  <si>
    <t>01/17/2020 14:11:43</t>
  </si>
  <si>
    <t>01/17/2020 14:12:18</t>
  </si>
  <si>
    <t>e47a4b3b-2dc5-41c3-83f8-b7657237a650.tmp</t>
  </si>
  <si>
    <t>\\acsfs\profiles$\edicarlosdl\Downloads\e47a4b3b-2dc5-41c3-83f8-b7657237a650.tmp</t>
  </si>
  <si>
    <t>01/17/2020 14:09:55</t>
  </si>
  <si>
    <t>01/17/2020 14:14:46</t>
  </si>
  <si>
    <t>01/17/2020 14:12:40</t>
  </si>
  <si>
    <t>01/17/2020 14:09:54</t>
  </si>
  <si>
    <t>6a57c784-89cf-4553-9073-15130ace6d68.tmp</t>
  </si>
  <si>
    <t>\\acsfs\profiles$\brendadsl\Downloads\6a57c784-89cf-4553-9073-15130ace6d68.tmp</t>
  </si>
  <si>
    <t>01/17/2020 14:12:00</t>
  </si>
  <si>
    <t>01/17/2020 14:15:46</t>
  </si>
  <si>
    <t>761bba8b-aef8-4f46-b124-8c815dae0a41.tmp</t>
  </si>
  <si>
    <t>\\acsfs\profiles$\victorgl\Downloads\761bba8b-aef8-4f46-b124-8c815dae0a41.tmp</t>
  </si>
  <si>
    <t>01/17/2020 14:13:20</t>
  </si>
  <si>
    <t>01/17/2020 14:15:03</t>
  </si>
  <si>
    <t>01/17/2020 14:15:04</t>
  </si>
  <si>
    <t>01/17/2020 14:15:05</t>
  </si>
  <si>
    <t>01/17/2020 14:15:06</t>
  </si>
  <si>
    <t>01/17/2020 14:15:09</t>
  </si>
  <si>
    <t>01/17/2020 14:15:10</t>
  </si>
  <si>
    <t>01/17/2020 14:15:11</t>
  </si>
  <si>
    <t>01/17/2020 14:15:14</t>
  </si>
  <si>
    <t>01/17/2020 14:15:16</t>
  </si>
  <si>
    <t>01/17/2020 14:15:19</t>
  </si>
  <si>
    <t>01/17/2020 14:15:20</t>
  </si>
  <si>
    <t>01/17/2020 14:15:23</t>
  </si>
  <si>
    <t>01/17/2020 14:15:24</t>
  </si>
  <si>
    <t>01/17/2020 14:15:26</t>
  </si>
  <si>
    <t>01/17/2020 14:15:27</t>
  </si>
  <si>
    <t>01/17/2020 14:15:29</t>
  </si>
  <si>
    <t>01/17/2020 14:15:30</t>
  </si>
  <si>
    <t>01/17/2020 14:15:31</t>
  </si>
  <si>
    <t>\\acsfs\profiles$\PHILIPEGSF\My Documents\My Videos\</t>
  </si>
  <si>
    <t>01/17/2020 14:15:33</t>
  </si>
  <si>
    <t>01/17/2020 14:15:34</t>
  </si>
  <si>
    <t>01/17/2020 14:15:36</t>
  </si>
  <si>
    <t>01/17/2020 14:15:37</t>
  </si>
  <si>
    <t>01/17/2020 14:12:46</t>
  </si>
  <si>
    <t>01/17/2020 14:16:46</t>
  </si>
  <si>
    <t>01/17/2020 14:14:40</t>
  </si>
  <si>
    <t>01/17/2020 14:18:45</t>
  </si>
  <si>
    <t>01/17/2020 14:14:41</t>
  </si>
  <si>
    <t>01/17/2020 14:19:46</t>
  </si>
  <si>
    <t>60ceae33-1a37-483d-b3e4-9f6c65e0b9ff.tmp</t>
  </si>
  <si>
    <t>\\acsfs\profiles$\rafaelacdoc\Downloads\60ceae33-1a37-483d-b3e4-9f6c65e0b9ff.tmp</t>
  </si>
  <si>
    <t>01/17/2020 14:18:41</t>
  </si>
  <si>
    <t>01/17/2020 14:18:33</t>
  </si>
  <si>
    <t>01/17/2020 14:19:16</t>
  </si>
  <si>
    <t>01/17/2020 14:19:17</t>
  </si>
  <si>
    <t>01/17/2020 14:15:18</t>
  </si>
  <si>
    <t>d19ce266-c939-4db2-84c2-ff1a43d6ff54.tmp</t>
  </si>
  <si>
    <t>\\acsfs\profiles$\brendadsl\Downloads\d19ce266-c939-4db2-84c2-ff1a43d6ff54.tmp</t>
  </si>
  <si>
    <t>01/17/2020 14:15:42</t>
  </si>
  <si>
    <t>01/17/2020 14:20:45</t>
  </si>
  <si>
    <t>70e2fb1d-d48d-4123-832a-f25bde5c050f.tmp</t>
  </si>
  <si>
    <t>\\acsfs\profiles$\victorgl\Downloads\70e2fb1d-d48d-4123-832a-f25bde5c050f.tmp</t>
  </si>
  <si>
    <t>c9f9310e-88f2-49ac-a876-de9b87cf4eba.tmp</t>
  </si>
  <si>
    <t>\\acsfs\profiles$\luanarda\Downloads\c9f9310e-88f2-49ac-a876-de9b87cf4eba.tmp</t>
  </si>
  <si>
    <t>01/17/2020 14:18:55</t>
  </si>
  <si>
    <t>lu1559612tke0.tmp</t>
  </si>
  <si>
    <t>\\acsfs\profiles$\luanarda\lu1559612tke0.tmp</t>
  </si>
  <si>
    <t>\\acsfs\profiles$\luanarda\lu1559612tke0.tmp\</t>
  </si>
  <si>
    <t>\\acsfs\profiles$\luanarda\lu1559612tke0.tmp\META-INF\</t>
  </si>
  <si>
    <t>\\acsfs\profiles$\luanarda\lu1559612tke0.tmp\Thumbnails\</t>
  </si>
  <si>
    <t>01/17/2020 14:15:38</t>
  </si>
  <si>
    <t>01/17/2020 14:15:40</t>
  </si>
  <si>
    <t>01/17/2020 14:15:41</t>
  </si>
  <si>
    <t>01/17/2020 14:15:43</t>
  </si>
  <si>
    <t>01/17/2020 14:15:44</t>
  </si>
  <si>
    <t>01/17/2020 14:15:45</t>
  </si>
  <si>
    <t>01/17/2020 14:15:48</t>
  </si>
  <si>
    <t>01/17/2020 14:15:50</t>
  </si>
  <si>
    <t>01/17/2020 14:15:51</t>
  </si>
  <si>
    <t>01/17/2020 14:15:52</t>
  </si>
  <si>
    <t>01/17/2020 14:15:53</t>
  </si>
  <si>
    <t>01/17/2020 14:15:55</t>
  </si>
  <si>
    <t>01/17/2020 14:15:56</t>
  </si>
  <si>
    <t>01/17/2020 14:15:57</t>
  </si>
  <si>
    <t>01/17/2020 14:15:58</t>
  </si>
  <si>
    <t>01/17/2020 14:15:59</t>
  </si>
  <si>
    <t>01/17/2020 14:16:01</t>
  </si>
  <si>
    <t>01/17/2020 14:16:40</t>
  </si>
  <si>
    <t>01/17/2020 14:17:18</t>
  </si>
  <si>
    <t>01/17/2020 14:21:46</t>
  </si>
  <si>
    <t>01/17/2020 14:17:48</t>
  </si>
  <si>
    <t>01/17/2020 14:18:21</t>
  </si>
  <si>
    <t>01/17/2020 14:22:46</t>
  </si>
  <si>
    <t>01/17/2020 14:17:45</t>
  </si>
  <si>
    <t>fdbb115c-cfa4-407d-a076-455bc87864fa.tmp</t>
  </si>
  <si>
    <t>\\acsfs\profiles$\erichds\Downloads\fdbb115c-cfa4-407d-a076-455bc87864fa.tmp</t>
  </si>
  <si>
    <t>01/17/2020 14:21:18</t>
  </si>
  <si>
    <t>01/17/2020 14:23:46</t>
  </si>
  <si>
    <t>01/17/2020 14:23:07</t>
  </si>
  <si>
    <t>c935b44b-c433-4e18-bb60-09b1af2d9edc.tmp</t>
  </si>
  <si>
    <t>\\acsfs\profiles$\gabrielsma\Downloads\c935b44b-c433-4e18-bb60-09b1af2d9edc.tmp</t>
  </si>
  <si>
    <t>01/17/2020 14:23:12</t>
  </si>
  <si>
    <t>01/17/2020 14:22:21</t>
  </si>
  <si>
    <t>01/17/2020 14:24:46</t>
  </si>
  <si>
    <t>074f7c66-e0b7-4c4a-bc09-ce760a7f8a83.tmp</t>
  </si>
  <si>
    <t>\\acsfs\profiles$\nathaliarmr\Downloads\074f7c66-e0b7-4c4a-bc09-ce760a7f8a83.tmp</t>
  </si>
  <si>
    <t>01/17/2020 14:21:45</t>
  </si>
  <si>
    <t>01/17/2020 14:25:46</t>
  </si>
  <si>
    <t>01/17/2020 14:22:11</t>
  </si>
  <si>
    <t>01/17/2020 14:25:15</t>
  </si>
  <si>
    <t>01/17/2020 14:23:21</t>
  </si>
  <si>
    <t>01/17/2020 14:26:46</t>
  </si>
  <si>
    <t>01/17/2020 14:23:51</t>
  </si>
  <si>
    <t>01/17/2020 14:23:15</t>
  </si>
  <si>
    <t>01/17/2020 14:27:46</t>
  </si>
  <si>
    <t>01/17/2020 14:23:39</t>
  </si>
  <si>
    <t>01/17/2020 14:24:00</t>
  </si>
  <si>
    <t>mail.google.com/sync/u/0/i/s?hl=pt-BR&amp;c=1530</t>
  </si>
  <si>
    <t>01/17/2020 14:24:03</t>
  </si>
  <si>
    <t>mail.google.com/sync/u/0/i/s?hl=pt-BR&amp;c=1532</t>
  </si>
  <si>
    <t>01/17/2020 14:24:28</t>
  </si>
  <si>
    <t>mail.google.com/sync/u/0/i/s?hl=pt-BR&amp;c=1535</t>
  </si>
  <si>
    <t>01/17/2020 14:24:42</t>
  </si>
  <si>
    <t>mail.google.com/sync/u/0/i/s?hl=pt-BR&amp;c=1537</t>
  </si>
  <si>
    <t>01/17/2020 14:24:55</t>
  </si>
  <si>
    <t>mail.google.com/sync/u/0/i/s?hl=pt-BR&amp;c=1539</t>
  </si>
  <si>
    <t>01/17/2020 14:25:08</t>
  </si>
  <si>
    <t>mail.google.com/sync/u/0/i/s?hl=pt-BR&amp;c=1541</t>
  </si>
  <si>
    <t>01/17/2020 14:25:39</t>
  </si>
  <si>
    <t>mail.google.com/sync/u/0/i/s?hl=pt-BR&amp;c=1544</t>
  </si>
  <si>
    <t>andrelpsa@algartech.com;catianalv@algartech.com;cpc-controldeskavon@algartech.com;joaogvc@algartech.com;joseasn@algartech.com;josiascdsj@algartech.com;leonardoao@algartech.com;lucianarsantos@algartech.com;luiz.henriquesantos@avon.com;marianadjc@algartech.com;maristelavodq@bv.algartech.com;paulacn@algartech.com;qualidadealgarbv@algartech.com;senildapdo@algartecnologia.com.br;supervisaobancovotorantim@algartech.com;taysdss@algartech.com;thiagolrc@bv.algartech.com;viniciussg@algartech.com;</t>
  </si>
  <si>
    <t>andrelpsa@algartech.com,catianalv@algartech.com,cpc-controldeskavon@algartech.com,joaogvc@algartech.com,joseasn@algartech.com,josiascdsj@algartech.com,leonardoao@algartech.com,lucianarsantos@algartech.com,luiz.henriquesantos@avon.com,marianadjc@algartech.com,maristelavodq@bv.algartech.com,paulacn@algartech.com,qualidadealgarbv@algartech.com,senildapdo@algartecnologia.com.br,supervisaobancovotorantim@algartech.com,taysdss@algartech.com,thiagolrc@bv.algartech.com,viniciussg@algartech.com</t>
  </si>
  <si>
    <t>01/17/2020 14:25:47</t>
  </si>
  <si>
    <t>mail.google.com/sync/u/0/i/s?hl=pt-BR&amp;c=1546</t>
  </si>
  <si>
    <t>01/17/2020 14:25:53</t>
  </si>
  <si>
    <t>mail.google.com/sync/u/0/i/s?hl=pt-BR&amp;c=1548</t>
  </si>
  <si>
    <t>01/17/2020 14:26:03</t>
  </si>
  <si>
    <t>mail.google.com/sync/u/0/i/s?hl=pt-BR&amp;c=1550</t>
  </si>
  <si>
    <t>01/17/2020 14:26:05</t>
  </si>
  <si>
    <t>mail.google.com/sync/u/0/i/s?hl=pt-BR&amp;c=1552</t>
  </si>
  <si>
    <t>01/17/2020 14:23:33</t>
  </si>
  <si>
    <t>01/17/2020 14:28:46</t>
  </si>
  <si>
    <t>6a31e1a5-1740-4d96-8c6f-07634d6bfe0b.tmp</t>
  </si>
  <si>
    <t>\\acsfs\profiles$\quindaizaagds\Downloads\6a31e1a5-1740-4d96-8c6f-07634d6bfe0b.tmp</t>
  </si>
  <si>
    <t>01/17/2020 14:25:55</t>
  </si>
  <si>
    <t>Erros operacionais - Janeiro_Possivel.xlsb</t>
  </si>
  <si>
    <t>\\acsfs\ACS\Gabriel da Silva\Contemporânea\Erros Operacionais\Erros operacionais - Janeiro_Possivel.xlsb</t>
  </si>
  <si>
    <t>01/17/2020 14:27:28</t>
  </si>
  <si>
    <t>f3f7362c-fdaa-4bb0-90d1-c87c40fdaf34.tmp</t>
  </si>
  <si>
    <t>\\acsfs\profiles$\cintiadjl\Downloads\f3f7362c-fdaa-4bb0-90d1-c87c40fdaf34.tmp</t>
  </si>
  <si>
    <t>01/17/2020 14:27:02</t>
  </si>
  <si>
    <t>01/17/2020 14:29:46</t>
  </si>
  <si>
    <t>01/17/2020 14:25:59</t>
  </si>
  <si>
    <t>01/17/2020 14:30:46</t>
  </si>
  <si>
    <t>01/17/2020 14:25:33</t>
  </si>
  <si>
    <t>01/17/2020 14:26:41</t>
  </si>
  <si>
    <t>4ec8e118-357e-47ba-978b-cdd352669837.tmp</t>
  </si>
  <si>
    <t>\\acsfs\profiles$\philipegsf\Downloads\4ec8e118-357e-47ba-978b-cdd352669837.tmp</t>
  </si>
  <si>
    <t>01/17/2020 14:27:06</t>
  </si>
  <si>
    <t>01/17/2020 14:29:22</t>
  </si>
  <si>
    <t>424a155d-6aa3-4204-aea9-0d11010ce041.tmp</t>
  </si>
  <si>
    <t>\\acsfs\profiles$\philipegsf\Downloads\424a155d-6aa3-4204-aea9-0d11010ce041.tmp</t>
  </si>
  <si>
    <t>01/17/2020 14:28:26</t>
  </si>
  <si>
    <t>01/17/2020 14:31:46</t>
  </si>
  <si>
    <t>01/17/2020 14:30:40</t>
  </si>
  <si>
    <t>820c6625-9a8b-47c7-b165-5f402aa94540.tmp</t>
  </si>
  <si>
    <t>\\acsfs\profiles$\lucasgpe\Downloads\820c6625-9a8b-47c7-b165-5f402aa94540.tmp</t>
  </si>
  <si>
    <t>01/17/2020 14:26:51</t>
  </si>
  <si>
    <t>01/17/2020 14:32:46</t>
  </si>
  <si>
    <t>\\udpavonfs01\AVON\00 - ACOMPANHAMENTO AVON\04 - BACKOFFICE CORNERSTONE\2020\01.2020\RELATORIO\16.01.2020\Acompanhamento Backoffice Cornerstone JAN.20.xlsx</t>
  </si>
  <si>
    <t>01/17/2020 14:27:24</t>
  </si>
  <si>
    <t>01/17/2020 14:27:56</t>
  </si>
  <si>
    <t>01/17/2020 14:28:59</t>
  </si>
  <si>
    <t>01/17/2020 14:30:47</t>
  </si>
  <si>
    <t>01/17/2020 14:33:46</t>
  </si>
  <si>
    <t>01/17/2020 14:30:34</t>
  </si>
  <si>
    <t>01/17/2020 14:30:44</t>
  </si>
  <si>
    <t>01/17/2020 14:29:38</t>
  </si>
  <si>
    <t>01/17/2020 14:34:46</t>
  </si>
  <si>
    <t>fa8ff0b6-c206-47a1-a320-e7fba5d83d6b.tmp</t>
  </si>
  <si>
    <t>\\acsfs\profiles$\leticiala\Downloads\fa8ff0b6-c206-47a1-a320-e7fba5d83d6b.tmp</t>
  </si>
  <si>
    <t>01/17/2020 14:31:11</t>
  </si>
  <si>
    <t>01/17/2020 14:35:46</t>
  </si>
  <si>
    <t>bab8c624-c513-40e4-822c-b3bf12853ed6.tmp</t>
  </si>
  <si>
    <t>\\acsfs\profiles$\georgendsq\Downloads\bab8c624-c513-40e4-822c-b3bf12853ed6.tmp</t>
  </si>
  <si>
    <t>01/17/2020 14:31:36</t>
  </si>
  <si>
    <t>01/17/2020 14:31:23</t>
  </si>
  <si>
    <t>01/17/2020 14:34:18</t>
  </si>
  <si>
    <t>01/17/2020 14:36:47</t>
  </si>
  <si>
    <t>http:///batch/drive/v2internal?%24ct=multipart%2Fmixed%3B%20boundary%3D%22%3D%3D%3D%3D%3Dqenrl1xhte40%3D%3D%3D%3D%3D%22&amp;key=AIzaSyAy9VVXHSpS2IJpptzYtGbLP3-3_l0aBk4</t>
  </si>
  <si>
    <t>01/17/2020 14:31:25</t>
  </si>
  <si>
    <t>http:///batch/drive/v2internal?%24ct=multipart%2Fmixed%3B%20boundary%3D%22%3D%3D%3D%3D%3Dzaxh1riw3o1z%3D%3D%3D%3D%3D%22&amp;key=AIzaSyAy9VVXHSpS2IJpptzYtGbLP3-3_l0aBk4</t>
  </si>
  <si>
    <t>01/17/2020 14:31:26</t>
  </si>
  <si>
    <t>http:///batch/drive/v2internal?%24ct=multipart%2Fmixed%3B%20boundary%3D%22%3D%3D%3D%3D%3D5g81rsdkz3fj%3D%3D%3D%3D%3D%22&amp;key=AIzaSyAy9VVXHSpS2IJpptzYtGbLP3-3_l0aBk4</t>
  </si>
  <si>
    <t>01/17/2020 14:31:27</t>
  </si>
  <si>
    <t>http:///batch/drive/v2internal?%24ct=multipart%2Fmixed%3B%20boundary%3D%22%3D%3D%3D%3D%3D4peksflcxxqa%3D%3D%3D%3D%3D%22&amp;key=AIzaSyAy9VVXHSpS2IJpptzYtGbLP3-3_l0aBk4</t>
  </si>
  <si>
    <t>01/17/2020 14:31:32</t>
  </si>
  <si>
    <t>http:///batch/drive/v2internal?%24ct=multipart%2Fmixed%3B%20boundary%3D%22%3D%3D%3D%3D%3Duiej376nawq2%3D%3D%3D%3D%3D%22&amp;key=AIzaSyAy9VVXHSpS2IJpptzYtGbLP3-3_l0aBk4</t>
  </si>
  <si>
    <t>http:///batch/drive/v2internal?%24ct=multipart%2Fmixed%3B%20boundary%3D%22%3D%3D%3D%3D%3D8b8389woohhm%3D%3D%3D%3D%3D%22&amp;key=AIzaSyAy9VVXHSpS2IJpptzYtGbLP3-3_l0aBk4</t>
  </si>
  <si>
    <t>01/17/2020 14:31:51</t>
  </si>
  <si>
    <t>http:///batch/drive/v2internal?%24ct=multipart%2Fmixed%3B%20boundary%3D%22%3D%3D%3D%3D%3Doa5rt7ydpo7w%3D%3D%3D%3D%3D%22&amp;key=AIzaSyAy9VVXHSpS2IJpptzYtGbLP3-3_l0aBk4</t>
  </si>
  <si>
    <t>ancestorhasaugmen;ancestorhasaugmentedpermissions;containsunsubscribedchildren;displayname;domain;emailaddress;exp;file(kind;fileid;filesize;hasthumbnail;hasvisitorpermissions;id;id);items(deleted;items(kind;ken;kind;lastmodifyinguser(kind;lastviewedbymedate;modifiedbymedate;modifieddate;ontainsunsubscribedchildren;owners(kind;per;permiss;permission;permissionid;picture;picture�;rpermissions;shared;sharedwithmedate;thumbnailversion;title;userpermission(role);workspaceids;</t>
  </si>
  <si>
    <t>http://ancestorhasaugmen,ancestorhasaugmentedpermissions,containsunsubscribedchildren,displayname,domain,emailaddress,exp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01/17/2020 14:31:53</t>
  </si>
  <si>
    <t>TMO.ods</t>
  </si>
  <si>
    <t>ancestorhasaugmen,ancestorhasaugmentedpermissions,containsunsubscribedchildren,displayname,domain,emailaddress,exp,file(kind,fileid,filesize,hasthumbnail,hasvisitorpermissions,id,id),items(deleted,items(kind,ken,kind,lastmodifyinguser(kind,lastviewedbymedate,modifiedbymedate,modifieddate,ontainsunsubscribedchildren,owners(kind,per,permiss,permission,permissionid,picture,picture�,rpermissions,shared,sharedwithmedate,thumbnailversion,title,userpermission(role),workspaceids</t>
  </si>
  <si>
    <t>\\acsfs\ACS\Gabriel da Silva\Contemporânea\TMO.ods\Basic\</t>
  </si>
  <si>
    <t>\\acsfs\ACS\Gabriel da Silva\Contemporânea\TMO.ods\Basic\Standard\</t>
  </si>
  <si>
    <t>\\acsfs\ACS\Gabriel da Silva\Contemporânea\TMO.ods\Basic\VBAProject\</t>
  </si>
  <si>
    <t>\\acsfs\ACS\Gabriel da Silva\Contemporânea\TMO.ods\</t>
  </si>
  <si>
    <t>\\acsfs\ACS\Gabriel da Silva\Contemporânea\TMO.ods\META-INF\</t>
  </si>
  <si>
    <t>01/17/2020 14:31:54</t>
  </si>
  <si>
    <t>\\acsfs\ACS\Gabriel da Silva\Contemporânea\TMO.ods\Thumbnails\</t>
  </si>
  <si>
    <t>01/17/2020 14:32:03</t>
  </si>
  <si>
    <t>http:///batch/drive/v2internal?%24ct=multipart%2Fmixed%3B%20boundary%3D%22%3D%3D%3D%3D%3D2ao2hjni8j5v%3D%3D%3D%3D%3D%22&amp;key=AIzaSyAy9VVXHSpS2IJpptzYtGbLP3-3_l0aBk4</t>
  </si>
  <si>
    <t>01/17/2020 14:32:04</t>
  </si>
  <si>
    <t>http:///batch/drive/v2internal?%24ct=multipart%2Fmixed%3B%20boundary%3D%22%3D%3D%3D%3D%3Dlgfo39nzippo%3D%3D%3D%3D%3D%22&amp;key=AIzaSyAy9VVXHSpS2IJpptzYtGbLP3-3_l0aBk4</t>
  </si>
  <si>
    <t>01/17/2020 14:32:24</t>
  </si>
  <si>
    <t>0;0.491;0.491];0.668;0];1008.3549999399111;12.854];135.741;15.344;15.344];15.552;15.552];1582.777];16.375000006519258;166.57999996095896;18.924999982118607;2.6150000048801303;21.464;21.464];21.7;21.7];246.5849999571219;284.4150000018999;29.35500000603497;3;3.0750000150874257;32.49000001233071;33.212;33.212];38.98499999195337;4;4.060000064782798;4.2749999556690454;4.420000012032688;4.843;5;5.054999957792461;5.059999995864928;505.241;523.4550000168383;535.2349999593571;55.04000000655651;55.38499995600432;6.009];645.0600000098348;645.7500000251457;646.0850000148639;646.3000000221655;646.3849999709055;655.6499999715015;684.4199999468401;685.3699999628589;686.0849999357015;686.5100000286475;687.3249999480322;700";710.4299999773502;731.0399999842048;731.7150000017136;749.5249999919906;874.888];91.06000000610948;931.014999980107;:400;["https://drive.google.com/_/drive_fe/_/js/k=drive_fe.main.pt_br.nw3rowx7iis.o/am=mbqqtgsep3aigae/d=0/ct=zgms/rs=afb8gsyyttug5khoeelansmxgjmkkmw_2a/m=ws9tlc;["https://drive.google.com/_</t>
  </si>
  <si>
    <t>http://0,0.491,0.491],0.668,0],1008.3549999399111,12.854],135.741,15.344,15.344],15.552,15.552],1582.777],16.375000006519258,166.57999996095896,18.924999982118607,2.6150000048801303,21.464,21.464],21.7,21.7],246.5849999571219,284.4150000018999,29.35500000603497,3,3.0750000150874257,32.49000001233071,33.212,33.212],38.98499999195337,4,4.060000064782798,4.2749999556690454,4.420000012032688,4.843,5,5.054999957792461,5.059999995864928,505.241,523.4550000168383,535.2349999593571,55.04000000655651,55.38499995600432,6.009],645.0600000098348,645.7500000251457,646.0850000148639,646.3000000221655,646.3849999709055,655.6499999715015,684.4199999468401,685.3699999628589,686.0849999357015,686.5100000286475,687.3249999480322,700",710.4299999773502,731.0399999842048,731.7150000017136,749.5249999919906,874.888],91.06000000610948,931.014999980107,:400,["https://drive.google.com/_/drive_fe/_/js/k=drive_fe.main.pt_br.nw3rowx7iis.o/am=mbqqtgsep3aigae/d=0/ct=zgms/rs=afb8gsyyttug5khoeelansmxgjmkkmw_2a/m=ws9tlc,["https://drive.googl</t>
  </si>
  <si>
    <t>0;0.491;0.491];0.668;0];1008.3549999399111;1161.3499999511987;1176.3599999248981;1181.2549999449402;1184.484999976121;12.854];1229.369999957271;1279.454999952577;13.568;135.741;15.344;15.344];15.552;15.552];1582.777];16.375000006519258;162.80000004917383;166.16999998223037;166.57999996095896;170.05000007338822;18.924999982118607;2.6150000048801303;21.464;21.464];21.7;21.7];246.5849999571219;284.4150000018999;29.35500000603497;3;3.0750000150874257;32.49000001233071;33.212;33.212];34.27000006195158;38.459];38.98499999195337;4;4.060000064782798;4.2749999556690454;4.420000012032688;4.843;5;5.054999957792461;5.059999995864928;505.241;523.4550000168383;535.2349999593571;55.04000000655651;55.38499995600432;6.009];645.0600000098348;645.7500000251457;646.0850000148639;646.3000000221655;646.3849999709055;655.6499999715015;68.3350000763312;684.4199999468401;685.3699999628589;686.0849999357015;686.5100000286475;687.3249999480322;700";71.22500007972121;710.4299999773502;731.0399999842048;731.7150000017136;749.524999991990</t>
  </si>
  <si>
    <t>http://0,0.491,0.491],0.668,0],1008.3549999399111,1161.3499999511987,1176.3599999248981,1181.2549999449402,1184.484999976121,12.854],1229.369999957271,1279.454999952577,13.568,135.741,15.344,15.344],15.552,15.552],1582.777],16.375000006519258,162.80000004917383,166.16999998223037,166.57999996095896,170.05000007338822,18.924999982118607,2.6150000048801303,21.464,21.464],21.7,21.7],246.5849999571219,284.4150000018999,29.35500000603497,3,3.0750000150874257,32.49000001233071,33.212,33.212],34.27000006195158,38.459],38.98499999195337,4,4.060000064782798,4.2749999556690454,4.420000012032688,4.843,5,5.054999957792461,5.059999995864928,505.241,523.4550000168383,535.2349999593571,55.04000000655651,55.38499995600432,6.009],645.0600000098348,645.7500000251457,646.0850000148639,646.3000000221655,646.3849999709055,655.6499999715015,68.3350000763312,684.4199999468401,685.3699999628589,686.0849999357015,686.5100000286475,687.3249999480322,700",71.22500007972121,710.4299999773502,731.0399999842048,731.7150000017136,749.52499</t>
  </si>
  <si>
    <t>0;0.491;0.491];0.668;0];1008.3549999399111;1161.3499999511987;1176.3599999248981;1181.2549999449402;1184.484999976121;12.854];1229.369999957271;1279.454999952577;1279.9949999898672;1284.2899999814108;1294.675000011921snw5/mxq/b zg/5ler5ler5me/nvv67 / 9r9zn3jx kmr/zhdibkum7iiyuafqbclqgubcsrflanlwy3dydr/p9musrtplbq4ezveqd40fla6vhhfl6j6ja4zq59uqvaysave9vyugdik0osaranakanakanordol3ovgjny2nehsiknwvkhlcv4bppxtmmnwdhabcemnsv5xrunm0p5y0 foytubrkjbqnocgshhgdktehdhibl0fepxxlppbelvw7pxcrit/ljssniv6zwbc3j1pmt8b3nno88dpot0wkkq9cw4yydpxe8zloyrvrttmgiltp/mde2vvarcfkoyypvf f9j77zjcbdgr9tuduzha8ts9qyh18vxkgeszmwujvhj13a3 8vt9y /ns9x58mp5ebyo xbzr mhwboghc4d0iarcq/v0pvrmrksafemqa6grym098wqwc1ct4q7d cdumihwpvb8017xlruzwu1f5t8mei5mqrzdcrmz98cn0xysr248/r3wr8/r3efvz3bnh7dmdsi hb6mwljaltspcdh/qaw0ofoe mhy3a9cyt9hddumqp1oxcggzgcblq0jxraxkd3hsefyadbrhjsldqpdlp9u3budz65kxr0hd6rfzxjgaejhoaqiqi4dabknbukaeijaeihdmabe/fnqbvfydg4qhqve/ofb5jpzx/leebnjaxnv1ifahlvoj/phsfey2zbqrddutroakel2s/e9vnyedwobkirpqad5obyu0omyfgkohgmtpq9l58zaxu7fkvdhgm9</t>
  </si>
  <si>
    <t>http://0,0.491,0.491],0.668,0],1008.3549999399111,1161.3499999511987,1176.3599999248981,1181.2549999449402,1184.484999976121,12.854],1229.369999957271,1279.454999952577,1279.9949999898672,1284.2899999814108,1294.675000011921snw5/mxq/b zg/5ler5ler5me/nvv67 / 9r9zn3jx kmr/zhdibkum7iiyuafqbclqgubcsrflanlwy3dydr/p9musrtplbq4ezveqd40fla6vhhfl6j6ja4zq59uqvaysave9vyugdik0osaranakanakanordol3ovgjny2nehsiknwvkhlcv4bppxtmmnwdhabcemnsv5xrunm0p5y0 foytubrkjbqnocgshhgdktehdhibl0fepxxlppbelvw7pxcrit/ljssniv6zwbc3j1pmt8b3nno88dpot0wkkq9cw4yydpxe8zloyrvrttmgiltp/mde2vvarcfkoyypvf f9j77zjcbdgr9tuduzha8ts9qyh18vxkgeszmwujvhj13a3 8vt9y /ns9x58mp5ebyo xbzr mhwboghc4d0iarcq/v0pvrmrksafemqa6grym098wqwc1ct4q7d cdumihwpvb8017xlruzwu1f5t8mei5mqrzdcrmz98cn0xysr248/r3wr8/r3efvz3bnh7dmdsi hb6mwljaltspcdh/qaw0ofoe mhy3a9cyt9hddumqp1oxcggzgcblq0jxraxkd3hsefyadbrhjsldqpdlp9u3budz65kxr0hd6rfzxjgaejhoaqiqi4dabknbukaeijaeihdmabe/fnqbvfydg4qhqve/ofb5jpzx/leebnjaxnv1ifahlvoj/phsfey2zbqrddutroakel2s/e9vnyedwobkirpqad5obyu0omyfgkohgmtpq9l58zaxu7f</t>
  </si>
  <si>
    <t>0;0.491;0.491];0.668;0];1.557;1008.3549999399111;1161.3499999511987;1176.3599999248981;1181.2549999449402;1184.484999976121;12.854];1229.369999957271;126.041;1279.454999952577;1279.9949999898672;1284.2899999814108;1294.675000011921;1294.675000011921snw5/mxq/b zg/5ler5ler5me/nvv67 / 9r9zn3jx kmr/zhdibkum7iiyuafqbclqgubcsrflanlwy3dydr/p9musrtplbq4ezveqd40fla6vhhfl6j6ja4zq59uqvaysave9vyugdik0osaranakanakanordol3ovgjny2nehsiknwvkhlcv4bppxtmmnwdhabcemnsv5xrunm0p5y0 foytubrkjbqnocgshhgdktehdhibl0fepxxlppbelvw7pxcrit/ljssniv6zwbc3j1pmt8b3nno88dpot0wkkq9cw4yydpxe8zloyrvrttmgiltp/mde2vvarcfkoyypvf f9j77zjcbdgr9tuduzha8ts9qyh18vxkgeszmwujvhj13a3 8vt9y /ns9x58mp5ebyo xbzr mhwboghc4d0iarcq/v0pvrmrksafemqa6grym098wqwc1ct4q7d cdumihwpvb8017xlruzwu1f5t8mei5mqrzdcrmz98cn0xysr248/r3wr8/r3efvz3bnh7dmdsi hb6mwljaltspcdh/qaw0ofoe mhy3a9cyt9hddumqp1oxcggzgcblq0jxraxkd3hsefyadbrhjsldqpdlp9u3budz65kxr0hd6rfzxjgaejhoaqiqi4dabknbukaeijaeihdmabe/fnqbvfydg4qhqve/ofb5jpzx/leebnjaxnv1ifahlvoj/phsfey2zbqrddutroakel2s/e9vnyedwobkirpqad5oby</t>
  </si>
  <si>
    <t>http://0,0.491,0.491],0.668,0],1.557,1008.3549999399111,1161.3499999511987,1176.3599999248981,1181.2549999449402,1184.484999976121,12.854],1229.369999957271,126.041,1279.454999952577,1279.9949999898672,1284.2899999814108,1294.675000011921,1294.675000011921snw5/mxq/b zg/5ler5ler5me/nvv67 / 9r9zn3jx kmr/zhdibkum7iiyuafqbclqgubcsrflanlwy3dydr/p9musrtplbq4ezveqd40fla6vhhfl6j6ja4zq59uqvaysave9vyugdik0osaranakanakanordol3ovgjny2nehsiknwvkhlcv4bppxtmmnwdhabcemnsv5xrunm0p5y0 foytubrkjbqnocgshhgdktehdhibl0fepxxlppbelvw7pxcrit/ljssniv6zwbc3j1pmt8b3nno88dpot0wkkq9cw4yydpxe8zloyrvrttmgiltp/mde2vvarcfkoyypvf f9j77zjcbdgr9tuduzha8ts9qyh18vxkgeszmwujvhj13a3 8vt9y /ns9x58mp5ebyo xbzr mhwboghc4d0iarcq/v0pvrmrksafemqa6grym098wqwc1ct4q7d cdumihwpvb8017xlruzwu1f5t8mei5mqrzdcrmz98cn0xysr248/r3wr8/r3efvz3bnh7dmdsi hb6mwljaltspcdh/qaw0ofoe mhy3a9cyt9hddumqp1oxcggzgcblq0jxraxkd3hsefyadbrhjsldqpdlp9u3budz65kxr0hd6rfzxjgaejhoaqiqi4dabknbukaeijaeihdmabe/fnqbvfydg4qhqve/ofb5jpzx/leebnjaxnv1ifahlvoj/phsfey2zbqrddutroakel2s/e9vnyedwobkirp</t>
  </si>
  <si>
    <t>01/17/2020 14:32:25</t>
  </si>
  <si>
    <t>01/17/2020 14:32:28</t>
  </si>
  <si>
    <t>01/17/2020 14:32:36</t>
  </si>
  <si>
    <t>http:///batch/drive/v2internal?%24ct=multipart%2Fmixed%3B%20boundary%3D%22%3D%3D%3D%3D%3Duz4fb0qtebds%3D%3D%3D%3D%3D%22&amp;key=AIzaSyAy9VVXHSpS2IJpptzYtGbLP3-3_l0aBk4</t>
  </si>
  <si>
    <t>http:///batch/drive/v2internal?%24ct=multipart%2Fmixed%3B%20boundary%3D%22%3D%3D%3D%3D%3Dy5hdgmko1cm6%3D%3D%3D%3D%3D%22&amp;key=AIzaSyAy9VVXHSpS2IJpptzYtGbLP3-3_l0aBk4</t>
  </si>
  <si>
    <t>01/17/2020 14:34:19</t>
  </si>
  <si>
    <t>01/17/2020 14:36:02</t>
  </si>
  <si>
    <t>01/17/2020 14:36:28</t>
  </si>
  <si>
    <t>01/17/2020 14:34:33</t>
  </si>
  <si>
    <t>01/17/2020 14:37:46</t>
  </si>
  <si>
    <t>e6fb0eac-7613-4a3a-95a7-38466e4d9c66.tmp</t>
  </si>
  <si>
    <t>\\acsfs\profiles$\lorrainerdl\Downloads\e6fb0eac-7613-4a3a-95a7-38466e4d9c66.tmp</t>
  </si>
  <si>
    <t>01/17/2020 14:34:35</t>
  </si>
  <si>
    <t>576507e5-3371-4832-99ea-d15a85e46ab2.tmp</t>
  </si>
  <si>
    <t>\\acsfs\profiles$\lorrainerdl\Downloads\576507e5-3371-4832-99ea-d15a85e46ab2.tmp</t>
  </si>
  <si>
    <t>01/17/2020 14:36:30</t>
  </si>
  <si>
    <t>12bb4f9c-a99c-45c8-b736-da24fdc18578.tmp</t>
  </si>
  <si>
    <t>\\acsfs\profiles$\lorrainerdl\Downloads\12bb4f9c-a99c-45c8-b736-da24fdc18578.tmp</t>
  </si>
  <si>
    <t>01/17/2020 14:34:43</t>
  </si>
  <si>
    <t>db23f770-9607-4ab9-96c0-18f676a604e2.tmp</t>
  </si>
  <si>
    <t>\\acsfs\profiles$\erichds\Downloads\db23f770-9607-4ab9-96c0-18f676a604e2.tmp</t>
  </si>
  <si>
    <t>01/17/2020 14:33:24</t>
  </si>
  <si>
    <t>01/17/2020 14:38:46</t>
  </si>
  <si>
    <t>2da2eb79-771e-4f2e-9432-c2ccc588b16e.tmp</t>
  </si>
  <si>
    <t>\\acsfs\profiles$\gabrielamdp\Downloads\2da2eb79-771e-4f2e-9432-c2ccc588b16e.tmp</t>
  </si>
  <si>
    <t>01/17/2020 14:35:04</t>
  </si>
  <si>
    <t>01/17/2020 14:38:02</t>
  </si>
  <si>
    <t>01/17/2020 14:36:58</t>
  </si>
  <si>
    <t>01/17/2020 14:34:41</t>
  </si>
  <si>
    <t>01/17/2020 14:39:46</t>
  </si>
  <si>
    <t>01/17/2020 14:34:50</t>
  </si>
  <si>
    <t>01/17/2020 14:34:51</t>
  </si>
  <si>
    <t>01/17/2020 14:38:45</t>
  </si>
  <si>
    <t>2c694ddf-9604-42d3-93ea-dcea06ab661f.tmp</t>
  </si>
  <si>
    <t>\\acsfs\profiles$\PEDROHAB\Downloads\2c694ddf-9604-42d3-93ea-dcea06ab661f.tmp</t>
  </si>
  <si>
    <t>01/17/2020 14:37:17</t>
  </si>
  <si>
    <t>01/17/2020 14:40:46</t>
  </si>
  <si>
    <t>01/17/2020 14:39:36</t>
  </si>
  <si>
    <t>2cb0626f-c87e-421d-a2c2-d72392453676.tmp</t>
  </si>
  <si>
    <t>\\acsfs\profiles$\lorraynevam\Downloads\2cb0626f-c87e-421d-a2c2-d72392453676.tmp</t>
  </si>
  <si>
    <t>01/17/2020 14:36:59</t>
  </si>
  <si>
    <t>01/17/2020 14:41:46</t>
  </si>
  <si>
    <t>eddf7609-3bcc-4b11-a58e-86b2a5e5c099.tmp</t>
  </si>
  <si>
    <t>\\acsfs\profiles$\fabianobmf\Downloads\eddf7609-3bcc-4b11-a58e-86b2a5e5c099.tmp</t>
  </si>
  <si>
    <t>01/17/2020 14:39:48</t>
  </si>
  <si>
    <t>55ce2609-4c0f-4e2c-9169-25f9b50b7674.tmp</t>
  </si>
  <si>
    <t>\\acsfs\profiles$\fabianobmf\Downloads\55ce2609-4c0f-4e2c-9169-25f9b50b7674.tmp</t>
  </si>
  <si>
    <t>01/17/2020 14:41:53</t>
  </si>
  <si>
    <t>01/17/2020 14:42:46</t>
  </si>
  <si>
    <t>\\acsfs\deptos\Operacao\PCP\5 - Comum\CONTROL DESK\5 - OBJETIVOS 2 SEMESTRE 2019\IMPRODUTIVIDADE\</t>
  </si>
  <si>
    <t>BV FINANCEIRA .xls</t>
  </si>
  <si>
    <t>\\acsfs\deptos\Operacao\PCP\5 - Comum\CONTROL DESK\5 - OBJETIVOS 2 SEMESTRE 2019\IMPRODUTIVIDADE\BV FINANCEIRA .xls</t>
  </si>
  <si>
    <t>01/17/2020 14:39:45</t>
  </si>
  <si>
    <t>01/17/2020 14:43:46</t>
  </si>
  <si>
    <t>01/17/2020 14:42:40</t>
  </si>
  <si>
    <t>01/17/2020 14:44:46</t>
  </si>
  <si>
    <t>8f70ece2-0f10-4d5d-84ac-289ce86c7e3f.tmp</t>
  </si>
  <si>
    <t>\\acsfs\profiles$\nathaliarmr\Downloads\8f70ece2-0f10-4d5d-84ac-289ce86c7e3f.tmp</t>
  </si>
  <si>
    <t>01/17/2020 14:41:37</t>
  </si>
  <si>
    <t>01/17/2020 14:45:46</t>
  </si>
  <si>
    <t>01/17/2020 14:41:32</t>
  </si>
  <si>
    <t>01/17/2020 14:44:28</t>
  </si>
  <si>
    <t>01/17/2020 14:41:27</t>
  </si>
  <si>
    <t>01/17/2020 14:46:46</t>
  </si>
  <si>
    <t>01/17/2020 14:41:30</t>
  </si>
  <si>
    <t>01/17/2020 14:41:54</t>
  </si>
  <si>
    <t>01/17/2020 14:47:46</t>
  </si>
  <si>
    <t>CAIXA SEGURADORA.xls</t>
  </si>
  <si>
    <t>\\acsfs\deptos\Operacao\PCP\5 - Comum\CONTROL DESK\5 - OBJETIVOS 2 SEMESTRE 2019\IMPRODUTIVIDADE\CAIXA SEGURADORA.xls</t>
  </si>
  <si>
    <t>01/17/2020 14:46:37</t>
  </si>
  <si>
    <t>01/17/2020 14:47:13</t>
  </si>
  <si>
    <t>01/17/2020 14:48:46</t>
  </si>
  <si>
    <t>01/17/2020 14:45:11</t>
  </si>
  <si>
    <t>01/17/2020 14:45:18</t>
  </si>
  <si>
    <t>lu649212c9p7.tmp</t>
  </si>
  <si>
    <t>\\acsfs\profiles$\FLAVIOJMM\My Documents\lu649212c9p7.tmp</t>
  </si>
  <si>
    <t>\\acsfs\profiles$\FLAVIOJMM\My Documents\lu649212c9p7.tmp\</t>
  </si>
  <si>
    <t>\\acsfs\profiles$\FLAVIOJMM\My Documents\lu649212c9p7.tmp\META-INF\</t>
  </si>
  <si>
    <t>\\acsfs\profiles$\FLAVIOJMM\My Documents\lu649212c9p7.tmp\Thumbnails\</t>
  </si>
  <si>
    <t>01/17/2020 14:46:34</t>
  </si>
  <si>
    <t>c6793124-d45e-4698-a923-44a83a2608da.tmp</t>
  </si>
  <si>
    <t>\\acsfs\profiles$\henriqueco\Downloads\c6793124-d45e-4698-a923-44a83a2608da.tmp</t>
  </si>
  <si>
    <t>01/17/2020 14:47:39</t>
  </si>
  <si>
    <t>e924d3e7-f5e7-4212-9016-935e22bd64ac.tmp</t>
  </si>
  <si>
    <t>\\acsfs\profiles$\henriqueco\Downloads\e924d3e7-f5e7-4212-9016-935e22bd64ac.tmp</t>
  </si>
  <si>
    <t>01/17/2020 14:45:51</t>
  </si>
  <si>
    <t>01/17/2020 14:49:46</t>
  </si>
  <si>
    <t>05f47538-6bfd-4e14-bbfc-d164f4989160.tmp</t>
  </si>
  <si>
    <t>\\acsfs\profiles$\rafaelacdoc\Downloads\05f47538-6bfd-4e14-bbfc-d164f4989160.tmp</t>
  </si>
  <si>
    <t>01/17/2020 14:46:40</t>
  </si>
  <si>
    <t>01/17/2020 14:47:59</t>
  </si>
  <si>
    <t>01/17/2020 14:50:46</t>
  </si>
  <si>
    <t>a8410492-f49e-4f8b-bf66-2e1169f27079.tmp</t>
  </si>
  <si>
    <t>\\acsfs\profiles$\victorgl\Downloads\a8410492-f49e-4f8b-bf66-2e1169f27079.tmp</t>
  </si>
  <si>
    <t>01/17/2020 14:49:11</t>
  </si>
  <si>
    <t>c4eeedfe-bc79-4e78-860e-1adc925fade5.tmp</t>
  </si>
  <si>
    <t>\\acsfs\profiles$\jalilebds\Downloads\c4eeedfe-bc79-4e78-860e-1adc925fade5.tmp</t>
  </si>
  <si>
    <t>01/17/2020 14:49:37</t>
  </si>
  <si>
    <t>ab34fe97-731d-4cf7-b545-93c5ae3ecb29.tmp</t>
  </si>
  <si>
    <t>\\acsfs\profiles$\jalilebds\Downloads\ab34fe97-731d-4cf7-b545-93c5ae3ecb29.tmp</t>
  </si>
  <si>
    <t>01/17/2020 14:45:27</t>
  </si>
  <si>
    <t>01/17/2020 14:47:37</t>
  </si>
  <si>
    <t>01/17/2020 14:47:47</t>
  </si>
  <si>
    <t>01/17/2020 14:47:48</t>
  </si>
  <si>
    <t>01/17/2020 14:47:51</t>
  </si>
  <si>
    <t>01/17/2020 14:47:55</t>
  </si>
  <si>
    <t>01/17/2020 14:47:56</t>
  </si>
  <si>
    <t>01/17/2020 14:47:58</t>
  </si>
  <si>
    <t>01/17/2020 14:48:00</t>
  </si>
  <si>
    <t>01/17/2020 14:48:01</t>
  </si>
  <si>
    <t>01/17/2020 14:48:04</t>
  </si>
  <si>
    <t>01/17/2020 14:48:05</t>
  </si>
  <si>
    <t>01/17/2020 14:48:06</t>
  </si>
  <si>
    <t>01/17/2020 14:48:07</t>
  </si>
  <si>
    <t>01/17/2020 14:48:10</t>
  </si>
  <si>
    <t>01/17/2020 14:48:11</t>
  </si>
  <si>
    <t>01/17/2020 14:48:14</t>
  </si>
  <si>
    <t>01/17/2020 14:48:16</t>
  </si>
  <si>
    <t>01/17/2020 14:48:17</t>
  </si>
  <si>
    <t>01/17/2020 14:48:18</t>
  </si>
  <si>
    <t>01/17/2020 14:48:21</t>
  </si>
  <si>
    <t>01/17/2020 14:48:22</t>
  </si>
  <si>
    <t>01/17/2020 14:48:23</t>
  </si>
  <si>
    <t>01/17/2020 14:48:24</t>
  </si>
  <si>
    <t>01/17/2020 14:48:25</t>
  </si>
  <si>
    <t>01/17/2020 14:48:26</t>
  </si>
  <si>
    <t>01/17/2020 14:48:27</t>
  </si>
  <si>
    <t>01/17/2020 14:48:28</t>
  </si>
  <si>
    <t>01/17/2020 14:48:29</t>
  </si>
  <si>
    <t>01/17/2020 14:48:30</t>
  </si>
  <si>
    <t>01/17/2020 14:48:31</t>
  </si>
  <si>
    <t>01/17/2020 14:48:32</t>
  </si>
  <si>
    <t>01/17/2020 14:48:33</t>
  </si>
  <si>
    <t>01/17/2020 14:48:34</t>
  </si>
  <si>
    <t>01/17/2020 14:48:35</t>
  </si>
  <si>
    <t>01/17/2020 14:48:36</t>
  </si>
  <si>
    <t>01/17/2020 14:48:37</t>
  </si>
  <si>
    <t>01/17/2020 14:48:38</t>
  </si>
  <si>
    <t>01/17/2020 14:48:39</t>
  </si>
  <si>
    <t>01/17/2020 14:49:44</t>
  </si>
  <si>
    <t>01/17/2020 14:48:51</t>
  </si>
  <si>
    <t>01/17/2020 14:48:55</t>
  </si>
  <si>
    <t>01/17/2020 14:47:20</t>
  </si>
  <si>
    <t>01/17/2020 14:51:46</t>
  </si>
  <si>
    <t>01/17/2020 14:47:28</t>
  </si>
  <si>
    <t>01/17/2020 14:47:34</t>
  </si>
  <si>
    <t>01/17/2020 14:50:47</t>
  </si>
  <si>
    <t>41867a3a-d0e7-450e-8051-ca4f57dc15c8.tmp</t>
  </si>
  <si>
    <t>\\acsfs\profiles$\sarahbal\Downloads\41867a3a-d0e7-450e-8051-ca4f57dc15c8.tmp</t>
  </si>
  <si>
    <t>01/17/2020 14:52:46</t>
  </si>
  <si>
    <t>e0ab8da0-d4bc-47ba-8cd7-b155b945ce6a.tmp</t>
  </si>
  <si>
    <t>\\acsfs\profiles$\lorrainerdl\Downloads\e0ab8da0-d4bc-47ba-8cd7-b155b945ce6a.tmp</t>
  </si>
  <si>
    <t>01/17/2020 14:50:48</t>
  </si>
  <si>
    <t>01/17/2020 14:53:46</t>
  </si>
  <si>
    <t>01/17/2020 14:51:21</t>
  </si>
  <si>
    <t>01/17/2020 14:55:46</t>
  </si>
  <si>
    <t>68f82fa0-4854-4592-b0d0-a95f78e4a7b1.tmp</t>
  </si>
  <si>
    <t>\\acsfs\profiles$\jalilebds\Downloads\68f82fa0-4854-4592-b0d0-a95f78e4a7b1.tmp</t>
  </si>
  <si>
    <t>01/17/2020 14:51:56</t>
  </si>
  <si>
    <t>b8303d76-d0cf-437a-b3e5-0d0e9e654818.tmp</t>
  </si>
  <si>
    <t>\\acsfs\profiles$\jalilebds\Downloads\b8303d76-d0cf-437a-b3e5-0d0e9e654818.tmp</t>
  </si>
  <si>
    <t>01/17/2020 14:52:21</t>
  </si>
  <si>
    <t>90b3878a-be25-47ab-8aab-50a194ba47f1.tmp</t>
  </si>
  <si>
    <t>\\acsfs\profiles$\jalilebds\Downloads\90b3878a-be25-47ab-8aab-50a194ba47f1.tmp</t>
  </si>
  <si>
    <t>01/17/2020 14:50:41</t>
  </si>
  <si>
    <t>01/17/2020 14:50:59</t>
  </si>
  <si>
    <t>881cd73c-84d5-44de-867d-915a470abfe9.tmp</t>
  </si>
  <si>
    <t>\\acsfs\profiles$\fernandofs\Downloads\881cd73c-84d5-44de-867d-915a470abfe9.tmp</t>
  </si>
  <si>
    <t>01/17/2020 14:51:15</t>
  </si>
  <si>
    <t>af6f7227-9a98-4cb5-8154-62dcf5e1df99.tmp</t>
  </si>
  <si>
    <t>\\acsfs\profiles$\fernandofs\Downloads\af6f7227-9a98-4cb5-8154-62dcf5e1df99.tmp</t>
  </si>
  <si>
    <t>01/17/2020 14:52:12</t>
  </si>
  <si>
    <t>3a2a46d1-bbdd-4a28-be84-adc63e39b30f.tmp</t>
  </si>
  <si>
    <t>\\acsfs\profiles$\fernandofs\Downloads\3a2a46d1-bbdd-4a28-be84-adc63e39b30f.tmp</t>
  </si>
  <si>
    <t>01/17/2020 14:50:37</t>
  </si>
  <si>
    <t>dae87b74-5f58-4833-846d-62d03348f4aa.tmp</t>
  </si>
  <si>
    <t>\\acsfs\profiles$\rosileiam\Downloads\dae87b74-5f58-4833-846d-62d03348f4aa.tmp</t>
  </si>
  <si>
    <t>01/17/2020 14:51:59</t>
  </si>
  <si>
    <t>9d21cd68-2b6d-400a-b734-39b22617ef74.tmp</t>
  </si>
  <si>
    <t>\\acsfs\profiles$\rosileiam\Downloads\9d21cd68-2b6d-400a-b734-39b22617ef74.tmp</t>
  </si>
  <si>
    <t>01/17/2020 14:54:13</t>
  </si>
  <si>
    <t>01/17/2020 14:54:31</t>
  </si>
  <si>
    <t>01/17/2020 14:54:33</t>
  </si>
  <si>
    <t>01/17/2020 14:54:37</t>
  </si>
  <si>
    <t>01/17/2020 14:54:39</t>
  </si>
  <si>
    <t>01/17/2020 14:54:40</t>
  </si>
  <si>
    <t>01/17/2020 14:54:41</t>
  </si>
  <si>
    <t>01/17/2020 14:54:42</t>
  </si>
  <si>
    <t>01/17/2020 14:54:44</t>
  </si>
  <si>
    <t>01/17/2020 14:54:46</t>
  </si>
  <si>
    <t>01/17/2020 14:54:48</t>
  </si>
  <si>
    <t>01/17/2020 14:54:49</t>
  </si>
  <si>
    <t>01/17/2020 14:54:50</t>
  </si>
  <si>
    <t>01/17/2020 14:54:51</t>
  </si>
  <si>
    <t>01/17/2020 14:54:52</t>
  </si>
  <si>
    <t>01/17/2020 14:54:53</t>
  </si>
  <si>
    <t>01/17/2020 14:54:55</t>
  </si>
  <si>
    <t>01/17/2020 14:54:56</t>
  </si>
  <si>
    <t>01/17/2020 14:54:57</t>
  </si>
  <si>
    <t>01/17/2020 14:54:58</t>
  </si>
  <si>
    <t>01/17/2020 14:55:00</t>
  </si>
  <si>
    <t>01/17/2020 14:55:01</t>
  </si>
  <si>
    <t>01/17/2020 14:55:02</t>
  </si>
  <si>
    <t>01/17/2020 14:55:04</t>
  </si>
  <si>
    <t>01/17/2020 14:55:06</t>
  </si>
  <si>
    <t>01/17/2020 14:55:07</t>
  </si>
  <si>
    <t>01/17/2020 14:55:08</t>
  </si>
  <si>
    <t>01/17/2020 14:55:10</t>
  </si>
  <si>
    <t>01/17/2020 14:55:11</t>
  </si>
  <si>
    <t>01/17/2020 14:55:12</t>
  </si>
  <si>
    <t>01/17/2020 14:55:13</t>
  </si>
  <si>
    <t>01/17/2020 14:55:14</t>
  </si>
  <si>
    <t>01/17/2020 14:55:15</t>
  </si>
  <si>
    <t>01/17/2020 14:55:16</t>
  </si>
  <si>
    <t>01/17/2020 14:55:19</t>
  </si>
  <si>
    <t>01/17/2020 14:55:20</t>
  </si>
  <si>
    <t>01/17/2020 14:55:22</t>
  </si>
  <si>
    <t>01/17/2020 14:55:24</t>
  </si>
  <si>
    <t>01/17/2020 14:55:25</t>
  </si>
  <si>
    <t>01/17/2020 14:55:27</t>
  </si>
  <si>
    <t>01/17/2020 14:55:29</t>
  </si>
  <si>
    <t>01/17/2020 14:18:32</t>
  </si>
  <si>
    <t>lu314041g7pyd.tmp</t>
  </si>
  <si>
    <t>\\acsfs\profiles$\ALEXANDREMM\lu314041g7pyd.tmp</t>
  </si>
  <si>
    <t>\\acsfs\profiles$\ALEXANDREMM\lu314041g7pyd.tmp\</t>
  </si>
  <si>
    <t>\\acsfs\profiles$\ALEXANDREMM\lu314041g7pyd.tmp\META-INF\</t>
  </si>
  <si>
    <t>\\acsfs\profiles$\ALEXANDREMM\lu314041g7pyd.tmp\Thumbnails\</t>
  </si>
  <si>
    <t>01/17/2020 14:50:57</t>
  </si>
  <si>
    <t>01/17/2020 14:56:46</t>
  </si>
  <si>
    <t>01/17/2020 14:51:00</t>
  </si>
  <si>
    <t>01/17/2020 14:51:13</t>
  </si>
  <si>
    <t>01/17/2020 14:51:16</t>
  </si>
  <si>
    <t>01/17/2020 14:51:22</t>
  </si>
  <si>
    <t>01/17/2020 14:51:28</t>
  </si>
  <si>
    <t>01/17/2020 14:51:44</t>
  </si>
  <si>
    <t>01/17/2020 14:51:57</t>
  </si>
  <si>
    <t>01/17/2020 14:52:23</t>
  </si>
  <si>
    <t>01/17/2020 14:52:39</t>
  </si>
  <si>
    <t>01/17/2020 14:52:42</t>
  </si>
  <si>
    <t>01/17/2020 14:52:59</t>
  </si>
  <si>
    <t>01/17/2020 14:53:08</t>
  </si>
  <si>
    <t>01/17/2020 14:53:37</t>
  </si>
  <si>
    <t>01/17/2020 14:53:39</t>
  </si>
  <si>
    <t>01/17/2020 14:54:11</t>
  </si>
  <si>
    <t>01/17/2020 14:54:16</t>
  </si>
  <si>
    <t>01/17/2020 14:54:20</t>
  </si>
  <si>
    <t>01/17/2020 14:55:35</t>
  </si>
  <si>
    <t>01/17/2020 14:55:43</t>
  </si>
  <si>
    <t>01/17/2020 14:55:50</t>
  </si>
  <si>
    <t>01/17/2020 14:53:06</t>
  </si>
  <si>
    <t>01/17/2020 14:56:08</t>
  </si>
  <si>
    <t>01/17/2020 14:56:26</t>
  </si>
  <si>
    <t>01/17/2020 14:57:46</t>
  </si>
  <si>
    <t>XLOG_tiagosno_17012020_070008.log</t>
  </si>
  <si>
    <t>\\acsfs\profiles$\tiagosno\My Documents\xworkcenter\logs\XLOG_tiagosno_17012020_070008.log</t>
  </si>
  <si>
    <t>01/17/2020 14:56:43</t>
  </si>
  <si>
    <t>01/17/2020 14:58:46</t>
  </si>
  <si>
    <t>lu12012129m40.tmp</t>
  </si>
  <si>
    <t>\\acsfs\profiles$\LUCASBS\RENEG BV\Consolidado\lu12012129m40.tmp</t>
  </si>
  <si>
    <t>\\acsfs\profiles$\LUCASBS\RENEG BV\Consolidado\lu12012129m40.tmp\</t>
  </si>
  <si>
    <t>\\acsfs\profiles$\LUCASBS\RENEG BV\Consolidado\lu12012129m40.tmp\META-INF\</t>
  </si>
  <si>
    <t>\\acsfs\profiles$\LUCASBS\RENEG BV\Consolidado\lu12012129m40.tmp\Thumbnails\</t>
  </si>
  <si>
    <t>01/17/2020 14:56:50</t>
  </si>
  <si>
    <t>01/17/2020 14:59:46</t>
  </si>
  <si>
    <t>Evidencia Pamella.PNG</t>
  </si>
  <si>
    <t>01/17/2020 14:57:59</t>
  </si>
  <si>
    <t>01/17/2020 14:58:54</t>
  </si>
  <si>
    <t>01/17/2020 14:58:30</t>
  </si>
  <si>
    <t>01/17/2020 15:00:46</t>
  </si>
  <si>
    <t>0fea9f91-420a-4c3f-aeec-695580478313.tmp</t>
  </si>
  <si>
    <t>\\acsfs\profiles$\gabrielafs\Downloads\0fea9f91-420a-4c3f-aeec-695580478313.tmp</t>
  </si>
  <si>
    <t>01/17/2020 14:56:42</t>
  </si>
  <si>
    <t>01/17/2020 14:55:56</t>
  </si>
  <si>
    <t>01/17/2020 14:58:04</t>
  </si>
  <si>
    <t>dfe8337f-90ee-4adf-9e4c-7f5c82a846f4.tmp</t>
  </si>
  <si>
    <t>\\acsfs\profiles$\brunalas\Downloads\dfe8337f-90ee-4adf-9e4c-7f5c82a846f4.tmp</t>
  </si>
  <si>
    <t>01/17/2020 14:59:42</t>
  </si>
  <si>
    <t>9e5ae827-a8fd-4b18-aeed-375e39994ae5.tmp</t>
  </si>
  <si>
    <t>\\acsfs\profiles$\brunalas\Downloads\9e5ae827-a8fd-4b18-aeed-375e39994ae5.tmp</t>
  </si>
  <si>
    <t>01/17/2020 14:57:32</t>
  </si>
  <si>
    <t>01/17/2020 14:59:15</t>
  </si>
  <si>
    <t>01/17/2020 15:01:46</t>
  </si>
  <si>
    <t>16204aa8-bc20-4e8d-9bc9-c91333174f62.tmp</t>
  </si>
  <si>
    <t>\\acsfs\profiles$\gabrielamdp\Downloads\16204aa8-bc20-4e8d-9bc9-c91333174f62.tmp</t>
  </si>
  <si>
    <t>01/17/2020 14:59:17</t>
  </si>
  <si>
    <t>27fd3385-949f-4db7-b827-23e8a7ab70b4.tmp</t>
  </si>
  <si>
    <t>\\acsfs\profiles$\gabrielamdp\Downloads\27fd3385-949f-4db7-b827-23e8a7ab70b4.tmp</t>
  </si>
  <si>
    <t>01/17/2020 14:59:20</t>
  </si>
  <si>
    <t>0aa93ce0-6f0e-4153-a8e1-1b9c68c941e9.tmp</t>
  </si>
  <si>
    <t>\\acsfs\profiles$\gabrielamdp\Downloads\0aa93ce0-6f0e-4153-a8e1-1b9c68c941e9.tmp</t>
  </si>
  <si>
    <t>01/17/2020 14:56:11</t>
  </si>
  <si>
    <t>01/17/2020 14:56:18</t>
  </si>
  <si>
    <t>01/17/2020 14:56:23</t>
  </si>
  <si>
    <t>01/17/2020 14:57:11</t>
  </si>
  <si>
    <t>01/17/2020 14:57:36</t>
  </si>
  <si>
    <t>01/17/2020 14:57:41</t>
  </si>
  <si>
    <t>01/17/2020 14:58:10</t>
  </si>
  <si>
    <t>01/17/2020 14:58:40</t>
  </si>
  <si>
    <t>01/17/2020 14:58:58</t>
  </si>
  <si>
    <t>01/17/2020 14:59:01</t>
  </si>
  <si>
    <t>01/17/2020 14:59:32</t>
  </si>
  <si>
    <t>01/17/2020 14:59:38</t>
  </si>
  <si>
    <t>01/17/2020 14:59:57</t>
  </si>
  <si>
    <t>01/17/2020 15:00:04</t>
  </si>
  <si>
    <t>01/17/2020 15:00:09</t>
  </si>
  <si>
    <t>01/17/2020 15:00:24</t>
  </si>
  <si>
    <t>01/17/2020 14:56:38</t>
  </si>
  <si>
    <t>01/17/2020 14:57:08</t>
  </si>
  <si>
    <t>01/17/2020 14:58:32</t>
  </si>
  <si>
    <t>01/17/2020 15:02:46</t>
  </si>
  <si>
    <t>01/17/2020 15:02:02</t>
  </si>
  <si>
    <t>01/17/2020 14:58:43</t>
  </si>
  <si>
    <t>01/17/2020 15:03:47</t>
  </si>
  <si>
    <t>01/17/2020 15:01:37</t>
  </si>
  <si>
    <t>01/17/2020 15:01:42</t>
  </si>
  <si>
    <t>lu649212c9pg.tmp</t>
  </si>
  <si>
    <t>\\acsfs\profiles$\FLAVIOJMM\My Documents\lu649212c9pg.tmp</t>
  </si>
  <si>
    <t>\\acsfs\profiles$\FLAVIOJMM\My Documents\lu649212c9pg.tmp\</t>
  </si>
  <si>
    <t>\\acsfs\profiles$\FLAVIOJMM\My Documents\lu649212c9pg.tmp\META-INF\</t>
  </si>
  <si>
    <t>\\acsfs\profiles$\FLAVIOJMM\My Documents\lu649212c9pg.tmp\Thumbnails\</t>
  </si>
  <si>
    <t>01/17/2020 15:02:09</t>
  </si>
  <si>
    <t>01/17/2020 15:04:25</t>
  </si>
  <si>
    <t>01/17/2020 15:05:46</t>
  </si>
  <si>
    <t>VICTOR GARCIA LEMOS (14913).contact</t>
  </si>
  <si>
    <t>\\acsfs\profiles$\victorgl\Contacts\VICTOR GARCIA LEMOS (14913).contact</t>
  </si>
  <si>
    <t>01/17/2020 15:04:37</t>
  </si>
  <si>
    <t>01/17/2020 15:04:38</t>
  </si>
  <si>
    <t>01/17/2020 15:04:39</t>
  </si>
  <si>
    <t>01/17/2020 15:04:40</t>
  </si>
  <si>
    <t>01/17/2020 15:04:41</t>
  </si>
  <si>
    <t>01/17/2020 15:04:42</t>
  </si>
  <si>
    <t>01/17/2020 15:04:43</t>
  </si>
  <si>
    <t>01/17/2020 15:04:44</t>
  </si>
  <si>
    <t>01/17/2020 15:04:45</t>
  </si>
  <si>
    <t>01/17/2020 15:03:34</t>
  </si>
  <si>
    <t>01/17/2020 15:01:34</t>
  </si>
  <si>
    <t>01/17/2020 15:06:47</t>
  </si>
  <si>
    <t>45d45340-0499-4318-aaed-e5146635494a.tmp</t>
  </si>
  <si>
    <t>\\acsfs\profiles$\gabrielamdp\Downloads\45d45340-0499-4318-aaed-e5146635494a.tmp</t>
  </si>
  <si>
    <t>01/17/2020 15:02:36</t>
  </si>
  <si>
    <t>01/17/2020 15:03:15</t>
  </si>
  <si>
    <t>01/17/2020 15:03:18</t>
  </si>
  <si>
    <t>01/17/2020 15:03:39</t>
  </si>
  <si>
    <t>eliane.martins@bv.com.br;supervisaobancovotorantim@algartech.com;</t>
  </si>
  <si>
    <t>eliane.martins@bv.com.br,supervisaobancovotorantim@algartech.com</t>
  </si>
  <si>
    <t>01/17/2020 15:03:55</t>
  </si>
  <si>
    <t>01/17/2020 15:04:04</t>
  </si>
  <si>
    <t>eliane.martins@bv.com.br;flora.lira@bv.com.br;supervisaobancovotorantim@algartech.com;</t>
  </si>
  <si>
    <t>eliane.martins@bv.com.br,flora.lira@bv.com.br,supervisaobancovotorantim@algartech.com</t>
  </si>
  <si>
    <t>01/17/2020 15:04:24</t>
  </si>
  <si>
    <t>01/17/2020 15:04:48</t>
  </si>
  <si>
    <t>01/17/2020 15:05:00</t>
  </si>
  <si>
    <t>01/17/2020 15:04:06</t>
  </si>
  <si>
    <t>01/17/2020 15:02:42</t>
  </si>
  <si>
    <t>01/17/2020 15:03:12</t>
  </si>
  <si>
    <t>01/17/2020 15:03:42</t>
  </si>
  <si>
    <t>01/17/2020 15:04:12</t>
  </si>
  <si>
    <t>01/17/2020 15:05:43</t>
  </si>
  <si>
    <t>01/17/2020 15:06:13</t>
  </si>
  <si>
    <t>01/17/2020 15:07:47</t>
  </si>
  <si>
    <t>01/17/2020 15:06:18</t>
  </si>
  <si>
    <t>01/17/2020 15:03:16</t>
  </si>
  <si>
    <t>\\acsfs\profiles$\julianeas\Favorites\Links for Brasil\</t>
  </si>
  <si>
    <t>\\acsfs\profiles$\julianeas\Favorites\Links for Brasil\desktop.ini</t>
  </si>
  <si>
    <t>\\acsfs\profiles$\julianeas\Favorites\Links for Brasil\Microsoft Brasil.url</t>
  </si>
  <si>
    <t>\\acsfs\profiles$\julianeas\Favorites\Links for Brasil\Windows Brasil.url</t>
  </si>
  <si>
    <t>01/17/2020 15:03:17</t>
  </si>
  <si>
    <t>\\acsfs\profiles$\julianeas\Favorites\Links for Brasil\MSN Brasil.url</t>
  </si>
  <si>
    <t>01/17/2020 15:06:14</t>
  </si>
  <si>
    <t>0ebbf292-128f-407c-a48c-51360cfbb3e6.tmp</t>
  </si>
  <si>
    <t>\\acsfs\profiles$\danielmlds\Downloads\0ebbf292-128f-407c-a48c-51360cfbb3e6.tmp</t>
  </si>
  <si>
    <t>01/17/2020 15:07:23</t>
  </si>
  <si>
    <t>01/17/2020 15:08:47</t>
  </si>
  <si>
    <t>01/17/2020 15:03:58</t>
  </si>
  <si>
    <t>01/17/2020 15:04:53</t>
  </si>
  <si>
    <t>59a8bb10-95c5-472a-af8a-d55ac4902cac.tmp</t>
  </si>
  <si>
    <t>\\acsfs\profiles$\gabrielsma\Downloads\59a8bb10-95c5-472a-af8a-d55ac4902cac.tmp</t>
  </si>
  <si>
    <t>01/17/2020 15:04:58</t>
  </si>
  <si>
    <t>asdfsadg.ica.crdownload</t>
  </si>
  <si>
    <t>\\acsfs\ACS\Gabriel da Silva\Contemporânea\VENDAS\asdfsadg.ica.crdownload</t>
  </si>
  <si>
    <t>01/17/2020 15:04:59</t>
  </si>
  <si>
    <t>01/17/2020 15:09:47</t>
  </si>
  <si>
    <t>01/17/2020 15:05:24</t>
  </si>
  <si>
    <t>01/17/2020 15:07:24</t>
  </si>
  <si>
    <t>01/17/2020 15:10:47</t>
  </si>
  <si>
    <t>01/17/2020 15:07:30</t>
  </si>
  <si>
    <t>lu1132010ucnz.tmp</t>
  </si>
  <si>
    <t>\\acsfs\profiles$\ISABELLEGTDS\Nova pasta\lu1132010ucnz.tmp</t>
  </si>
  <si>
    <t>\\acsfs\profiles$\ISABELLEGTDS\Nova pasta\lu1132010ucnz.tmp\</t>
  </si>
  <si>
    <t>\\acsfs\profiles$\ISABELLEGTDS\Nova pasta\lu1132010ucnz.tmp\META-INF\</t>
  </si>
  <si>
    <t>\\acsfs\profiles$\ISABELLEGTDS\Nova pasta\lu1132010ucnz.tmp\Thumbnails\</t>
  </si>
  <si>
    <t>01/17/2020 15:08:21</t>
  </si>
  <si>
    <t>01/17/2020 15:04:57</t>
  </si>
  <si>
    <t>01/17/2020 15:07:01</t>
  </si>
  <si>
    <t>01/17/2020 15:09:55</t>
  </si>
  <si>
    <t>01/17/2020 15:11:47</t>
  </si>
  <si>
    <t>XLOG_ellencds_17012020_071433.log</t>
  </si>
  <si>
    <t>\\acsfs\profiles$\ellencds\My Documents\xworkcenter\logs\XLOG_ellencds_17012020_071433.log</t>
  </si>
  <si>
    <t>01/17/2020 15:07:14</t>
  </si>
  <si>
    <t>c911d1d9-dd64-43e8-9dde-b76ef85753b0.tmp</t>
  </si>
  <si>
    <t>\\acsfs\profiles$\gabrielamdp\Downloads\c911d1d9-dd64-43e8-9dde-b76ef85753b0.tmp</t>
  </si>
  <si>
    <t>01/17/2020 15:12:47</t>
  </si>
  <si>
    <t>01/17/2020 15:11:27</t>
  </si>
  <si>
    <t>01/17/2020 15:09:51</t>
  </si>
  <si>
    <t>01/17/2020 15:13:46</t>
  </si>
  <si>
    <t>01/17/2020 15:12:35</t>
  </si>
  <si>
    <t>0812e18f-8290-4f26-b5ca-f209af4931d3.tmp</t>
  </si>
  <si>
    <t>\\acsfs\profiles$\gabrielsma\Downloads\0812e18f-8290-4f26-b5ca-f209af4931d3.tmp</t>
  </si>
  <si>
    <t>01/17/2020 15:12:37</t>
  </si>
  <si>
    <t>01/17/2020 15:10:03</t>
  </si>
  <si>
    <t>01/17/2020 15:11:03</t>
  </si>
  <si>
    <t>01/17/2020 15:12:08</t>
  </si>
  <si>
    <t>01/17/2020 15:13:24</t>
  </si>
  <si>
    <t>01/17/2020 15:14:47</t>
  </si>
  <si>
    <t>93003678-f456-41a3-aa00-c48669e33d02.tmp</t>
  </si>
  <si>
    <t>\\acsfs\profiles$\nathaliarmr\Downloads\93003678-f456-41a3-aa00-c48669e33d02.tmp</t>
  </si>
  <si>
    <t>01/17/2020 15:10:06</t>
  </si>
  <si>
    <t>6d4023ef-1611-41a0-99be-084d4f59a2db.tmp</t>
  </si>
  <si>
    <t>\\acsfs\profiles$\brendadsl\Downloads\6d4023ef-1611-41a0-99be-084d4f59a2db.tmp</t>
  </si>
  <si>
    <t>01/17/2020 15:14:34</t>
  </si>
  <si>
    <t>01/17/2020 15:15:47</t>
  </si>
  <si>
    <t>1296ada7-b40c-4a66-9ceb-d890329a66d6.tmp</t>
  </si>
  <si>
    <t>\\acsfs\profiles$\ayalabfi\Downloads\1296ada7-b40c-4a66-9ceb-d890329a66d6.tmp</t>
  </si>
  <si>
    <t>01/17/2020 15:11:15</t>
  </si>
  <si>
    <t>01/17/2020 15:11:20</t>
  </si>
  <si>
    <t>01/17/2020 15:13:54</t>
  </si>
  <si>
    <t>01/17/2020 15:12:30</t>
  </si>
  <si>
    <t>01/17/2020 15:12:36</t>
  </si>
  <si>
    <t>01/17/2020 15:12:05</t>
  </si>
  <si>
    <t>01/17/2020 15:16:47</t>
  </si>
  <si>
    <t>487f67f0-5396-4bf0-9527-f24ebc3eab9a.tmp</t>
  </si>
  <si>
    <t>\\acsfs\profiles$\gabrielamdp\Downloads\487f67f0-5396-4bf0-9527-f24ebc3eab9a.tmp</t>
  </si>
  <si>
    <t>01/17/2020 15:14:18</t>
  </si>
  <si>
    <t>01/17/2020 15:14:48</t>
  </si>
  <si>
    <t>01/17/2020 15:15:19</t>
  </si>
  <si>
    <t>01/17/2020 15:16:19</t>
  </si>
  <si>
    <t>01/17/2020 15:12:20</t>
  </si>
  <si>
    <t>XLOG_anacdos_17012020_071343.log</t>
  </si>
  <si>
    <t>\\acsfs\profiles$\anacdos\My Documents\xworkcenter\logs\XLOG_anacdos_17012020_071343.log</t>
  </si>
  <si>
    <t>01/17/2020 15:13:59</t>
  </si>
  <si>
    <t>01/17/2020 15:17:46</t>
  </si>
  <si>
    <t>01/17/2020 15:14:12</t>
  </si>
  <si>
    <t>01/17/2020 15:14:11</t>
  </si>
  <si>
    <t>01/17/2020 15:13:33</t>
  </si>
  <si>
    <t>01/17/2020 15:18:47</t>
  </si>
  <si>
    <t>\\acsfs\profiles$\gabrielsma\My Documents\</t>
  </si>
  <si>
    <t>Erros Operacionais.xlsx</t>
  </si>
  <si>
    <t>\\acsfs\profiles$\gabrielsma\My Documents\Erros Operacionais.xlsx</t>
  </si>
  <si>
    <t>01/17/2020 15:13:44</t>
  </si>
  <si>
    <t>Erros Operacionais_Novo.xlsx</t>
  </si>
  <si>
    <t>\\acsfs\ACS\Gabriel da Silva\Contemporânea\Erros Operacionais\Erros Operacionais_Novo.xlsx</t>
  </si>
  <si>
    <t>01/17/2020 15:13:56</t>
  </si>
  <si>
    <t>c9061a0c-1223-4a9a-bb91-460196511b7c.tmp</t>
  </si>
  <si>
    <t>\\acsfs\profiles$\henriqueco\Downloads\c9061a0c-1223-4a9a-bb91-460196511b7c.tmp</t>
  </si>
  <si>
    <t>01/17/2020 15:15:35</t>
  </si>
  <si>
    <t>01/17/2020 15:16:27</t>
  </si>
  <si>
    <t>01/17/2020 15:19:46</t>
  </si>
  <si>
    <t>0db6fa12-2281-4529-9c9e-9a67c159523c.tmp</t>
  </si>
  <si>
    <t>\\acsfs\profiles$\nathaliarmr\Downloads\0db6fa12-2281-4529-9c9e-9a67c159523c.tmp</t>
  </si>
  <si>
    <t>01/17/2020 15:15:33</t>
  </si>
  <si>
    <t>01/17/2020 15:20:47</t>
  </si>
  <si>
    <t>01/17/2020 15:18:34</t>
  </si>
  <si>
    <t>01/17/2020 15:21:46</t>
  </si>
  <si>
    <t>c26a90cd-3a4c-4651-afd7-73620875ebeb.tmp</t>
  </si>
  <si>
    <t>\\acsfs\profiles$\lucasgpe\Downloads\c26a90cd-3a4c-4651-afd7-73620875ebeb.tmp</t>
  </si>
  <si>
    <t>01/17/2020 15:17:50</t>
  </si>
  <si>
    <t>01/17/2020 15:20:52</t>
  </si>
  <si>
    <t>01/17/2020 15:21:22</t>
  </si>
  <si>
    <t>01/17/2020 15:18:05</t>
  </si>
  <si>
    <t>01/17/2020 15:22:47</t>
  </si>
  <si>
    <t>01/17/2020 15:21:50</t>
  </si>
  <si>
    <t>mail.google.com/sync/u/0/i/s?hl=pt-BR&amp;c=1557</t>
  </si>
  <si>
    <t>01/17/2020 15:21:52</t>
  </si>
  <si>
    <t>mail.google.com/sync/u/0/i/s?hl=pt-BR&amp;c=1560</t>
  </si>
  <si>
    <t>01/17/2020 15:20:50</t>
  </si>
  <si>
    <t>01/17/2020 15:20:39</t>
  </si>
  <si>
    <t>01/17/2020 15:23:46</t>
  </si>
  <si>
    <t>01/17/2020 15:20:45</t>
  </si>
  <si>
    <t>lu12012129m4d.tmp</t>
  </si>
  <si>
    <t>\\acsfs\profiles$\LUCASBS\RENEG BV\Consolidado\lu12012129m4d.tmp</t>
  </si>
  <si>
    <t>\\acsfs\profiles$\LUCASBS\RENEG BV\Consolidado\lu12012129m4d.tmp\</t>
  </si>
  <si>
    <t>\\acsfs\profiles$\LUCASBS\RENEG BV\Consolidado\lu12012129m4d.tmp\META-INF\</t>
  </si>
  <si>
    <t>\\acsfs\profiles$\LUCASBS\RENEG BV\Consolidado\lu12012129m4d.tmp\Thumbnails\</t>
  </si>
  <si>
    <t>01/17/2020 15:22:41</t>
  </si>
  <si>
    <t>01/17/2020 15:22:46</t>
  </si>
  <si>
    <t>lu12012129m4i.tmp</t>
  </si>
  <si>
    <t>\\acsfs\profiles$\LUCASBS\RENEG BV\Consolidado\lu12012129m4i.tmp</t>
  </si>
  <si>
    <t>\\acsfs\profiles$\LUCASBS\RENEG BV\Consolidado\lu12012129m4i.tmp\</t>
  </si>
  <si>
    <t>\\acsfs\profiles$\LUCASBS\RENEG BV\Consolidado\lu12012129m4i.tmp\META-INF\</t>
  </si>
  <si>
    <t>\\acsfs\profiles$\LUCASBS\RENEG BV\Consolidado\lu12012129m4i.tmp\Thumbnails\</t>
  </si>
  <si>
    <t>01/17/2020 15:23:04</t>
  </si>
  <si>
    <t>01/17/2020 15:23:10</t>
  </si>
  <si>
    <t>lu12012129m4n.tmp</t>
  </si>
  <si>
    <t>\\acsfs\profiles$\LUCASBS\RENEG BV\Consolidado\lu12012129m4n.tmp</t>
  </si>
  <si>
    <t>\\acsfs\profiles$\LUCASBS\RENEG BV\Consolidado\lu12012129m4n.tmp\</t>
  </si>
  <si>
    <t>\\acsfs\profiles$\LUCASBS\RENEG BV\Consolidado\lu12012129m4n.tmp\META-INF\</t>
  </si>
  <si>
    <t>01/17/2020 15:22:39</t>
  </si>
  <si>
    <t>\\acsfs\profiles$\LUCASBS\RENEG BV\Consolidado\lu12012129m4n.tmp\Thumbnails\</t>
  </si>
  <si>
    <t>01/17/2020 15:19:53</t>
  </si>
  <si>
    <t>01/17/2020 15:24:47</t>
  </si>
  <si>
    <t>01/17/2020 15:22:13</t>
  </si>
  <si>
    <t>01/17/2020 15:25:46</t>
  </si>
  <si>
    <t>0113befc-ea43-485e-a60c-6c3772321a32.tmp</t>
  </si>
  <si>
    <t>\\acsfs\profiles$\fernandofs\Downloads\0113befc-ea43-485e-a60c-6c3772321a32.tmp</t>
  </si>
  <si>
    <t>01/17/2020 15:23:03</t>
  </si>
  <si>
    <t>01/17/2020 15:26:47</t>
  </si>
  <si>
    <t>7257f227-ea93-4a28-9c17-dafe96e496fc.tmp</t>
  </si>
  <si>
    <t>\\acsfs\profiles$\sarahbal\Downloads\7257f227-ea93-4a28-9c17-dafe96e496fc.tmp</t>
  </si>
  <si>
    <t>01/17/2020 15:22:17</t>
  </si>
  <si>
    <t>01/17/2020 15:27:46</t>
  </si>
  <si>
    <t>mail.google.com/sync/u/0/i/s?hl=pt-BR&amp;c=1563</t>
  </si>
  <si>
    <t>01/17/2020 15:22:21</t>
  </si>
  <si>
    <t>mail.google.com/sync/u/0/i/s?hl=pt-BR&amp;c=1565</t>
  </si>
  <si>
    <t>01/17/2020 15:22:45</t>
  </si>
  <si>
    <t>01/17/2020 15:22:56</t>
  </si>
  <si>
    <t>mail.google.com/sync/u/0/i/s?hl=pt-BR&amp;c=1570</t>
  </si>
  <si>
    <t>01/17/2020 15:23:36</t>
  </si>
  <si>
    <t>mail.google.com/sync/u/0/i/s?hl=pt-BR&amp;c=1572</t>
  </si>
  <si>
    <t>01/17/2020 15:23:44</t>
  </si>
  <si>
    <t>mail.google.com/sync/u/0/i/s?hl=pt-BR&amp;c=1574</t>
  </si>
  <si>
    <t>01/17/2020 15:23:55</t>
  </si>
  <si>
    <t>mail.google.com/sync/u/0/i/s?hl=pt-BR&amp;c=1577</t>
  </si>
  <si>
    <t>100014122394468;algartechcpcbv@bv.algartech.com;andrelpsa@algartech.com;joaogvc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14122394468,algartechcpcbv@bv.algartech.com,andrelpsa@algartech.com,joaogvc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5:24:21</t>
  </si>
  <si>
    <t>mail.google.com/sync/u/0/i/s?hl=pt-BR&amp;c=1579</t>
  </si>
  <si>
    <t>01/17/2020 15:24:25</t>
  </si>
  <si>
    <t>mail.google.com/sync/u/0/i/s?hl=pt-BR&amp;c=1581</t>
  </si>
  <si>
    <t>algartechcpcbv@bv.algartech.com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</t>
  </si>
  <si>
    <t>algartechcpcbv@bv.algartech.com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</t>
  </si>
  <si>
    <t>01/17/2020 15:24:31</t>
  </si>
  <si>
    <t>mail.google.com/sync/u/0/i/s?hl=pt-BR&amp;c=1583</t>
  </si>
  <si>
    <t>01/17/2020 15:24:36</t>
  </si>
  <si>
    <t>01/17/2020 15:24:41</t>
  </si>
  <si>
    <t>mail.google.com/sync/u/0/i/s?hl=pt-BR&amp;c=1587</t>
  </si>
  <si>
    <t>mail.google.com/sync/u/0/i/s?hl=pt-BR&amp;c=1589</t>
  </si>
  <si>
    <t>01/17/2020 15:25:11</t>
  </si>
  <si>
    <t>01/17/2020 15:25:16</t>
  </si>
  <si>
    <t>100014122394468;algartechcpcbv@bv.algartech.com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14122394468,algartechcpcbv@bv.algartech.com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5:25:29</t>
  </si>
  <si>
    <t>01/17/2020 15:25:32</t>
  </si>
  <si>
    <t>01/17/2020 15:27:13</t>
  </si>
  <si>
    <t>01/17/2020 15:28:47</t>
  </si>
  <si>
    <t>3645ec8d-8004-432e-a3d0-829fe273b965.tmp</t>
  </si>
  <si>
    <t>\\acsfs\profiles$\ingridsm\Downloads\3645ec8d-8004-432e-a3d0-829fe273b965.tmp</t>
  </si>
  <si>
    <t>01/17/2020 15:25:42</t>
  </si>
  <si>
    <t>6b170c04-46f4-4f84-9551-778f9c63a315.tmp</t>
  </si>
  <si>
    <t>\\acsfs\profiles$\inarajst\Downloads\6b170c04-46f4-4f84-9551-778f9c63a315.tmp</t>
  </si>
  <si>
    <t>01/17/2020 15:26:11</t>
  </si>
  <si>
    <t>6ac5192b-c971-42ff-9f2c-11edca085a28.tmp</t>
  </si>
  <si>
    <t>\\acsfs\profiles$\inarajst\Downloads\6ac5192b-c971-42ff-9f2c-11edca085a28.tmp</t>
  </si>
  <si>
    <t>01/17/2020 15:27:27</t>
  </si>
  <si>
    <t>01/17/2020 15:30:47</t>
  </si>
  <si>
    <t>01/17/2020 15:25:39</t>
  </si>
  <si>
    <t>01/17/2020 15:30:15</t>
  </si>
  <si>
    <t>01/17/2020 15:26:23</t>
  </si>
  <si>
    <t>01/17/2020 15:31:46</t>
  </si>
  <si>
    <t>ulog_Acrobat12_Reader_3b8210f9-3618-47e4-b9cc-5aaaba62831a_f1c4ba95-c8ad-4875-96ba-23c19b469902_0.log</t>
  </si>
  <si>
    <t>C:\Users\flaviacno\AppData\Roaming\Adobe\LogTransport2\Logs\ulog_Acrobat12_Reader_3b8210f9-3618-47e4-b9cc-5aaaba62831a_f1c4ba95-c8ad-4875-96ba-23c19b469902_0.log\</t>
  </si>
  <si>
    <t>01/17/2020 15:26:36</t>
  </si>
  <si>
    <t>faa6b9c0-cecd-4739-917a-16169a6e749c.tmp</t>
  </si>
  <si>
    <t>\\acsfs\profiles$\andreapdsg\Downloads\faa6b9c0-cecd-4739-917a-16169a6e749c.tmp</t>
  </si>
  <si>
    <t>01/17/2020 15:26:39</t>
  </si>
  <si>
    <t>\\acsfs\profiles$\andreapdsg\Downloads\Q29udHJvbGxlci5DYWxjdWxhZG9yYURlVmVuY2lt.ica</t>
  </si>
  <si>
    <t>01/17/2020 15:27:04</t>
  </si>
  <si>
    <t>01/17/2020 15:28:07</t>
  </si>
  <si>
    <t>3c5dbf10-3e4a-4418-ab86-675158278304.tmp</t>
  </si>
  <si>
    <t>\\acsfs\profiles$\andreapdsg\Downloads\3c5dbf10-3e4a-4418-ab86-675158278304.tmp</t>
  </si>
  <si>
    <t>01/17/2020 15:28:13</t>
  </si>
  <si>
    <t>ad18e66b-dc28-48a2-ae22-254ce50e56b1.tmp</t>
  </si>
  <si>
    <t>\\acsfs\profiles$\sarahbal\Downloads\ad18e66b-dc28-48a2-ae22-254ce50e56b1.tmp</t>
  </si>
  <si>
    <t>01/17/2020 15:30:03</t>
  </si>
  <si>
    <t>01/17/2020 15:32:47</t>
  </si>
  <si>
    <t>01/17/2020 15:27:01</t>
  </si>
  <si>
    <t>01/17/2020 15:33:46</t>
  </si>
  <si>
    <t>01/17/2020 15:30:25</t>
  </si>
  <si>
    <t>01/17/2020 15:31:36</t>
  </si>
  <si>
    <t>01/17/2020 15:34:47</t>
  </si>
  <si>
    <t>a6856e82-d276-43fe-ba69-8619b76c781a.tmp</t>
  </si>
  <si>
    <t>\\acsfs\profiles$\leticiala\Downloads\a6856e82-d276-43fe-ba69-8619b76c781a.tmp</t>
  </si>
  <si>
    <t>01/17/2020 15:32:38</t>
  </si>
  <si>
    <t>63e0fb86-9565-4f90-9cb1-c915ae133faf.tmp</t>
  </si>
  <si>
    <t>\\acsfs\profiles$\fabianafv\Downloads\63e0fb86-9565-4f90-9cb1-c915ae133faf.tmp</t>
  </si>
  <si>
    <t>01/17/2020 15:29:52</t>
  </si>
  <si>
    <t>01/17/2020 15:34:24</t>
  </si>
  <si>
    <t>01/17/2020 15:35:47</t>
  </si>
  <si>
    <t>01/17/2020 15:32:21</t>
  </si>
  <si>
    <t>01/17/2020 15:36:47</t>
  </si>
  <si>
    <t>lu10556ftvf.tmp</t>
  </si>
  <si>
    <t>\\acsfs\profiles$\VIVIANALDS\My Documents\lu10556ftvf.tmp</t>
  </si>
  <si>
    <t>\\acsfs\profiles$\VIVIANALDS\My Documents\lu10556ftvf.tmp\</t>
  </si>
  <si>
    <t>\\acsfs\profiles$\VIVIANALDS\My Documents\lu10556ftvf.tmp\META-INF\</t>
  </si>
  <si>
    <t>\\acsfs\profiles$\VIVIANALDS\My Documents\lu10556ftvf.tmp\Thumbnails\</t>
  </si>
  <si>
    <t>01/17/2020 15:35:57</t>
  </si>
  <si>
    <t>01/17/2020 15:35:37</t>
  </si>
  <si>
    <t>e8795650-918c-4ac7-85d1-1cadbfe56613.tmp</t>
  </si>
  <si>
    <t>\\acsfs\profiles$\sarahbal\Downloads\e8795650-918c-4ac7-85d1-1cadbfe56613.tmp</t>
  </si>
  <si>
    <t>01/17/2020 15:35:05</t>
  </si>
  <si>
    <t>c11fdb8e-aebd-4ec7-9e5b-38d4cb06ae91.tmp</t>
  </si>
  <si>
    <t>\\acsfs\profiles$\welidicdj\Downloads\c11fdb8e-aebd-4ec7-9e5b-38d4cb06ae91.tmp</t>
  </si>
  <si>
    <t>01/17/2020 15:35:14</t>
  </si>
  <si>
    <t>01/17/2020 15:35:19</t>
  </si>
  <si>
    <t>92eb0cd4-bd23-45ec-83c0-d76c1f53c73e.tmp</t>
  </si>
  <si>
    <t>\\acsfs\profiles$\welidicdj\Downloads\92eb0cd4-bd23-45ec-83c0-d76c1f53c73e.tmp</t>
  </si>
  <si>
    <t>01/17/2020 15:35:22</t>
  </si>
  <si>
    <t>b0711819-eb76-4b4b-a7d8-d6182e281d6c.tmp</t>
  </si>
  <si>
    <t>\\acsfs\profiles$\welidicdj\Downloads\b0711819-eb76-4b4b-a7d8-d6182e281d6c.tmp</t>
  </si>
  <si>
    <t>01/17/2020 15:35:49</t>
  </si>
  <si>
    <t>Q29udHJvbGxlci5QYXl3YXJl (17).ica</t>
  </si>
  <si>
    <t>\\acsfs\profiles$\welidicdj\Downloads\Q29udHJvbGxlci5QYXl3YXJl (17).ica</t>
  </si>
  <si>
    <t>01/17/2020 15:36:08</t>
  </si>
  <si>
    <t>01/17/2020 15:37:46</t>
  </si>
  <si>
    <t>01/17/2020 15:38:47</t>
  </si>
  <si>
    <t>d1c02e53-ca31-4e15-a073-1a8858a5c6ab.tmp</t>
  </si>
  <si>
    <t>\\acsfs\profiles$\laylaams\Downloads\d1c02e53-ca31-4e15-a073-1a8858a5c6ab.tmp</t>
  </si>
  <si>
    <t>01/17/2020 15:35:41</t>
  </si>
  <si>
    <t>73e6c4ab-b91e-4913-8e44-7278cb5c9efb.tmp</t>
  </si>
  <si>
    <t>\\acsfs\profiles$\nycolleemdj\Downloads\73e6c4ab-b91e-4913-8e44-7278cb5c9efb.tmp</t>
  </si>
  <si>
    <t>01/17/2020 15:37:31</t>
  </si>
  <si>
    <t>4e6ef19f-40fa-4e2a-acc3-f3aa33dfc8ea.tmp</t>
  </si>
  <si>
    <t>\\acsfs\profiles$\nycolleemdj\Downloads\4e6ef19f-40fa-4e2a-acc3-f3aa33dfc8ea.tmp</t>
  </si>
  <si>
    <t>01/17/2020 15:38:15</t>
  </si>
  <si>
    <t>01/17/2020 15:39:47</t>
  </si>
  <si>
    <t>63ad4b88-5e62-4d0e-b233-628f5b2c728e.tmp</t>
  </si>
  <si>
    <t>\\acsfs\profiles$\larissaad\Downloads\63ad4b88-5e62-4d0e-b233-628f5b2c728e.tmp</t>
  </si>
  <si>
    <t>01/17/2020 15:34:35</t>
  </si>
  <si>
    <t>01/17/2020 15:38:32</t>
  </si>
  <si>
    <t>635b4ab0-87e7-4561-96c1-a15a381f445e.tmp</t>
  </si>
  <si>
    <t>\\acsfs\profiles$\nathaliarmr\Downloads\635b4ab0-87e7-4561-96c1-a15a381f445e.tmp</t>
  </si>
  <si>
    <t>01/17/2020 15:35:54</t>
  </si>
  <si>
    <t>01/17/2020 15:40:47</t>
  </si>
  <si>
    <t>01/17/2020 15:37:30</t>
  </si>
  <si>
    <t>01/17/2020 15:38:38</t>
  </si>
  <si>
    <t>01/17/2020 15:41:47</t>
  </si>
  <si>
    <t>dbf7c5e7-6347-44a5-8491-e3ad41ce16ba.tmp</t>
  </si>
  <si>
    <t>\\acsfs\profiles$\nayaranao\Downloads\dbf7c5e7-6347-44a5-8491-e3ad41ce16ba.tmp</t>
  </si>
  <si>
    <t>59600011-f858-4c8a-a3b3-a07cb699a154.tmp</t>
  </si>
  <si>
    <t>\\acsfs\profiles$\nayaranao\Downloads\59600011-f858-4c8a-a3b3-a07cb699a154.tmp</t>
  </si>
  <si>
    <t>01/17/2020 15:39:26</t>
  </si>
  <si>
    <t>49db767e-af87-4d02-953c-7291c6271f30.tmp</t>
  </si>
  <si>
    <t>\\acsfs\profiles$\nayaranao\Downloads\49db767e-af87-4d02-953c-7291c6271f30.tmp</t>
  </si>
  <si>
    <t>01/17/2020 15:39:14</t>
  </si>
  <si>
    <t>01/17/2020 15:40:56</t>
  </si>
  <si>
    <t>72d03827-86c8-45ad-b258-929f96129b35.tmp</t>
  </si>
  <si>
    <t>\\acsfs\profiles$\myllenardl\Downloads\72d03827-86c8-45ad-b258-929f96129b35.tmp</t>
  </si>
  <si>
    <t>01/17/2020 15:39:08</t>
  </si>
  <si>
    <t>01/17/2020 15:41:29</t>
  </si>
  <si>
    <t>01/17/2020 15:42:47</t>
  </si>
  <si>
    <t>0ebdd234-7938-46a4-9116-e7180fdf383d.tmp</t>
  </si>
  <si>
    <t>\\acsfs\profiles$\erichds\Downloads\0ebdd234-7938-46a4-9116-e7180fdf383d.tmp</t>
  </si>
  <si>
    <t>01/17/2020 15:40:32</t>
  </si>
  <si>
    <t>01/17/2020 15:43:46</t>
  </si>
  <si>
    <t>01/17/2020 15:42:14</t>
  </si>
  <si>
    <t>01/17/2020 15:41:41</t>
  </si>
  <si>
    <t>01/17/2020 15:41:42</t>
  </si>
  <si>
    <t>01/17/2020 15:44:47</t>
  </si>
  <si>
    <t>01/17/2020 15:42:32</t>
  </si>
  <si>
    <t>\\acsfs\profiles$\yurics\My Documents\xworkcenter\logs\</t>
  </si>
  <si>
    <t>XLOG_YuriCS_17012020_104830.log</t>
  </si>
  <si>
    <t>\\acsfs\profiles$\yurics\My Documents\xworkcenter\logs\XLOG_YuriCS_17012020_104830.log</t>
  </si>
  <si>
    <t>01/17/2020 15:44:34</t>
  </si>
  <si>
    <t>a8e4833c-0da2-403b-bbc8-4bfa7bc4d18c.tmp</t>
  </si>
  <si>
    <t>\\acsfs\profiles$\brendadsl\Downloads\a8e4833c-0da2-403b-bbc8-4bfa7bc4d18c.tmp</t>
  </si>
  <si>
    <t>01/17/2020 15:43:37</t>
  </si>
  <si>
    <t>01/17/2020 15:45:46</t>
  </si>
  <si>
    <t>Adriele das Graças Carvalho_1_6779729322768931022_1_32.wav</t>
  </si>
  <si>
    <t>\\acsfs\Deptos\EDUCACAO EMPRESARIAL\FERNANDA MONIT\Adriele das Graças Carvalho_1_6779729322768931022_1_32.wav</t>
  </si>
  <si>
    <t>01/17/2020 15:44:07</t>
  </si>
  <si>
    <t>01/17/2020 15:41:46</t>
  </si>
  <si>
    <t>cac215ac-ef0a-422d-87b7-ec266aaa7623.tmp</t>
  </si>
  <si>
    <t>\\acsfs\profiles$\THYAGOSP\Downloads\cac215ac-ef0a-422d-87b7-ec266aaa7623.tmp</t>
  </si>
  <si>
    <t>01/17/2020 15:44:14</t>
  </si>
  <si>
    <t>01/17/2020 15:40:53</t>
  </si>
  <si>
    <t>01/17/2020 15:46:47</t>
  </si>
  <si>
    <t>5687817b-1786-4009-b061-0e90abaa7003.tmp</t>
  </si>
  <si>
    <t>\\acsfs\profiles$\nayaranao\Downloads\5687817b-1786-4009-b061-0e90abaa7003.tmp</t>
  </si>
  <si>
    <t>01/17/2020 15:42:19</t>
  </si>
  <si>
    <t>3c7ce051-b864-4e92-a262-216852d55c9c.tmp</t>
  </si>
  <si>
    <t>\\acsfs\profiles$\myllenardl\Downloads\3c7ce051-b864-4e92-a262-216852d55c9c.tmp</t>
  </si>
  <si>
    <t>01/17/2020 15:45:25</t>
  </si>
  <si>
    <t>01/17/2020 15:44:35</t>
  </si>
  <si>
    <t>01/17/2020 15:45:43</t>
  </si>
  <si>
    <t>01/17/2020 15:47:46</t>
  </si>
  <si>
    <t>01/17/2020 15:44:10</t>
  </si>
  <si>
    <t>mail.google.com/sync/u/0/i/s?hl=pt-BR&amp;c=1604</t>
  </si>
  <si>
    <t>01/17/2020 15:44:23</t>
  </si>
  <si>
    <t>01/17/2020 15:44:29</t>
  </si>
  <si>
    <t>01/17/2020 15:44:40</t>
  </si>
  <si>
    <t>mail.google.com/sync/u/0/i/s?hl=pt-BR&amp;c=1610</t>
  </si>
  <si>
    <t>01/17/2020 15:44:46</t>
  </si>
  <si>
    <t>mail.google.com/sync/u/0/i/s?hl=pt-BR&amp;c=1612</t>
  </si>
  <si>
    <t>01/17/2020 15:46:14</t>
  </si>
  <si>
    <t>\\udpavonfs01\AVON\00 - ACOMPANHAMENTO AVON\04 - BACKOFFICE CORNERSTONE\2020\01.2020\RELATORIO\16.01.2020\</t>
  </si>
  <si>
    <t>01/17/2020 15:46:31</t>
  </si>
  <si>
    <t>mail.google.com/sync/u/0/i/s?hl=pt-BR&amp;c=1615</t>
  </si>
  <si>
    <t>01/17/2020 15:46:36</t>
  </si>
  <si>
    <t>mail.google.com/sync/u/0/i/s?hl=pt-BR&amp;c=1618</t>
  </si>
  <si>
    <t>01/17/2020 15:46:48</t>
  </si>
  <si>
    <t>mail.google.com/sync/u/0/i/s?hl=pt-BR&amp;c=1620</t>
  </si>
  <si>
    <t>01/17/2020 15:45:08</t>
  </si>
  <si>
    <t>01/17/2020 15:48:47</t>
  </si>
  <si>
    <t>834e3b88-a8a6-4168-ba3d-0c430efd7afd.tmp</t>
  </si>
  <si>
    <t>\\acsfs\profiles$\KARENJSS\Downloads\834e3b88-a8a6-4168-ba3d-0c430efd7afd.tmp</t>
  </si>
  <si>
    <t>01/17/2020 15:45:41</t>
  </si>
  <si>
    <t>01/17/2020 15:49:46</t>
  </si>
  <si>
    <t>0fdc2e99-e202-4a80-94a1-c45b6813e323.tmp</t>
  </si>
  <si>
    <t>\\acsfs\profiles$\nathaliarmr\Downloads\0fdc2e99-e202-4a80-94a1-c45b6813e323.tmp</t>
  </si>
  <si>
    <t>01/17/2020 15:48:33</t>
  </si>
  <si>
    <t>01/17/2020 15:44:33</t>
  </si>
  <si>
    <t>01/17/2020 15:44:37</t>
  </si>
  <si>
    <t>01/17/2020 15:44:38</t>
  </si>
  <si>
    <t>01/17/2020 15:44:44</t>
  </si>
  <si>
    <t>01/17/2020 15:45:31</t>
  </si>
  <si>
    <t>01/17/2020 15:45:34</t>
  </si>
  <si>
    <t>01/17/2020 15:45:48</t>
  </si>
  <si>
    <t>01/17/2020 15:46:42</t>
  </si>
  <si>
    <t>01/17/2020 15:50:47</t>
  </si>
  <si>
    <t>01/17/2020 15:46:43</t>
  </si>
  <si>
    <t>lu294483tbyhw.tmp</t>
  </si>
  <si>
    <t>\\acsfs\profiles$\victoriaksr\My Documents\lu294483tbyhw.tmp</t>
  </si>
  <si>
    <t>01/17/2020 15:47:51</t>
  </si>
  <si>
    <t>01/17/2020 15:47:52</t>
  </si>
  <si>
    <t>lu294483tbyi6.tmp</t>
  </si>
  <si>
    <t>\\acsfs\profiles$\victoriaksr\My Documents\lu294483tbyi6.tmp</t>
  </si>
  <si>
    <t>01/17/2020 15:49:24</t>
  </si>
  <si>
    <t>57664465-0c2c-4da0-9d2e-c483a557ac9e.tmp</t>
  </si>
  <si>
    <t>\\acsfs\profiles$\victoriaksr\Downloads\57664465-0c2c-4da0-9d2e-c483a557ac9e.tmp</t>
  </si>
  <si>
    <t>01/17/2020 15:50:25</t>
  </si>
  <si>
    <t>01/17/2020 15:51:46</t>
  </si>
  <si>
    <t>01/17/2020 15:52:47</t>
  </si>
  <si>
    <t>d3e0a6c9-2f96-442d-bd2c-cd165089fd40.tmp</t>
  </si>
  <si>
    <t>\\acsfs\profiles$\brendadsl\Downloads\d3e0a6c9-2f96-442d-bd2c-cd165089fd40.tmp</t>
  </si>
  <si>
    <t>01/17/2020 15:45:09</t>
  </si>
  <si>
    <t>6fc2f3c0-b10a-4112-8ddf-4430afc06940.tmp</t>
  </si>
  <si>
    <t>\\acsfs\profiles$\brendadsl\Downloads\6fc2f3c0-b10a-4112-8ddf-4430afc06940.tmp</t>
  </si>
  <si>
    <t>01/17/2020 15:47:07</t>
  </si>
  <si>
    <t>d24534f8-eeba-441c-8519-714bc88846ab.tmp</t>
  </si>
  <si>
    <t>\\acsfs\profiles$\brendadsl\Downloads\d24534f8-eeba-441c-8519-714bc88846ab.tmp</t>
  </si>
  <si>
    <t>01/17/2020 15:47:16</t>
  </si>
  <si>
    <t>0567b9cb-bab5-4e54-8e27-bf7db066eeb5.tmp</t>
  </si>
  <si>
    <t>\\acsfs\profiles$\brendadsl\Downloads\0567b9cb-bab5-4e54-8e27-bf7db066eeb5.tmp</t>
  </si>
  <si>
    <t>01/17/2020 15:48:35</t>
  </si>
  <si>
    <t>01/17/2020 15:48:08</t>
  </si>
  <si>
    <t>01/17/2020 15:53:46</t>
  </si>
  <si>
    <t>01/17/2020 15:49:41</t>
  </si>
  <si>
    <t>Estudo Incentivo.xlsx</t>
  </si>
  <si>
    <t>\\acsfs\ACS\Gabriel da Silva\Contemporânea\Gen\Estudo Incentivo.xlsx</t>
  </si>
  <si>
    <t>01/17/2020 15:51:07</t>
  </si>
  <si>
    <t>f5de2d8d-626a-42c3-949c-520b281df98a.tmp</t>
  </si>
  <si>
    <t>\\acsfs\profiles$\edicarlosdl\Downloads\f5de2d8d-626a-42c3-949c-520b281df98a.tmp</t>
  </si>
  <si>
    <t>01/17/2020 15:50:24</t>
  </si>
  <si>
    <t>01/17/2020 15:54:47</t>
  </si>
  <si>
    <t>01/17/2020 15:51:10</t>
  </si>
  <si>
    <t>b29763bb-2bcd-4b01-8628-a372f9f44ad7.tmp</t>
  </si>
  <si>
    <t>\\acsfs\profiles$\leticiala\Downloads\b29763bb-2bcd-4b01-8628-a372f9f44ad7.tmp</t>
  </si>
  <si>
    <t>01/17/2020 15:50:02</t>
  </si>
  <si>
    <t>01/17/2020 15:53:03</t>
  </si>
  <si>
    <t>01/17/2020 15:52:25</t>
  </si>
  <si>
    <t>http:///batch/drive/v2internal?%24ct=multipart%2Fmixed%3B%20boundary%3D%22%3D%3D%3D%3D%3D83nibnbi0dgs%3D%3D%3D%3D%3D%22&amp;key=AIzaSyAy9VVXHSpS2IJpptzYtGbLP3-3_l0aBk4</t>
  </si>
  <si>
    <t>01/17/2020 15:52:31</t>
  </si>
  <si>
    <t>http:///batch/drive/v2internal?%24ct=multipart%2Fmixed%3B%20boundary%3D%22%3D%3D%3D%3D%3Ddpftm253mfcw%3D%3D%3D%3D%3D%22&amp;key=AIzaSyAy9VVXHSpS2IJpptzYtGbLP3-3_l0aBk4</t>
  </si>
  <si>
    <t>01/17/2020 15:52:32</t>
  </si>
  <si>
    <t>http:///batch/drive/v2internal?%24ct=multipart%2Fmixed%3B%20boundary%3D%22%3D%3D%3D%3D%3Dxt6jvnng4abm%3D%3D%3D%3D%3D%22&amp;key=AIzaSyAy9VVXHSpS2IJpptzYtGbLP3-3_l0aBk4</t>
  </si>
  <si>
    <t>01/17/2020 15:52:41</t>
  </si>
  <si>
    <t>http:///batch/drive/v2internal?%24ct=multipart%2Fmixed%3B%20boundary%3D%22%3D%3D%3D%3D%3Dgsjtkrynu4em%3D%3D%3D%3D%3D%22&amp;key=AIzaSyAy9VVXHSpS2IJpptzYtGbLP3-3_l0aBk4</t>
  </si>
  <si>
    <t>01/17/2020 15:52:42</t>
  </si>
  <si>
    <t>http:///batch/drive/v2internal?%24ct=multipart%2Fmixed%3B%20boundary%3D%22%3D%3D%3D%3D%3D7rc6ch1l5rdr%3D%3D%3D%3D%3D%22&amp;key=AIzaSyAy9VVXHSpS2IJpptzYtGbLP3-3_l0aBk4</t>
  </si>
  <si>
    <t>http:///batch/drive/v2internal?%24ct=multipart%2Fmixed%3B%20boundary%3D%22%3D%3D%3D%3D%3D65q1l2hglrkb%3D%3D%3D%3D%3D%22&amp;key=AIzaSyAy9VVXHSpS2IJpptzYtGbLP3-3_l0aBk4</t>
  </si>
  <si>
    <t>01/17/2020 15:52:53</t>
  </si>
  <si>
    <t>http:///batch/drive/v2internal?%24ct=multipart%2Fmixed%3B%20boundary%3D%22%3D%3D%3D%3D%3Dv2rpj217fwu2%3D%3D%3D%3D%3D%22&amp;key=AIzaSyAy9VVXHSpS2IJpptzYtGbLP3-3_l0aBk4</t>
  </si>
  <si>
    <t>01/17/2020 15:52:54</t>
  </si>
  <si>
    <t>http:///batch/drive/v2internal?%24ct=multipart%2Fmixed%3B%20boundary%3D%22%3D%3D%3D%3D%3D70y29mhh96n6%3D%3D%3D%3D%3D%22&amp;key=AIzaSyAy9VVXHSpS2IJpptzYtGbLP3-3_l0aBk4</t>
  </si>
  <si>
    <t>01/17/2020 15:52:55</t>
  </si>
  <si>
    <t>http:///batch/drive/v2internal?%24ct=multipart%2Fmixed%3B%20boundary%3D%22%3D%3D%3D%3D%3Dkdizwrjqb78m%3D%3D%3D%3D%3D%22&amp;key=AIzaSyAy9VVXHSpS2IJpptzYtGbLP3-3_l0aBk4</t>
  </si>
  <si>
    <t>01/17/2020 15:53:19</t>
  </si>
  <si>
    <t>0;0.371;0.371];0.668;0];1;1.8248175182481752];1013000;110.66500000015367;110.67499999990105;1162.0349999975588;1196;1196];12.854];1220.74000000066;1221.4500000009139;1221.8849999990198;1222.3449999983131;1223.1199999987439;1284.3749999992724;1290.9099999997125;1291.6049999985262;13.568;1303.6399999982677;1303769;1326119;1326174;135.741;137.92000000103144;1449614;15.344;15.344];15.552;15.552];1579287150187000];1579287151108000;1579287151677000;1579287151678000;1579287151721000;1582.777];15];16.410000000178115;16.90000000235159;1600];1600]];166.92500000135624;1702760;1707.2799999987183;1797995;1802335;1882564;1883014;1890724;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;1];1epenm2sej9sexcv_grk0bzfqr6ozpra4;1jbixp8hst49gqxoi4tlhbh6bjz3hip_e;1yw89tbfqjbhpliyiqd1v7ne9geyrxvci;200];21.464;21.464];21.7;21.7];214.50499999991735;262.47499999954016;2623479;2643144;2693804;2708644;2805;2805];2];3;3.100000001</t>
  </si>
  <si>
    <t>http://0,0.371,0.371],0.668,0],1,1.8248175182481752],1013000,110.66500000015367,110.67499999990105,1162.0349999975588,1196,1196],12.854],1220.74000000066,1221.4500000009139,1221.8849999990198,1222.3449999983131,1223.1199999987439,1284.3749999992724,1290.9099999997125,1291.6049999985262,13.568,1303.6399999982677,1303769,1326119,1326174,135.741,137.92000000103144,1449614,15.344,15.344],15.552,15.552],1579287150187000],1579287151108000,1579287151677000,1579287151678000,1579287151721000,1582.777],15],16.410000000178115,16.90000000235159,1600],1600]],166.92500000135624,1702760,1707.2799999987183,1797995,1802335,1882564,1883014,1890724,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,1],1epenm2sej9sexcv_grk0bzfqr6ozpra4,1jbixp8hst49gqxoi4tlhbh6bjz3hip_e,1yw89tbfqjbhpliyiqd1v7ne9geyrxvci,200],21.464,21.464],21.7,21.7],214.50499999991735,262.47499999954016,2623479,2643144,2693804,2708644,2805,2805],2],3,3.10</t>
  </si>
  <si>
    <t>0;0.371;0.371];0.668;0];1;1.8248175182481752];1013000;110.66500000015367;110.67499999990105;1162.0349999975588;1196;1196];12.854];1220.74000000066;1221.4500000009139;1221.8849999990198;1222.3449999983131;1223.1199999987439;1284.3749999992724;1290.9099999997125;1291.6049999985262;13.568;1303.6399999982677;1303769;1306.8099999982223;1326119;1326174;135.741;137.92000000103144;1449614;1477.3150000000896;15.344;15.344];15.552;15.552];1579287150187000];1579287151108000;1579287151677000;1579287151678000;1579287151721000;1582.777];15];16.410000000178115;16.90000000235159;1600];1600]];166.92500000135624;1702760;1707.2799999987183;1722.8749999994761;1725.6349999988743;1729.2600000000675;1797995;1802335;1882564;1883014;1890724;1936.9000000006054;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;1];1epenm2sej9sexcv_grk0bzfqr6ozpra4;1jbixp8hst49gqxoi4tlhbh6bjz3hip_e;1yw89tbfqjbhpliyiqd1v7ne9geyrxvci;200];21.464;21</t>
  </si>
  <si>
    <t>http://0,0.371,0.371],0.668,0],1,1.8248175182481752],1013000,110.66500000015367,110.67499999990105,1162.0349999975588,1196,1196],12.854],1220.74000000066,1221.4500000009139,1221.8849999990198,1222.3449999983131,1223.1199999987439,1284.3749999992724,1290.9099999997125,1291.6049999985262,13.568,1303.6399999982677,1303769,1306.8099999982223,1326119,1326174,135.741,137.92000000103144,1449614,1477.3150000000896,15.344,15.344],15.552,15.552],1579287150187000],1579287151108000,1579287151677000,1579287151678000,1579287151721000,1582.777],15],16.410000000178115,16.90000000235159,1600],1600]],166.92500000135624,1702760,1707.2799999987183,1722.8749999994761,1725.6349999988743,1729.2600000000675,1797995,1802335,1882564,1883014,1890724,1936.9000000006054,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,1],1epenm2sej9sexcv_grk0bzfqr6ozpra4,1jbixp8hst49gqxoi4tlhbh6bjz3hip_e,1yw89tbfqjbhpliyiqd1v7ne9geyrxvci,200],21</t>
  </si>
  <si>
    <t>0;0.371;0.371];0.668;0];1;1.8248175182481752];1013000;110.66500000015367;110.67499999990105;1162.0349999975588;1196;1196];12.854];1220.74000000066;1221.4500000009139;1221.8849999990198;1222.3449999983131;1223.1199999987439;1284.3749999992724;1290.9099999997125;1291.6049999985262;13.568;1303.6399999982677;1303769;1306.8099999982223;1326119;1326174;135.741;137.92000000103144;1449614;1477.3150000000896;15.344;15.344];15.552;15.552];1579287150187000];1579287151108000;1579287151677000;1579287151678000;1579287151721000;1582.777];15];16.410000000178115;16.90000000235159;1600];1600]];166.92500000135624;1702760;1707.2799999987183;1722.8749999994761;1725.6349999988743;1729.2600000000675;1797995;1802335;1882564;1883014;1884.954999997717;1890724;1895.8050000001094;1936.9000000006054;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;1];1epenm2sej9sexcv_grk0bzfqr6ozpra4;1jbixp8hst49gqxoi4tlhbh6bjz3hip_e;1yw89tbfqjb</t>
  </si>
  <si>
    <t>http://0,0.371,0.371],0.668,0],1,1.8248175182481752],1013000,110.66500000015367,110.67499999990105,1162.0349999975588,1196,1196],12.854],1220.74000000066,1221.4500000009139,1221.8849999990198,1222.3449999983131,1223.1199999987439,1284.3749999992724,1290.9099999997125,1291.6049999985262,13.568,1303.6399999982677,1303769,1306.8099999982223,1326119,1326174,135.741,137.92000000103144,1449614,1477.3150000000896,15.344,15.344],15.552,15.552],1579287150187000],1579287151108000,1579287151677000,1579287151678000,1579287151721000,1582.777],15],16.410000000178115,16.90000000235159,1600],1600]],166.92500000135624,1702760,1707.2799999987183,1722.8749999994761,1725.6349999988743,1729.2600000000675,1797995,1802335,1882564,1883014,1884.954999997717,1890724,1895.8050000001094,1936.9000000006054,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,1],1epenm2sej9sexcv_grk0bzfqr6ozpra4,1jbixp8hst49gqxoi4tlhbh6bjz3hip_e,1yw8</t>
  </si>
  <si>
    <t>01/17/2020 15:53:20</t>
  </si>
  <si>
    <t>0;0.371;0.371];0.478;0.668;0.938];0];1;1.8248175182481752];1013000;110.66500000015367;110.67499999990105;1162.0349999975588;1196;1196];12.854];1220.74000000066;1221.4500000009139;1221.8849999990198;1222.3449999983131;1223.1199999987439;1284.3749999992724;1290.9099999997125;1291.6049999985262;13.568;1303.6399999982677;1303769;1306.8099999982223;1326119;1326174;135.741;137.92000000103144;1449614;1477.3150000000896;15.344;15.344];15.552;15.552];1579287150187000];1579287151108000;1579287151677000;1579287151678000;1579287151721000;1582.777];15];16.410000000178115;16.90000000235159;1600];1600]];166.92500000135624;17.20500000010361;1702760;1707.2799999987183;1722.8749999994761;1725.6349999988743;1729.2600000000675;1797995;1802335;1882564;1883014;1884.954999997717;1890724;1895.8050000001094;1936.9000000006054;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;1];1epenm2sej9sexcv_grk0bzfqr6ozpra4;1jbixp8hst49gq</t>
  </si>
  <si>
    <t>http://0,0.371,0.371],0.478,0.668,0.938],0],1,1.8248175182481752],1013000,110.66500000015367,110.67499999990105,1162.0349999975588,1196,1196],12.854],1220.74000000066,1221.4500000009139,1221.8849999990198,1222.3449999983131,1223.1199999987439,1284.3749999992724,1290.9099999997125,1291.6049999985262,13.568,1303.6399999982677,1303769,1306.8099999982223,1326119,1326174,135.741,137.92000000103144,1449614,1477.3150000000896,15.344,15.344],15.552,15.552],1579287150187000],1579287151108000,1579287151677000,1579287151678000,1579287151721000,1582.777],15],16.410000000178115,16.90000000235159,1600],1600]],166.92500000135624,17.20500000010361,1702760,1707.2799999987183,1722.8749999994761,1725.6349999988743,1729.2600000000675,1797995,1802335,1882564,1883014,1884.954999997717,1890724,1895.8050000001094,1936.9000000006054,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z7�����!'~旞&gt;t��_x001F_�i��.���`r_x0001_,1],1epenm2sej9sexcv_grk0bzfqr6ozpra4,1jbixp8</t>
  </si>
  <si>
    <t>0;0.371;0.371];0.478;0.668;0.669;0.916;0.938];0];1;1.146];1.8248175182481752];1013000;110.66500000015367;110.67499999990105;1162.0349999975588;1196;1196];12.375;12.854];1220.74000000066;1221.4500000009139;1221.8849999990198;1222.3449999983131;1223.1199999987439;1284.3749999992724;1290.9099999997125;1291.6049999985262;13.568;13.975000001664739;1303.6399999982677;1303769;1306.8099999982223;1326119;1326174;135.741;137.92000000103144;1449614;1477.3150000000896;15.344;15.344];15.552;15.552];1579287150187000];1579287151108000;1579287151677000;1579287151678000;1579287151721000;1582.777];15];16.410000000178115;16.90000000235159;1600];1600]];164.89000000001397;166.92500000135624;17.20500000010361;17.641;17.641];1702760;1707.2799999987183;1722.8749999994761;1725.6349999988743;1729.2600000000675;1797995;1802335;1882564;1883014;1884.954999997717;1890724;1895.8050000001094;1936.9000000006054;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b��@~�g</t>
  </si>
  <si>
    <t>http://0,0.371,0.371],0.478,0.668,0.669,0.916,0.938],0],1,1.146],1.8248175182481752],1013000,110.66500000015367,110.67499999990105,1162.0349999975588,1196,1196],12.375,12.854],1220.74000000066,1221.4500000009139,1221.8849999990198,1222.3449999983131,1223.1199999987439,1284.3749999992724,1290.9099999997125,1291.6049999985262,13.568,13.975000001664739,1303.6399999982677,1303769,1306.8099999982223,1326119,1326174,135.741,137.92000000103144,1449614,1477.3150000000896,15.344,15.344],15.552,15.552],1579287150187000],1579287151108000,1579287151677000,1579287151678000,1579287151721000,1582.777],15],16.410000000178115,16.90000000235159,1600],1600]],164.89000000001397,166.92500000135624,17.20500000010361,17.641,17.641],1702760,1707.2799999987183,1722.8749999994761,1725.6349999988743,1729.2600000000675,1797995,1802335,1882564,1883014,1884.954999997717,1890724,1895.8050000001094,1936.9000000006054,1936.9000000006054 o;�&lt;_x001D_�_�_x001E_�&lt;wˤ��w�_x0010_�'�q���r�?�_x001D_�n��}_x0012_�s5��z���_x0012_c��Ì'j�1&gt;�._x0010_�Ӗ�_x0006_45�_x0015_Ԧ�i6�����`�ݒ���c� o���:���f~&lt;whi�|���g._x0018_</t>
  </si>
  <si>
    <t>01/17/2020 15:53:21</t>
  </si>
  <si>
    <t>0;0.271;0.371;0.371];0.382;0.478;0.527;0.668;0.669;0.675];0.908];0.916;0.938];0];1;1.146];1.8248175182481752];1013000;11.503;11.856;11.856];110.66500000015367;110.67499999990105;1162.0349999975588;1196;1196];12.375;12.854];1220.74000000066;1221.4500000009139;1221.8849999990198;1222.3449999983131;1223.1199999987439;1284.3749999992724;1290.9099999997125;1291.6049999985262;13.568;13.975000001664739;1303.6399999982677;1303769;1306.8099999982223;1326119;1326174;135.741;137.92000000103144;1449614;1477.3150000000896;15.344;15.344];15.552;15.552];1579287150187000];1579287151108000;1579287151677000;1579287151678000;1579287151721000;1582.777];15];16.165000000910368;16.410000000178115;16.90000000235159;1600];1600]];164.89000000001397;166.92500000135624;17.20500000010361;17.641;17.641];1702760;1707.2799999987183;1722.8749999994761;1725.6349999988743;1729.2600000000675;1797995;18.887;18.887];1802335;1882564;1883014;1884.954999997717;1890724;1895.8050000001094;19.029999999474967;1936.9000000006054;1936.9000000006054 o;�&lt;_x001D_�</t>
  </si>
  <si>
    <t>http://0,0.271,0.371,0.371],0.382,0.478,0.527,0.668,0.669,0.675],0.908],0.916,0.938],0],1,1.146],1.8248175182481752],1013000,11.503,11.856,11.856],110.66500000015367,110.67499999990105,1162.0349999975588,1196,1196],12.375,12.854],1220.74000000066,1221.4500000009139,1221.8849999990198,1222.3449999983131,1223.1199999987439,1284.3749999992724,1290.9099999997125,1291.6049999985262,13.568,13.975000001664739,1303.6399999982677,1303769,1306.8099999982223,1326119,1326174,135.741,137.92000000103144,1449614,1477.3150000000896,15.344,15.344],15.552,15.552],1579287150187000],1579287151108000,1579287151677000,1579287151678000,1579287151721000,1582.777],15],16.165000000910368,16.410000000178115,16.90000000235159,1600],1600]],164.89000000001397,166.92500000135624,17.20500000010361,17.641,17.641],1702760,1707.2799999987183,1722.8749999994761,1725.6349999988743,1729.2600000000675,1797995,18.887,18.887],1802335,1882564,1883014,1884.954999997717,1890724,1895.8050000001094,19.029999999474967,1936.9000000006054,1936.9000000006054</t>
  </si>
  <si>
    <t>01/17/2020 15:53:24</t>
  </si>
  <si>
    <t>0;0.271;0.305;0.311;0.342;0.371;0.371];0.382;0.478;0.527;0.534];0.567;0.616];0.62];0.668;0.669;0.675];0.908];0.916;0.938];0.964];0];1;1.146];1.8248175182481752];10;1013000;103.717;103.717];11.503;11.856;11.856];110.66500000015367;110.67499999990105;1162.0349999975588;1196;1196];12.375;12.854];12.883;12.883];1220.74000000066;1221.4500000009139;1221.8849999990198;1222.3449999983131;1223.1199999987439;1284.3749999992724;1290.9099999997125;1291.6049999985262;13.568;13.975000001664739;1303.6399999982677;1303769;1306.8099999982223;1326119;1326174;135.741;137.28500000070198;137.92000000103144;1423.945000002277;1440.9950000008394;1449614;1460.9799999998359;1477.3150000000896;15.070000001287553;15.344;15.344];15.552;15.552];15.559999999823049;1579287150187000];1579287151108000;1579287151677000;1579287151678000;1579287151721000;1579287152891000;1582.777];15];16.159;16.159];16.165000000910368;16.410000000178115;16.90000000235159;1600];1600]];164.89000000001397;166.92500000135624;17.20500000010361;17.641;17.641];1702760;</t>
  </si>
  <si>
    <t>http://0,0.271,0.305,0.311,0.342,0.371,0.371],0.382,0.478,0.527,0.534],0.567,0.616],0.62],0.668,0.669,0.675],0.908],0.916,0.938],0.964],0],1,1.146],1.8248175182481752],10,1013000,103.717,103.717],11.503,11.856,11.856],110.66500000015367,110.67499999990105,1162.0349999975588,1196,1196],12.375,12.854],12.883,12.883],1220.74000000066,1221.4500000009139,1221.8849999990198,1222.3449999983131,1223.1199999987439,1284.3749999992724,1290.9099999997125,1291.6049999985262,13.568,13.975000001664739,1303.6399999982677,1303769,1306.8099999982223,1326119,1326174,135.741,137.28500000070198,137.92000000103144,1423.945000002277,1440.9950000008394,1449614,1460.9799999998359,1477.3150000000896,15.070000001287553,15.344,15.344],15.552,15.552],15.559999999823049,1579287150187000],1579287151108000,1579287151677000,1579287151678000,1579287151721000,1579287152891000,1582.777],15],16.159,16.159],16.165000000910368,16.410000000178115,16.90000000235159,1600],1600]],164.89000000001397,166.92500000135624,17.20500000010361,17.641,17.641],1</t>
  </si>
  <si>
    <t>01/17/2020 15:53:25</t>
  </si>
  <si>
    <t>0;0.271;0.305;0.311;0.342;0.371;0.371];0.382;0.478;0.527;0.534];0.567;0.616];0.62];0.668;0.669;0.675];0.908];0.916;0.938];0.964];0];0b75dogjxigafnloyt1ywvtfyq1ptb0llt015tnvxnelxuuvj;1;1.146];1.7152658662092624]]];1.8248175182481752];10;1013000;103.717;103.717];10341]]];11;11.503;11.856;11.856];110.66500000015367;110.67499999990105;1162.0349999975588;1196;1196];12;12.375;12.854];12.883;12.883];1220.74000000066;1221.4500000009139;1221.8849999990198;1222.3449999983131;1223.1199999987439;1284.3749999992724;1290.9099999997125;1291.6049999985262;13;13.568;13.975000001664739;1303.6399999982677;1303769;1306.8099999982223;1326119;1326174;135.741;137.28500000070198;137.92000000103144;14;1423.945000002277;1440.9950000008394;1449614;1460.9799999998359;1477.3150000000896;15.070000001287553;15.344;15.344];15.552;15.552];15.559999999823049;1579287143395714:180732305:302231857;1579287150187000];1579287151108000;1579287151677000;1579287151678000;1579287151721000;1579287152891000;1579287153014000;1579287153015000;1579287153018</t>
  </si>
  <si>
    <t>http://0,0.271,0.305,0.311,0.342,0.371,0.371],0.382,0.478,0.527,0.534],0.567,0.616],0.62],0.668,0.669,0.675],0.908],0.916,0.938],0.964],0],0b75dogjxigafnloyt1ywvtfyq1ptb0llt015tnvxnelxuuvj,1,1.146],1.7152658662092624]]],1.8248175182481752],10,1013000,103.717,103.717],10341]]],11,11.503,11.856,11.856],110.66500000015367,110.67499999990105,1162.0349999975588,1196,1196],12,12.375,12.854],12.883,12.883],1220.74000000066,1221.4500000009139,1221.8849999990198,1222.3449999983131,1223.1199999987439,1284.3749999992724,1290.9099999997125,1291.6049999985262,13,13.568,13.975000001664739,1303.6399999982677,1303769,1306.8099999982223,1326119,1326174,135.741,137.28500000070198,137.92000000103144,14,1423.945000002277,1440.9950000008394,1449614,1460.9799999998359,1477.3150000000896,15.070000001287553,15.344,15.344],15.552,15.552],15.559999999823049,1579287143395714:180732305:302231857,1579287150187000],1579287151108000,1579287151677000,1579287151678000,1579287151721000,1579287152891000,1579287153014000,1579287153015000,157928</t>
  </si>
  <si>
    <t>0;0.271;0.305;0.311;0.342;0.371;0.371];0.382;0.478;0.527;0.534];0.567;0.616];0.62];0.668;0.669;0.675];0.908];0.916;0.938];0.964];0];0b75dogjxigafnloyt1ywvtfyq1ptb0llt015tnvxnelxuuvj;0b75dogjxigafx0zxznzzv1bzt01faehowlrir3g0rjzin1jr;1;1.146];1.7152658662092624]]];1.8248175182481752];10;1013000;103.717;103.717];10341]]];11;11.503;11.856;11.856];110.66500000015367;110.67499999990105;1162.0349999975588;1196;1196];12;12.375;12.854];12.883;12.883];1220.74000000066;1221.4500000009139;1221.8849999990198;1222.3449999983131;1223.1199999987439;1284.3749999992724;1290.9099999997125;1291.6049999985262;13;13.568;13.975000001664739;1303.6399999982677;1303769;1306.8099999982223;1326119;1326174;135.741;137.28500000070198;137.92000000103144;1380;14;1423.945000002277;1440.9950000008394;1449614;1460.9799999998359;1477.3150000000896;15;15.070000001287553;15.344;15.344];15.552;15.552];15.559999999823049;1579287143395714:180732305:302231857;1579287150187000];1579287151108000;1579287151677000;1579287151678000;1579287151721000;157928</t>
  </si>
  <si>
    <t>http://0,0.271,0.305,0.311,0.342,0.371,0.371],0.382,0.478,0.527,0.534],0.567,0.616],0.62],0.668,0.669,0.675],0.908],0.916,0.938],0.964],0],0b75dogjxigafnloyt1ywvtfyq1ptb0llt015tnvxnelxuuvj,0b75dogjxigafx0zxznzzv1bzt01faehowlrir3g0rjzin1jr,1,1.146],1.7152658662092624]]],1.8248175182481752],10,1013000,103.717,103.717],10341]]],11,11.503,11.856,11.856],110.66500000015367,110.67499999990105,1162.0349999975588,1196,1196],12,12.375,12.854],12.883,12.883],1220.74000000066,1221.4500000009139,1221.8849999990198,1222.3449999983131,1223.1199999987439,1284.3749999992724,1290.9099999997125,1291.6049999985262,13,13.568,13.975000001664739,1303.6399999982677,1303769,1306.8099999982223,1326119,1326174,135.741,137.28500000070198,137.92000000103144,1380,14,1423.945000002277,1440.9950000008394,1449614,1460.9799999998359,1477.3150000000896,15,15.070000001287553,15.344,15.344],15.552,15.552],15.559999999823049,1579287143395714:180732305:302231857,1579287150187000],1579287151108000,1579287151677000,1579287151678000,1579287151721000</t>
  </si>
  <si>
    <t>"mozilla/5.0 (windows nt 6.1) applewebkit/537.36 (khtml;0;0.271;0.305;0.311;0.342;0.371;0.371];0.382;0.478;0.527;0.534];0.567;0.616];0.62];0.668;0.669;0.675];0.908];0.916;0.938];0.964];0];0b75dogjxigafnloyt1ywvtfyq1ptb0llt015tnvxnelxuuvj;0b75dogjxigafx0zxznzzv1bzt01faehowlrir3g0rjzin1jr;1;1.146];1.7152658662092624]]];1.8248175182481752];10;1013000;103.717;103.717];10341]]];11;11.503;11.856;11.856];110.66500000015367;110.67499999990105;1162.0349999975588;1196;1196];12;12.375;12.854];12.883;12.883];1220.74000000066;1221.4500000009139;1221.8849999990198;1222.3449999983131;1223.1199999987439;1284.3749999992724;1290.9099999997125;1291.6049999985262;13;13.568;13.975000001664739;1303.6399999982677;1303769;1306.8099999982223;1326119;1326174;135.741;137.28500000070198;137.92000000103144;13700014;13700109;13700167;13700185;13700235;13700451;13700563;13700607;13700883;13700946;13700951;13700982;13701078;13701139;13701207;13701214;13701235;13701239;13701262;13701276;13701298;13701418;13701422;13701430;13701450;13701458;1</t>
  </si>
  <si>
    <t>http://"mozilla/5.0 (windows nt 6.1) applewebkit/537.36 (khtml,0,0.271,0.305,0.311,0.342,0.371,0.371],0.382,0.478,0.527,0.534],0.567,0.616],0.62],0.668,0.669,0.675],0.908],0.916,0.938],0.964],0],0b75dogjxigafnloyt1ywvtfyq1ptb0llt015tnvxnelxuuvj,0b75dogjxigafx0zxznzzv1bzt01faehowlrir3g0rjzin1jr,1,1.146],1.7152658662092624]]],1.8248175182481752],10,1013000,103.717,103.717],10341]]],11,11.503,11.856,11.856],110.66500000015367,110.67499999990105,1162.0349999975588,1196,1196],12,12.375,12.854],12.883,12.883],1220.74000000066,1221.4500000009139,1221.8849999990198,1222.3449999983131,1223.1199999987439,1284.3749999992724,1290.9099999997125,1291.6049999985262,13,13.568,13.975000001664739,1303.6399999982677,1303769,1306.8099999982223,1326119,1326174,135.741,137.28500000070198,137.92000000103144,13700014,13700109,13700167,13700185,13700235,13700451,13700563,13700607,13700883,13700946,13700951,13700982,13701078,13701139,13701207,13701214,13701235,13701239,13701262,13701276,13701298,13701418,13701422,13701430,13701450,137</t>
  </si>
  <si>
    <t>"mozilla/5.0 (windows nt 6.1) applewebkit/537.36 (khtml;0;0.271;0.305;0.311;0.342;0.371;0.371];0.382;0.478;0.527;0.534];0.567;0.616];0.62];0.668;0.669;0.675];0.908];0.916;0.938];0.964];0];0b75dogjxigafnloyt1ywvtfyq1ptb0llt015tnvxnelxuuvj;0b75dogjxigafx0zxznzzv1bzt01faehowlrir3g0rjzin1jr;1;1.146];1.7152658662092624]]];1.8248175182481752];10;10000];1013000;103.717;103.717];10341]]];11;11.503;11.856;11.856];110.66500000015367;110.67499999990105;1162.0349999975588;1196;1196];12;12.375;12.854];12.883;12.883];1220.74000000066;1221.4500000009139;1221.8849999990198;1222.3449999983131;1223.1199999987439;1284.3749999992724;1290.9099999997125;1291.6049999985262;13;13.568;13.975000001664739;1303.6399999982677;1303769;1306.8099999982223;1326119;1326174;135.741;137.28500000070198;137.92000000103144;13700014;13700109;13700167;13700185;13700235;13700451;13700563;13700607;13700883;13700946;13700951;13700982;13701078;13701139;13701207;13701214;13701235;13701239;13701262;13701276;13701298;13701418;13701422;13701430;13701450;137</t>
  </si>
  <si>
    <t>http://"mozilla/5.0 (windows nt 6.1) applewebkit/537.36 (khtml,0,0.271,0.305,0.311,0.342,0.371,0.371],0.382,0.478,0.527,0.534],0.567,0.616],0.62],0.668,0.669,0.675],0.908],0.916,0.938],0.964],0],0b75dogjxigafnloyt1ywvtfyq1ptb0llt015tnvxnelxuuvj,0b75dogjxigafx0zxznzzv1bzt01faehowlrir3g0rjzin1jr,1,1.146],1.7152658662092624]]],1.8248175182481752],10,10000],1013000,103.717,103.717],10341]]],11,11.503,11.856,11.856],110.66500000015367,110.67499999990105,1162.0349999975588,1196,1196],12,12.375,12.854],12.883,12.883],1220.74000000066,1221.4500000009139,1221.8849999990198,1222.3449999983131,1223.1199999987439,1284.3749999992724,1290.9099999997125,1291.6049999985262,13,13.568,13.975000001664739,1303.6399999982677,1303769,1306.8099999982223,1326119,1326174,135.741,137.28500000070198,137.92000000103144,13700014,13700109,13700167,13700185,13700235,13700451,13700563,13700607,13700883,13700946,13700951,13700982,13701078,13701139,13701207,13701214,13701235,13701239,13701262,13701276,13701298,13701418,13701422,13701430,13701</t>
  </si>
  <si>
    <t>http:///batch/drive/v2internal?%24ct=multipart%2Fmixed%3B%20boundary%3D%22%3D%3D%3D%3D%3Dxb2auihqphg3%3D%3D%3D%3D%3D%22&amp;key=AIzaSyAy9VVXHSpS2IJpptzYtGbLP3-3_l0aBk4</t>
  </si>
  <si>
    <t>http:///batch/drive/v2internal?%24ct=multipart%2Fmixed%3B%20boundary%3D%22%3D%3D%3D%3D%3D8mm3afc6us3f%3D%3D%3D%3D%3D%22&amp;key=AIzaSyAy9VVXHSpS2IJpptzYtGbLP3-3_l0aBk4</t>
  </si>
  <si>
    <t>01/17/2020 15:53:26</t>
  </si>
  <si>
    <t>http:///batch/drive/v2internal?%24ct=multipart%2Fmixed%3B%20boundary%3D%22%3D%3D%3D%3D%3D2i8u0dvedy1w%3D%3D%3D%3D%3D%22&amp;key=AIzaSyAy9VVXHSpS2IJpptzYtGbLP3-3_l0aBk4</t>
  </si>
  <si>
    <t>http:///batch/drive/v2internal?%24ct=multipart%2Fmixed%3B%20boundary%3D%22%3D%3D%3D%3D%3Dbohb8yo5pkf8%3D%3D%3D%3D%3D%22&amp;key=AIzaSyAy9VVXHSpS2IJpptzYtGbLP3-3_l0aBk4</t>
  </si>
  <si>
    <t>01/17/2020 15:53:27</t>
  </si>
  <si>
    <t>http:///batch/drive/v2internal?%24ct=multipart%2Fmixed%3B%20boundary%3D%22%3D%3D%3D%3D%3Dhkabyqv50gu5%3D%3D%3D%3D%3D%22&amp;key=AIzaSyAy9VVXHSpS2IJpptzYtGbLP3-3_l0aBk4</t>
  </si>
  <si>
    <t>01/17/2020 15:54:34</t>
  </si>
  <si>
    <t>http:///batch/drive/v2internal?%24ct=multipart%2Fmixed%3B%20boundary%3D%22%3D%3D%3D%3D%3Drw8dv2rh570w%3D%3D%3D%3D%3D%22&amp;key=AIzaSyAy9VVXHSpS2IJpptzYtGbLP3-3_l0aBk4</t>
  </si>
  <si>
    <t>01/17/2020 15:54:14</t>
  </si>
  <si>
    <t>01/17/2020 15:56:47</t>
  </si>
  <si>
    <t>7d8fc4dc-9804-44a2-80fd-97e6af886510.tmp</t>
  </si>
  <si>
    <t>\\acsfs\profiles$\gabrielamdp\Downloads\7d8fc4dc-9804-44a2-80fd-97e6af886510.tmp</t>
  </si>
  <si>
    <t>01/17/2020 15:55:43</t>
  </si>
  <si>
    <t>01/17/2020 15:54:13</t>
  </si>
  <si>
    <t>01/17/2020 15:57:47</t>
  </si>
  <si>
    <t>01/17/2020 15:53:23</t>
  </si>
  <si>
    <t>01/17/2020 15:56:28</t>
  </si>
  <si>
    <t>16-01 RELATORIO DE LOGIN AVON - Cópia.xlsm</t>
  </si>
  <si>
    <t>\\acsfs\deptos\Operacao\PCP\5 - Comum\CONTROL DESK\2 - DAC2\Control Desk AVON\Relatorios\Status de login\2020\16-01 RELATORIO DE LOGIN AVON - Cópia.xlsm</t>
  </si>
  <si>
    <t>01/17/2020 15:54:19</t>
  </si>
  <si>
    <t>01/17/2020 15:58:47</t>
  </si>
  <si>
    <t>01/17/2020 15:57:56</t>
  </si>
  <si>
    <t>01/17/2020 15:59:47</t>
  </si>
  <si>
    <t>6606d8c9-3346-4c56-9b05-71e56fe64cc4.tmp</t>
  </si>
  <si>
    <t>\\acsfs\profiles$\leticiala\Downloads\6606d8c9-3346-4c56-9b05-71e56fe64cc4.tmp</t>
  </si>
  <si>
    <t>01/17/2020 15:59:06</t>
  </si>
  <si>
    <t>01/17/2020 16:00:10</t>
  </si>
  <si>
    <t>01/17/2020 16:00:47</t>
  </si>
  <si>
    <t>01/17/2020 15:59:02</t>
  </si>
  <si>
    <t>f5689c4b-f888-42dc-8605-33fc4ce676c5.tmp</t>
  </si>
  <si>
    <t>\\acsfs\profiles$\esterasg\Downloads\f5689c4b-f888-42dc-8605-33fc4ce676c5.tmp</t>
  </si>
  <si>
    <t>01/17/2020 15:59:17</t>
  </si>
  <si>
    <t>01/17/2020 16:01:47</t>
  </si>
  <si>
    <t>01/17/2020 15:56:59</t>
  </si>
  <si>
    <t>01/17/2020 16:02:47</t>
  </si>
  <si>
    <t>82eab848-a718-4957-8efd-deb706d047db.tmp</t>
  </si>
  <si>
    <t>\\acsfs\profiles$\brendadsl\Downloads\82eab848-a718-4957-8efd-deb706d047db.tmp</t>
  </si>
  <si>
    <t>01/17/2020 15:57:00</t>
  </si>
  <si>
    <t>22d25e13-578a-4a82-9679-1b61194b2f34.tmp</t>
  </si>
  <si>
    <t>\\acsfs\profiles$\brendadsl\Downloads\22d25e13-578a-4a82-9679-1b61194b2f34.tmp</t>
  </si>
  <si>
    <t>01/17/2020 15:57:02</t>
  </si>
  <si>
    <t>44dce675-5ea0-4889-b86c-9c5a8ae76025.tmp</t>
  </si>
  <si>
    <t>\\acsfs\profiles$\brendadsl\Downloads\44dce675-5ea0-4889-b86c-9c5a8ae76025.tmp</t>
  </si>
  <si>
    <t>e52f8369-9e5b-46eb-860c-ffe6bdc4c102.tmp</t>
  </si>
  <si>
    <t>\\acsfs\profiles$\brendadsl\Downloads\e52f8369-9e5b-46eb-860c-ffe6bdc4c102.tmp</t>
  </si>
  <si>
    <t>01/17/2020 15:57:03</t>
  </si>
  <si>
    <t>d784ffd3-52c2-4b8e-912a-3cd3803ea2e7.tmp</t>
  </si>
  <si>
    <t>\\acsfs\profiles$\brendadsl\Downloads\d784ffd3-52c2-4b8e-912a-3cd3803ea2e7.tmp</t>
  </si>
  <si>
    <t>01/17/2020 16:01:20</t>
  </si>
  <si>
    <t>01/17/2020 16:03:47</t>
  </si>
  <si>
    <t>01/17/2020 15:54:35</t>
  </si>
  <si>
    <t>http:///batch/drive/v2internal?%24ct=multipart%2Fmixed%3B%20boundary%3D%22%3D%3D%3D%3D%3Dfpad48j6rcyc%3D%3D%3D%3D%3D%22&amp;key=AIzaSyAy9VVXHSpS2IJpptzYtGbLP3-3_l0aBk4</t>
  </si>
  <si>
    <t>01/17/2020 15:54:36</t>
  </si>
  <si>
    <t>http:///batch/drive/v2internal?%24ct=multipart%2Fmixed%3B%20boundary%3D%22%3D%3D%3D%3D%3Dmcow5ok3glhj%3D%3D%3D%3D%3D%22&amp;key=AIzaSyAy9VVXHSpS2IJpptzYtGbLP3-3_l0aBk4</t>
  </si>
  <si>
    <t>01/17/2020 15:55:19</t>
  </si>
  <si>
    <t>http:///batch/drive/v2internal?%24ct=multipart%2Fmixed%3B%20boundary%3D%22%3D%3D%3D%3D%3D34avclwclqpx%3D%3D%3D%3D%3D%22&amp;key=AIzaSyAy9VVXHSpS2IJpptzYtGbLP3-3_l0aBk4</t>
  </si>
  <si>
    <t>http:///batch/drive/v2internal?%24ct=multipart%2Fmixed%3B%20boundary%3D%22%3D%3D%3D%3D%3Dwq7i4ick4a1h%3D%3D%3D%3D%3D%22&amp;key=AIzaSyAy9VVXHSpS2IJpptzYtGbLP3-3_l0aBk4</t>
  </si>
  <si>
    <t>01/17/2020 15:55:20</t>
  </si>
  <si>
    <t>http:///batch/drive/v2internal?%24ct=multipart%2Fmixed%3B%20boundary%3D%22%3D%3D%3D%3D%3Dvvsa0yj7badi%3D%3D%3D%3D%3D%22&amp;key=AIzaSyAy9VVXHSpS2IJpptzYtGbLP3-3_l0aBk4</t>
  </si>
  <si>
    <t>01/17/2020 15:55:29</t>
  </si>
  <si>
    <t>http:///batch/drive/v2internal?%24ct=multipart%2Fmixed%3B%20boundary%3D%22%3D%3D%3D%3D%3Djo3fk0qtifuz%3D%3D%3D%3D%3D%22&amp;key=AIzaSyAy9VVXHSpS2IJpptzYtGbLP3-3_l0aBk4</t>
  </si>
  <si>
    <t>01/17/2020 15:55:30</t>
  </si>
  <si>
    <t>http:///batch/drive/v2internal?%24ct=multipart%2Fmixed%3B%20boundary%3D%22%3D%3D%3D%3D%3Dp21sa6dfr89l%3D%3D%3D%3D%3D%22&amp;key=AIzaSyAy9VVXHSpS2IJpptzYtGbLP3-3_l0aBk4</t>
  </si>
  <si>
    <t>01/17/2020 15:55:31</t>
  </si>
  <si>
    <t>http:///batch/drive/v2internal?%24ct=multipart%2Fmixed%3B%20boundary%3D%22%3D%3D%3D%3D%3Dtvgyhh62rmly%3D%3D%3D%3D%3D%22&amp;key=AIzaSyAy9VVXHSpS2IJpptzYtGbLP3-3_l0aBk4</t>
  </si>
  <si>
    <t>01/17/2020 15:55:57</t>
  </si>
  <si>
    <t>http:///batch/drive/v2internal?%24ct=multipart%2Fmixed%3B%20boundary%3D%22%3D%3D%3D%3D%3Dp2neeqv34inf%3D%3D%3D%3D%3D%22&amp;key=AIzaSyAy9VVXHSpS2IJpptzYtGbLP3-3_l0aBk4</t>
  </si>
  <si>
    <t>01/17/2020 15:55:58</t>
  </si>
  <si>
    <t>http:///batch/drive/v2internal?%24ct=multipart%2Fmixed%3B%20boundary%3D%22%3D%3D%3D%3D%3Dkuvkgkfce6g5%3D%3D%3D%3D%3D%22&amp;key=AIzaSyAy9VVXHSpS2IJpptzYtGbLP3-3_l0aBk4</t>
  </si>
  <si>
    <t>01/17/2020 15:55:59</t>
  </si>
  <si>
    <t>http:///batch/drive/v2internal?%24ct=multipart%2Fmixed%3B%20boundary%3D%22%3D%3D%3D%3D%3Dewonb93qjjo2%3D%3D%3D%3D%3D%22&amp;key=AIzaSyAy9VVXHSpS2IJpptzYtGbLP3-3_l0aBk4</t>
  </si>
  <si>
    <t>01/17/2020 15:57:40</t>
  </si>
  <si>
    <t>01/17/2020 16:00:33</t>
  </si>
  <si>
    <t>01/17/2020 16:00:35</t>
  </si>
  <si>
    <t>01/17/2020 15:59:26</t>
  </si>
  <si>
    <t>01/17/2020 16:04:47</t>
  </si>
  <si>
    <t>01/17/2020 16:00:37</t>
  </si>
  <si>
    <t>01/17/2020 16:00:57</t>
  </si>
  <si>
    <t>01/17/2020 16:01:16</t>
  </si>
  <si>
    <t>01/17/2020 16:01:27</t>
  </si>
  <si>
    <t>01/17/2020 16:01:50</t>
  </si>
  <si>
    <t>01/17/2020 16:04:07</t>
  </si>
  <si>
    <t>01/17/2020 16:05:48</t>
  </si>
  <si>
    <t>01/17/2020 16:05:34</t>
  </si>
  <si>
    <t>01/17/2020 16:06:47</t>
  </si>
  <si>
    <t>01/17/2020 16:08:47</t>
  </si>
  <si>
    <t>01/17/2020 16:03:34</t>
  </si>
  <si>
    <t>\\acsfs\ACS\Gabriel da Silva\Contemporânea\BDBV\65A47560.tmp\</t>
  </si>
  <si>
    <t>\\acsfs\ACS\Gabriel da Silva\Contemporânea\BDBV\65A47560.tmp\:Zone.Identifier:$DATA</t>
  </si>
  <si>
    <t>Controle_op_vendas - ALGAR.xlsx</t>
  </si>
  <si>
    <t>\\acsfs\ACS\Gabriel da Silva\Contemporânea\BDBV\Controle_op_vendas - ALGAR.xlsx</t>
  </si>
  <si>
    <t>01/17/2020 16:04:06</t>
  </si>
  <si>
    <t>\\acsfs\ACS\Gabriel da Silva\Contemporânea\BDBV\C4FFD397.tmp\</t>
  </si>
  <si>
    <t>\\acsfs\ACS\Gabriel da Silva\Contemporânea\BDBV\C4FFD397.tmp\:Zone.Identifier:$DATA</t>
  </si>
  <si>
    <t>01/17/2020 16:05:44</t>
  </si>
  <si>
    <t>\\acsfs\ACS\Gabriel da Silva\Contemporânea\BDBV\1E229B59.tmp\</t>
  </si>
  <si>
    <t>\\acsfs\ACS\Gabriel da Silva\Contemporânea\BDBV\1E229B59.tmp\:Zone.Identifier:$DATA</t>
  </si>
  <si>
    <t>01/17/2020 16:07:02</t>
  </si>
  <si>
    <t>01/17/2020 16:08:40</t>
  </si>
  <si>
    <t>01/17/2020 16:09:47</t>
  </si>
  <si>
    <t>d5aaaf5f-bdc0-4e14-8dd7-fe92660a5e54.tmp</t>
  </si>
  <si>
    <t>\\acsfs\profiles$\gabrielamdp\Downloads\d5aaaf5f-bdc0-4e14-8dd7-fe92660a5e54.tmp</t>
  </si>
  <si>
    <t>8a8a08c0-6518-468b-a6a1-ae45d7fb10b1.tmp</t>
  </si>
  <si>
    <t>\\acsfs\profiles$\gabrielamdp\Downloads\8a8a08c0-6518-468b-a6a1-ae45d7fb10b1.tmp</t>
  </si>
  <si>
    <t>01/17/2020 16:08:41</t>
  </si>
  <si>
    <t>b78f21cb-b4ff-4396-b604-67e9809248b1.tmp</t>
  </si>
  <si>
    <t>\\acsfs\profiles$\gabrielamdp\Downloads\b78f21cb-b4ff-4396-b604-67e9809248b1.tmp</t>
  </si>
  <si>
    <t>01/17/2020 16:06:59</t>
  </si>
  <si>
    <t>34bc6c10-2dec-42ac-8f40-059bd6202260.tmp</t>
  </si>
  <si>
    <t>\\acsfs\profiles$\geovannasm\Downloads\34bc6c10-2dec-42ac-8f40-059bd6202260.tmp</t>
  </si>
  <si>
    <t>01/17/2020 16:05:35</t>
  </si>
  <si>
    <t>Relatorio de Vendas - Auditoria BV Cartoes (Janeiro)...cliente.xlsx</t>
  </si>
  <si>
    <t>\\acsfs\DEPTOS\Operacao\Banco_Votorantim\Qualidade\Anderson\Jose\Atualizado\Relatorio de Vendas - Auditoria BV Cartoes (Janeiro)...cliente.xlsx</t>
  </si>
  <si>
    <t>01/17/2020 16:07:39</t>
  </si>
  <si>
    <t>01/17/2020 16:07:58</t>
  </si>
  <si>
    <t>mail.google.com/_/upload?authuser=0&amp;dcp=asu-n&amp;upload_id=AEnB2Uqu6b6ctbJW_r7X_ka8edre88NgGXWO3T-cF5wV8pjuimXuMG17Rn2rpmXbPILa0mV8YdvKR1LfyBCPSpN6LxpvJli2bg&amp;upload_protocol=resumable</t>
  </si>
  <si>
    <t>Modelo Funil - Consolidado Reneg Oficial Validado.xlsx</t>
  </si>
  <si>
    <t>01/17/2020 16:08:04</t>
  </si>
  <si>
    <t>01/17/2020 16:10:47</t>
  </si>
  <si>
    <t>CLIENTE LORENA ARAUJO DE ANDRADE.pdf</t>
  </si>
  <si>
    <t>\\acsfs\Deptos\EDUCACAO EMPRESARIAL\FERNANDA MONIT\Fernanda\RECLAMAÇÃO E OUVIDORIA\CLIENTE LORENA ARAUJO DE ANDRADE.pdf</t>
  </si>
  <si>
    <t>01/17/2020 16:09:27</t>
  </si>
  <si>
    <t>01/17/2020 16:09:39</t>
  </si>
  <si>
    <t>01/17/2020 16:09:43</t>
  </si>
  <si>
    <t>01/17/2020 16:07:40</t>
  </si>
  <si>
    <t>01/17/2020 16:11:48</t>
  </si>
  <si>
    <t>01/17/2020 16:09:00</t>
  </si>
  <si>
    <t>01/17/2020 16:12:48</t>
  </si>
  <si>
    <t>9ae783bc-f681-488f-b6a2-1624e4e8c748.tmp</t>
  </si>
  <si>
    <t>\\acsfs\profiles$\brendadsl\Downloads\9ae783bc-f681-488f-b6a2-1624e4e8c748.tmp</t>
  </si>
  <si>
    <t>01/17/2020 16:08:13</t>
  </si>
  <si>
    <t>01/17/2020 16:10:55</t>
  </si>
  <si>
    <t>01/17/2020 16:08:42</t>
  </si>
  <si>
    <t>01/17/2020 16:13:49</t>
  </si>
  <si>
    <t>01/17/2020 16:10:18</t>
  </si>
  <si>
    <t>01/17/2020 16:12:16</t>
  </si>
  <si>
    <t>01/17/2020 16:10:24</t>
  </si>
  <si>
    <t>01/17/2020 16:15:48</t>
  </si>
  <si>
    <t>01/17/2020 16:10:28</t>
  </si>
  <si>
    <t>01/17/2020 16:11:55</t>
  </si>
  <si>
    <t>01/17/2020 16:16:48</t>
  </si>
  <si>
    <t>01/17/2020 16:14:35</t>
  </si>
  <si>
    <t>01/17/2020 16:17:47</t>
  </si>
  <si>
    <t>01/17/2020 16:14:14</t>
  </si>
  <si>
    <t>01/17/2020 16:19:48</t>
  </si>
  <si>
    <t>01/17/2020 16:20:48</t>
  </si>
  <si>
    <t>01/17/2020 16:17:43</t>
  </si>
  <si>
    <t>4282156c-37f7-4e50-a557-c6ed7be7d837.tmp</t>
  </si>
  <si>
    <t>\\acsfs\profiles$\brunalas\Downloads\4282156c-37f7-4e50-a557-c6ed7be7d837.tmp</t>
  </si>
  <si>
    <t>01/17/2020 16:15:45</t>
  </si>
  <si>
    <t>01/17/2020 16:19:14</t>
  </si>
  <si>
    <t>b3913515-bec6-49da-8ab8-9eee628198c6.tmp</t>
  </si>
  <si>
    <t>\\acsfs\profiles$\philipegsf\Downloads\b3913515-bec6-49da-8ab8-9eee628198c6.tmp</t>
  </si>
  <si>
    <t>01/17/2020 16:21:48</t>
  </si>
  <si>
    <t>01/17/2020 16:17:56</t>
  </si>
  <si>
    <t>01/17/2020 16:22:48</t>
  </si>
  <si>
    <t>01/17/2020 16:22:31</t>
  </si>
  <si>
    <t>01/17/2020 16:19:40</t>
  </si>
  <si>
    <t>01/17/2020 16:23:06</t>
  </si>
  <si>
    <t>01/17/2020 16:23:48</t>
  </si>
  <si>
    <t>5d94f2d5-e1ec-4889-a794-e491fdfdb586.tmp</t>
  </si>
  <si>
    <t>\\acsfs\profiles$\gabrielsma\Downloads\5d94f2d5-e1ec-4889-a794-e491fdfdb586.tmp</t>
  </si>
  <si>
    <t>01/17/2020 16:23:08</t>
  </si>
  <si>
    <t>\\acsfs\ACS\Gabriel da Silva\Contemporânea\VENDAS\Q29udHJvbGxlci5Xb3Jrc3BhY2UtRGVza3RvcC1F.ica.crdownload</t>
  </si>
  <si>
    <t>01/17/2020 16:21:30</t>
  </si>
  <si>
    <t>01/17/2020 16:21:02</t>
  </si>
  <si>
    <t>01/17/2020 16:23:18</t>
  </si>
  <si>
    <t>01/17/2020 16:21:34</t>
  </si>
  <si>
    <t>01/17/2020 16:25:48</t>
  </si>
  <si>
    <t>01/17/2020 16:20:22</t>
  </si>
  <si>
    <t>01/17/2020 16:20:23</t>
  </si>
  <si>
    <t>lu294483tbyil.tmp</t>
  </si>
  <si>
    <t>\\acsfs\profiles$\victoriaksr\My Documents\lu294483tbyil.tmp</t>
  </si>
  <si>
    <t>01/17/2020 16:20:39</t>
  </si>
  <si>
    <t>01/17/2020 16:20:40</t>
  </si>
  <si>
    <t>lu294483tbyiv.tmp</t>
  </si>
  <si>
    <t>\\acsfs\profiles$\victoriaksr\My Documents\lu294483tbyiv.tmp</t>
  </si>
  <si>
    <t>01/17/2020 16:21:14</t>
  </si>
  <si>
    <t>\\acsfs\profiles$\victoriaksr\Downloads\.~lock.Status Filas.xlsx#</t>
  </si>
  <si>
    <t>01/17/2020 16:26:48</t>
  </si>
  <si>
    <t>01/17/2020 16:27:48</t>
  </si>
  <si>
    <t>01/17/2020 16:24:11</t>
  </si>
  <si>
    <t>69f7b629-e73f-433a-b84a-54ecb7fb2fc0.tmp</t>
  </si>
  <si>
    <t>\\acsfs\profiles$\DALVADFB\Downloads\69f7b629-e73f-433a-b84a-54ecb7fb2fc0.tmp</t>
  </si>
  <si>
    <t>01/17/2020 16:22:24</t>
  </si>
  <si>
    <t>b4a729e5-5c76-4c19-a174-c75cacdc7be1.tmp</t>
  </si>
  <si>
    <t>\\acsfs\profiles$\brendadsl\Downloads\b4a729e5-5c76-4c19-a174-c75cacdc7be1.tmp</t>
  </si>
  <si>
    <t>01/17/2020 16:24:02</t>
  </si>
  <si>
    <t>01/17/2020 16:27:16</t>
  </si>
  <si>
    <t>7326c940-6370-41ce-9efb-02bbe8b25119.tmp</t>
  </si>
  <si>
    <t>\\acsfs\profiles$\rosileiam\Downloads\7326c940-6370-41ce-9efb-02bbe8b25119.tmp</t>
  </si>
  <si>
    <t>01/17/2020 16:23:50</t>
  </si>
  <si>
    <t>01/17/2020 16:27:15</t>
  </si>
  <si>
    <t>01/17/2020 16:28:48</t>
  </si>
  <si>
    <t>01/17/2020 16:24:31</t>
  </si>
  <si>
    <t>01/17/2020 16:30:48</t>
  </si>
  <si>
    <t>01/17/2020 16:26:27</t>
  </si>
  <si>
    <t>01/17/2020 16:25:44</t>
  </si>
  <si>
    <t>01/17/2020 16:25:50</t>
  </si>
  <si>
    <t>01/17/2020 16:31:48</t>
  </si>
  <si>
    <t>01/17/2020 16:32:48</t>
  </si>
  <si>
    <t>01/17/2020 16:29:08</t>
  </si>
  <si>
    <t>1eb7632c-2adc-40d7-a7ca-8ed64522fe3b.tmp</t>
  </si>
  <si>
    <t>\\acsfs\profiles$\andressamf\Downloads\1eb7632c-2adc-40d7-a7ca-8ed64522fe3b.tmp</t>
  </si>
  <si>
    <t>01/17/2020 16:26:56</t>
  </si>
  <si>
    <t>e88d4e43-8dd1-4884-a3da-b192c0bdbb66.tmp</t>
  </si>
  <si>
    <t>\\acsfs\profiles$\DALVADFB\Downloads\e88d4e43-8dd1-4884-a3da-b192c0bdbb66.tmp</t>
  </si>
  <si>
    <t>01/17/2020 16:27:27</t>
  </si>
  <si>
    <t>01/17/2020 16:28:04</t>
  </si>
  <si>
    <t>765f7a2b-fb70-400a-9fb3-f65806bcd9ef.tmp</t>
  </si>
  <si>
    <t>\\acsfs\profiles$\rosileiam\Downloads\765f7a2b-fb70-400a-9fb3-f65806bcd9ef.tmp</t>
  </si>
  <si>
    <t>01/17/2020 16:28:59</t>
  </si>
  <si>
    <t>e47ac8a7-eba3-44e6-83ca-1e2b39247845.tmp</t>
  </si>
  <si>
    <t>\\acsfs\profiles$\rosileiam\Downloads\e47ac8a7-eba3-44e6-83ca-1e2b39247845.tmp</t>
  </si>
  <si>
    <t>01/17/2020 16:30:09</t>
  </si>
  <si>
    <t>c6620c20-6482-4ddf-ac70-a8ce63d73ee3.tmp</t>
  </si>
  <si>
    <t>\\acsfs\profiles$\rosileiam\Downloads\c6620c20-6482-4ddf-ac70-a8ce63d73ee3.tmp</t>
  </si>
  <si>
    <t>01/17/2020 16:29:03</t>
  </si>
  <si>
    <t>01/17/2020 16:28:42</t>
  </si>
  <si>
    <t>01/17/2020 16:33:47</t>
  </si>
  <si>
    <t>a0569b44-687d-42c2-990b-0eef0f6b381d.tmp</t>
  </si>
  <si>
    <t>\\acsfs\profiles$\brunalas\Downloads\a0569b44-687d-42c2-990b-0eef0f6b381d.tmp</t>
  </si>
  <si>
    <t>01/17/2020 16:30:10</t>
  </si>
  <si>
    <t>b1b9a616-5ffe-4680-9828-e9a4267690ad.tmp</t>
  </si>
  <si>
    <t>\\acsfs\profiles$\brunalas\Downloads\b1b9a616-5ffe-4680-9828-e9a4267690ad.tmp</t>
  </si>
  <si>
    <t>01/17/2020 16:30:27</t>
  </si>
  <si>
    <t>01/17/2020 16:32:40</t>
  </si>
  <si>
    <t>01/17/2020 16:34:48</t>
  </si>
  <si>
    <t>bvcartes-supervisores@algarnet.onmicrosoft.com;leonardoao@algartech.com;ricardodfm@algartech.com;</t>
  </si>
  <si>
    <t>bvcartes-supervisores@algarnet.onmicrosoft.com,leonardoao@algartech.com,ricardodfm@algartech.com</t>
  </si>
  <si>
    <t>01/17/2020 16:32:55</t>
  </si>
  <si>
    <t>01/17/2020 16:33:15</t>
  </si>
  <si>
    <t>01/17/2020 16:33:31</t>
  </si>
  <si>
    <t>bvcartes-supervisores@algarnet.onmicrosoft.com;leonardoao@algartech.com;ricardodfm@algartech.com;thiagordu@algartech.com;</t>
  </si>
  <si>
    <t>bvcartes-supervisores@algarnet.onmicrosoft.com,leonardoao@algartech.com,ricardodfm@algartech.com,thiagordu@algartech.com</t>
  </si>
  <si>
    <t>01/17/2020 16:33:34</t>
  </si>
  <si>
    <t>01/17/2020 16:33:51</t>
  </si>
  <si>
    <t>01/17/2020 16:34:06</t>
  </si>
  <si>
    <t>01/17/2020 16:33:48</t>
  </si>
  <si>
    <t>01/17/2020 16:36:48</t>
  </si>
  <si>
    <t>01/17/2020 16:31:05</t>
  </si>
  <si>
    <t>bcc6be72-632d-41d0-9fdc-f21a8e22cdaa.tmp</t>
  </si>
  <si>
    <t>\\acsfs\profiles$\myllenardl\Downloads\bcc6be72-632d-41d0-9fdc-f21a8e22cdaa.tmp</t>
  </si>
  <si>
    <t>01/17/2020 16:37:47</t>
  </si>
  <si>
    <t>01/17/2020 16:34:21</t>
  </si>
  <si>
    <t>01/17/2020 16:38:48</t>
  </si>
  <si>
    <t>4d9a786c-305d-4f87-a854-4137c56b3250.tmp</t>
  </si>
  <si>
    <t>\\acsfs\profiles$\ingridsm\Downloads\4d9a786c-305d-4f87-a854-4137c56b3250.tmp</t>
  </si>
  <si>
    <t>01/17/2020 16:35:14</t>
  </si>
  <si>
    <t>01/17/2020 16:37:29</t>
  </si>
  <si>
    <t>01/17/2020 16:39:48</t>
  </si>
  <si>
    <t>01/17/2020 16:36:28</t>
  </si>
  <si>
    <t>01/17/2020 16:40:48</t>
  </si>
  <si>
    <t>e743cc93-f553-474d-851d-f8839056819f.tmp</t>
  </si>
  <si>
    <t>\\acsfs\profiles$\fernandofs\Downloads\e743cc93-f553-474d-851d-f8839056819f.tmp</t>
  </si>
  <si>
    <t>01/17/2020 16:37:27</t>
  </si>
  <si>
    <t>01/17/2020 16:37:12</t>
  </si>
  <si>
    <t>01/17/2020 16:41:47</t>
  </si>
  <si>
    <t>https://udpmailboxap01.acs.com.br:8443/h/search?si=17&amp;so=0&amp;sc=77636&amp;sfi=6&amp;st=conversation&amp;action=compose&amp;paction=rowview</t>
  </si>
  <si>
    <t>01/17/2020 16:42:48</t>
  </si>
  <si>
    <t>01/17/2020 16:40:42</t>
  </si>
  <si>
    <t>01/17/2020 16:43:47</t>
  </si>
  <si>
    <t>01/17/2020 16:41:46</t>
  </si>
  <si>
    <t>01/17/2020 16:42:42</t>
  </si>
  <si>
    <t>01/17/2020 16:41:50</t>
  </si>
  <si>
    <t>01/17/2020 16:44:48</t>
  </si>
  <si>
    <t>e1fc5c72-53d0-483e-ac41-37b30f1d5021.tmp</t>
  </si>
  <si>
    <t>\\acsfs\profiles$\paulohaf\Downloads\e1fc5c72-53d0-483e-ac41-37b30f1d5021.tmp</t>
  </si>
  <si>
    <t>01/17/2020 16:42:33</t>
  </si>
  <si>
    <t>1cb407e2-0fb7-458f-8374-3a9f2e66472b.tmp</t>
  </si>
  <si>
    <t>\\acsfs\profiles$\paulohaf\Downloads\1cb407e2-0fb7-458f-8374-3a9f2e66472b.tmp</t>
  </si>
  <si>
    <t>01/17/2020 16:42:59</t>
  </si>
  <si>
    <t>4cc9e2d8-a4cd-4134-b400-75f87007971a.tmp</t>
  </si>
  <si>
    <t>\\acsfs\profiles$\paulohaf\Downloads\4cc9e2d8-a4cd-4134-b400-75f87007971a.tmp</t>
  </si>
  <si>
    <t>01/17/2020 16:44:41</t>
  </si>
  <si>
    <t>01/17/2020 16:45:47</t>
  </si>
  <si>
    <t>lu294483tbyjf.tmp</t>
  </si>
  <si>
    <t>\\acsfs\profiles$\victoriaksr\Downloads\lu294483tbyjf.tmp</t>
  </si>
  <si>
    <t>01/17/2020 16:46:48</t>
  </si>
  <si>
    <t>01/17/2020 16:47:47</t>
  </si>
  <si>
    <t>01/17/2020 16:45:37</t>
  </si>
  <si>
    <t>01/17/2020 16:44:25</t>
  </si>
  <si>
    <t>01/17/2020 16:48:48</t>
  </si>
  <si>
    <t>01/17/2020 16:47:28</t>
  </si>
  <si>
    <t>01/17/2020 16:45:14</t>
  </si>
  <si>
    <t>01/17/2020 16:49:47</t>
  </si>
  <si>
    <t>\\acsfs\Deptos\EDUCACAO EMPRESARIAL\KÉSIA\Thumbs.db</t>
  </si>
  <si>
    <t>01/17/2020 16:46:56</t>
  </si>
  <si>
    <t>01/17/2020 16:47:17</t>
  </si>
  <si>
    <t>01/17/2020 16:51:48</t>
  </si>
  <si>
    <t>2092d698-6620-492e-b5b8-59deaef3d9b7.tmp</t>
  </si>
  <si>
    <t>\\acsfs\profiles$\fabianobmf\Downloads\2092d698-6620-492e-b5b8-59deaef3d9b7.tmp</t>
  </si>
  <si>
    <t>01/17/2020 16:52:48</t>
  </si>
  <si>
    <t>01/17/2020 16:51:16</t>
  </si>
  <si>
    <t>01/17/2020 16:48:49</t>
  </si>
  <si>
    <t>01/17/2020 16:53:48</t>
  </si>
  <si>
    <t>mail.google.com/sync/u/0/i/s?hl=pt-BR&amp;c=1626</t>
  </si>
  <si>
    <t>01/17/2020 16:49:12</t>
  </si>
  <si>
    <t>mail.google.com/sync/u/0/i/s?hl=pt-BR&amp;c=1630</t>
  </si>
  <si>
    <t>01/17/2020 16:49:21</t>
  </si>
  <si>
    <t>01/17/2020 16:49:27</t>
  </si>
  <si>
    <t>01/17/2020 16:51:01</t>
  </si>
  <si>
    <t>mail.google.com/sync/u/0/i/s?hl=pt-BR&amp;c=1640</t>
  </si>
  <si>
    <t>01/17/2020 16:51:08</t>
  </si>
  <si>
    <t>mail.google.com/sync/u/0/i/s?hl=pt-BR&amp;c=1642</t>
  </si>
  <si>
    <t>01/17/2020 16:51:12</t>
  </si>
  <si>
    <t>mail.google.com/sync/u/0/i/s?hl=pt-BR&amp;c=1644</t>
  </si>
  <si>
    <t>01/17/2020 16:51:17</t>
  </si>
  <si>
    <t>mail.google.com/sync/u/0/i/s?hl=pt-BR&amp;c=1646</t>
  </si>
  <si>
    <t>01/17/2020 16:52:39</t>
  </si>
  <si>
    <t>mail.google.com/sync/u/0/i/s?hl=pt-BR&amp;c=1652</t>
  </si>
  <si>
    <t>01/17/2020 16:52:45</t>
  </si>
  <si>
    <t>mail.google.com/sync/u/0/i/s?hl=pt-BR&amp;c=1654</t>
  </si>
  <si>
    <t>01/17/2020 16:48:50</t>
  </si>
  <si>
    <t>27a07680-9ae6-4a5e-b883-1c1fa5e26553.tmp</t>
  </si>
  <si>
    <t>\\acsfs\profiles$\ingridsm\Downloads\27a07680-9ae6-4a5e-b883-1c1fa5e26553.tmp</t>
  </si>
  <si>
    <t>01/17/2020 16:50:51</t>
  </si>
  <si>
    <t>01/17/2020 16:51:06</t>
  </si>
  <si>
    <t>01/17/2020 16:49:45</t>
  </si>
  <si>
    <t>01/17/2020 16:54:48</t>
  </si>
  <si>
    <t>01/17/2020 16:52:25</t>
  </si>
  <si>
    <t>01/17/2020 16:55:48</t>
  </si>
  <si>
    <t>01/17/2020 16:52:35</t>
  </si>
  <si>
    <t>01/17/2020 16:54:00</t>
  </si>
  <si>
    <t>01/17/2020 16:56:48</t>
  </si>
  <si>
    <t>01/17/2020 16:57:48</t>
  </si>
  <si>
    <t>01/17/2020 16:54:45</t>
  </si>
  <si>
    <t>01/17/2020 16:52:56</t>
  </si>
  <si>
    <t>01/17/2020 16:58:47</t>
  </si>
  <si>
    <t>mail.google.com/sync/u/0/i/s?hl=pt-BR&amp;c=1656</t>
  </si>
  <si>
    <t>01/17/2020 16:53:03</t>
  </si>
  <si>
    <t>01/17/2020 16:53:15</t>
  </si>
  <si>
    <t>01/17/2020 16:53:35</t>
  </si>
  <si>
    <t>mail.google.com/sync/u/0/i/s?hl=pt-BR&amp;c=1663</t>
  </si>
  <si>
    <t>01/17/2020 16:53:43</t>
  </si>
  <si>
    <t>mail.google.com/sync/u/0/i/s?hl=pt-BR&amp;c=1671</t>
  </si>
  <si>
    <t>01/17/2020 16:53:54</t>
  </si>
  <si>
    <t>mail.google.com/sync/u/0/i/s?hl=pt-BR&amp;c=1674</t>
  </si>
  <si>
    <t>01/17/2020 16:55:12</t>
  </si>
  <si>
    <t>01/17/2020 16:56:05</t>
  </si>
  <si>
    <t>01/17/2020 16:56:17</t>
  </si>
  <si>
    <t>e176d4b5-8a23-4cab-b776-0d32a5e0b2b8.tmp</t>
  </si>
  <si>
    <t>\\acsfs\profiles$\gabrielsma\Downloads\e176d4b5-8a23-4cab-b776-0d32a5e0b2b8.tmp</t>
  </si>
  <si>
    <t>01/17/2020 16:56:42</t>
  </si>
  <si>
    <t>Não confirmado 391960.crdownload</t>
  </si>
  <si>
    <t>\\acsfs\ACS\Gabriel da Silva\Contemporânea\Acessos\Não confirmado 391960.crdownload</t>
  </si>
  <si>
    <t>01/17/2020 17:02:47</t>
  </si>
  <si>
    <t>01/17/2020 17:02:48</t>
  </si>
  <si>
    <t>01/17/2020 17:00:11</t>
  </si>
  <si>
    <t>01/17/2020 16:59:25</t>
  </si>
  <si>
    <t>01/17/2020 17:03:48</t>
  </si>
  <si>
    <t>76b50212-6604-4949-a12d-9c5813e98ab2.tmp</t>
  </si>
  <si>
    <t>\\acsfs\profiles$\laylaams\Downloads\76b50212-6604-4949-a12d-9c5813e98ab2.tmp</t>
  </si>
  <si>
    <t>01/17/2020 16:59:29</t>
  </si>
  <si>
    <t>17-01 RELATORIO DE LOGIN AVON.xlsm</t>
  </si>
  <si>
    <t>\\acsfs\deptos\Operacao\PCP\5 - Comum\CONTROL DESK\2 - DAC2\Control Desk AVON\Relatorios\Status de login\2020\17-01 RELATORIO DE LOGIN AVON.xlsm</t>
  </si>
  <si>
    <t>01/17/2020 17:02:13</t>
  </si>
  <si>
    <t>01/17/2020 17:02:11</t>
  </si>
  <si>
    <t>01/17/2020 17:06:48</t>
  </si>
  <si>
    <t>01/17/2020 17:05:09</t>
  </si>
  <si>
    <t>c64e7131-c319-4029-bb28-91845635f1a1.tmp</t>
  </si>
  <si>
    <t>\\acsfs\profiles$\andreapdsg\Downloads\c64e7131-c319-4029-bb28-91845635f1a1.tmp</t>
  </si>
  <si>
    <t>01/17/2020 17:07:48</t>
  </si>
  <si>
    <t>01/17/2020 17:04:06</t>
  </si>
  <si>
    <t>01/17/2020 17:04:02</t>
  </si>
  <si>
    <t>01/17/2020 17:08:47</t>
  </si>
  <si>
    <t>01/17/2020 17:08:18</t>
  </si>
  <si>
    <t>01/17/2020 17:11:48</t>
  </si>
  <si>
    <t>01/17/2020 17:10:05</t>
  </si>
  <si>
    <t>01/17/2020 17:10:06</t>
  </si>
  <si>
    <t>lu13880d73z.tmp</t>
  </si>
  <si>
    <t>\\acsfs\profiles$\lucasgpe\Desktop\lu13880d73z.tmp</t>
  </si>
  <si>
    <t>\\acsfs\profiles$\lucasgpe\Desktop\lu13880d73z.tmp\</t>
  </si>
  <si>
    <t>\\acsfs\profiles$\lucasgpe\Desktop\lu13880d73z.tmp\META-INF\</t>
  </si>
  <si>
    <t>\\acsfs\profiles$\lucasgpe\Desktop\lu13880d73z.tmp\Thumbnails\</t>
  </si>
  <si>
    <t>01/17/2020 17:12:48</t>
  </si>
  <si>
    <t>01/17/2020 17:09:18</t>
  </si>
  <si>
    <t>01/17/2020 17:13:48</t>
  </si>
  <si>
    <t>01/17/2020 17:11:04</t>
  </si>
  <si>
    <t>01/17/2020 17:10:17</t>
  </si>
  <si>
    <t>01/17/2020 17:09:54</t>
  </si>
  <si>
    <t>01/17/2020 17:13:16</t>
  </si>
  <si>
    <t>01/17/2020 17:14:49</t>
  </si>
  <si>
    <t>a96c90b9-b303-4032-9ce5-02c91b19780a.tmp</t>
  </si>
  <si>
    <t>\\acsfs\profiles$\gabrielamdp\Downloads\a96c90b9-b303-4032-9ce5-02c91b19780a.tmp</t>
  </si>
  <si>
    <t>01/17/2020 17:12:05</t>
  </si>
  <si>
    <t>01/17/2020 17:14:39</t>
  </si>
  <si>
    <t>01/17/2020 17:16:48</t>
  </si>
  <si>
    <t>01/17/2020 17:12:15</t>
  </si>
  <si>
    <t>1427d38f-7d2b-4d1d-ad0b-21b9ec28f68f.tmp</t>
  </si>
  <si>
    <t>\\acsfs\profiles$\nayaranao\Downloads\1427d38f-7d2b-4d1d-ad0b-21b9ec28f68f.tmp</t>
  </si>
  <si>
    <t>01/17/2020 17:17:48</t>
  </si>
  <si>
    <t>01/17/2020 17:15:42</t>
  </si>
  <si>
    <t>01/17/2020 17:15:15</t>
  </si>
  <si>
    <t>01/17/2020 17:18:48</t>
  </si>
  <si>
    <t>https://100014082285011,100014122394468,andrelpsa@algartech.com,cpc-controldeskavon@algartech.com,joaogvc@algartech.com,joseasn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17/2020 17:16:29</t>
  </si>
  <si>
    <t>01/17/2020 17:17:38</t>
  </si>
  <si>
    <t>01/17/2020 17:18:10</t>
  </si>
  <si>
    <t>01/17/2020 17:15:54</t>
  </si>
  <si>
    <t>b1eff121-d026-4acd-abd0-464f6b8a1984.tmp</t>
  </si>
  <si>
    <t>\\acsfs\profiles$\edicarlosdl\Downloads\b1eff121-d026-4acd-abd0-464f6b8a1984.tmp</t>
  </si>
  <si>
    <t>01/17/2020 17:16:55</t>
  </si>
  <si>
    <t>01/17/2020 17:20:48</t>
  </si>
  <si>
    <t>01/17/2020 17:17:19</t>
  </si>
  <si>
    <t>26b86e5c-d900-4a6c-b45d-7517477fa685.tmp</t>
  </si>
  <si>
    <t>\\acsfs\profiles$\fernandofs\Downloads\26b86e5c-d900-4a6c-b45d-7517477fa685.tmp</t>
  </si>
  <si>
    <t>01/17/2020 17:15:32</t>
  </si>
  <si>
    <t>01/17/2020 17:20:40</t>
  </si>
  <si>
    <t>c77fd647-b443-4683-8c78-78de76359ddd.tmp</t>
  </si>
  <si>
    <t>\\acsfs\profiles$\philipegsf\Downloads\c77fd647-b443-4683-8c78-78de76359ddd.tmp</t>
  </si>
  <si>
    <t>01/17/2020 17:22:48</t>
  </si>
  <si>
    <t>01/17/2020 17:18:32</t>
  </si>
  <si>
    <t>01/17/2020 17:23:48</t>
  </si>
  <si>
    <t>01/17/2020 17:20:25</t>
  </si>
  <si>
    <t>01/17/2020 17:21:02</t>
  </si>
  <si>
    <t>01/17/2020 17:24:45</t>
  </si>
  <si>
    <t>01/17/2020 17:25:48</t>
  </si>
  <si>
    <t>lu643567qhidl.tmp</t>
  </si>
  <si>
    <t>\\acsfs\profiles$\LORRAYNEVAM\lu643567qhidl.tmp</t>
  </si>
  <si>
    <t>\\acsfs\profiles$\LORRAYNEVAM\lu643567qhidl.tmp\</t>
  </si>
  <si>
    <t>\\acsfs\profiles$\LORRAYNEVAM\lu643567qhidl.tmp\META-INF\</t>
  </si>
  <si>
    <t>\\acsfs\profiles$\LORRAYNEVAM\lu643567qhidl.tmp\Thumbnails\</t>
  </si>
  <si>
    <t>01/17/2020 17:22:26</t>
  </si>
  <si>
    <t>01/17/2020 17:26:48</t>
  </si>
  <si>
    <t>XLOG_marcosvnds_17012020_103227.log</t>
  </si>
  <si>
    <t>\\acsfs\profiles$\marcosvnds\My Documents\xworkcenter\logs\XLOG_marcosvnds_17012020_103227.log</t>
  </si>
  <si>
    <t>01/17/2020 17:22:19</t>
  </si>
  <si>
    <t>01/17/2020 17:27:48</t>
  </si>
  <si>
    <t>01/17/2020 17:25:28</t>
  </si>
  <si>
    <t>01/17/2020 17:28:48</t>
  </si>
  <si>
    <t>mail.google.com/sync/u/0/i/s?hl=pt-BR&amp;c=1690</t>
  </si>
  <si>
    <t>01/17/2020 17:25:49</t>
  </si>
  <si>
    <t>mail.google.com/sync/u/0/i/s?hl=pt-BR&amp;c=1692</t>
  </si>
  <si>
    <t>01/17/2020 17:26:05</t>
  </si>
  <si>
    <t>mail.google.com/sync/u/0/i/s?hl=pt-BR&amp;c=1695</t>
  </si>
  <si>
    <t>01/17/2020 17:26:11</t>
  </si>
  <si>
    <t>mail.google.com/sync/u/0/i/s?hl=pt-BR&amp;c=1697</t>
  </si>
  <si>
    <t>01/17/2020 17:26:51</t>
  </si>
  <si>
    <t>mail.google.com/sync/u/0/i/s?hl=pt-BR&amp;c=1700</t>
  </si>
  <si>
    <t>01/17/2020 17:26:57</t>
  </si>
  <si>
    <t>mail.google.com/sync/u/0/i/s?hl=pt-BR&amp;c=1702</t>
  </si>
  <si>
    <t>01/17/2020 17:27:04</t>
  </si>
  <si>
    <t>mail.google.com/sync/u/0/i/s?hl=pt-BR&amp;c=1704</t>
  </si>
  <si>
    <t>100014082285011;algartechcpcbv@bv.algartech.com;andrelpsa@algartech.com;cpc-controldeskavon@algartech.com;joaogvc@algartech.com;joseasn@algartech.com;josiascdsj@algartech.com;leonardoao@algartech.com;luiz.henriquesantos@avon.com;marianadjc@algartech.com;maristelavodq@bv.algartech.com;paulacn@algartech.com;qualidadealgarbv@algartech.com;ricardodfm@algartech.com.br;supervisaobancovotorantim@algartech.com;taysdss@algartech.com;thiagolrc@bv.algartech.com;viniciussg@algartech.com;</t>
  </si>
  <si>
    <t>100014082285011,algartechcpcbv@bv.algartech.com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7/2020 17:27:17</t>
  </si>
  <si>
    <t>algartechcpcbv@bv.algartech.com;andrelpsa@algartech.com;br accept-language: pt-br;catianalv@algartech.com;cpc-controldeskavon@algartech.com;deflate;en-us;q=0.8;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</t>
  </si>
  <si>
    <t>algartechcpcbv@bv.algartech.com,andrelpsa@algartech.com,br accept-language: pt-br,catianalv@algartech.com,cpc-controldeskavon@algartech.com,deflate,en-us;q=0.8,en;q=0.7 cookie: asp.net_sessionid=g2kqixv24fuoqyraarp2qp31; __requestverificationtoken=jefofh95oejbf6bisbxsr0_wpp9pamco8ex8of7lzks-21qb7aw14fqy3v6nhakbhn4jhpllcoccpvzklo5thhpc3e3crhvccubzm2qfe0k1; _ga=ga1.3.1078855568.1579181971; _gid=ga1.3.705401020.1579181971; _hjid=9e68604e-794d-444d-bd28-9b83750d2fc3; tp_stylesheet=light_blue; tp_layout_mode=wide; footer_bg=dark; .aspxformsauth=05884b7c0a481e94a07d868b3f3cce902d21fb2a5906d470c24c067eecd8c24a5b80640930324d748de8e8d4490b8c89e7d30d18c99bb0936fd66b327ee07e3ba1dcf2499580f4effac0b0f12a9da6923e40a4e35b366313a45f2c8de13e31e61b371b77dec0088de748684748e832d80a235c7cc99cf2e1ebcd6ddff04f9f5f8b6126db6ebab667bbd339c83fbc50534b6ae013dbe86360d94857c63c4dc7b058426066b07ba019e7e4a8b05a72114b3eb47faf2c6bc0e1090e9cd00653557473ba7f3ad94a0f3de235230d9a5e8e7bc7dc132d300e68423ad28709b6d7fdc0bf188be54e0293096128209dcfd2cc</t>
  </si>
  <si>
    <t>01/17/2020 17:27:25</t>
  </si>
  <si>
    <t>mail.google.com/sync/u/0/i/s?hl=pt-BR&amp;c=1709</t>
  </si>
  <si>
    <t>01/17/2020 17:27:26</t>
  </si>
  <si>
    <t>01/17/2020 17:24:24</t>
  </si>
  <si>
    <t>01/17/2020 17:25:50</t>
  </si>
  <si>
    <t>.~lock.Pasta2.xlsx#</t>
  </si>
  <si>
    <t>\\acsfs\ACS\Gabriel da Silva\Contemporânea\Acessos\.~lock.Pasta2.xlsx#</t>
  </si>
  <si>
    <t>01/17/2020 17:24:40</t>
  </si>
  <si>
    <t>01/17/2020 17:29:48</t>
  </si>
  <si>
    <t>01/17/2020 17:29:24</t>
  </si>
  <si>
    <t>01/17/2020 17:31:48</t>
  </si>
  <si>
    <t>01/17/2020 16:12:15</t>
  </si>
  <si>
    <t>lu838069xf1c.tmp</t>
  </si>
  <si>
    <t>\\acsfs\profiles$\rafaelacdoc\lu838069xf1c.tmp</t>
  </si>
  <si>
    <t>\\acsfs\profiles$\rafaelacdoc\lu838069xf1c.tmp\</t>
  </si>
  <si>
    <t>\\acsfs\profiles$\rafaelacdoc\lu838069xf1c.tmp\META-INF\</t>
  </si>
  <si>
    <t>\\acsfs\profiles$\rafaelacdoc\lu838069xf1c.tmp\Thumbnails\</t>
  </si>
  <si>
    <t>01/17/2020 17:32:48</t>
  </si>
  <si>
    <t>01/17/2020 17:30:24</t>
  </si>
  <si>
    <t>01/17/2020 17:33:49</t>
  </si>
  <si>
    <t>01/17/2020 17:29:52</t>
  </si>
  <si>
    <t>mail.google.com/sync/u/0/i/s?hl=pt-BR&amp;c=1713</t>
  </si>
  <si>
    <t>01/17/2020 17:29:56</t>
  </si>
  <si>
    <t>mail.google.com/sync/u/0/i/s?hl=pt-BR&amp;c=1715</t>
  </si>
  <si>
    <t>01/17/2020 17:30:00</t>
  </si>
  <si>
    <t>01/17/2020 17:30:05</t>
  </si>
  <si>
    <t>mail.google.com/sync/u/0/i/s?hl=pt-BR&amp;c=1720</t>
  </si>
  <si>
    <t>01/17/2020 17:30:11</t>
  </si>
  <si>
    <t>mail.google.com/sync/u/0/i/s?hl=pt-BR&amp;c=1722</t>
  </si>
  <si>
    <t>01/17/2020 17:30:47</t>
  </si>
  <si>
    <t>mail.google.com/sync/u/0/i/fd?hl=pt-BR&amp;c=1721</t>
  </si>
  <si>
    <t>01/17/2020 17:31:00</t>
  </si>
  <si>
    <t>mail.google.com/sync/u/0/i/s?hl=pt-BR&amp;c=1729</t>
  </si>
  <si>
    <t>01/17/2020 17:31:01</t>
  </si>
  <si>
    <t>01/17/2020 17:31:10</t>
  </si>
  <si>
    <t>01/17/2020 17:31:43</t>
  </si>
  <si>
    <t>mail.google.com/sync/u/0/i/s?hl=pt-BR&amp;c=1753</t>
  </si>
  <si>
    <t>01/17/2020 17:31:54</t>
  </si>
  <si>
    <t>mail.google.com/sync/u/0/i/s?hl=pt-BR&amp;c=1755</t>
  </si>
  <si>
    <t>01/17/2020 17:32:00</t>
  </si>
  <si>
    <t>mail.google.com/sync/u/0/i/s?hl=pt-BR&amp;c=1758</t>
  </si>
  <si>
    <t>01/17/2020 17:32:17</t>
  </si>
  <si>
    <t>mail.google.com/sync/u/0/i/s?hl=pt-BR&amp;c=1761</t>
  </si>
  <si>
    <t>01/17/2020 17:32:36</t>
  </si>
  <si>
    <t>mail.google.com/sync/u/0/i/s?hl=pt-BR&amp;c=1763</t>
  </si>
  <si>
    <t>100014082285011;100014122394468;algartechcpcbv@bv.algartech.com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100014082285011,100014122394468,algartechcpcbv@bv.algartech.com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7:32:42</t>
  </si>
  <si>
    <t>mail.google.com/sync/u/0/i/s?hl=pt-BR&amp;c=1765</t>
  </si>
  <si>
    <t>01/17/2020 17:32:33</t>
  </si>
  <si>
    <t>01/17/2020 17:33:45</t>
  </si>
  <si>
    <t>01/17/2020 17:35:48</t>
  </si>
  <si>
    <t>01/17/2020 17:35:36</t>
  </si>
  <si>
    <t>01/17/2020 17:36:48</t>
  </si>
  <si>
    <t>e5bbd69c-f4b9-47a3-a80f-ca91198d491a.tmp</t>
  </si>
  <si>
    <t>\\acsfs\profiles$\mariajaf\Downloads\e5bbd69c-f4b9-47a3-a80f-ca91198d491a.tmp</t>
  </si>
  <si>
    <t>01/17/2020 17:37:48</t>
  </si>
  <si>
    <t>01/17/2020 17:37:20</t>
  </si>
  <si>
    <t>01/17/2020 17:37:23</t>
  </si>
  <si>
    <t>01/17/2020 17:37:25</t>
  </si>
  <si>
    <t>01/17/2020 17:37:27</t>
  </si>
  <si>
    <t>01/17/2020 17:37:28</t>
  </si>
  <si>
    <t>01/17/2020 17:37:29</t>
  </si>
  <si>
    <t>01/17/2020 17:37:30</t>
  </si>
  <si>
    <t>01/17/2020 17:37:31</t>
  </si>
  <si>
    <t>01/17/2020 17:37:32</t>
  </si>
  <si>
    <t>01/17/2020 17:37:33</t>
  </si>
  <si>
    <t>01/17/2020 17:37:34</t>
  </si>
  <si>
    <t>01/17/2020 17:37:35</t>
  </si>
  <si>
    <t>01/17/2020 17:37:36</t>
  </si>
  <si>
    <t>01/17/2020 17:37:38</t>
  </si>
  <si>
    <t>01/17/2020 17:37:39</t>
  </si>
  <si>
    <t>01/17/2020 17:36:44</t>
  </si>
  <si>
    <t>01/17/2020 17:38:48</t>
  </si>
  <si>
    <t>01/17/2020 17:36:52</t>
  </si>
  <si>
    <t>.~lock.Acompanhamento de solicitações.xlsm#</t>
  </si>
  <si>
    <t>\\acsfs\ACS\Gabriel da Silva\Contemporânea\Acessos\.~lock.Acompanhamento de solicitações.xlsm#</t>
  </si>
  <si>
    <t>01/17/2020 17:38:24</t>
  </si>
  <si>
    <t>01/17/2020 17:39:48</t>
  </si>
  <si>
    <t>01/17/2020 17:39:02</t>
  </si>
  <si>
    <t>01/17/2020 17:37:55</t>
  </si>
  <si>
    <t>01/17/2020 17:40:48</t>
  </si>
  <si>
    <t>01/17/2020 17:38:45</t>
  </si>
  <si>
    <t>01/17/2020 17:37:40</t>
  </si>
  <si>
    <t>01/17/2020 17:41:48</t>
  </si>
  <si>
    <t>fe984e57-28e4-429a-92f4-224eea565335.tmp</t>
  </si>
  <si>
    <t>\\acsfs\profiles$\mariajaf\Downloads\fe984e57-28e4-429a-92f4-224eea565335.tmp</t>
  </si>
  <si>
    <t>01/17/2020 17:42:48</t>
  </si>
  <si>
    <t>01/17/2020 17:37:42</t>
  </si>
  <si>
    <t>01/17/2020 17:37:43</t>
  </si>
  <si>
    <t>01/17/2020 17:37:44</t>
  </si>
  <si>
    <t>01/17/2020 17:37:45</t>
  </si>
  <si>
    <t>01/17/2020 17:37:46</t>
  </si>
  <si>
    <t>01/17/2020 17:37:47</t>
  </si>
  <si>
    <t>01/17/2020 17:37:49</t>
  </si>
  <si>
    <t>01/17/2020 17:37:50</t>
  </si>
  <si>
    <t>01/17/2020 17:37:51</t>
  </si>
  <si>
    <t>01/17/2020 17:37:52</t>
  </si>
  <si>
    <t>01/17/2020 17:37:53</t>
  </si>
  <si>
    <t>01/17/2020 17:37:54</t>
  </si>
  <si>
    <t>01/17/2020 17:37:56</t>
  </si>
  <si>
    <t>01/17/2020 17:37:57</t>
  </si>
  <si>
    <t>01/17/2020 17:37:59</t>
  </si>
  <si>
    <t>01/17/2020 17:38:00</t>
  </si>
  <si>
    <t>01/17/2020 17:38:01</t>
  </si>
  <si>
    <t>01/17/2020 17:38:02</t>
  </si>
  <si>
    <t>01/17/2020 17:38:04</t>
  </si>
  <si>
    <t>01/17/2020 17:38:05</t>
  </si>
  <si>
    <t>01/17/2020 17:38:06</t>
  </si>
  <si>
    <t>01/17/2020 17:38:23</t>
  </si>
  <si>
    <t>01/17/2020 17:39:37</t>
  </si>
  <si>
    <t>7bb9d376-66a4-4198-8c01-43e13fd114c9.tmp</t>
  </si>
  <si>
    <t>\\acsfs\profiles$\taylaedoa\Downloads\7bb9d376-66a4-4198-8c01-43e13fd114c9.tmp</t>
  </si>
  <si>
    <t>01/17/2020 17:41:00</t>
  </si>
  <si>
    <t>bcbd8e73-5aff-49a1-802e-56197af81ab6.tmp</t>
  </si>
  <si>
    <t>\\acsfs\profiles$\taylaedoa\Downloads\bcbd8e73-5aff-49a1-802e-56197af81ab6.tmp</t>
  </si>
  <si>
    <t>01/17/2020 17:41:35</t>
  </si>
  <si>
    <t>b8a56aec-49f9-4aaa-815d-5939b2c388ef.tmp</t>
  </si>
  <si>
    <t>\\acsfs\profiles$\taylaedoa\Downloads\b8a56aec-49f9-4aaa-815d-5939b2c388ef.tmp</t>
  </si>
  <si>
    <t>01/17/2020 17:42:53</t>
  </si>
  <si>
    <t>01/17/2020 17:43:48</t>
  </si>
  <si>
    <t>ce8e8172-afea-40f7-998e-fa1d0ccb5e3c.tmp</t>
  </si>
  <si>
    <t>\\acsfs\profiles$\ingridsm\Downloads\ce8e8172-afea-40f7-998e-fa1d0ccb5e3c.tmp</t>
  </si>
  <si>
    <t>01/17/2020 17:38:46</t>
  </si>
  <si>
    <t>\\acsfs\deptos\Operacao\PCP\5 - Comum\LEONARDO ALVES\</t>
  </si>
  <si>
    <t>Bases.xlsx</t>
  </si>
  <si>
    <t>\\acsfs\deptos\Operacao\PCP\5 - Comum\LEONARDO ALVES\Bases.xlsx</t>
  </si>
  <si>
    <t>01/17/2020 17:39:21</t>
  </si>
  <si>
    <t>https://100014082285011,algartechcpcbv@bv.algartech.com,andrelpsa@algartech.com,cpc-controldeskavon@algartech.com,joaogvc@algartech.com,joseasn@algartech.com,josiascdsj@algartech.com,leonardoao@algartech.com,luiz.henriquesantos@avon.com,marianadjc@algartech.com,maristelavodq@bv.algartech.com,paulacn@algartech.com,qualidadealgarbv@algartech.com,ricardodfm@algartech.com.br,supervisaobancovotorantim@algartech.com,taysdss@algartech.com,thiagolrc@bv.algartech.com,viniciussg@algartech.com</t>
  </si>
  <si>
    <t>01/17/2020 17:39:33</t>
  </si>
  <si>
    <t>https://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7:39:41</t>
  </si>
  <si>
    <t>100014082285011;100014122394468;100014239771614;algartechcpcbv@bv.algartech.com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https://100014082285011,100014122394468,100014239771614,algartechcpcbv@bv.algartech.com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7:39:49</t>
  </si>
  <si>
    <t>100014239771614;andrelpsa@algartech.com;cpc-controldeskavon@algartech.com;joaogvc@algartech.com;joseasn@algartech.com;josiascdsj@algartech.com;leonardoao@algartech.com;marianadjc@algartech.com;maristelavodq@bv.algartech.com;paulacn@algartech.com;qualidadealgarbv@algartech.com;ricardodfm@algartech.com.br;supervisaobancovotorantim@algartech.com;taysdss@algartech.com;thiagolrc@bv.algartech.com;</t>
  </si>
  <si>
    <t>https://100014239771614,andrelpsa@algartech.com,cpc-controldeskavon@algartech.com,joaogvc@algartech.com,joseasn@algartech.com,josiascdsj@algartech.com,leonardoao@algartech.com,marianadjc@algartech.com,maristelavodq@bv.algartech.com,paulacn@algartech.com,qualidadealgarbv@algartech.com,ricardodfm@algartech.com.br,supervisaobancovotorantim@algartech.com,taysdss@algartech.com,thiagolrc@bv.algartech.com</t>
  </si>
  <si>
    <t>01/17/2020 17:40:27</t>
  </si>
  <si>
    <t>01/17/2020 17:40:53</t>
  </si>
  <si>
    <t>01/17/2020 17:41:18</t>
  </si>
  <si>
    <t>01/17/2020 17:42:04</t>
  </si>
  <si>
    <t>20171b06-832b-424c-b3dd-dadc54f7b2f4.tmp</t>
  </si>
  <si>
    <t>\\acsfs\profiles$\gabrielsma\Downloads\20171b06-832b-424c-b3dd-dadc54f7b2f4.tmp</t>
  </si>
  <si>
    <t>01/17/2020 17:42:11</t>
  </si>
  <si>
    <t>01/17/2020 17:43:08</t>
  </si>
  <si>
    <t>85aea960-5834-48ac-bcbd-0cab84e98f18.tmp</t>
  </si>
  <si>
    <t>\\acsfs\profiles$\gabrielsma\Downloads\85aea960-5834-48ac-bcbd-0cab84e98f18.tmp</t>
  </si>
  <si>
    <t>01/17/2020 17:43:11</t>
  </si>
  <si>
    <t>\\acsfs\ACS\Gabriel da Silva\Contemporânea\Acessos\Q29udHJvbGxlci5GaXJlZm94.ica.crdownload</t>
  </si>
  <si>
    <t>01/17/2020 17:42:32</t>
  </si>
  <si>
    <t>01/17/2020 17:42:59</t>
  </si>
  <si>
    <t>01/17/2020 17:43:15</t>
  </si>
  <si>
    <t>01/17/2020 17:43:16</t>
  </si>
  <si>
    <t>01/17/2020 17:44:15</t>
  </si>
  <si>
    <t>01/17/2020 17:44:48</t>
  </si>
  <si>
    <t>01/17/2020 17:42:12</t>
  </si>
  <si>
    <t>01/17/2020 17:45:48</t>
  </si>
  <si>
    <t>01/17/2020 17:41:19</t>
  </si>
  <si>
    <t>01/17/2020 17:43:05</t>
  </si>
  <si>
    <t>91a4d8b3-4662-4aa1-ade7-beec780ab49e.tmp</t>
  </si>
  <si>
    <t>\\acsfs\profiles$\leonardocb\Downloads\91a4d8b3-4662-4aa1-ade7-beec780ab49e.tmp</t>
  </si>
  <si>
    <t>01/17/2020 17:43:14</t>
  </si>
  <si>
    <t>643a9b6a-927b-4367-8a20-3dd449439d4a.tmp</t>
  </si>
  <si>
    <t>\\acsfs\profiles$\leonardocb\Downloads\643a9b6a-927b-4367-8a20-3dd449439d4a.tmp</t>
  </si>
  <si>
    <t>01/17/2020 17:43:30</t>
  </si>
  <si>
    <t>efe4f4fc-13b0-4ad0-85d1-b08ca5555da5.tmp</t>
  </si>
  <si>
    <t>\\acsfs\profiles$\leonardocb\Downloads\efe4f4fc-13b0-4ad0-85d1-b08ca5555da5.tmp</t>
  </si>
  <si>
    <t>01/17/2020 17:45:18</t>
  </si>
  <si>
    <t>cd180a5f-3137-4740-b15e-1046e2832cfa.tmp</t>
  </si>
  <si>
    <t>\\acsfs\profiles$\leonardocb\Downloads\cd180a5f-3137-4740-b15e-1046e2832cfa.tmp</t>
  </si>
  <si>
    <t>01/17/2020 17:41:41</t>
  </si>
  <si>
    <t>01/17/2020 17:47:48</t>
  </si>
  <si>
    <t>01/17/2020 17:46:39</t>
  </si>
  <si>
    <t>01/17/2020 17:48:48</t>
  </si>
  <si>
    <t>Apuracao (1).xlsx</t>
  </si>
  <si>
    <t>01/17/2020 17:46:54</t>
  </si>
  <si>
    <t>01/17/2020 17:47:11</t>
  </si>
  <si>
    <t>01/17/2020 17:46:02</t>
  </si>
  <si>
    <t>01/17/2020 17:49:48</t>
  </si>
  <si>
    <t>01/17/2020 17:48:07</t>
  </si>
  <si>
    <t>01/17/2020 17:50:48</t>
  </si>
  <si>
    <t>01/17/2020 17:52:48</t>
  </si>
  <si>
    <t>01/17/2020 17:51:56</t>
  </si>
  <si>
    <t>01/17/2020 17:48:46</t>
  </si>
  <si>
    <t>01/17/2020 17:53:47</t>
  </si>
  <si>
    <t>01/17/2020 17:50:37</t>
  </si>
  <si>
    <t>01/17/2020 17:50:32</t>
  </si>
  <si>
    <t>01/17/2020 17:50:49</t>
  </si>
  <si>
    <t>01/17/2020 17:51:04</t>
  </si>
  <si>
    <t>01/17/2020 17:51:15</t>
  </si>
  <si>
    <t>01/17/2020 17:52:10</t>
  </si>
  <si>
    <t>01/17/2020 17:52:29</t>
  </si>
  <si>
    <t>01/17/2020 17:52:45</t>
  </si>
  <si>
    <t>625756658&amp;gjid=1026454159&amp;_gid=300901494.1579202474&amp;_u=aacaamaaaaaaac~&amp;z=666599295 http</t>
  </si>
  <si>
    <t>01/17/2020 17:52:40</t>
  </si>
  <si>
    <t>01/17/2020 17:54:48</t>
  </si>
  <si>
    <t>01/17/2020 17:51:32</t>
  </si>
  <si>
    <t>01/17/2020 17:55:47</t>
  </si>
  <si>
    <t>3d0bf165-049a-4e3c-a2f3-2d6a9015bf5c.tmp</t>
  </si>
  <si>
    <t>\\acsfs\profiles$\Adrieledgc\Downloads\3d0bf165-049a-4e3c-a2f3-2d6a9015bf5c.tmp</t>
  </si>
  <si>
    <t>01/17/2020 17:54:05</t>
  </si>
  <si>
    <t>14d7dd2b-2dc1-40d9-bba6-3c66fdb1f924.tmp</t>
  </si>
  <si>
    <t>\\acsfs\profiles$\Adrieledgc\Downloads\14d7dd2b-2dc1-40d9-bba6-3c66fdb1f924.tmp</t>
  </si>
  <si>
    <t>01/17/2020 17:57:47</t>
  </si>
  <si>
    <t>01/17/2020 17:55:42</t>
  </si>
  <si>
    <t>99c69d63-7bb6-4c75-8189-a6b9b1f1feee.tmp</t>
  </si>
  <si>
    <t>\\acsfs\profiles$\gabrielsma\Downloads\99c69d63-7bb6-4c75-8189-a6b9b1f1feee.tmp</t>
  </si>
  <si>
    <t>01/17/2020 17:55:46</t>
  </si>
  <si>
    <t>01/17/2020 17:56:39</t>
  </si>
  <si>
    <t>01/17/2020 17:56:53</t>
  </si>
  <si>
    <t>01/17/2020 17:58:48</t>
  </si>
  <si>
    <t>01/17/2020 17:55:44</t>
  </si>
  <si>
    <t>898ad482-790e-4199-9b49-ce873b9c6395;</t>
  </si>
  <si>
    <t>https://algar.folhasinergyrh.com.br/funcionario/uploadfoto?identificador=22174&amp;isworkflow=true</t>
  </si>
  <si>
    <t>andrelpsa@algartech.com;true;</t>
  </si>
  <si>
    <t>https://andrelpsa@algartech.com,true</t>
  </si>
  <si>
    <t>01/17/2020 17:55:50</t>
  </si>
  <si>
    <t>Não confirmado 430902.crdownload</t>
  </si>
  <si>
    <t>\\acsfs\Deptos\Operacao\Banco_Votorantim\Supervisao\Maristela\CRBV vendas\Desligamento\Não confirmado 430902.crdownload</t>
  </si>
  <si>
    <t>01/17/2020 17:56:18</t>
  </si>
  <si>
    <t>Denner - rescisão.7z</t>
  </si>
  <si>
    <t>\\acsfs\Deptos\Operacao\Banco_Votorantim\Supervisao\Maristela\CRBV vendas\Desligamento\Denner - rescisão.7z</t>
  </si>
  <si>
    <t>\\acsfs\Deptos\Operacao\Banco_Votorantim\Supervisao\Maristela\CRBV vendas\Desligamento\Denner - rescisão.7z\</t>
  </si>
  <si>
    <t>Denner - rescisÃ£o.pdf</t>
  </si>
  <si>
    <t>01/17/2020 17:57:17</t>
  </si>
  <si>
    <t>01/17/2020 17:58:23</t>
  </si>
  <si>
    <t>01/17/2020 17:58:27</t>
  </si>
  <si>
    <t>https://algar.folhasinergyrh.com.br/rescisao/upload?id=0&amp;idsolicitacao=0&amp;idprerescisao=2102</t>
  </si>
  <si>
    <t>01/17/2020 17:54:11</t>
  </si>
  <si>
    <t>01/17/2020 17:54:22</t>
  </si>
  <si>
    <t>01/17/2020 17:54:33</t>
  </si>
  <si>
    <t>01/17/2020 17:58:11</t>
  </si>
  <si>
    <t>01/17/2020 17:59:47</t>
  </si>
  <si>
    <t>1453e365-97de-43d7-9fae-66314e725c05.tmp</t>
  </si>
  <si>
    <t>\\acsfs\profiles$\regisedsj\Downloads\1453e365-97de-43d7-9fae-66314e725c05.tmp</t>
  </si>
  <si>
    <t>01/17/2020 17:58:47</t>
  </si>
  <si>
    <t>01/17/2020 18:00:48</t>
  </si>
  <si>
    <t>01/17/2020 18:02:48</t>
  </si>
  <si>
    <t>01/17/2020 18:02:25</t>
  </si>
  <si>
    <t>01/17/2020 18:03:48</t>
  </si>
  <si>
    <t>01/17/2020 18:02:47</t>
  </si>
  <si>
    <t>01/17/2020 18:03:13</t>
  </si>
  <si>
    <t>01/17/2020 18:02:56</t>
  </si>
  <si>
    <t>01/17/2020 18:04:48</t>
  </si>
  <si>
    <t>01/17/2020 18:01:59</t>
  </si>
  <si>
    <t>de81031e-bbcd-45fd-93ee-1eeed3a2c5ab.tmp</t>
  </si>
  <si>
    <t>\\acsfs\profiles$\regisedsj\Downloads\de81031e-bbcd-45fd-93ee-1eeed3a2c5ab.tmp</t>
  </si>
  <si>
    <t>01/17/2020 18:05:48</t>
  </si>
  <si>
    <t>60b05418-8c9c-474c-a5d7-f2bc41b83c5d.tmp</t>
  </si>
  <si>
    <t>\\acsfs\profiles$\fernandofs\Downloads\60b05418-8c9c-474c-a5d7-f2bc41b83c5d.tmp</t>
  </si>
  <si>
    <t>01/17/2020 18:07:48</t>
  </si>
  <si>
    <t>01/17/2020 18:07:49</t>
  </si>
  <si>
    <t>01/17/2020 18:03:53</t>
  </si>
  <si>
    <t>01/17/2020 18:05:24</t>
  </si>
  <si>
    <t>24f4eb59-b709-4262-93f1-02b7b79d5dc7.tmp</t>
  </si>
  <si>
    <t>\\acsfs\profiles$\gabrielsma\Downloads\24f4eb59-b709-4262-93f1-02b7b79d5dc7.tmp</t>
  </si>
  <si>
    <t>01/17/2020 18:05:28</t>
  </si>
  <si>
    <t>01/17/2020 18:06:34</t>
  </si>
  <si>
    <t>01/17/2020 18:08:48</t>
  </si>
  <si>
    <t>01/17/2020 18:04:57</t>
  </si>
  <si>
    <t>01/17/2020 18:05:13</t>
  </si>
  <si>
    <t>01/17/2020 18:05:31</t>
  </si>
  <si>
    <t>01/17/2020 18:06:01</t>
  </si>
  <si>
    <t>01/17/2020 18:10:48</t>
  </si>
  <si>
    <t>01/17/2020 18:12:47</t>
  </si>
  <si>
    <t>01/17/2020 18:11:31</t>
  </si>
  <si>
    <t>01/17/2020 18:14:48</t>
  </si>
  <si>
    <t>01/17/2020 18:11:05</t>
  </si>
  <si>
    <t>01/17/2020 18:15:47</t>
  </si>
  <si>
    <t>01/17/2020 18:12:26</t>
  </si>
  <si>
    <t>01/17/2020 18:12:07</t>
  </si>
  <si>
    <t>01/17/2020 18:16:48</t>
  </si>
  <si>
    <t>13117cfa-bf47-4fb8-840a-b88cc07004aa.tmp</t>
  </si>
  <si>
    <t>\\acsfs\profiles$\andreapdsg\Downloads\13117cfa-bf47-4fb8-840a-b88cc07004aa.tmp</t>
  </si>
  <si>
    <t>01/17/2020 18:17:48</t>
  </si>
  <si>
    <t>01/17/2020 18:17:08</t>
  </si>
  <si>
    <t>01/17/2020 18:18:48</t>
  </si>
  <si>
    <t>01/17/2020 18:17:25</t>
  </si>
  <si>
    <t>12663f92-dc08-4521-aca5-7c3678ad1807.tmp</t>
  </si>
  <si>
    <t>\\acsfs\profiles$\joycemmdl\Downloads\12663f92-dc08-4521-aca5-7c3678ad1807.tmp</t>
  </si>
  <si>
    <t>01/17/2020 18:18:22</t>
  </si>
  <si>
    <t>67e6d1b4-2a94-456f-b9e1-ac3f427d82c4.tmp</t>
  </si>
  <si>
    <t>\\acsfs\profiles$\joycemmdl\Downloads\67e6d1b4-2a94-456f-b9e1-ac3f427d82c4.tmp</t>
  </si>
  <si>
    <t>01/17/2020 18:16:59</t>
  </si>
  <si>
    <t>01/17/2020 18:19:48</t>
  </si>
  <si>
    <t>01/17/2020 18:16:58</t>
  </si>
  <si>
    <t>01/17/2020 18:20:48</t>
  </si>
  <si>
    <t>01/17/2020 18:17:20</t>
  </si>
  <si>
    <t>01/17/2020 18:17:23</t>
  </si>
  <si>
    <t>01/17/2020 18:17:33</t>
  </si>
  <si>
    <t>01/17/2020 18:17:57</t>
  </si>
  <si>
    <t>01/17/2020 18:18:29</t>
  </si>
  <si>
    <t>01/17/2020 18:18:32</t>
  </si>
  <si>
    <t>01/17/2020 18:19:55</t>
  </si>
  <si>
    <t>bebe84c1-a4fd-4b9e-a0dc-3d4fef1a4c0b.tmp</t>
  </si>
  <si>
    <t>\\acsfs\profiles$\cassianogc\Downloads\bebe84c1-a4fd-4b9e-a0dc-3d4fef1a4c0b.tmp</t>
  </si>
  <si>
    <t>01/17/2020 18:19:18</t>
  </si>
  <si>
    <t>01/17/2020 18:21:48</t>
  </si>
  <si>
    <t>01/17/2020 18:22:48</t>
  </si>
  <si>
    <t>01/17/2020 18:17:53</t>
  </si>
  <si>
    <t>01/17/2020 18:21:15</t>
  </si>
  <si>
    <t>01/17/2020 18:23:48</t>
  </si>
  <si>
    <t>01/17/2020 18:19:46</t>
  </si>
  <si>
    <t>aa0e62b3-654e-4775-a5bb-f819e1b5c25d.tmp</t>
  </si>
  <si>
    <t>\\acsfs\profiles$\brunalas\Downloads\aa0e62b3-654e-4775-a5bb-f819e1b5c25d.tmp</t>
  </si>
  <si>
    <t>01/17/2020 18:21:07</t>
  </si>
  <si>
    <t>01/17/2020 18:25:48</t>
  </si>
  <si>
    <t>01/17/2020 18:23:55</t>
  </si>
  <si>
    <t>01/17/2020 18:23:10</t>
  </si>
  <si>
    <t>1f7551b7-b814-4247-8125-063bd19f665c.tmp</t>
  </si>
  <si>
    <t>\\acsfs\profiles$\victorgl\Downloads\1f7551b7-b814-4247-8125-063bd19f665c.tmp</t>
  </si>
  <si>
    <t>01/17/2020 18:24:27</t>
  </si>
  <si>
    <t>01/17/2020 18:22:40</t>
  </si>
  <si>
    <t>01/17/2020 18:22:02</t>
  </si>
  <si>
    <t>01/17/2020 18:25:13</t>
  </si>
  <si>
    <t>01/17/2020 18:26:48</t>
  </si>
  <si>
    <t>01/17/2020 18:22:26</t>
  </si>
  <si>
    <t>01/17/2020 18:22:39</t>
  </si>
  <si>
    <t>01/17/2020 18:27:48</t>
  </si>
  <si>
    <t>01/17/2020 18:22:21</t>
  </si>
  <si>
    <t>01/17/2020 18:24:00</t>
  </si>
  <si>
    <t>01/17/2020 18:27:11</t>
  </si>
  <si>
    <t>01/17/2020 18:23:03</t>
  </si>
  <si>
    <t>bd4cfb77-ab54-4adf-80aa-863020360513.tmp</t>
  </si>
  <si>
    <t>\\acsfs\profiles$\erichds\Downloads\bd4cfb77-ab54-4adf-80aa-863020360513.tmp</t>
  </si>
  <si>
    <t>01/17/2020 18:27:30</t>
  </si>
  <si>
    <t>01/17/2020 18:28:47</t>
  </si>
  <si>
    <t>01/17/2020 18:27:41</t>
  </si>
  <si>
    <t>01/17/2020 18:27:52</t>
  </si>
  <si>
    <t>01/17/2020 18:26:21</t>
  </si>
  <si>
    <t>01/17/2020 18:30:48</t>
  </si>
  <si>
    <t>01/17/2020 18:26:26</t>
  </si>
  <si>
    <t>01/17/2020 18:26:31</t>
  </si>
  <si>
    <t>01/17/2020 18:26:32</t>
  </si>
  <si>
    <t>01/17/2020 18:26:35</t>
  </si>
  <si>
    <t>01/17/2020 18:26:04</t>
  </si>
  <si>
    <t>01/17/2020 18:26:25</t>
  </si>
  <si>
    <t>01/17/2020 18:27:02</t>
  </si>
  <si>
    <t>01/17/2020 18:29:55</t>
  </si>
  <si>
    <t>01/17/2020 18:29:03</t>
  </si>
  <si>
    <t>01/17/2020 18:31:48</t>
  </si>
  <si>
    <t>01/17/2020 18:32:49</t>
  </si>
  <si>
    <t>01/17/2020 18:30:36</t>
  </si>
  <si>
    <t>01/17/2020 18:33:02</t>
  </si>
  <si>
    <t>01/17/2020 18:33:48</t>
  </si>
  <si>
    <t>01/17/2020 18:28:18</t>
  </si>
  <si>
    <t>01/17/2020 18:33:07</t>
  </si>
  <si>
    <t>01/17/2020 18:35:47</t>
  </si>
  <si>
    <t>01/17/2020 18:33:30</t>
  </si>
  <si>
    <t>01/17/2020 18:30:24</t>
  </si>
  <si>
    <t>6a11d411-67bd-45bf-a715-3cf798717d87.tmp</t>
  </si>
  <si>
    <t>\\acsfs\profiles$\victorgl\Downloads\6a11d411-67bd-45bf-a715-3cf798717d87.tmp</t>
  </si>
  <si>
    <t>01/17/2020 18:30:29</t>
  </si>
  <si>
    <t>ff8553f4-3b8f-4aed-a5ad-bd42c75b9c64.tmp</t>
  </si>
  <si>
    <t>\\acsfs\profiles$\victorgl\Downloads\ff8553f4-3b8f-4aed-a5ad-bd42c75b9c64.tmp</t>
  </si>
  <si>
    <t>01/17/2020 18:31:22</t>
  </si>
  <si>
    <t>5a2fe3af-d27b-4c7f-ac53-093d9f9bcb9d.tmp</t>
  </si>
  <si>
    <t>\\acsfs\profiles$\victorgl\Downloads\5a2fe3af-d27b-4c7f-ac53-093d9f9bcb9d.tmp</t>
  </si>
  <si>
    <t>01/17/2020 18:34:03</t>
  </si>
  <si>
    <t>01/17/2020 18:34:11</t>
  </si>
  <si>
    <t>01/17/2020 18:32:01</t>
  </si>
  <si>
    <t>01/17/2020 18:36:48</t>
  </si>
  <si>
    <t>01/17/2020 18:33:31</t>
  </si>
  <si>
    <t>01/17/2020 18:37:48</t>
  </si>
  <si>
    <t>01/17/2020 18:33:18</t>
  </si>
  <si>
    <t>01/17/2020 18:32:53</t>
  </si>
  <si>
    <t>01/17/2020 18:34:31</t>
  </si>
  <si>
    <t>01/17/2020 18:38:48</t>
  </si>
  <si>
    <t>01/17/2020 18:34:17</t>
  </si>
  <si>
    <t>01/17/2020 18:39:49</t>
  </si>
  <si>
    <t>284effbf-920b-4e7b-9dbb-fede0bdd8601.tmp</t>
  </si>
  <si>
    <t>\\acsfs\profiles$\gabrielamdp\Downloads\284effbf-920b-4e7b-9dbb-fede0bdd8601.tmp</t>
  </si>
  <si>
    <t>01/17/2020 18:35:14</t>
  </si>
  <si>
    <t>01/17/2020 18:40:48</t>
  </si>
  <si>
    <t>01/17/2020 18:35:50</t>
  </si>
  <si>
    <t>01/17/2020 18:35:56</t>
  </si>
  <si>
    <t>01/17/2020 18:35:59</t>
  </si>
  <si>
    <t>01/17/2020 18:35:32</t>
  </si>
  <si>
    <t>01/17/2020 18:39:09</t>
  </si>
  <si>
    <t>01/17/2020 18:36:40</t>
  </si>
  <si>
    <t>01/17/2020 18:37:29</t>
  </si>
  <si>
    <t>01/17/2020 18:41:48</t>
  </si>
  <si>
    <t>01/17/2020 18:39:33</t>
  </si>
  <si>
    <t>01/17/2020 18:37:33</t>
  </si>
  <si>
    <t>01/17/2020 18:42:48</t>
  </si>
  <si>
    <t>1b381df3-39d7-468d-ad89-62b6b0bc39b2.tmp</t>
  </si>
  <si>
    <t>\\acsfs\profiles$\brendadsl\Downloads\1b381df3-39d7-468d-ad89-62b6b0bc39b2.tmp</t>
  </si>
  <si>
    <t>01/17/2020 18:38:39</t>
  </si>
  <si>
    <t>643c5044-8857-4cc4-8a89-85dec158f45a.tmp</t>
  </si>
  <si>
    <t>\\acsfs\profiles$\brendadsl\Downloads\643c5044-8857-4cc4-8a89-85dec158f45a.tmp</t>
  </si>
  <si>
    <t>b0c2477a-a40d-4bcf-9fd3-97e7540b1dfd.tmp</t>
  </si>
  <si>
    <t>\\acsfs\profiles$\brendadsl\Downloads\b0c2477a-a40d-4bcf-9fd3-97e7540b1dfd.tmp</t>
  </si>
  <si>
    <t>01/17/2020 18:43:47</t>
  </si>
  <si>
    <t>01/17/2020 18:42:02</t>
  </si>
  <si>
    <t>01/17/2020 18:44:27</t>
  </si>
  <si>
    <t>01/17/2020 18:45:48</t>
  </si>
  <si>
    <t>01/17/2020 18:44:43</t>
  </si>
  <si>
    <t>01/17/2020 18:42:23</t>
  </si>
  <si>
    <t>01/17/2020 18:46:48</t>
  </si>
  <si>
    <t>52718a2b-8e97-4cd9-81ae-b117b823afbc.tmp</t>
  </si>
  <si>
    <t>\\acsfs\profiles$\myllenardl\Downloads\52718a2b-8e97-4cd9-81ae-b117b823afbc.tmp</t>
  </si>
  <si>
    <t>01/17/2020 18:43:28</t>
  </si>
  <si>
    <t>01/17/2020 18:45:55</t>
  </si>
  <si>
    <t>01/17/2020 18:42:50</t>
  </si>
  <si>
    <t>556a0862-a366-4eb7-8c57-1a1f0e8d7fbd.tmp</t>
  </si>
  <si>
    <t>\\acsfs\profiles$\fabianobmf\Downloads\556a0862-a366-4eb7-8c57-1a1f0e8d7fbd.tmp</t>
  </si>
  <si>
    <t>01/17/2020 18:47:47</t>
  </si>
  <si>
    <t>01/17/2020 18:48:11</t>
  </si>
  <si>
    <t>01/17/2020 18:50:48</t>
  </si>
  <si>
    <t>38891e48-7950-4097-8b37-83e564511a5b.tmp</t>
  </si>
  <si>
    <t>\\acsfs\profiles$\philipegsf\Downloads\38891e48-7950-4097-8b37-83e564511a5b.tmp</t>
  </si>
  <si>
    <t>01/17/2020 18:47:49</t>
  </si>
  <si>
    <t>01/17/2020 18:51:48</t>
  </si>
  <si>
    <t>01/17/2020 18:50:09</t>
  </si>
  <si>
    <t>01/17/2020 18:50:42</t>
  </si>
  <si>
    <t>01/17/2020 18:48:05</t>
  </si>
  <si>
    <t>01/17/2020 18:48:00</t>
  </si>
  <si>
    <t>01/17/2020 18:51:13</t>
  </si>
  <si>
    <t>01/17/2020 18:52:48</t>
  </si>
  <si>
    <t>01/17/2020 18:50:23</t>
  </si>
  <si>
    <t>01/17/2020 18:54:48</t>
  </si>
  <si>
    <t>39a24b12-2fd3-4231-8d8f-ed67b0bd06e1.tmp</t>
  </si>
  <si>
    <t>\\acsfs\profiles$\gabrielamdp\Downloads\39a24b12-2fd3-4231-8d8f-ed67b0bd06e1.tmp</t>
  </si>
  <si>
    <t>01/17/2020 18:50:18</t>
  </si>
  <si>
    <t>01/17/2020 18:55:48</t>
  </si>
  <si>
    <t>01/17/2020 18:54:39</t>
  </si>
  <si>
    <t>01/17/2020 18:53:32</t>
  </si>
  <si>
    <t>01/17/2020 18:56:48</t>
  </si>
  <si>
    <t>423e0761-afb5-40bf-b44b-265d70caebd2.tmp</t>
  </si>
  <si>
    <t>\\acsfs\profiles$\nayaranao\Downloads\423e0761-afb5-40bf-b44b-265d70caebd2.tmp</t>
  </si>
  <si>
    <t>01/17/2020 18:52:40</t>
  </si>
  <si>
    <t>01/17/2020 18:54:16</t>
  </si>
  <si>
    <t>01/17/2020 18:52:05</t>
  </si>
  <si>
    <t>24605ef6-87b8-4952-a064-7120d111c495.tmp</t>
  </si>
  <si>
    <t>\\acsfs\profiles$\fabianobmf\Downloads\24605ef6-87b8-4952-a064-7120d111c495.tmp</t>
  </si>
  <si>
    <t>01/17/2020 18:51:56</t>
  </si>
  <si>
    <t>01/17/2020 18:53:17</t>
  </si>
  <si>
    <t>01/17/2020 18:57:48</t>
  </si>
  <si>
    <t>2f85e5e2-1be7-4b36-82f7-d77f8e355cd3.tmp</t>
  </si>
  <si>
    <t>\\acsfs\profiles$\andressamf\Downloads\2f85e5e2-1be7-4b36-82f7-d77f8e355cd3.tmp</t>
  </si>
  <si>
    <t>01/17/2020 18:56:51</t>
  </si>
  <si>
    <t>d1519231-4c42-45fc-b40f-a27f9cfad4a9.tmp</t>
  </si>
  <si>
    <t>\\acsfs\profiles$\rosileiam\Downloads\d1519231-4c42-45fc-b40f-a27f9cfad4a9.tmp</t>
  </si>
  <si>
    <t>01/17/2020 18:57:08</t>
  </si>
  <si>
    <t>01/17/2020 18:57:28</t>
  </si>
  <si>
    <t>01/17/2020 18:58:48</t>
  </si>
  <si>
    <t>01/17/2020 18:58:49</t>
  </si>
  <si>
    <t>01/17/2020 19:00:47</t>
  </si>
  <si>
    <t>01/17/2020 19:02:47</t>
  </si>
  <si>
    <t>01/17/2020 19:03:59</t>
  </si>
  <si>
    <t>01/17/2020 19:04:48</t>
  </si>
  <si>
    <t>01/17/2020 19:02:40</t>
  </si>
  <si>
    <t>01/17/2020 19:05:49</t>
  </si>
  <si>
    <t>01/17/2020 19:02:48</t>
  </si>
  <si>
    <t>91bd10c6-401f-445c-bede-071352245457.tmp</t>
  </si>
  <si>
    <t>\\acsfs\profiles$\leonardocb\Downloads\91bd10c6-401f-445c-bede-071352245457.tmp</t>
  </si>
  <si>
    <t>01/17/2020 19:06:01</t>
  </si>
  <si>
    <t>01/17/2020 19:07:48</t>
  </si>
  <si>
    <t>7bb0fcf3-93a9-4a6c-8463-9d6d937b0916.tmp</t>
  </si>
  <si>
    <t>\\acsfs\profiles$\brendadsl\Downloads\7bb0fcf3-93a9-4a6c-8463-9d6d937b0916.tmp</t>
  </si>
  <si>
    <t>01/17/2020 19:07:49</t>
  </si>
  <si>
    <t>01/17/2020 19:02:45</t>
  </si>
  <si>
    <t>38b1482a-e641-48c0-a2dd-0438b045dd1c.tmp</t>
  </si>
  <si>
    <t>\\acsfs\profiles$\erichds\Downloads\38b1482a-e641-48c0-a2dd-0438b045dd1c.tmp</t>
  </si>
  <si>
    <t>01/17/2020 19:05:56</t>
  </si>
  <si>
    <t>01/17/2020 19:08:49</t>
  </si>
  <si>
    <t>01/17/2020 19:05:46</t>
  </si>
  <si>
    <t>01/17/2020 19:09:49</t>
  </si>
  <si>
    <t>1f10d16a-52b8-4345-ad88-3374d4769195.tmp</t>
  </si>
  <si>
    <t>\\acsfs\profiles$\gabrielamdp\Downloads\1f10d16a-52b8-4345-ad88-3374d4769195.tmp</t>
  </si>
  <si>
    <t>01/17/2020 19:07:29</t>
  </si>
  <si>
    <t>01/17/2020 19:12:49</t>
  </si>
  <si>
    <t>01/17/2020 19:11:03</t>
  </si>
  <si>
    <t>01/17/2020 19:14:49</t>
  </si>
  <si>
    <t>01/17/2020 19:14:45</t>
  </si>
  <si>
    <t>01/17/2020 19:15:48</t>
  </si>
  <si>
    <t>01/17/2020 19:12:46</t>
  </si>
  <si>
    <t>01/17/2020 19:14:18</t>
  </si>
  <si>
    <t>01/17/2020 19:14:14</t>
  </si>
  <si>
    <t>01/17/2020 19:16:49</t>
  </si>
  <si>
    <t>44691e66-8045-474a-8bbd-4e403f241742.tmp</t>
  </si>
  <si>
    <t>\\acsfs\profiles$\nayaranao\Downloads\44691e66-8045-474a-8bbd-4e403f241742.tmp</t>
  </si>
  <si>
    <t>01/17/2020 19:13:37</t>
  </si>
  <si>
    <t>01/17/2020 19:17:48</t>
  </si>
  <si>
    <t>01/17/2020 19:14:44</t>
  </si>
  <si>
    <t>01/17/2020 19:19:49</t>
  </si>
  <si>
    <t>01/17/2020 19:19:06</t>
  </si>
  <si>
    <t>01/17/2020 19:20:49</t>
  </si>
  <si>
    <t>01/17/2020 19:17:37</t>
  </si>
  <si>
    <t>01/17/2020 19:21:49</t>
  </si>
  <si>
    <t>01/17/2020 19:22:49</t>
  </si>
  <si>
    <t>01/17/2020 19:19:31</t>
  </si>
  <si>
    <t>01/17/2020 19:24:48</t>
  </si>
  <si>
    <t>01/17/2020 19:20:26</t>
  </si>
  <si>
    <t>01/17/2020 19:25:48</t>
  </si>
  <si>
    <t>01/17/2020 19:21:48</t>
  </si>
  <si>
    <t>01/17/2020 19:22:15</t>
  </si>
  <si>
    <t>01/17/2020 19:20:32</t>
  </si>
  <si>
    <t>01/17/2020 19:22:17</t>
  </si>
  <si>
    <t>01/17/2020 19:23:18</t>
  </si>
  <si>
    <t>01/17/2020 19:23:23</t>
  </si>
  <si>
    <t>01/17/2020 19:23:57</t>
  </si>
  <si>
    <t>01/17/2020 19:26:49</t>
  </si>
  <si>
    <t>01/17/2020 19:25:43</t>
  </si>
  <si>
    <t>01/17/2020 19:27:48</t>
  </si>
  <si>
    <t>01/17/2020 19:28:49</t>
  </si>
  <si>
    <t>01/17/2020 19:23:43</t>
  </si>
  <si>
    <t>\\acsfs\DEPTOS\Operacao\PCP\5 - Comum\PLANEJAMENTO BV\14 - ACOMPANHAMENTO\1 - REPORT ACOMPANHAMENTO\</t>
  </si>
  <si>
    <t>2622AB27.tmp</t>
  </si>
  <si>
    <t>\\acsfs\DEPTOS\Operacao\PCP\5 - Comum\PLANEJAMENTO BV\14 - ACOMPANHAMENTO\1 - REPORT ACOMPANHAMENTO\2622AB27.tmp</t>
  </si>
  <si>
    <t>01/17/2020 19:23:59</t>
  </si>
  <si>
    <t>01/17/2020 19:29:48</t>
  </si>
  <si>
    <t>01/17/2020 19:24:50</t>
  </si>
  <si>
    <t>01/17/2020 19:25:31</t>
  </si>
  <si>
    <t>01/17/2020 19:30:49</t>
  </si>
  <si>
    <t>01/17/2020 19:25:41</t>
  </si>
  <si>
    <t>01/17/2020 19:30:01</t>
  </si>
  <si>
    <t>01/17/2020 19:27:15</t>
  </si>
  <si>
    <t>01/17/2020 19:26:36</t>
  </si>
  <si>
    <t>01/17/2020 19:31:49</t>
  </si>
  <si>
    <t>01/17/2020 19:27:21</t>
  </si>
  <si>
    <t>01/17/2020 19:28:21</t>
  </si>
  <si>
    <t>01/17/2020 19:29:15</t>
  </si>
  <si>
    <t>01/17/2020 19:29:28</t>
  </si>
  <si>
    <t>01/17/2020 19:32:49</t>
  </si>
  <si>
    <t>01/17/2020 19:29:21</t>
  </si>
  <si>
    <t>01/17/2020 19:33:48</t>
  </si>
  <si>
    <t>01/17/2020 19:28:48</t>
  </si>
  <si>
    <t>01/17/2020 19:30:58</t>
  </si>
  <si>
    <t>01/17/2020 19:34:49</t>
  </si>
  <si>
    <t>01/17/2020 19:32:23</t>
  </si>
  <si>
    <t>01/17/2020 19:35:49</t>
  </si>
  <si>
    <t>01/17/2020 19:37:49</t>
  </si>
  <si>
    <t>01/17/2020 19:36:38</t>
  </si>
  <si>
    <t>01/17/2020 19:38:49</t>
  </si>
  <si>
    <t>01/17/2020 19:34:23</t>
  </si>
  <si>
    <t>01/17/2020 19:35:02</t>
  </si>
  <si>
    <t>F2849A08.tmp</t>
  </si>
  <si>
    <t>\\acsfs\DEPTOS\Operacao\PCP\5 - Comum\PLANEJAMENTO BV\14 - ACOMPANHAMENTO\1 - REPORT ACOMPANHAMENTO\F2849A08.tmp</t>
  </si>
  <si>
    <t>01/17/2020 19:35:03</t>
  </si>
  <si>
    <t>~$Cópia de Diário_com_VQ_-_Intervalo.xlsx</t>
  </si>
  <si>
    <t>\\acsfs\DEPTOS\Operacao\PCP\5 - Comum\PLANEJAMENTO BV\14 - ACOMPANHAMENTO\1 - REPORT ACOMPANHAMENTO\~$Cópia de Diário_com_VQ_-_Intervalo.xlsx</t>
  </si>
  <si>
    <t>01/17/2020 19:38:15</t>
  </si>
  <si>
    <t>01/17/2020 19:41:49</t>
  </si>
  <si>
    <t>01/17/2020 19:37:31</t>
  </si>
  <si>
    <t>01/17/2020 19:38:56</t>
  </si>
  <si>
    <t>01/17/2020 19:39:29</t>
  </si>
  <si>
    <t>01/17/2020 19:40:54</t>
  </si>
  <si>
    <t>01/17/2020 19:41:00</t>
  </si>
  <si>
    <t>01/17/2020 19:42:49</t>
  </si>
  <si>
    <t>01/17/2020 19:39:31</t>
  </si>
  <si>
    <t>01/17/2020 19:43:49</t>
  </si>
  <si>
    <t>01/17/2020 19:40:47</t>
  </si>
  <si>
    <t>01/17/2020 19:43:58</t>
  </si>
  <si>
    <t>01/17/2020 19:45:49</t>
  </si>
  <si>
    <t>5ceb4b75-65bc-4840-9af9-3966f10b601f.tmp</t>
  </si>
  <si>
    <t>\\acsfs\profiles$\victorgl\Downloads\5ceb4b75-65bc-4840-9af9-3966f10b601f.tmp</t>
  </si>
  <si>
    <t>01/17/2020 19:45:06</t>
  </si>
  <si>
    <t>01/17/2020 19:41:51</t>
  </si>
  <si>
    <t>01/17/2020 19:46:49</t>
  </si>
  <si>
    <t>01/17/2020 19:47:49</t>
  </si>
  <si>
    <t>01/17/2020 19:46:37</t>
  </si>
  <si>
    <t>01/17/2020 19:47:33</t>
  </si>
  <si>
    <t>01/17/2020 19:48:48</t>
  </si>
  <si>
    <t>01/17/2020 19:45:54</t>
  </si>
  <si>
    <t>01/17/2020 19:49:49</t>
  </si>
  <si>
    <t>01/17/2020 19:48:03</t>
  </si>
  <si>
    <t>01/17/2020 19:51:49</t>
  </si>
  <si>
    <t>01/17/2020 19:52:49</t>
  </si>
  <si>
    <t>01/17/2020 19:51:26</t>
  </si>
  <si>
    <t>01/17/2020 19:55:49</t>
  </si>
  <si>
    <t>01/17/2020 19:51:27</t>
  </si>
  <si>
    <t>d9978203-45ec-4001-89de-be9ab7ddadd7;</t>
  </si>
  <si>
    <t>01/17/2020 19:51:28</t>
  </si>
  <si>
    <t>01/17/2020 19:51:37</t>
  </si>
  <si>
    <t>01/17/2020 19:51:42</t>
  </si>
  <si>
    <t>01/17/2020 19:51:43</t>
  </si>
  <si>
    <t>01/17/2020 19:51:44</t>
  </si>
  <si>
    <t>01/17/2020 19:51:46</t>
  </si>
  <si>
    <t>01/17/2020 19:51:47</t>
  </si>
  <si>
    <t>01/17/2020 19:51:50</t>
  </si>
  <si>
    <t>01/17/2020 19:51:52</t>
  </si>
  <si>
    <t>01/17/2020 19:51:53</t>
  </si>
  <si>
    <t>01/17/2020 19:51:54</t>
  </si>
  <si>
    <t>01/17/2020 19:51:55</t>
  </si>
  <si>
    <t>01/17/2020 19:52:00</t>
  </si>
  <si>
    <t>01/17/2020 19:52:18</t>
  </si>
  <si>
    <t>01/17/2020 19:52:19</t>
  </si>
  <si>
    <t>01/17/2020 19:52:20</t>
  </si>
  <si>
    <t>01/17/2020 19:52:24</t>
  </si>
  <si>
    <t>01/17/2020 19:52:25</t>
  </si>
  <si>
    <t>01/17/2020 19:52:36</t>
  </si>
  <si>
    <t>01/17/2020 19:52:37</t>
  </si>
  <si>
    <t>01/17/2020 19:52:38</t>
  </si>
  <si>
    <t>01/17/2020 19:52:44</t>
  </si>
  <si>
    <t>01/17/2020 19:53:05</t>
  </si>
  <si>
    <t>01/17/2020 19:54:37</t>
  </si>
  <si>
    <t>https://i.konduto.com/v1?pk=p74a647b4fc</t>
  </si>
  <si>
    <t>01/17/2020 19:54:50</t>
  </si>
  <si>
    <t>https://i.konduto.com/v1?pk=p74a647b4fc&amp;sci</t>
  </si>
  <si>
    <t>01/17/2020 19:54:52</t>
  </si>
  <si>
    <t>f7c930c5-5423-432d-b03e-bbbf9e5a3152; __kdtc=cid=5e223b37ca864139d42fd6a8;t=1579301676595; sessionid=5e223b3b3c648a1c8e3d6c2a {"airline":"la","slices":[{"direction":"trip_1","departuredate":"2020-04-20t06:00:00","arrivaldate":"2020-04-20t07:15:00","issuing</t>
  </si>
  <si>
    <t>https://apiv2.zupper.com.br/rest/v2/aerial/price</t>
  </si>
  <si>
    <t>01/17/2020 19:54:53</t>
  </si>
  <si>
    <t>01/17/2020 19:53:54</t>
  </si>
  <si>
    <t>c884be9d-7c5c-452e-982a-b0b685d0895a.tmp</t>
  </si>
  <si>
    <t>\\acsfs\profiles$\Adrieledgc\Downloads\c884be9d-7c5c-452e-982a-b0b685d0895a.tmp</t>
  </si>
  <si>
    <t>01/17/2020 19:55:16</t>
  </si>
  <si>
    <t>01/17/2020 19:54:49</t>
  </si>
  <si>
    <t>01/17/2020 19:56:50</t>
  </si>
  <si>
    <t>511072f2-96d0-4138-b269-954a1d4b85dd.tmp</t>
  </si>
  <si>
    <t>\\acsfs\profiles$\fabianobmf\Downloads\511072f2-96d0-4138-b269-954a1d4b85dd.tmp</t>
  </si>
  <si>
    <t>01/17/2020 19:57:49</t>
  </si>
  <si>
    <t>01/17/2020 19:54:20</t>
  </si>
  <si>
    <t>01/17/2020 19:52:53</t>
  </si>
  <si>
    <t>01/17/2020 19:57:10</t>
  </si>
  <si>
    <t>01/17/2020 19:58:50</t>
  </si>
  <si>
    <t>01/17/2020 19:57:00</t>
  </si>
  <si>
    <t>01/17/2020 19:59:49</t>
  </si>
  <si>
    <t>01/17/2020 19:56:45</t>
  </si>
  <si>
    <t>01/17/2020 20:00:50</t>
  </si>
  <si>
    <t>01/17/2020 19:56:48</t>
  </si>
  <si>
    <t>f7c930c5-5423-432d-b03e-bbbf9e5a3152; _gat_ua-26137658-1=1; sessionid=5e223bae412f022bbf5e4577; __kdtc=cid=5e223bae412f022bbf5e4577;t=1579301805155 {"airline":"la","slices":[{"direction":"trip_1","departuredate":"2020-04-20t06:00:00","arrivaldate":"2020-04</t>
  </si>
  <si>
    <t>01/17/2020 19:56:51</t>
  </si>
  <si>
    <t>01/17/2020 19:58:03</t>
  </si>
  <si>
    <t>https://maxmilhas.demdex.net/event?d_dil_ver=9.3&amp;_ts=1579301881459</t>
  </si>
  <si>
    <t>01/17/2020 19:58:06</t>
  </si>
  <si>
    <t>https://analytics.skyscanner.net/collect</t>
  </si>
  <si>
    <t>01/17/2020 19:58:18</t>
  </si>
  <si>
    <t>https://bam.nr-data.net/events/1/40afa31d55?a=67974995&amp;v=1158.afc605b&amp;to=yljxykbvxkzruxfdclsydfvgxv9bh3yxvqhqqfpewxzfw1rcaa4xufpfwlnavq9evqhecvrdua==&amp;rst=20322&amp;ref=https://metasearch.maxmilhas.com.br/comprar/5e223b0716f81507ad5b7ffe</t>
  </si>
  <si>
    <t>yljxykbvxkzruxfdclsydfvgxv9bh3yxvqhqqfpewxzfw1rcaa4xufpfwlnavq9evqhecvrdua==;</t>
  </si>
  <si>
    <t>https://yljxykbvxkzruxfdclsydfvgxv9bh3yxvqhqqfpewxzfw1rcaa4xufpfwlnavq9evqhecvrdua==</t>
  </si>
  <si>
    <t>01/17/2020 19:58:30</t>
  </si>
  <si>
    <t>https://maxmilhas.demdex.net/event?d_dil_ver=9.3&amp;_ts=1579301910887</t>
  </si>
  <si>
    <t>01/17/2020 19:58:35</t>
  </si>
  <si>
    <t>01/17/2020 19:58:43</t>
  </si>
  <si>
    <t>https://bam.nr-data.net/events/1/40afa31d55?a=67974995&amp;v=1158.afc605b&amp;to=yljxykbvxkzruxfdclsydfvgxv9bh3yxvqhqqfpewxzfw1rcaa4xufpfwlnavq9evqhecvrdua==&amp;rst=13680&amp;ref=https://metasearch.maxmilhas.com.br/comprar/5e223b0716f81507ad5b7ffe</t>
  </si>
  <si>
    <t>a1b664e4-3639-43ed-af69-b37597157e24.tmp</t>
  </si>
  <si>
    <t>\\acsfs\profiles$\philipegsf\Downloads\a1b664e4-3639-43ed-af69-b37597157e24.tmp</t>
  </si>
  <si>
    <t>01/17/2020 19:57:33</t>
  </si>
  <si>
    <t>01/17/2020 20:02:50</t>
  </si>
  <si>
    <t>01/17/2020 19:58:09</t>
  </si>
  <si>
    <t>2517b1eb-b476-4000-800e-21daadd2c1e7.tmp</t>
  </si>
  <si>
    <t>\\acsfs\profiles$\brendadsl\Downloads\2517b1eb-b476-4000-800e-21daadd2c1e7.tmp</t>
  </si>
  <si>
    <t>01/17/2020 19:58:31</t>
  </si>
  <si>
    <t>3f07f5de-3b53-48ba-a9af-3c68773df611.tmp</t>
  </si>
  <si>
    <t>\\acsfs\profiles$\brendadsl\Downloads\3f07f5de-3b53-48ba-a9af-3c68773df611.tmp</t>
  </si>
  <si>
    <t>01/17/2020 20:02:52</t>
  </si>
  <si>
    <t>01/17/2020 20:03:49</t>
  </si>
  <si>
    <t>01/17/2020 20:00:42</t>
  </si>
  <si>
    <t>01/17/2020 20:04:49</t>
  </si>
  <si>
    <t>01/17/2020 20:00:38</t>
  </si>
  <si>
    <t>01/17/2020 20:02:36</t>
  </si>
  <si>
    <t>0c69350e-0a6f-4ae7-b36b-b336432bc4da.tmp</t>
  </si>
  <si>
    <t>\\acsfs\profiles$\myllenardl\Downloads\0c69350e-0a6f-4ae7-b36b-b336432bc4da.tmp</t>
  </si>
  <si>
    <t>01/17/2020 20:04:01</t>
  </si>
  <si>
    <t>a9683f13-e880-43fd-8400-21801347dabb.tmp</t>
  </si>
  <si>
    <t>\\acsfs\profiles$\myllenardl\Downloads\a9683f13-e880-43fd-8400-21801347dabb.tmp</t>
  </si>
  <si>
    <t>01/17/2020 20:03:35</t>
  </si>
  <si>
    <t>01/17/2020 20:05:49</t>
  </si>
  <si>
    <t>01/17/2020 20:01:18</t>
  </si>
  <si>
    <t>01/17/2020 20:06:49</t>
  </si>
  <si>
    <t>ea1122ab-cca7-436b-bdab-b0c3dda33480.tmp</t>
  </si>
  <si>
    <t>\\acsfs\profiles$\nayaranao\Downloads\ea1122ab-cca7-436b-bdab-b0c3dda33480.tmp</t>
  </si>
  <si>
    <t>01/17/2020 20:01:35</t>
  </si>
  <si>
    <t>01/17/2020 20:02:59</t>
  </si>
  <si>
    <t>01/17/2020 20:04:22</t>
  </si>
  <si>
    <t>01/17/2020 20:07:49</t>
  </si>
  <si>
    <t>01/17/2020 20:05:01</t>
  </si>
  <si>
    <t>01/17/2020 20:05:45</t>
  </si>
  <si>
    <t>01/17/2020 20:09:49</t>
  </si>
  <si>
    <t>697f39aa-6ce3-4d3b-b37f-2ec3a5aea52c.tmp</t>
  </si>
  <si>
    <t>\\acsfs\profiles$\myllenardl\Downloads\697f39aa-6ce3-4d3b-b37f-2ec3a5aea52c.tmp</t>
  </si>
  <si>
    <t>01/17/2020 20:05:54</t>
  </si>
  <si>
    <t>49f0a8d5-9cd1-42fd-8b66-7f20066c144a.tmp</t>
  </si>
  <si>
    <t>\\acsfs\profiles$\myllenardl\Downloads\49f0a8d5-9cd1-42fd-8b66-7f20066c144a.tmp</t>
  </si>
  <si>
    <t>01/17/2020 20:07:51</t>
  </si>
  <si>
    <t>01/17/2020 20:10:49</t>
  </si>
  <si>
    <t>f7c930c5-5423-432d-b03e-bbbf9e5a3152; __kdtc=cid=5e223bae412f022bbf5e4577;t=1579301805155; sessionid=5e223e472a91de52d1774cff {"airline":"la","slices":[{"direction":"trip_1","departuredate":"2020-04-20t06:00:00","arrivaldate":"2020-04-20t07:15:00","issuing</t>
  </si>
  <si>
    <t>01/17/2020 20:09:51</t>
  </si>
  <si>
    <t>f7c930c5-5423-432d-b03e-bbbf9e5a3152; __kdtc=cid=5e223bae412f022bbf5e4577;t=1579301805155; sessionid=5e223ebf547c9c0067598300 {"airline":"la","slices":[{"direction":"trip_1","departuredate":"2020-04-20t06:00:00","arrivaldate":"2020-04-20t07:15:00","issuing</t>
  </si>
  <si>
    <t>01/17/2020 20:09:39</t>
  </si>
  <si>
    <t>01/17/2020 20:11:49</t>
  </si>
  <si>
    <t>01/17/2020 20:11:18</t>
  </si>
  <si>
    <t>01/17/2020 20:07:58</t>
  </si>
  <si>
    <t>01/17/2020 20:12:49</t>
  </si>
  <si>
    <t>01/17/2020 20:10:17</t>
  </si>
  <si>
    <t>01/17/2020 20:08:04</t>
  </si>
  <si>
    <t>033c42fe-9b0f-45b8-86ba-261e10a91c04.tmp</t>
  </si>
  <si>
    <t>\\acsfs\profiles$\taylaedoa\Downloads\033c42fe-9b0f-45b8-86ba-261e10a91c04.tmp</t>
  </si>
  <si>
    <t>01/17/2020 20:09:03</t>
  </si>
  <si>
    <t>01/17/2020 20:13:48</t>
  </si>
  <si>
    <t>01/17/2020 20:10:41</t>
  </si>
  <si>
    <t>01/17/2020 20:14:49</t>
  </si>
  <si>
    <t>01/17/2020 20:12:28</t>
  </si>
  <si>
    <t>01/17/2020 20:15:49</t>
  </si>
  <si>
    <t>01/17/2020 20:12:48</t>
  </si>
  <si>
    <t>01/17/2020 20:15:06</t>
  </si>
  <si>
    <t>01/17/2020 20:11:45</t>
  </si>
  <si>
    <t>01/17/2020 20:16:49</t>
  </si>
  <si>
    <t>01/17/2020 20:14:52</t>
  </si>
  <si>
    <t>01/17/2020 20:14:33</t>
  </si>
  <si>
    <t>01/17/2020 20:17:49</t>
  </si>
  <si>
    <t>5d0bfffd-dc45-4440-85e3-af10eaf84484.tmp</t>
  </si>
  <si>
    <t>\\acsfs\profiles$\andressamf\Downloads\5d0bfffd-dc45-4440-85e3-af10eaf84484.tmp</t>
  </si>
  <si>
    <t>01/17/2020 20:14:41</t>
  </si>
  <si>
    <t>01/17/2020 20:18:49</t>
  </si>
  <si>
    <t>01/17/2020 20:15:27</t>
  </si>
  <si>
    <t>01/17/2020 20:17:38</t>
  </si>
  <si>
    <t>01/17/2020 20:20:49</t>
  </si>
  <si>
    <t>01/17/2020 20:17:42</t>
  </si>
  <si>
    <t>01/17/2020 20:21:49</t>
  </si>
  <si>
    <t>0f6e8cf2-52f4-4da9-8afd-fbd27771284a.tmp</t>
  </si>
  <si>
    <t>\\acsfs\profiles$\regisadsa\Downloads\0f6e8cf2-52f4-4da9-8afd-fbd27771284a.tmp</t>
  </si>
  <si>
    <t>01/17/2020 20:18:48</t>
  </si>
  <si>
    <t>01/17/2020 20:21:02</t>
  </si>
  <si>
    <t>01/17/2020 20:22:49</t>
  </si>
  <si>
    <t>01/17/2020 20:18:28</t>
  </si>
  <si>
    <t>https://udpwfmniceap02/web/guest/home?p_auth=rfikwdl5&amp;p_p_id=58&amp;p_p_lifecycle=1&amp;p_p_state=maximized&amp;p_p_mode=view&amp;savelastpath=0&amp;_58_struts_action=/login/forgot_password</t>
  </si>
  <si>
    <t>01/17/2020 20:22:54</t>
  </si>
  <si>
    <t>01/17/2020 20:23:49</t>
  </si>
  <si>
    <t>01/17/2020 20:21:05</t>
  </si>
  <si>
    <t>01/17/2020 20:22:52</t>
  </si>
  <si>
    <t>01/17/2020 20:25:49</t>
  </si>
  <si>
    <t>f7c930c5-5423-432d-b03e-bbbf9e5a3152; __kdtc=cid=5e223bae412f022bbf5e4577;t=1579301805155; sessionid=5e2241cc6aab60325f619b9d {"airline":"la","slices":[{"direction":"trip_1","departuredate":"2020-04-20t06:00:00","arrivaldate":"2020-04-20t07:15:00","issuing</t>
  </si>
  <si>
    <t>01/17/2020 20:24:55</t>
  </si>
  <si>
    <t>f7c930c5-5423-432d-b03e-bbbf9e5a3152; __kdtc=cid=5e223bae412f022bbf5e4577;t=1579301805155; sessionid=5e224247dc60f31aad7caddf {"airline":"la","slices":[{"direction":"trip_1","departuredate":"2020-04-20t06:00:00","arrivaldate":"2020-04-20t07:15:00","issuing</t>
  </si>
  <si>
    <t>01/17/2020 20:21:47</t>
  </si>
  <si>
    <t>01/17/2020 20:26:48</t>
  </si>
  <si>
    <t>01/17/2020 20:24:19</t>
  </si>
  <si>
    <t>01/17/2020 20:26:09</t>
  </si>
  <si>
    <t>01/17/2020 20:27:49</t>
  </si>
  <si>
    <t>01/17/2020 20:27:14</t>
  </si>
  <si>
    <t>01/17/2020 20:25:37</t>
  </si>
  <si>
    <t>01/17/2020 20:28:49</t>
  </si>
  <si>
    <t>01/17/2020 20:26:52</t>
  </si>
  <si>
    <t>01/17/2020 20:30:49</t>
  </si>
  <si>
    <t>01/17/2020 20:27:40</t>
  </si>
  <si>
    <t>01/17/2020 20:28:21</t>
  </si>
  <si>
    <t>01/17/2020 20:29:05</t>
  </si>
  <si>
    <t>01/17/2020 20:31:48</t>
  </si>
  <si>
    <t>01/17/2020 20:29:09</t>
  </si>
  <si>
    <t>01/17/2020 20:27:43</t>
  </si>
  <si>
    <t>01/17/2020 20:28:12</t>
  </si>
  <si>
    <t>01/17/2020 20:32:49</t>
  </si>
  <si>
    <t>01/17/2020 20:31:44</t>
  </si>
  <si>
    <t>01/17/2020 20:32:45</t>
  </si>
  <si>
    <t>01/17/2020 20:34:49</t>
  </si>
  <si>
    <t>6afa8cec-2875-423a-a7f1-01b1d78d52a8.tmp</t>
  </si>
  <si>
    <t>\\acsfs\profiles$\gabrielamdp\Downloads\6afa8cec-2875-423a-a7f1-01b1d78d52a8.tmp</t>
  </si>
  <si>
    <t>01/17/2020 20:32:55</t>
  </si>
  <si>
    <t>b0bd021c-655d-4cd3-b524-2946f0d26b00.tmp</t>
  </si>
  <si>
    <t>\\acsfs\profiles$\gabrielamdp\Downloads\b0bd021c-655d-4cd3-b524-2946f0d26b00.tmp</t>
  </si>
  <si>
    <t>01/17/2020 20:32:56</t>
  </si>
  <si>
    <t>73ebdc15-276a-4d27-aa5f-cb9d66e47342.tmp</t>
  </si>
  <si>
    <t>\\acsfs\profiles$\gabrielamdp\Downloads\73ebdc15-276a-4d27-aa5f-cb9d66e47342.tmp</t>
  </si>
  <si>
    <t>01/17/2020 20:35:28</t>
  </si>
  <si>
    <t>01/17/2020 20:35:49</t>
  </si>
  <si>
    <t>01/17/2020 20:37:49</t>
  </si>
  <si>
    <t>01/17/2020 20:37:52</t>
  </si>
  <si>
    <t>01/17/2020 20:40:49</t>
  </si>
  <si>
    <t>f7c930c5-5423-432d-b03e-bbbf9e5a3152; __kdtc=cid=5e223bae412f022bbf5e4577;t=1579301805155; sessionid=5e22455061e053400e173960 {"airline":"la","slices":[{"direction":"trip_1","departuredate":"2020-04-20t06:00:00","arrivaldate":"2020-04-20t07:15:00","issuing</t>
  </si>
  <si>
    <t>01/17/2020 20:39:54</t>
  </si>
  <si>
    <t>f7c930c5-5423-432d-b03e-bbbf9e5a3152; __kdtc=cid=5e223bae412f022bbf5e4577;t=1579301805155; sessionid=5e2245ca41207839f460ec1f {"airline":"la","slices":[{"direction":"trip_1","departuredate":"2020-04-20t06:00:00","arrivaldate":"2020-04-20t07:15:00","issuing</t>
  </si>
  <si>
    <t>01/17/2020 20:38:20</t>
  </si>
  <si>
    <t>01/17/2020 20:37:21</t>
  </si>
  <si>
    <t>01/17/2020 20:42:50</t>
  </si>
  <si>
    <t>01/17/2020 20:40:52</t>
  </si>
  <si>
    <t>01/17/2020 20:45:49</t>
  </si>
  <si>
    <t>01/17/2020 20:41:49</t>
  </si>
  <si>
    <t>01/17/2020 20:46:49</t>
  </si>
  <si>
    <t>01/17/2020 20:47:49</t>
  </si>
  <si>
    <t>01/17/2020 20:43:25</t>
  </si>
  <si>
    <t>01/17/2020 20:47:50</t>
  </si>
  <si>
    <t>01/17/2020 20:48:49</t>
  </si>
  <si>
    <t>01/17/2020 20:46:17</t>
  </si>
  <si>
    <t>f9f21b18-23b7-4759-bbaf-bc8c7ef03ae1.tmp</t>
  </si>
  <si>
    <t>\\acsfs\profiles$\edicarlosdl\Downloads\f9f21b18-23b7-4759-bbaf-bc8c7ef03ae1.tmp</t>
  </si>
  <si>
    <t>01/17/2020 20:45:35</t>
  </si>
  <si>
    <t>2bb43fc7-d662-4b55-8e09-e2fca251078b.tmp</t>
  </si>
  <si>
    <t>\\acsfs\profiles$\henriqueco\Downloads\2bb43fc7-d662-4b55-8e09-e2fca251078b.tmp</t>
  </si>
  <si>
    <t>01/17/2020 20:48:13</t>
  </si>
  <si>
    <t>01/17/2020 20:50:49</t>
  </si>
  <si>
    <t>01/17/2020 20:45:57</t>
  </si>
  <si>
    <t>01/17/2020 20:48:50</t>
  </si>
  <si>
    <t>01/17/2020 20:51:50</t>
  </si>
  <si>
    <t>01/17/2020 20:52:49</t>
  </si>
  <si>
    <t>01/17/2020 20:52:03</t>
  </si>
  <si>
    <t>01/17/2020 20:52:07</t>
  </si>
  <si>
    <t>01/17/2020 20:53:34</t>
  </si>
  <si>
    <t>01/17/2020 20:55:50</t>
  </si>
  <si>
    <t>303&amp;i=193&amp;ai=mail:o.3ee1.2.0</t>
  </si>
  <si>
    <t>01/17/2020 20:54:33</t>
  </si>
  <si>
    <t>01/17/2020 20:52:47</t>
  </si>
  <si>
    <t>01/17/2020 20:52:50</t>
  </si>
  <si>
    <t>f7c930c5-5423-432d-b03e-bbbf9e5a3152; __kdtc=cid=5e223bae412f022bbf5e4577;t=1579301805155; sessionid=5e2248d2bba3be1dc72e9fa1 {"airline":"la","slices":[{"direction":"trip_1","departuredate":"2020-04-20t06:00:00","arrivaldate":"2020-04-20t07:15:00","issuing</t>
  </si>
  <si>
    <t>01/17/2020 20:54:53</t>
  </si>
  <si>
    <t>f7c930c5-5423-432d-b03e-bbbf9e5a3152; __kdtc=cid=5e223bae412f022bbf5e4577;t=1579301805155; sessionid=5e22494c185dba73b36b6acd {"airline":"la","slices":[{"direction":"trip_1","departuredate":"2020-04-20t06:00:00","arrivaldate":"2020-04-20t07:15:00","issuing</t>
  </si>
  <si>
    <t>01/17/2020 20:55:54</t>
  </si>
  <si>
    <t>01/17/2020 20:56:49</t>
  </si>
  <si>
    <t>2ea33a90-a273-4850-a357-98397cb95646.tmp</t>
  </si>
  <si>
    <t>\\acsfs\profiles$\fabianobmf\Downloads\2ea33a90-a273-4850-a357-98397cb95646.tmp</t>
  </si>
  <si>
    <t>01/17/2020 20:57:49</t>
  </si>
  <si>
    <t>01/17/2020 20:56:14</t>
  </si>
  <si>
    <t>01/17/2020 20:53:56</t>
  </si>
  <si>
    <t>01/17/2020 20:58:50</t>
  </si>
  <si>
    <t>01/17/2020 20:55:14</t>
  </si>
  <si>
    <t>01/17/2020 20:56:33</t>
  </si>
  <si>
    <t>01/17/2020 21:00:49</t>
  </si>
  <si>
    <t>01/17/2020 20:58:33</t>
  </si>
  <si>
    <t>01/17/2020 20:58:40</t>
  </si>
  <si>
    <t>01/17/2020 21:01:49</t>
  </si>
  <si>
    <t>01/17/2020 20:59:54</t>
  </si>
  <si>
    <t>XLOG_anakcs_17012020_131037.log</t>
  </si>
  <si>
    <t>\\acsfs\profiles$\anakcs\My Documents\xworkcenter\logs\XLOG_anakcs_17012020_131037.log</t>
  </si>
  <si>
    <t>01/17/2020 21:00:20</t>
  </si>
  <si>
    <t>01/17/2020 21:02:49</t>
  </si>
  <si>
    <t>8146ed0e-1d1a-4147-a3ee-6782e00b3e2b.tmp</t>
  </si>
  <si>
    <t>\\acsfs\profiles$\andressamf\Downloads\8146ed0e-1d1a-4147-a3ee-6782e00b3e2b.tmp</t>
  </si>
  <si>
    <t>01/17/2020 20:58:49</t>
  </si>
  <si>
    <t>01/17/2020 21:01:26</t>
  </si>
  <si>
    <t>01/17/2020 21:03:49</t>
  </si>
  <si>
    <t>01/17/2020 20:59:23</t>
  </si>
  <si>
    <t>01/17/2020 21:00:34</t>
  </si>
  <si>
    <t>01/17/2020 21:05:49</t>
  </si>
  <si>
    <t>01/17/2020 21:02:34</t>
  </si>
  <si>
    <t>01/17/2020 21:03:34</t>
  </si>
  <si>
    <t>01/17/2020 21:03:36</t>
  </si>
  <si>
    <t>01/17/2020 21:04:20</t>
  </si>
  <si>
    <t>01/17/2020 21:04:21</t>
  </si>
  <si>
    <t>01/17/2020 21:04:24</t>
  </si>
  <si>
    <t>01/17/2020 21:04:25</t>
  </si>
  <si>
    <t>01/17/2020 21:04:26</t>
  </si>
  <si>
    <t>01/17/2020 21:04:27</t>
  </si>
  <si>
    <t>01/17/2020 21:04:29</t>
  </si>
  <si>
    <t>01/17/2020 21:04:34</t>
  </si>
  <si>
    <t>01/17/2020 21:04:40</t>
  </si>
  <si>
    <t>01/17/2020 21:04:41</t>
  </si>
  <si>
    <t>01/17/2020 21:04:44</t>
  </si>
  <si>
    <t>01/17/2020 21:04:48</t>
  </si>
  <si>
    <t>01/17/2020 21:04:49</t>
  </si>
  <si>
    <t>01/17/2020 21:04:50</t>
  </si>
  <si>
    <t>01/17/2020 21:04:51</t>
  </si>
  <si>
    <t>01/17/2020 21:04:53</t>
  </si>
  <si>
    <t>01/17/2020 21:04:55</t>
  </si>
  <si>
    <t>01/17/2020 21:04:56</t>
  </si>
  <si>
    <t>01/17/2020 21:04:57</t>
  </si>
  <si>
    <t>01/17/2020 21:05:01</t>
  </si>
  <si>
    <t>h2;yljxykbvxkzruxfdclsydfvgxv9bh3yxvqhqqfpewxzfw1rcaa4xufpfwlnavq9evqhecvrdua==;</t>
  </si>
  <si>
    <t>https://h2,yljxykbvxkzruxfdclsydfvgxv9bh3yxvqhqqfpewxzfw1rcaa4xufpfwlnavq9evqhecvrdua==</t>
  </si>
  <si>
    <t>01/17/2020 21:05:02</t>
  </si>
  <si>
    <t>01/17/2020 21:05:03</t>
  </si>
  <si>
    <t>01/17/2020 21:05:04</t>
  </si>
  <si>
    <t>01/17/2020 21:05:05</t>
  </si>
  <si>
    <t>01/17/2020 21:05:06</t>
  </si>
  <si>
    <t>01/17/2020 21:05:07</t>
  </si>
  <si>
    <t>01/17/2020 21:05:09</t>
  </si>
  <si>
    <t>01/17/2020 21:03:27</t>
  </si>
  <si>
    <t>01/17/2020 21:07:49</t>
  </si>
  <si>
    <t>01/17/2020 21:04:18</t>
  </si>
  <si>
    <t>01/17/2020 21:08:48</t>
  </si>
  <si>
    <t>01/17/2020 21:06:22</t>
  </si>
  <si>
    <t>01/17/2020 21:06:34</t>
  </si>
  <si>
    <t>01/17/2020 21:10:49</t>
  </si>
  <si>
    <t>01/17/2020 21:08:34</t>
  </si>
  <si>
    <t>01/17/2020 21:05:10</t>
  </si>
  <si>
    <t>01/17/2020 21:05:12</t>
  </si>
  <si>
    <t>01/17/2020 21:05:14</t>
  </si>
  <si>
    <t>01/17/2020 21:06:35</t>
  </si>
  <si>
    <t>01/17/2020 21:06:39</t>
  </si>
  <si>
    <t>01/17/2020 21:06:40</t>
  </si>
  <si>
    <t>01/17/2020 21:06:41</t>
  </si>
  <si>
    <t>01/17/2020 21:06:45</t>
  </si>
  <si>
    <t>01/17/2020 21:06:46</t>
  </si>
  <si>
    <t>01/17/2020 21:12:49</t>
  </si>
  <si>
    <t>01/17/2020 21:09:02</t>
  </si>
  <si>
    <t>01/17/2020 21:08:29</t>
  </si>
  <si>
    <t>01/17/2020 21:13:49</t>
  </si>
  <si>
    <t>01/17/2020 21:10:34</t>
  </si>
  <si>
    <t>01/17/2020 21:15:49</t>
  </si>
  <si>
    <t>01/17/2020 21:12:34</t>
  </si>
  <si>
    <t>01/17/2020 21:13:34</t>
  </si>
  <si>
    <t>01/17/2020 21:14:34</t>
  </si>
  <si>
    <t>01/17/2020 21:11:37</t>
  </si>
  <si>
    <t>01/17/2020 21:11:42</t>
  </si>
  <si>
    <t>01/17/2020 21:11:44</t>
  </si>
  <si>
    <t>01/17/2020 21:11:45</t>
  </si>
  <si>
    <t>01/17/2020 21:11:46</t>
  </si>
  <si>
    <t>01/17/2020 21:11:47</t>
  </si>
  <si>
    <t>01/17/2020 21:11:49</t>
  </si>
  <si>
    <t>01/17/2020 21:11:50</t>
  </si>
  <si>
    <t>01/17/2020 21:12:12</t>
  </si>
  <si>
    <t>01/17/2020 21:12:14</t>
  </si>
  <si>
    <t>01/17/2020 21:12:15</t>
  </si>
  <si>
    <t>01/17/2020 21:12:17</t>
  </si>
  <si>
    <t>01/17/2020 21:12:18</t>
  </si>
  <si>
    <t>01/17/2020 21:12:19</t>
  </si>
  <si>
    <t>01/17/2020 21:12:22</t>
  </si>
  <si>
    <t>01/17/2020 21:12:24</t>
  </si>
  <si>
    <t>01/17/2020 21:12:43</t>
  </si>
  <si>
    <t>01/17/2020 21:13:52</t>
  </si>
  <si>
    <t>01/17/2020 21:13:14</t>
  </si>
  <si>
    <t>01/17/2020 21:17:49</t>
  </si>
  <si>
    <t>c862bd39-138b-4196-84f8-caf91d16ae62.tmp</t>
  </si>
  <si>
    <t>\\acsfs\profiles$\andressamf\Downloads\c862bd39-138b-4196-84f8-caf91d16ae62.tmp</t>
  </si>
  <si>
    <t>01/17/2020 21:13:45</t>
  </si>
  <si>
    <t>30d30356-44de-4e35-a604-c55e8bebfa98.tmp</t>
  </si>
  <si>
    <t>\\acsfs\profiles$\andressamf\Downloads\30d30356-44de-4e35-a604-c55e8bebfa98.tmp</t>
  </si>
  <si>
    <t>01/17/2020 21:14:02</t>
  </si>
  <si>
    <t>190d8059-3296-4a81-b5d6-da0ec3d33930.tmp</t>
  </si>
  <si>
    <t>\\acsfs\profiles$\andressamf\Downloads\190d8059-3296-4a81-b5d6-da0ec3d33930.tmp</t>
  </si>
  <si>
    <t>01/17/2020 21:16:34</t>
  </si>
  <si>
    <t>01/17/2020 21:20:49</t>
  </si>
  <si>
    <t>01/17/2020 21:18:34</t>
  </si>
  <si>
    <t>01/17/2020 21:19:37</t>
  </si>
  <si>
    <t>01/17/2020 21:16:17</t>
  </si>
  <si>
    <t>01/17/2020 21:16:18</t>
  </si>
  <si>
    <t>01/17/2020 21:16:19</t>
  </si>
  <si>
    <t>01/17/2020 21:16:20</t>
  </si>
  <si>
    <t>01/17/2020 21:16:21</t>
  </si>
  <si>
    <t>01/17/2020 21:16:22</t>
  </si>
  <si>
    <t>01/17/2020 21:16:23</t>
  </si>
  <si>
    <t>01/17/2020 21:16:29</t>
  </si>
  <si>
    <t>01/17/2020 21:17:39</t>
  </si>
  <si>
    <t>01/17/2020 21:17:40</t>
  </si>
  <si>
    <t>01/17/2020 21:17:42</t>
  </si>
  <si>
    <t>01/17/2020 21:17:44</t>
  </si>
  <si>
    <t>01/17/2020 21:17:46</t>
  </si>
  <si>
    <t>01/17/2020 21:18:44</t>
  </si>
  <si>
    <t>https://maxmilhas.demdex.net/event?d_dil_ver=9.3&amp;_ts=1579306724729</t>
  </si>
  <si>
    <t>01/17/2020 21:18:45</t>
  </si>
  <si>
    <t>https://maxmilhas.demdex.net/event?d_dil_ver=9.3&amp;_ts=1579306725180</t>
  </si>
  <si>
    <t>https://maxmilhas.demdex.net/event?d_dil_ver=9.3&amp;_ts=1579306725199</t>
  </si>
  <si>
    <t>airline;</t>
  </si>
  <si>
    <t>https://airline</t>
  </si>
  <si>
    <t>01/17/2020 21:20:23</t>
  </si>
  <si>
    <t>01/17/2020 21:22:49</t>
  </si>
  <si>
    <t>fc889d42-ad38-48d6-8e03-fb7343af7eb7.tmp</t>
  </si>
  <si>
    <t>\\acsfs\profiles$\andressamf\Downloads\fc889d42-ad38-48d6-8e03-fb7343af7eb7.tmp</t>
  </si>
  <si>
    <t>01/17/2020 21:22:34</t>
  </si>
  <si>
    <t>01/17/2020 21:25:49</t>
  </si>
  <si>
    <t>01/17/2020 21:23:34</t>
  </si>
  <si>
    <t>01/17/2020 21:24:34</t>
  </si>
  <si>
    <t>01/17/2020 21:23:18</t>
  </si>
  <si>
    <t>01/17/2020 21:26:48</t>
  </si>
  <si>
    <t>01/17/2020 21:27:49</t>
  </si>
  <si>
    <t>01/17/2020 21:26:59</t>
  </si>
  <si>
    <t>01/17/2020 21:28:48</t>
  </si>
  <si>
    <t>01/17/2020 21:28:38</t>
  </si>
  <si>
    <t>01/17/2020 21:29:49</t>
  </si>
  <si>
    <t>01/17/2020 21:26:38</t>
  </si>
  <si>
    <t>2ce0fe09-e3cb-438d-b584-ddbc918c5e19.tmp</t>
  </si>
  <si>
    <t>\\acsfs\profiles$\myllenardl\Downloads\2ce0fe09-e3cb-438d-b584-ddbc918c5e19.tmp</t>
  </si>
  <si>
    <t>01/17/2020 21:26:34</t>
  </si>
  <si>
    <t>01/17/2020 21:30:48</t>
  </si>
  <si>
    <t>01/17/2020 21:28:34</t>
  </si>
  <si>
    <t>01/17/2020 21:29:03</t>
  </si>
  <si>
    <t>01/17/2020 21:31:49</t>
  </si>
  <si>
    <t>01/17/2020 21:32:50</t>
  </si>
  <si>
    <t>01/17/2020 21:31:47</t>
  </si>
  <si>
    <t>01/17/2020 21:34:49</t>
  </si>
  <si>
    <t>bde43969-2e15-4d56-bffa-01d768b57bd2.tmp</t>
  </si>
  <si>
    <t>\\acsfs\profiles$\myllenardl\Downloads\bde43969-2e15-4d56-bffa-01d768b57bd2.tmp</t>
  </si>
  <si>
    <t>01/17/2020 21:30:34</t>
  </si>
  <si>
    <t>01/17/2020 21:35:49</t>
  </si>
  <si>
    <t>01/17/2020 21:32:34</t>
  </si>
  <si>
    <t>01/17/2020 21:33:34</t>
  </si>
  <si>
    <t>01/17/2020 21:34:34</t>
  </si>
  <si>
    <t>01/17/2020 21:31:19</t>
  </si>
  <si>
    <t>01/17/2020 21:31:45</t>
  </si>
  <si>
    <t>01/17/2020 21:35:15</t>
  </si>
  <si>
    <t>c1dd8e6d-51e1-49e3-be3b-62d3a9290920.tmp</t>
  </si>
  <si>
    <t>\\acsfs\profiles$\leonardocb\Downloads\c1dd8e6d-51e1-49e3-be3b-62d3a9290920.tmp</t>
  </si>
  <si>
    <t>01/17/2020 21:32:59</t>
  </si>
  <si>
    <t>01/17/2020 21:36:49</t>
  </si>
  <si>
    <t>ccf85e4d-2048-47a9-a99b-9b5829456e31.tmp</t>
  </si>
  <si>
    <t>\\acsfs\profiles$\nayaranao\Downloads\ccf85e4d-2048-47a9-a99b-9b5829456e31.tmp</t>
  </si>
  <si>
    <t>01/17/2020 21:33:42</t>
  </si>
  <si>
    <t>2f7242a7-8e46-454b-9648-c37a1664043a.tmp</t>
  </si>
  <si>
    <t>\\acsfs\profiles$\nayaranao\Downloads\2f7242a7-8e46-454b-9648-c37a1664043a.tmp</t>
  </si>
  <si>
    <t>01/17/2020 21:34:30</t>
  </si>
  <si>
    <t>692278c6-c208-4086-8bb0-633e22d2543d.tmp</t>
  </si>
  <si>
    <t>\\acsfs\profiles$\nayaranao\Downloads\692278c6-c208-4086-8bb0-633e22d2543d.tmp</t>
  </si>
  <si>
    <t>01/17/2020 21:36:24</t>
  </si>
  <si>
    <t>01/17/2020 21:37:49</t>
  </si>
  <si>
    <t>125bb1ed-96d5-4a47-93f7-ddfba0895115.tmp</t>
  </si>
  <si>
    <t>\\acsfs\profiles$\andressamf\Downloads\125bb1ed-96d5-4a47-93f7-ddfba0895115.tmp</t>
  </si>
  <si>
    <t>01/17/2020 21:36:48</t>
  </si>
  <si>
    <t>1f991042-8b94-4e1b-a008-45229fc65bbb.tmp</t>
  </si>
  <si>
    <t>\\acsfs\profiles$\brendadsl\Downloads\1f991042-8b94-4e1b-a008-45229fc65bbb.tmp</t>
  </si>
  <si>
    <t>01/17/2020 21:36:50</t>
  </si>
  <si>
    <t>njskhdb.png.crdownload</t>
  </si>
  <si>
    <t>\\acsfs\profiles$\brendadsl\Downloads\njskhdb.png.crdownload</t>
  </si>
  <si>
    <t>01/17/2020 21:34:13</t>
  </si>
  <si>
    <t>01/17/2020 21:38:49</t>
  </si>
  <si>
    <t>01/17/2020 21:35:38</t>
  </si>
  <si>
    <t>01/17/2020 21:40:49</t>
  </si>
  <si>
    <t>01/17/2020 21:38:34</t>
  </si>
  <si>
    <t>01/17/2020 21:42:49</t>
  </si>
  <si>
    <t>01/17/2020 21:39:43</t>
  </si>
  <si>
    <t>01/17/2020 21:40:01</t>
  </si>
  <si>
    <t>01/17/2020 21:43:49</t>
  </si>
  <si>
    <t>265f194b-c01b-419c-8eb3-2301776c8a83.tmp</t>
  </si>
  <si>
    <t>\\acsfs\profiles$\edicarlosdl\Downloads\265f194b-c01b-419c-8eb3-2301776c8a83.tmp</t>
  </si>
  <si>
    <t>01/17/2020 21:40:34</t>
  </si>
  <si>
    <t>01/17/2020 21:45:49</t>
  </si>
  <si>
    <t>01/17/2020 21:42:35</t>
  </si>
  <si>
    <t>01/17/2020 21:43:35</t>
  </si>
  <si>
    <t>01/17/2020 21:44:35</t>
  </si>
  <si>
    <t>01/17/2020 21:40:40</t>
  </si>
  <si>
    <t>01/17/2020 21:42:00</t>
  </si>
  <si>
    <t>01/17/2020 21:46:49</t>
  </si>
  <si>
    <t>be7e0d70-d49c-4905-9108-45c67bc16ec4.tmp</t>
  </si>
  <si>
    <t>\\acsfs\profiles$\ROBERTM\Downloads\be7e0d70-d49c-4905-9108-45c67bc16ec4.tmp</t>
  </si>
  <si>
    <t>01/17/2020 21:42:55</t>
  </si>
  <si>
    <t>38e7e20a-407f-421a-a676-898be01e58c0.tmp</t>
  </si>
  <si>
    <t>\\acsfs\profiles$\ROBERTM\Downloads\38e7e20a-407f-421a-a676-898be01e58c0.tmp</t>
  </si>
  <si>
    <t>01/17/2020 21:42:57</t>
  </si>
  <si>
    <t>0255b0c0-1864-499b-860d-bfe850574cee.tmp</t>
  </si>
  <si>
    <t>\\acsfs\profiles$\ROBERTM\Downloads\0255b0c0-1864-499b-860d-bfe850574cee.tmp</t>
  </si>
  <si>
    <t>01/17/2020 21:43:28</t>
  </si>
  <si>
    <t>01/17/2020 21:47:49</t>
  </si>
  <si>
    <t>01/17/2020 21:42:12</t>
  </si>
  <si>
    <t>739decd7-1771-4086-b703-9d92937027f5.tmp</t>
  </si>
  <si>
    <t>\\acsfs\profiles$\brendadsl\Downloads\739decd7-1771-4086-b703-9d92937027f5.tmp</t>
  </si>
  <si>
    <t>01/17/2020 21:47:50</t>
  </si>
  <si>
    <t>01/17/2020 21:44:21</t>
  </si>
  <si>
    <t>01/17/2020 21:44:37</t>
  </si>
  <si>
    <t>01/17/2020 21:46:35</t>
  </si>
  <si>
    <t>01/17/2020 21:50:49</t>
  </si>
  <si>
    <t>01/17/2020 21:48:35</t>
  </si>
  <si>
    <t>01/17/2020 21:47:53</t>
  </si>
  <si>
    <t>01/17/2020 21:51:49</t>
  </si>
  <si>
    <t>01/17/2020 21:48:34</t>
  </si>
  <si>
    <t>01/17/2020 21:52:49</t>
  </si>
  <si>
    <t>01/17/2020 21:51:17</t>
  </si>
  <si>
    <t>01/17/2020 21:49:17</t>
  </si>
  <si>
    <t>01/17/2020 21:53:49</t>
  </si>
  <si>
    <t>01/17/2020 21:50:35</t>
  </si>
  <si>
    <t>01/17/2020 21:55:49</t>
  </si>
  <si>
    <t>01/17/2020 21:51:39</t>
  </si>
  <si>
    <t>01/17/2020 21:53:35</t>
  </si>
  <si>
    <t>01/17/2020 21:54:35</t>
  </si>
  <si>
    <t>01/17/2020 21:57:49</t>
  </si>
  <si>
    <t>01/17/2020 21:56:35</t>
  </si>
  <si>
    <t>01/17/2020 22:00:49</t>
  </si>
  <si>
    <t>01/17/2020 21:58:35</t>
  </si>
  <si>
    <t>01/17/2020 22:00:10</t>
  </si>
  <si>
    <t>XLOG_andrezacapf_17012020_134927.log</t>
  </si>
  <si>
    <t>\\acsfs\profiles$\andrezacapf\My Documents\xworkcenter\logs\XLOG_andrezacapf_17012020_134927.log</t>
  </si>
  <si>
    <t>01/17/2020 22:02:49</t>
  </si>
  <si>
    <t>01/17/2020 22:01:30</t>
  </si>
  <si>
    <t>01/17/2020 21:59:37</t>
  </si>
  <si>
    <t>01/17/2020 22:04:50</t>
  </si>
  <si>
    <t>01/17/2020 22:07:49</t>
  </si>
  <si>
    <t>01/17/2020 22:08:03</t>
  </si>
  <si>
    <t>01/17/2020 22:11:49</t>
  </si>
  <si>
    <t>01/17/2020 22:12:49</t>
  </si>
  <si>
    <t>01/17/2020 22:12:48</t>
  </si>
  <si>
    <t>01/17/2020 22:15:49</t>
  </si>
  <si>
    <t>01/17/2020 22:17:49</t>
  </si>
  <si>
    <t>01/17/2020 22:13:49</t>
  </si>
  <si>
    <t>01/17/2020 22:15:46</t>
  </si>
  <si>
    <t>01/17/2020 22:16:10</t>
  </si>
  <si>
    <t>01/17/2020 22:19:49</t>
  </si>
  <si>
    <t>01/17/2020 22:20:54</t>
  </si>
  <si>
    <t>01/17/2020 22:21:49</t>
  </si>
  <si>
    <t>01/17/2020 22:17:42</t>
  </si>
  <si>
    <t>01/17/2020 22:22:49</t>
  </si>
  <si>
    <t>01/17/2020 22:19:50</t>
  </si>
  <si>
    <t>01/17/2020 22:23:49</t>
  </si>
  <si>
    <t>01/17/2020 22:27:49</t>
  </si>
  <si>
    <t>01/17/2020 22:26:57</t>
  </si>
  <si>
    <t>01/17/2020 22:30:49</t>
  </si>
  <si>
    <t>01/17/2020 22:27:16</t>
  </si>
  <si>
    <t>a8253729-9ac1-44ea-b24b-343f16aca532.tmp</t>
  </si>
  <si>
    <t>\\acsfs\profiles$\Adrieledgc\Downloads\a8253729-9ac1-44ea-b24b-343f16aca532.tmp</t>
  </si>
  <si>
    <t>01/17/2020 22:32:49</t>
  </si>
  <si>
    <t>01/17/2020 22:30:13</t>
  </si>
  <si>
    <t>01/17/2020 22:32:56</t>
  </si>
  <si>
    <t>01/17/2020 22:35:48</t>
  </si>
  <si>
    <t>01/17/2020 22:36:28</t>
  </si>
  <si>
    <t>01/17/2020 22:36:49</t>
  </si>
  <si>
    <t>01/17/2020 22:37:49</t>
  </si>
  <si>
    <t>01/17/2020 22:33:42</t>
  </si>
  <si>
    <t>01/17/2020 22:34:50</t>
  </si>
  <si>
    <t>01/17/2020 22:36:40</t>
  </si>
  <si>
    <t>01/17/2020 22:40:48</t>
  </si>
  <si>
    <t>01/17/2020 22:40:33</t>
  </si>
  <si>
    <t>01/17/2020 22:37:45</t>
  </si>
  <si>
    <t>01/17/2020 22:42:49</t>
  </si>
  <si>
    <t>01/17/2020 22:47:50</t>
  </si>
  <si>
    <t>01/17/2020 22:46:24</t>
  </si>
  <si>
    <t>01/17/2020 22:48:50</t>
  </si>
  <si>
    <t>01/17/2020 22:50:38</t>
  </si>
  <si>
    <t>01/17/2020 22:50:50</t>
  </si>
  <si>
    <t>01/17/2020 22:52:50</t>
  </si>
  <si>
    <t>01/17/2020 22:57:50</t>
  </si>
  <si>
    <t>01/17/2020 23:02:50</t>
  </si>
  <si>
    <t>01/17/2020 23:03:06</t>
  </si>
  <si>
    <t>01/17/2020 23:03:51</t>
  </si>
  <si>
    <t>01/17/2020 23:07:50</t>
  </si>
  <si>
    <t>01/17/2020 23:03:01</t>
  </si>
  <si>
    <t>01/17/2020 23:08:51</t>
  </si>
  <si>
    <t>01/17/2020 23:07:34</t>
  </si>
  <si>
    <t>01/17/2020 23:09:50</t>
  </si>
  <si>
    <t>01/17/2020 23:07:53</t>
  </si>
  <si>
    <t>01/17/2020 23:12:50</t>
  </si>
  <si>
    <t>01/17/2020 23:10:36</t>
  </si>
  <si>
    <t>01/17/2020 23:13:50</t>
  </si>
  <si>
    <t>01/17/2020 23:13:57</t>
  </si>
  <si>
    <t>01/17/2020 23:15:50</t>
  </si>
  <si>
    <t>01/17/2020 23:17:50</t>
  </si>
  <si>
    <t>01/17/2020 23:14:17</t>
  </si>
  <si>
    <t>01/17/2020 23:14:53</t>
  </si>
  <si>
    <t>01/17/2020 23:18:50</t>
  </si>
  <si>
    <t>fe1891ed-49d0-4e44-9da9-4a85b7e0a65d.tmp</t>
  </si>
  <si>
    <t>\\acsfs\profiles$\marlyannegdls\Downloads\fe1891ed-49d0-4e44-9da9-4a85b7e0a65d.tmp</t>
  </si>
  <si>
    <t>01/17/2020 23:16:00</t>
  </si>
  <si>
    <t>572c6ad5-11ed-4941-9153-9b42d21ff701.tmp</t>
  </si>
  <si>
    <t>\\acsfs\profiles$\marlyannegdls\Downloads\572c6ad5-11ed-4941-9153-9b42d21ff701.tmp</t>
  </si>
  <si>
    <t>01/17/2020 23:16:01</t>
  </si>
  <si>
    <t>01/17/2020 23:22:50</t>
  </si>
  <si>
    <t>01/17/2020 23:20:26</t>
  </si>
  <si>
    <t>01/17/2020 23:19:51</t>
  </si>
  <si>
    <t>01/17/2020 23:23:50</t>
  </si>
  <si>
    <t>01/17/2020 23:22:58</t>
  </si>
  <si>
    <t>01/17/2020 23:24:51</t>
  </si>
  <si>
    <t>01/17/2020 23:22:53</t>
  </si>
  <si>
    <t>01/17/2020 23:26:51</t>
  </si>
  <si>
    <t>01/17/2020 23:25:16</t>
  </si>
  <si>
    <t>01/17/2020 23:27:50</t>
  </si>
  <si>
    <t>01/17/2020 23:29:06</t>
  </si>
  <si>
    <t>01/17/2020 23:32:50</t>
  </si>
  <si>
    <t>52648b33-e7b0-4c2d-96c9-8130d78dd485.tmp</t>
  </si>
  <si>
    <t>\\acsfs\profiles$\rogeriofd\Downloads\52648b33-e7b0-4c2d-96c9-8130d78dd485.tmp</t>
  </si>
  <si>
    <t>01/17/2020 23:32:02</t>
  </si>
  <si>
    <t>01/17/2020 23:32:35</t>
  </si>
  <si>
    <t>01/17/2020 23:34:50</t>
  </si>
  <si>
    <t>01/17/2020 23:37:50</t>
  </si>
  <si>
    <t>01/17/2020 23:38:44</t>
  </si>
  <si>
    <t>01/17/2020 23:39:50</t>
  </si>
  <si>
    <t>01/17/2020 23:39:58</t>
  </si>
  <si>
    <t>01/17/2020 23:40:50</t>
  </si>
  <si>
    <t>01/17/2020 23:37:44</t>
  </si>
  <si>
    <t>d656d5d7-cf8d-4c5e-a6e9-5b8889f4be06.tmp</t>
  </si>
  <si>
    <t>\\acsfs\profiles$\leonardocb\Downloads\d656d5d7-cf8d-4c5e-a6e9-5b8889f4be06.tmp</t>
  </si>
  <si>
    <t>01/17/2020 23:38:54</t>
  </si>
  <si>
    <t>01/17/2020 23:42:50</t>
  </si>
  <si>
    <t>40518e2b-6b4d-4fe9-922f-f182dd70e75c.tmp</t>
  </si>
  <si>
    <t>\\acsfs\profiles$\rogeriofd\Downloads\40518e2b-6b4d-4fe9-922f-f182dd70e75c.tmp</t>
  </si>
  <si>
    <t>01/17/2020 23:41:00</t>
  </si>
  <si>
    <t>01/17/2020 23:47:50</t>
  </si>
  <si>
    <t>01/17/2020 23:47:36</t>
  </si>
  <si>
    <t>01/17/2020 23:51:50</t>
  </si>
  <si>
    <t>01/17/2020 23:52:51</t>
  </si>
  <si>
    <t>01/17/2020 23:51:12</t>
  </si>
  <si>
    <t>01/17/2020 23:55:50</t>
  </si>
  <si>
    <t>01/17/2020 23:55:32</t>
  </si>
  <si>
    <t>01/17/2020 23:57:50</t>
  </si>
  <si>
    <t>01/17/2020 23:55:04</t>
  </si>
  <si>
    <t>01/17/2020 23:58:38</t>
  </si>
  <si>
    <t>01/18/2020 00:00:51</t>
  </si>
  <si>
    <t>01/17/2020 23:56:22</t>
  </si>
  <si>
    <t>01/18/2020 00:02:50</t>
  </si>
  <si>
    <t>01/18/2020 00:00:55</t>
  </si>
  <si>
    <t>01/18/2020 00:01:17</t>
  </si>
  <si>
    <t>01/18/2020 00:01:15</t>
  </si>
  <si>
    <t>01/18/2020 00:03:50</t>
  </si>
  <si>
    <t>01/18/2020 00:04:51</t>
  </si>
  <si>
    <t>01/18/2020 00:04:15</t>
  </si>
  <si>
    <t>01/18/2020 00:04:12</t>
  </si>
  <si>
    <t>01/18/2020 00:05:51</t>
  </si>
  <si>
    <t>01/18/2020 00:04:27</t>
  </si>
  <si>
    <t>01/18/2020 00:05:41</t>
  </si>
  <si>
    <t>01/18/2020 00:06:52</t>
  </si>
  <si>
    <t>01/18/2020 00:05:17</t>
  </si>
  <si>
    <t>01/18/2020 00:04:16</t>
  </si>
  <si>
    <t>01/18/2020 00:07:51</t>
  </si>
  <si>
    <t>01/18/2020 00:03:33</t>
  </si>
  <si>
    <t>01/18/2020 00:05:57</t>
  </si>
  <si>
    <t>01/18/2020 00:06:22</t>
  </si>
  <si>
    <t>01/18/2020 00:03:04</t>
  </si>
  <si>
    <t>01/18/2020 00:06:31</t>
  </si>
  <si>
    <t>01/18/2020 00:05:50</t>
  </si>
  <si>
    <t>01/18/2020 00:08:51</t>
  </si>
  <si>
    <t>01/18/2020 00:07:33</t>
  </si>
  <si>
    <t>01/18/2020 00:09:51</t>
  </si>
  <si>
    <t>01/18/2020 00:08:28</t>
  </si>
  <si>
    <t>01/18/2020 00:05:54</t>
  </si>
  <si>
    <t>01/18/2020 00:07:53</t>
  </si>
  <si>
    <t>01/18/2020 00:05:01</t>
  </si>
  <si>
    <t>01/18/2020 00:08:19</t>
  </si>
  <si>
    <t>01/18/2020 00:10:51</t>
  </si>
  <si>
    <t>01/18/2020 00:08:56</t>
  </si>
  <si>
    <t>01/18/2020 00:09:08</t>
  </si>
  <si>
    <t>01/18/2020 00:06:51</t>
  </si>
  <si>
    <t>01/18/2020 00:11:51</t>
  </si>
  <si>
    <t>01/18/2020 00:11:41</t>
  </si>
  <si>
    <t>01/18/2020 00:12:51</t>
  </si>
  <si>
    <t>01/18/2020 00:11:01</t>
  </si>
  <si>
    <t>01/18/2020 00:11:25</t>
  </si>
  <si>
    <t>01/18/2020 00:13:51</t>
  </si>
  <si>
    <t>01/18/2020 00:11:56</t>
  </si>
  <si>
    <t>01/18/2020 00:12:26</t>
  </si>
  <si>
    <t>01/18/2020 00:14:13</t>
  </si>
  <si>
    <t>01/18/2020 00:15:51</t>
  </si>
  <si>
    <t>01/18/2020 00:11:55</t>
  </si>
  <si>
    <t>01/18/2020 00:11:05</t>
  </si>
  <si>
    <t>01/18/2020 00:14:14</t>
  </si>
  <si>
    <t>01/18/2020 00:16:51</t>
  </si>
  <si>
    <t>01/18/2020 00:13:54</t>
  </si>
  <si>
    <t>01/18/2020 00:15:33</t>
  </si>
  <si>
    <t>01/18/2020 00:17:51</t>
  </si>
  <si>
    <t>01/18/2020 00:14:55</t>
  </si>
  <si>
    <t>01/18/2020 00:15:25</t>
  </si>
  <si>
    <t>01/18/2020 00:14:10</t>
  </si>
  <si>
    <t>01/18/2020 00:18:51</t>
  </si>
  <si>
    <t>01/18/2020 00:18:58</t>
  </si>
  <si>
    <t>01/18/2020 00:19:51</t>
  </si>
  <si>
    <t>01/18/2020 00:19:10</t>
  </si>
  <si>
    <t>01/18/2020 00:20:51</t>
  </si>
  <si>
    <t>01/18/2020 00:22:51</t>
  </si>
  <si>
    <t>01/18/2020 00:21:07</t>
  </si>
  <si>
    <t>01/18/2020 00:23:50</t>
  </si>
  <si>
    <t>01/18/2020 00:24:16</t>
  </si>
  <si>
    <t>01/18/2020 00:24:51</t>
  </si>
  <si>
    <t>01/18/2020 00:22:01</t>
  </si>
  <si>
    <t>01/18/2020 00:25:51</t>
  </si>
  <si>
    <t>01/18/2020 00:24:27</t>
  </si>
  <si>
    <t>01/18/2020 00:27:53</t>
  </si>
  <si>
    <t>01/18/2020 00:32:52</t>
  </si>
  <si>
    <t>01/18/2020 00:31:37</t>
  </si>
  <si>
    <t>01/18/2020 00:35:52</t>
  </si>
  <si>
    <t>01/18/2020 00:31:04</t>
  </si>
  <si>
    <t>01/18/2020 00:35:42</t>
  </si>
  <si>
    <t>01/18/2020 00:37:52</t>
  </si>
  <si>
    <t>01/18/2020 00:42:53</t>
  </si>
  <si>
    <t>01/18/2020 00:43:30</t>
  </si>
  <si>
    <t>01/18/2020 00:46:52</t>
  </si>
  <si>
    <t>01/18/2020 00:45:59</t>
  </si>
  <si>
    <t>01/18/2020 00:47:52</t>
  </si>
  <si>
    <t>01/18/2020 00:50:12</t>
  </si>
  <si>
    <t>01/18/2020 00:52:52</t>
  </si>
  <si>
    <t>01/18/2020 00:57:52</t>
  </si>
  <si>
    <t>01/18/2020 00:55:25</t>
  </si>
  <si>
    <t>01/18/2020 00:59:52</t>
  </si>
  <si>
    <t>01/18/2020 01:15:52</t>
  </si>
  <si>
    <t>01/18/2020 01:04:03</t>
  </si>
  <si>
    <t>01/18/2020 01:07:22</t>
  </si>
  <si>
    <t>01/18/2020 01:09:55</t>
  </si>
  <si>
    <t>01/18/2020 01:12:25</t>
  </si>
  <si>
    <t>01/18/2020 01:17:52</t>
  </si>
  <si>
    <t>01/18/2020 01:16:15</t>
  </si>
  <si>
    <t>01/18/2020 01:14:37</t>
  </si>
  <si>
    <t>01/18/2020 01:17:04</t>
  </si>
  <si>
    <t>01/18/2020 01:18:52</t>
  </si>
  <si>
    <t>01/18/2020 01:20:52</t>
  </si>
  <si>
    <t>01/18/2020 01:14:17</t>
  </si>
  <si>
    <t>01/18/2020 01:18:11</t>
  </si>
  <si>
    <t>01/18/2020 01:19:29</t>
  </si>
  <si>
    <t>01/18/2020 01:24:52</t>
  </si>
  <si>
    <t>01/18/2020 01:25:52</t>
  </si>
  <si>
    <t>01/18/2020 01:23:22</t>
  </si>
  <si>
    <t>01/18/2020 01:25:39</t>
  </si>
  <si>
    <t>01/18/2020 01:28:53</t>
  </si>
  <si>
    <t>01/18/2020 01:30:52</t>
  </si>
  <si>
    <t>01/18/2020 01:31:45</t>
  </si>
  <si>
    <t>01/18/2020 01:32:52</t>
  </si>
  <si>
    <t>01/18/2020 01:29:43</t>
  </si>
  <si>
    <t>01/18/2020 01:33:53</t>
  </si>
  <si>
    <t>01/18/2020 01:30:28</t>
  </si>
  <si>
    <t>8b4759ab-694d-4ef2-96e1-ebd04c1103a0.tmp</t>
  </si>
  <si>
    <t>\\acsfs\profiles$\marlyannegdls\Downloads\8b4759ab-694d-4ef2-96e1-ebd04c1103a0.tmp</t>
  </si>
  <si>
    <t>01/18/2020 01:32:00</t>
  </si>
  <si>
    <t>01/18/2020 01:29:09</t>
  </si>
  <si>
    <t>01/18/2020 01:31:11</t>
  </si>
  <si>
    <t>01/18/2020 01:35:52</t>
  </si>
  <si>
    <t>01/18/2020 01:33:40</t>
  </si>
  <si>
    <t>01/18/2020 01:37:52</t>
  </si>
  <si>
    <t>01/18/2020 01:40:52</t>
  </si>
  <si>
    <t>01/18/2020 01:44:44</t>
  </si>
  <si>
    <t>01/18/2020 01:45:53</t>
  </si>
  <si>
    <t>01/18/2020 01:43:28</t>
  </si>
  <si>
    <t>01/18/2020 01:46:52</t>
  </si>
  <si>
    <t>01/18/2020 01:50:52</t>
  </si>
  <si>
    <t>01/18/2020 01:55:52</t>
  </si>
  <si>
    <t>01/18/2020 01:55:16</t>
  </si>
  <si>
    <t>01/18/2020 01:55:47</t>
  </si>
  <si>
    <t>01/18/2020 01:59:52</t>
  </si>
  <si>
    <t>01/18/2020 02:00:53</t>
  </si>
  <si>
    <t>01/18/2020 02:05:52</t>
  </si>
  <si>
    <t>01/18/2020 02:10:52</t>
  </si>
  <si>
    <t>01/18/2020 02:06:34</t>
  </si>
  <si>
    <t>01/18/2020 02:08:14</t>
  </si>
  <si>
    <t>01/18/2020 02:12:52</t>
  </si>
  <si>
    <t>01/18/2020 02:09:03</t>
  </si>
  <si>
    <t>01/18/2020 02:13:52</t>
  </si>
  <si>
    <t>01/18/2020 02:15:52</t>
  </si>
  <si>
    <t>01/18/2020 02:16:08</t>
  </si>
  <si>
    <t>01/18/2020 02:17:52</t>
  </si>
  <si>
    <t>01/18/2020 02:20:51</t>
  </si>
  <si>
    <t>01/18/2020 02:20:06</t>
  </si>
  <si>
    <t>01/18/2020 02:18:41</t>
  </si>
  <si>
    <t>01/18/2020 02:22:51</t>
  </si>
  <si>
    <t>01/18/2020 02:19:08</t>
  </si>
  <si>
    <t>01/18/2020 02:20:05</t>
  </si>
  <si>
    <t>01/18/2020 02:22:59</t>
  </si>
  <si>
    <t>01/18/2020 02:23:52</t>
  </si>
  <si>
    <t>01/18/2020 02:23:08</t>
  </si>
  <si>
    <t>01/18/2020 02:24:52</t>
  </si>
  <si>
    <t>01/18/2020 02:25:52</t>
  </si>
  <si>
    <t>01/18/2020 02:24:41</t>
  </si>
  <si>
    <t>01/18/2020 02:25:10</t>
  </si>
  <si>
    <t>01/18/2020 02:27:52</t>
  </si>
  <si>
    <t>01/18/2020 02:27:08</t>
  </si>
  <si>
    <t>01/18/2020 02:28:51</t>
  </si>
  <si>
    <t>01/18/2020 02:24:01</t>
  </si>
  <si>
    <t>01/18/2020 02:29:50</t>
  </si>
  <si>
    <t>01/18/2020 02:30:51</t>
  </si>
  <si>
    <t>01/18/2020 02:27:04</t>
  </si>
  <si>
    <t>01/18/2020 02:29:08</t>
  </si>
  <si>
    <t>01/18/2020 02:31:52</t>
  </si>
  <si>
    <t>01/18/2020 02:27:45</t>
  </si>
  <si>
    <t>01/18/2020 02:32:52</t>
  </si>
  <si>
    <t>01/18/2020 02:32:24</t>
  </si>
  <si>
    <t>01/18/2020 02:35:52</t>
  </si>
  <si>
    <t>01/18/2020 02:40:52</t>
  </si>
  <si>
    <t>01/18/2020 02:38:19</t>
  </si>
  <si>
    <t>01/18/2020 02:40:50</t>
  </si>
  <si>
    <t>01/18/2020 02:41:51</t>
  </si>
  <si>
    <t>01/18/2020 02:45:51</t>
  </si>
  <si>
    <t>01/18/2020 02:40:31</t>
  </si>
  <si>
    <t>01/18/2020 02:46:21</t>
  </si>
  <si>
    <t>01/18/2020 02:47:52</t>
  </si>
  <si>
    <t>01/18/2020 02:50:52</t>
  </si>
  <si>
    <t>01/18/2020 02:49:31</t>
  </si>
  <si>
    <t>01/18/2020 02:53:52</t>
  </si>
  <si>
    <t>01/18/2020 02:55:52</t>
  </si>
  <si>
    <t>01/18/2020 02:52:38</t>
  </si>
  <si>
    <t>01/18/2020 02:55:44</t>
  </si>
  <si>
    <t>01/18/2020 02:54:13</t>
  </si>
  <si>
    <t>01/18/2020 02:56:51</t>
  </si>
  <si>
    <t>01/18/2020 02:56:12</t>
  </si>
  <si>
    <t>01/18/2020 02:57:52</t>
  </si>
  <si>
    <t>01/18/2020 03:00:52</t>
  </si>
  <si>
    <t>01/18/2020 03:02:20</t>
  </si>
  <si>
    <t>01/18/2020 03:02:51</t>
  </si>
  <si>
    <t>01/18/2020 03:05:52</t>
  </si>
  <si>
    <t>01/18/2020 03:05:09</t>
  </si>
  <si>
    <t>01/18/2020 03:06:52</t>
  </si>
  <si>
    <t>01/18/2020 03:04:29</t>
  </si>
  <si>
    <t>01/18/2020 03:07:52</t>
  </si>
  <si>
    <t>01/18/2020 03:07:22</t>
  </si>
  <si>
    <t>01/18/2020 03:05:35</t>
  </si>
  <si>
    <t>01/18/2020 03:08:52</t>
  </si>
  <si>
    <t>01/18/2020 03:07:49</t>
  </si>
  <si>
    <t>01/18/2020 03:09:52</t>
  </si>
  <si>
    <t>01/18/2020 03:10:52</t>
  </si>
  <si>
    <t>01/18/2020 03:08:34</t>
  </si>
  <si>
    <t>01/18/2020 03:11:52</t>
  </si>
  <si>
    <t>01/18/2020 03:09:42</t>
  </si>
  <si>
    <t>01/18/2020 03:12:51</t>
  </si>
  <si>
    <t>01/18/2020 03:08:46</t>
  </si>
  <si>
    <t>01/18/2020 03:15:51</t>
  </si>
  <si>
    <t>01/18/2020 03:16:26</t>
  </si>
  <si>
    <t>01/18/2020 03:18:52</t>
  </si>
  <si>
    <t>01/18/2020 03:20:52</t>
  </si>
  <si>
    <t>01/18/2020 03:19:58</t>
  </si>
  <si>
    <t>01/18/2020 03:20:27</t>
  </si>
  <si>
    <t>01/18/2020 03:20:36</t>
  </si>
  <si>
    <t>01/18/2020 03:22:41</t>
  </si>
  <si>
    <t>01/18/2020 03:23:52</t>
  </si>
  <si>
    <t>01/18/2020 03:25:52</t>
  </si>
  <si>
    <t>01/18/2020 03:27:18</t>
  </si>
  <si>
    <t>01/18/2020 03:27:52</t>
  </si>
  <si>
    <t>01/18/2020 03:26:21</t>
  </si>
  <si>
    <t>01/18/2020 03:30:52</t>
  </si>
  <si>
    <t>01/18/2020 03:27:38</t>
  </si>
  <si>
    <t>01/18/2020 03:32:52</t>
  </si>
  <si>
    <t>01/18/2020 03:28:50</t>
  </si>
  <si>
    <t>01/18/2020 03:33:51</t>
  </si>
  <si>
    <t>01/18/2020 03:35:52</t>
  </si>
  <si>
    <t>01/18/2020 03:31:08</t>
  </si>
  <si>
    <t>01/18/2020 03:32:08</t>
  </si>
  <si>
    <t>01/18/2020 03:35:55</t>
  </si>
  <si>
    <t>01/18/2020 03:36:51</t>
  </si>
  <si>
    <t>01/18/2020 03:33:26</t>
  </si>
  <si>
    <t>01/18/2020 03:37:52</t>
  </si>
  <si>
    <t>01/18/2020 03:35:38</t>
  </si>
  <si>
    <t>01/18/2020 03:35:26</t>
  </si>
  <si>
    <t>01/18/2020 03:37:13</t>
  </si>
  <si>
    <t>01/18/2020 03:38:51</t>
  </si>
  <si>
    <t>01/18/2020 03:34:03</t>
  </si>
  <si>
    <t>01/18/2020 03:40:51</t>
  </si>
  <si>
    <t>01/18/2020 03:35:40</t>
  </si>
  <si>
    <t>01/18/2020 03:37:54</t>
  </si>
  <si>
    <t>01/18/2020 03:40:55</t>
  </si>
  <si>
    <t>01/18/2020 03:42:51</t>
  </si>
  <si>
    <t>01/18/2020 03:38:52</t>
  </si>
  <si>
    <t>01/18/2020 03:38:16</t>
  </si>
  <si>
    <t>01/18/2020 03:41:58</t>
  </si>
  <si>
    <t>01/18/2020 03:43:52</t>
  </si>
  <si>
    <t>01/18/2020 03:45:52</t>
  </si>
  <si>
    <t>01/18/2020 03:42:43</t>
  </si>
  <si>
    <t>01/18/2020 03:46:51</t>
  </si>
  <si>
    <t>01/18/2020 03:44:23</t>
  </si>
  <si>
    <t>01/18/2020 03:47:52</t>
  </si>
  <si>
    <t>01/18/2020 03:45:11</t>
  </si>
  <si>
    <t>01/18/2020 03:50:51</t>
  </si>
  <si>
    <t>01/18/2020 03:46:00</t>
  </si>
  <si>
    <t>01/18/2020 03:49:12</t>
  </si>
  <si>
    <t>01/18/2020 03:51:51</t>
  </si>
  <si>
    <t>01/18/2020 03:49:37</t>
  </si>
  <si>
    <t>01/18/2020 03:53:51</t>
  </si>
  <si>
    <t>01/18/2020 03:52:45</t>
  </si>
  <si>
    <t>01/18/2020 03:54:52</t>
  </si>
  <si>
    <t>01/18/2020 03:55:51</t>
  </si>
  <si>
    <t>01/18/2020 03:57:08</t>
  </si>
  <si>
    <t>01/18/2020 03:57:51</t>
  </si>
  <si>
    <t>01/18/2020 03:53:20</t>
  </si>
  <si>
    <t>01/18/2020 03:57:34</t>
  </si>
  <si>
    <t>01/18/2020 03:58:51</t>
  </si>
  <si>
    <t>01/18/2020 03:56:13</t>
  </si>
  <si>
    <t>01/18/2020 03:59:52</t>
  </si>
  <si>
    <t>01/18/2020 03:59:13</t>
  </si>
  <si>
    <t>01/18/2020 04:00:51</t>
  </si>
  <si>
    <t>01/18/2020 04:00:15</t>
  </si>
  <si>
    <t>01/18/2020 04:01:31</t>
  </si>
  <si>
    <t>01/18/2020 04:01:52</t>
  </si>
  <si>
    <t>01/18/2020 04:02:58</t>
  </si>
  <si>
    <t>01/18/2020 04:03:52</t>
  </si>
  <si>
    <t>01/18/2020 04:05:52</t>
  </si>
  <si>
    <t>01/18/2020 04:06:45</t>
  </si>
  <si>
    <t>01/18/2020 04:08:52</t>
  </si>
  <si>
    <t>01/18/2020 04:07:58</t>
  </si>
  <si>
    <t>01/18/2020 04:10:52</t>
  </si>
  <si>
    <t>01/18/2020 04:06:36</t>
  </si>
  <si>
    <t>01/18/2020 04:15:52</t>
  </si>
  <si>
    <t>01/18/2020 04:12:30</t>
  </si>
  <si>
    <t>01/18/2020 04:14:25</t>
  </si>
  <si>
    <t>01/18/2020 04:18:52</t>
  </si>
  <si>
    <t>01/18/2020 04:20:51</t>
  </si>
  <si>
    <t>01/18/2020 04:15:47</t>
  </si>
  <si>
    <t>01/18/2020 04:17:43</t>
  </si>
  <si>
    <t>01/18/2020 04:22:51</t>
  </si>
  <si>
    <t>01/18/2020 04:24:26</t>
  </si>
  <si>
    <t>01/18/2020 04:24:52</t>
  </si>
  <si>
    <t>01/18/2020 04:22:34</t>
  </si>
  <si>
    <t>01/18/2020 04:25:52</t>
  </si>
  <si>
    <t>01/18/2020 04:26:36</t>
  </si>
  <si>
    <t>01/18/2020 04:26:52</t>
  </si>
  <si>
    <t>01/18/2020 04:22:31</t>
  </si>
  <si>
    <t>01/18/2020 04:27:52</t>
  </si>
  <si>
    <t>01/18/2020 04:22:59</t>
  </si>
  <si>
    <t>01/18/2020 04:30:52</t>
  </si>
  <si>
    <t>01/18/2020 04:26:39</t>
  </si>
  <si>
    <t>01/18/2020 04:29:00</t>
  </si>
  <si>
    <t>01/18/2020 04:31:51</t>
  </si>
  <si>
    <t>01/18/2020 04:31:23</t>
  </si>
  <si>
    <t>01/18/2020 04:32:52</t>
  </si>
  <si>
    <t>01/18/2020 04:27:51</t>
  </si>
  <si>
    <t>01/18/2020 04:32:27</t>
  </si>
  <si>
    <t>01/18/2020 04:33:51</t>
  </si>
  <si>
    <t>01/18/2020 04:35:51</t>
  </si>
  <si>
    <t>01/18/2020 04:34:50</t>
  </si>
  <si>
    <t>01/18/2020 04:37:52</t>
  </si>
  <si>
    <t>01/18/2020 04:38:51</t>
  </si>
  <si>
    <t>01/18/2020 04:39:52</t>
  </si>
  <si>
    <t>01/18/2020 04:37:23</t>
  </si>
  <si>
    <t>01/18/2020 04:37:48</t>
  </si>
  <si>
    <t>01/18/2020 04:40:52</t>
  </si>
  <si>
    <t>01/18/2020 04:41:29</t>
  </si>
  <si>
    <t>01/18/2020 04:42:53</t>
  </si>
  <si>
    <t>01/18/2020 04:41:40</t>
  </si>
  <si>
    <t>01/18/2020 04:43:52</t>
  </si>
  <si>
    <t>01/18/2020 04:45:53</t>
  </si>
  <si>
    <t>01/18/2020 04:40:47</t>
  </si>
  <si>
    <t>01/18/2020 04:46:22</t>
  </si>
  <si>
    <t>01/18/2020 04:48:53</t>
  </si>
  <si>
    <t>01/18/2020 04:47:27</t>
  </si>
  <si>
    <t>01/18/2020 04:49:53</t>
  </si>
  <si>
    <t>01/18/2020 04:50:53</t>
  </si>
  <si>
    <t>01/18/2020 04:49:12</t>
  </si>
  <si>
    <t>01/18/2020 04:52:53</t>
  </si>
  <si>
    <t>01/18/2020 04:52:20</t>
  </si>
  <si>
    <t>01/18/2020 04:55:54</t>
  </si>
  <si>
    <t>01/18/2020 04:54:12</t>
  </si>
  <si>
    <t>01/18/2020 05:08:54</t>
  </si>
  <si>
    <t>01/18/2020 05:01:46</t>
  </si>
  <si>
    <t>01/18/2020 04:58:29</t>
  </si>
  <si>
    <t>01/18/2020 05:02:09</t>
  </si>
  <si>
    <t>8e4c3da4-53ce-4fb5-9ff1-ac24518f4d01.tmp</t>
  </si>
  <si>
    <t>\\acsfs\profiles$\marlyannegdls\Downloads\8e4c3da4-53ce-4fb5-9ff1-ac24518f4d01.tmp</t>
  </si>
  <si>
    <t>01/18/2020 04:58:49</t>
  </si>
  <si>
    <t>01/18/2020 05:06:05</t>
  </si>
  <si>
    <t>01/18/2020 05:09:53</t>
  </si>
  <si>
    <t>01/18/2020 05:03:17</t>
  </si>
  <si>
    <t>8dfb5a89-91d3-4cfd-8167-dd505cbd8656.tmp</t>
  </si>
  <si>
    <t>\\acsfs\profiles$\marlyannegdls\Downloads\8dfb5a89-91d3-4cfd-8167-dd505cbd8656.tmp</t>
  </si>
  <si>
    <t>01/18/2020 05:07:33</t>
  </si>
  <si>
    <t>01/18/2020 05:10:53</t>
  </si>
  <si>
    <t>01/18/2020 05:10:34</t>
  </si>
  <si>
    <t>01/18/2020 05:13:54</t>
  </si>
  <si>
    <t>01/18/2020 05:13:26</t>
  </si>
  <si>
    <t>01/18/2020 05:18:53</t>
  </si>
  <si>
    <t>01/18/2020 05:19:38</t>
  </si>
  <si>
    <t>01/18/2020 05:22:53</t>
  </si>
  <si>
    <t>01/18/2020 05:23:53</t>
  </si>
  <si>
    <t>01/18/2020 05:26:57</t>
  </si>
  <si>
    <t>01/18/2020 05:28:53</t>
  </si>
  <si>
    <t>01/18/2020 05:25:55</t>
  </si>
  <si>
    <t>01/18/2020 05:30:53</t>
  </si>
  <si>
    <t>01/18/2020 05:30:12</t>
  </si>
  <si>
    <t>01/18/2020 05:32:53</t>
  </si>
  <si>
    <t>01/18/2020 05:33:54</t>
  </si>
  <si>
    <t>01/18/2020 05:31:18</t>
  </si>
  <si>
    <t>01/18/2020 05:35:54</t>
  </si>
  <si>
    <t>01/18/2020 05:35:00</t>
  </si>
  <si>
    <t>01/18/2020 05:38:53</t>
  </si>
  <si>
    <t>01/18/2020 05:43:53</t>
  </si>
  <si>
    <t>01/18/2020 05:47:04</t>
  </si>
  <si>
    <t>01/18/2020 05:47:53</t>
  </si>
  <si>
    <t>01/18/2020 05:46:27</t>
  </si>
  <si>
    <t>01/18/2020 05:47:34</t>
  </si>
  <si>
    <t>01/18/2020 05:48:53</t>
  </si>
  <si>
    <t>01/18/2020 05:53:54</t>
  </si>
  <si>
    <t>01/18/2020 05:52:56</t>
  </si>
  <si>
    <t>01/18/2020 05:54:53</t>
  </si>
  <si>
    <t>01/18/2020 05:58:53</t>
  </si>
  <si>
    <t>01/18/2020 06:03:37</t>
  </si>
  <si>
    <t>01/18/2020 06:03:53</t>
  </si>
  <si>
    <t>01/18/2020 06:01:55</t>
  </si>
  <si>
    <t>01/18/2020 06:05:53</t>
  </si>
  <si>
    <t>01/18/2020 06:04:33</t>
  </si>
  <si>
    <t>e21e902f-3cb5-4496-a10c-c0201c12dfed.tmp</t>
  </si>
  <si>
    <t>\\acsfs\profiles$\danielac\Downloads\e21e902f-3cb5-4496-a10c-c0201c12dfed.tmp</t>
  </si>
  <si>
    <t>01/18/2020 06:05:10</t>
  </si>
  <si>
    <t>86c58174-7fd8-4e13-a773-c14909b4a14c.tmp</t>
  </si>
  <si>
    <t>\\acsfs\profiles$\danielac\Downloads\86c58174-7fd8-4e13-a773-c14909b4a14c.tmp</t>
  </si>
  <si>
    <t>01/18/2020 06:04:17</t>
  </si>
  <si>
    <t>01/18/2020 06:05:14</t>
  </si>
  <si>
    <t>01/18/2020 06:06:53</t>
  </si>
  <si>
    <t>01/18/2020 06:04:46</t>
  </si>
  <si>
    <t>01/18/2020 06:07:53</t>
  </si>
  <si>
    <t>f6d2ab07-6fb2-47b8-aafd-b2df1319cbdd.tmp</t>
  </si>
  <si>
    <t>\\acsfs\profiles$\ALYNYA\Downloads\f6d2ab07-6fb2-47b8-aafd-b2df1319cbdd.tmp</t>
  </si>
  <si>
    <t>01/18/2020 06:06:55</t>
  </si>
  <si>
    <t>a97cd97e-2663-4a26-ac61-3140dbed3b81.tmp</t>
  </si>
  <si>
    <t>\\acsfs\profiles$\ALYNYA\Downloads\a97cd97e-2663-4a26-ac61-3140dbed3b81.tmp</t>
  </si>
  <si>
    <t>01/18/2020 06:07:02</t>
  </si>
  <si>
    <t>01/18/2020 06:08:53</t>
  </si>
  <si>
    <t>01/18/2020 06:06:15</t>
  </si>
  <si>
    <t>01/18/2020 06:09:53</t>
  </si>
  <si>
    <t>01/18/2020 06:06:51</t>
  </si>
  <si>
    <t>01/18/2020 06:10:53</t>
  </si>
  <si>
    <t>e10f5bc9-b0e5-4d67-9e5f-15fa61f3474c.tmp</t>
  </si>
  <si>
    <t>\\acsfs\profiles$\danielac\Downloads\e10f5bc9-b0e5-4d67-9e5f-15fa61f3474c.tmp</t>
  </si>
  <si>
    <t>01/18/2020 06:11:54</t>
  </si>
  <si>
    <t>01/18/2020 06:12:53</t>
  </si>
  <si>
    <t>01/18/2020 06:13:53</t>
  </si>
  <si>
    <t>01/18/2020 06:14:36</t>
  </si>
  <si>
    <t>01/18/2020 06:14:53</t>
  </si>
  <si>
    <t>01/18/2020 06:13:32</t>
  </si>
  <si>
    <t>01/18/2020 06:17:52</t>
  </si>
  <si>
    <t>01/18/2020 06:18:53</t>
  </si>
  <si>
    <t>01/18/2020 06:20:49</t>
  </si>
  <si>
    <t>01/18/2020 06:20:52</t>
  </si>
  <si>
    <t>01/18/2020 06:23:53</t>
  </si>
  <si>
    <t>01/18/2020 06:24:18</t>
  </si>
  <si>
    <t>01/18/2020 06:27:52</t>
  </si>
  <si>
    <t>01/18/2020 06:28:53</t>
  </si>
  <si>
    <t>01/18/2020 06:27:28</t>
  </si>
  <si>
    <t>01/18/2020 06:29:53</t>
  </si>
  <si>
    <t>01/18/2020 06:26:52</t>
  </si>
  <si>
    <t>01/18/2020 06:30:53</t>
  </si>
  <si>
    <t>01/18/2020 06:30:31</t>
  </si>
  <si>
    <t>01/18/2020 06:31:52</t>
  </si>
  <si>
    <t>01/18/2020 06:33:52</t>
  </si>
  <si>
    <t>01/18/2020 06:33:31</t>
  </si>
  <si>
    <t>01/18/2020 06:34:53</t>
  </si>
  <si>
    <t>01/18/2020 06:33:41</t>
  </si>
  <si>
    <t>01/18/2020 06:33:47</t>
  </si>
  <si>
    <t>01/18/2020 06:37:53</t>
  </si>
  <si>
    <t>01/18/2020 06:36:22</t>
  </si>
  <si>
    <t>d2795c23-9087-4094-a0f9-0fa5fee67583.tmp</t>
  </si>
  <si>
    <t>\\acsfs\profiles$\BRUNAAR\Downloads\d2795c23-9087-4094-a0f9-0fa5fee67583.tmp</t>
  </si>
  <si>
    <t>01/18/2020 06:37:36</t>
  </si>
  <si>
    <t>52fa5c28-0bb0-4613-a3fe-e73b2585b559.tmp</t>
  </si>
  <si>
    <t>\\acsfs\profiles$\BRUNAAR\Downloads\52fa5c28-0bb0-4613-a3fe-e73b2585b559.tmp</t>
  </si>
  <si>
    <t>01/18/2020 06:38:52</t>
  </si>
  <si>
    <t>01/18/2020 06:37:32</t>
  </si>
  <si>
    <t>01/18/2020 06:40:52</t>
  </si>
  <si>
    <t>01/18/2020 06:37:47</t>
  </si>
  <si>
    <t>01/18/2020 06:38:08</t>
  </si>
  <si>
    <t>01/18/2020 06:41:53</t>
  </si>
  <si>
    <t>01/18/2020 06:40:49</t>
  </si>
  <si>
    <t>01/18/2020 06:43:53</t>
  </si>
  <si>
    <t>2cac7fa0-6012-48ed-847b-81ac3f105f37.tmp</t>
  </si>
  <si>
    <t>\\acsfs\profiles$\monicargds\Downloads\2cac7fa0-6012-48ed-847b-81ac3f105f37.tmp</t>
  </si>
  <si>
    <t>4eec79d6-4f2e-490c-875b-21d87a08daac.tmp</t>
  </si>
  <si>
    <t>\\acsfs\profiles$\monicargds\Downloads\4eec79d6-4f2e-490c-875b-21d87a08daac.tmp</t>
  </si>
  <si>
    <t>01/18/2020 06:41:25</t>
  </si>
  <si>
    <t>3e2cbe37-525a-48b2-b2b2-2cfcf57cdc88.tmp</t>
  </si>
  <si>
    <t>\\acsfs\profiles$\monicargds\Downloads\3e2cbe37-525a-48b2-b2b2-2cfcf57cdc88.tmp</t>
  </si>
  <si>
    <t>01/18/2020 06:42:09</t>
  </si>
  <si>
    <t>02b37729-a296-4a48-b7b7-f36417360519.tmp</t>
  </si>
  <si>
    <t>\\acsfs\profiles$\monicargds\Downloads\02b37729-a296-4a48-b7b7-f36417360519.tmp</t>
  </si>
  <si>
    <t>01/18/2020 06:44:32</t>
  </si>
  <si>
    <t>01/18/2020 06:47:53</t>
  </si>
  <si>
    <t>01/18/2020 06:46:56</t>
  </si>
  <si>
    <t>01/18/2020 06:46:55</t>
  </si>
  <si>
    <t>01/18/2020 06:45:48</t>
  </si>
  <si>
    <t>01/18/2020 06:48:53</t>
  </si>
  <si>
    <t>41de9fa3-56d8-43f2-9545-b72f19902bef.tmp</t>
  </si>
  <si>
    <t>\\acsfs\profiles$\monicargds\Downloads\41de9fa3-56d8-43f2-9545-b72f19902bef.tmp</t>
  </si>
  <si>
    <t>01/18/2020 06:50:13</t>
  </si>
  <si>
    <t>01/18/2020 06:52:53</t>
  </si>
  <si>
    <t>01/18/2020 06:53:53</t>
  </si>
  <si>
    <t>01/18/2020 06:51:45</t>
  </si>
  <si>
    <t>01/18/2020 06:55:53</t>
  </si>
  <si>
    <t>01/18/2020 06:51:38</t>
  </si>
  <si>
    <t>01/18/2020 06:56:53</t>
  </si>
  <si>
    <t>01/18/2020 06:58:52</t>
  </si>
  <si>
    <t>01/18/2020 07:03:53</t>
  </si>
  <si>
    <t>01/18/2020 07:03:43</t>
  </si>
  <si>
    <t>01/18/2020 07:04:53</t>
  </si>
  <si>
    <t>01/18/2020 07:04:43</t>
  </si>
  <si>
    <t>01/18/2020 07:05:53</t>
  </si>
  <si>
    <t>01/18/2020 07:06:01</t>
  </si>
  <si>
    <t>01/18/2020 07:06:52</t>
  </si>
  <si>
    <t>01/18/2020 07:04:29</t>
  </si>
  <si>
    <t>01/18/2020 07:07:53</t>
  </si>
  <si>
    <t>01/18/2020 07:06:24</t>
  </si>
  <si>
    <t>01/18/2020 07:08:53</t>
  </si>
  <si>
    <t>01/18/2020 07:08:07</t>
  </si>
  <si>
    <t>01/18/2020 07:09:53</t>
  </si>
  <si>
    <t>01/18/2020 07:06:59</t>
  </si>
  <si>
    <t>01/18/2020 07:10:53</t>
  </si>
  <si>
    <t>91dd2b4d-6cde-48e9-820c-cdadc141f7d0.tmp</t>
  </si>
  <si>
    <t>\\acsfs\profiles$\PEDROHAB\Downloads\91dd2b4d-6cde-48e9-820c-cdadc141f7d0.tmp</t>
  </si>
  <si>
    <t>01/18/2020 07:07:00</t>
  </si>
  <si>
    <t>8bafc483-6083-401e-8374-5dfba5818f83.tmp</t>
  </si>
  <si>
    <t>\\acsfs\profiles$\PEDROHAB\Downloads\8bafc483-6083-401e-8374-5dfba5818f83.tmp</t>
  </si>
  <si>
    <t>01/18/2020 07:08:34</t>
  </si>
  <si>
    <t>20134a74-8338-480c-b8e4-8186982eddee.tmp</t>
  </si>
  <si>
    <t>\\acsfs\profiles$\PEDROHAB\Downloads\20134a74-8338-480c-b8e4-8186982eddee.tmp</t>
  </si>
  <si>
    <t>01/18/2020 07:07:52</t>
  </si>
  <si>
    <t>01/18/2020 07:12:53</t>
  </si>
  <si>
    <t>39090c65-b67c-455c-a7e2-a2df204c0282.tmp</t>
  </si>
  <si>
    <t>\\acsfs\profiles$\ALYNYA\Downloads\39090c65-b67c-455c-a7e2-a2df204c0282.tmp</t>
  </si>
  <si>
    <t>01/18/2020 07:08:48</t>
  </si>
  <si>
    <t>01/18/2020 07:13:53</t>
  </si>
  <si>
    <t>01/18/2020 07:12:56</t>
  </si>
  <si>
    <t>01/18/2020 07:14:53</t>
  </si>
  <si>
    <t>01/18/2020 07:12:39</t>
  </si>
  <si>
    <t>01/18/2020 07:17:54</t>
  </si>
  <si>
    <t>01/18/2020 07:18:53</t>
  </si>
  <si>
    <t>01/18/2020 07:19:54</t>
  </si>
  <si>
    <t>01/18/2020 07:16:25</t>
  </si>
  <si>
    <t>01/18/2020 07:18:51</t>
  </si>
  <si>
    <t>01/18/2020 07:22:53</t>
  </si>
  <si>
    <t>01/18/2020 07:23:53</t>
  </si>
  <si>
    <t>01/18/2020 07:24:54</t>
  </si>
  <si>
    <t>01/18/2020 07:23:20</t>
  </si>
  <si>
    <t>01/18/2020 07:25:53</t>
  </si>
  <si>
    <t>01/18/2020 07:27:18</t>
  </si>
  <si>
    <t>01/18/2020 07:27:53</t>
  </si>
  <si>
    <t>01/18/2020 07:28:54</t>
  </si>
  <si>
    <t>01/18/2020 07:29:53</t>
  </si>
  <si>
    <t>01/18/2020 07:25:40</t>
  </si>
  <si>
    <t>01/18/2020 07:25:17</t>
  </si>
  <si>
    <t>01/18/2020 07:30:53</t>
  </si>
  <si>
    <t>01/18/2020 07:29:48</t>
  </si>
  <si>
    <t>907fda5f-cffe-4458-947e-af3bc9f1fabc.tmp</t>
  </si>
  <si>
    <t>\\acsfs\profiles$\luanarda\Downloads\907fda5f-cffe-4458-947e-af3bc9f1fabc.tmp</t>
  </si>
  <si>
    <t>01/18/2020 07:26:43</t>
  </si>
  <si>
    <t>01/18/2020 07:31:53</t>
  </si>
  <si>
    <t>01/18/2020 07:30:29</t>
  </si>
  <si>
    <t>01/18/2020 07:32:54</t>
  </si>
  <si>
    <t>01/18/2020 07:29:34</t>
  </si>
  <si>
    <t>01/18/2020 07:33:53</t>
  </si>
  <si>
    <t>01/18/2020 07:34:54</t>
  </si>
  <si>
    <t>01/18/2020 07:31:12</t>
  </si>
  <si>
    <t>01/18/2020 07:35:53</t>
  </si>
  <si>
    <t>01/18/2020 07:33:18</t>
  </si>
  <si>
    <t>007b75be-a367-46ab-a340-10a8c3c287a1.tmp</t>
  </si>
  <si>
    <t>\\acsfs\profiles$\ERICALSR\Downloads\007b75be-a367-46ab-a340-10a8c3c287a1.tmp</t>
  </si>
  <si>
    <t>01/18/2020 07:33:30</t>
  </si>
  <si>
    <t>f6114ad4-0a1f-48a3-8da9-4f3c75bc311e.tmp</t>
  </si>
  <si>
    <t>\\acsfs\profiles$\ERICALSR\Downloads\f6114ad4-0a1f-48a3-8da9-4f3c75bc311e.tmp</t>
  </si>
  <si>
    <t>15d1b25f-7ebc-4311-b942-a3980cf576db.tmp</t>
  </si>
  <si>
    <t>\\acsfs\profiles$\ERICALSR\Downloads\15d1b25f-7ebc-4311-b942-a3980cf576db.tmp</t>
  </si>
  <si>
    <t>01/18/2020 07:31:04</t>
  </si>
  <si>
    <t>cad5326f-bf0d-4357-b555-0ffdf336fda5.tmp</t>
  </si>
  <si>
    <t>\\acsfs\profiles$\luanarda\Downloads\cad5326f-bf0d-4357-b555-0ffdf336fda5.tmp</t>
  </si>
  <si>
    <t>01/18/2020 07:32:42</t>
  </si>
  <si>
    <t>01/18/2020 07:34:03</t>
  </si>
  <si>
    <t>01/18/2020 07:37:53</t>
  </si>
  <si>
    <t>01/18/2020 07:35:33</t>
  </si>
  <si>
    <t>01/18/2020 07:39:53</t>
  </si>
  <si>
    <t>01/18/2020 07:35:09</t>
  </si>
  <si>
    <t>01/18/2020 07:40:53</t>
  </si>
  <si>
    <t>835ba2d6-b9aa-4081-9fae-1e9c42c2ca89.tmp</t>
  </si>
  <si>
    <t>\\acsfs\profiles$\ERICALSR\Downloads\835ba2d6-b9aa-4081-9fae-1e9c42c2ca89.tmp</t>
  </si>
  <si>
    <t>01/18/2020 07:39:54</t>
  </si>
  <si>
    <t>f827d600-030a-44ad-b56a-b3af98320ccf.tmp</t>
  </si>
  <si>
    <t>\\acsfs\profiles$\PEDROHAB\Downloads\f827d600-030a-44ad-b56a-b3af98320ccf.tmp</t>
  </si>
  <si>
    <t>01/18/2020 07:38:20</t>
  </si>
  <si>
    <t>01/18/2020 07:40:45</t>
  </si>
  <si>
    <t>01/18/2020 07:41:53</t>
  </si>
  <si>
    <t>939ecb3a-149c-4a3b-8178-f599a3e096b6.tmp</t>
  </si>
  <si>
    <t>\\acsfs\profiles$\LAISLG\Downloads\939ecb3a-149c-4a3b-8178-f599a3e096b6.tmp</t>
  </si>
  <si>
    <t>01/18/2020 07:40:51</t>
  </si>
  <si>
    <t>01/18/2020 07:40:14</t>
  </si>
  <si>
    <t>01/18/2020 07:42:54</t>
  </si>
  <si>
    <t>01/18/2020 07:40:15</t>
  </si>
  <si>
    <t>lu2224jihj.tmp</t>
  </si>
  <si>
    <t>\\acsfs\profiles$\BRUNAAR\Numero\lu2224jihj.tmp</t>
  </si>
  <si>
    <t>01/18/2020 07:40:27</t>
  </si>
  <si>
    <t>lu2224jihn.tmp</t>
  </si>
  <si>
    <t>\\acsfs\profiles$\BRUNAAR\Numero\lu2224jihn.tmp</t>
  </si>
  <si>
    <t>01/18/2020 07:44:53</t>
  </si>
  <si>
    <t>01/18/2020 07:44:11</t>
  </si>
  <si>
    <t>01/18/2020 07:45:53</t>
  </si>
  <si>
    <t>01/18/2020 07:43:50</t>
  </si>
  <si>
    <t>01/18/2020 07:46:53</t>
  </si>
  <si>
    <t>c384041c-6911-4c33-87e3-ab5fd3ca3a98.tmp</t>
  </si>
  <si>
    <t>\\acsfs\profiles$\LAISLG\Downloads\c384041c-6911-4c33-87e3-ab5fd3ca3a98.tmp</t>
  </si>
  <si>
    <t>01/18/2020 07:43:13</t>
  </si>
  <si>
    <t>01/18/2020 07:46:13</t>
  </si>
  <si>
    <t>01/18/2020 07:48:53</t>
  </si>
  <si>
    <t>01/18/2020 07:47:32</t>
  </si>
  <si>
    <t>01/18/2020 07:44:00</t>
  </si>
  <si>
    <t>01/18/2020 07:44:13</t>
  </si>
  <si>
    <t>01/18/2020 07:44:28</t>
  </si>
  <si>
    <t>01/18/2020 07:49:53</t>
  </si>
  <si>
    <t>01/18/2020 07:48:32</t>
  </si>
  <si>
    <t>01/18/2020 07:52:52</t>
  </si>
  <si>
    <t>01/18/2020 07:51:50</t>
  </si>
  <si>
    <t>01/18/2020 07:52:53</t>
  </si>
  <si>
    <t>01/18/2020 07:48:46</t>
  </si>
  <si>
    <t>01/18/2020 07:53:53</t>
  </si>
  <si>
    <t>01/18/2020 07:51:35</t>
  </si>
  <si>
    <t>01/18/2020 07:54:52</t>
  </si>
  <si>
    <t>01/18/2020 07:49:30</t>
  </si>
  <si>
    <t>01/18/2020 07:50:47</t>
  </si>
  <si>
    <t>01/18/2020 07:55:53</t>
  </si>
  <si>
    <t>e39e2484-da28-4013-bc98-afa53ee7873d.tmp</t>
  </si>
  <si>
    <t>\\acsfs\profiles$\ERICALSR\Downloads\e39e2484-da28-4013-bc98-afa53ee7873d.tmp</t>
  </si>
  <si>
    <t>01/18/2020 07:51:53</t>
  </si>
  <si>
    <t>01/18/2020 07:54:13</t>
  </si>
  <si>
    <t>ca7b0d35-1d38-47bf-9e55-d72cb9ca225e.tmp</t>
  </si>
  <si>
    <t>\\acsfs\profiles$\felipetds\Downloads\ca7b0d35-1d38-47bf-9e55-d72cb9ca225e.tmp</t>
  </si>
  <si>
    <t>01/18/2020 07:53:57</t>
  </si>
  <si>
    <t>01/18/2020 07:56:53</t>
  </si>
  <si>
    <t>01/18/2020 07:59:53</t>
  </si>
  <si>
    <t>01/18/2020 07:58:34</t>
  </si>
  <si>
    <t>01/18/2020 08:00:53</t>
  </si>
  <si>
    <t>01/18/2020 07:56:00</t>
  </si>
  <si>
    <t>cebb92bc-7f69-43c6-ba4d-433e3fc232de.tmp</t>
  </si>
  <si>
    <t>\\acsfs\profiles$\felipetds\Downloads\cebb92bc-7f69-43c6-ba4d-433e3fc232de.tmp</t>
  </si>
  <si>
    <t>01/18/2020 07:56:14</t>
  </si>
  <si>
    <t>1e7677f3-007c-42bb-8fa2-6b2f477e1212.tmp</t>
  </si>
  <si>
    <t>\\acsfs\profiles$\felipetds\Downloads\1e7677f3-007c-42bb-8fa2-6b2f477e1212.tmp</t>
  </si>
  <si>
    <t>01/18/2020 08:01:03</t>
  </si>
  <si>
    <t>01/18/2020 08:03:53</t>
  </si>
  <si>
    <t>01/18/2020 08:02:09</t>
  </si>
  <si>
    <t>01/18/2020 08:04:53</t>
  </si>
  <si>
    <t>01/18/2020 08:04:56</t>
  </si>
  <si>
    <t>01/18/2020 08:05:54</t>
  </si>
  <si>
    <t>01/18/2020 08:04:04</t>
  </si>
  <si>
    <t>11d72978-8e16-40a9-ae6c-4d8184513f3e.tmp</t>
  </si>
  <si>
    <t>\\acsfs\profiles$\milenaas\Downloads\11d72978-8e16-40a9-ae6c-4d8184513f3e.tmp</t>
  </si>
  <si>
    <t>01/18/2020 08:04:41</t>
  </si>
  <si>
    <t>2a5205d9-8d00-4576-b5f1-06f13649d13d.tmp</t>
  </si>
  <si>
    <t>\\acsfs\profiles$\milenaas\Downloads\2a5205d9-8d00-4576-b5f1-06f13649d13d.tmp</t>
  </si>
  <si>
    <t>01/18/2020 08:04:12</t>
  </si>
  <si>
    <t>01/18/2020 08:07:53</t>
  </si>
  <si>
    <t>01/18/2020 08:09:53</t>
  </si>
  <si>
    <t>01/18/2020 08:06:25</t>
  </si>
  <si>
    <t>01/18/2020 08:10:53</t>
  </si>
  <si>
    <t>da7fae97-ff4d-4eef-a285-3af865aff7f9.tmp</t>
  </si>
  <si>
    <t>\\acsfs\profiles$\milenaas\Downloads\da7fae97-ff4d-4eef-a285-3af865aff7f9.tmp</t>
  </si>
  <si>
    <t>01/18/2020 08:06:49</t>
  </si>
  <si>
    <t>54647065-b552-4cc4-b9e3-f01394bfbda5.tmp</t>
  </si>
  <si>
    <t>\\acsfs\profiles$\milenaas\Downloads\54647065-b552-4cc4-b9e3-f01394bfbda5.tmp</t>
  </si>
  <si>
    <t>01/18/2020 08:07:02</t>
  </si>
  <si>
    <t>61499b89-d371-48e6-bdf4-eb1db08390f2.tmp</t>
  </si>
  <si>
    <t>\\acsfs\profiles$\milenaas\Downloads\61499b89-d371-48e6-bdf4-eb1db08390f2.tmp</t>
  </si>
  <si>
    <t>01/18/2020 08:08:25</t>
  </si>
  <si>
    <t>01/18/2020 08:11:53</t>
  </si>
  <si>
    <t>01/18/2020 08:08:29</t>
  </si>
  <si>
    <t>01/18/2020 08:10:16</t>
  </si>
  <si>
    <t>01/18/2020 08:06:34</t>
  </si>
  <si>
    <t>01/18/2020 08:10:11</t>
  </si>
  <si>
    <t>01/18/2020 08:13:53</t>
  </si>
  <si>
    <t>f1a3099a-2eb5-443a-9fb4-6d14ccb58a2b.tmp</t>
  </si>
  <si>
    <t>\\acsfs\profiles$\henriquehmdo\Downloads\f1a3099a-2eb5-443a-9fb4-6d14ccb58a2b.tmp</t>
  </si>
  <si>
    <t>01/18/2020 08:10:26</t>
  </si>
  <si>
    <t>01/18/2020 08:10:50</t>
  </si>
  <si>
    <t>01/18/2020 08:12:10</t>
  </si>
  <si>
    <t>5581a7d0-ded1-4e62-b6a0-c58d1fc005da.tmp</t>
  </si>
  <si>
    <t>\\acsfs\profiles$\henriquehmdo\Downloads\5581a7d0-ded1-4e62-b6a0-c58d1fc005da.tmp</t>
  </si>
  <si>
    <t>01/18/2020 08:13:27</t>
  </si>
  <si>
    <t>01/18/2020 08:14:53</t>
  </si>
  <si>
    <t>01/18/2020 08:12:22</t>
  </si>
  <si>
    <t>01/18/2020 08:15:53</t>
  </si>
  <si>
    <t>cc4df78a-8f9e-4565-a8a8-36d552953c82.tmp</t>
  </si>
  <si>
    <t>\\acsfs\profiles$\luanarda\Downloads\cc4df78a-8f9e-4565-a8a8-36d552953c82.tmp</t>
  </si>
  <si>
    <t>01/18/2020 08:15:08</t>
  </si>
  <si>
    <t>01/18/2020 08:11:29</t>
  </si>
  <si>
    <t>01/18/2020 08:13:22</t>
  </si>
  <si>
    <t>01/18/2020 08:17:53</t>
  </si>
  <si>
    <t>01/18/2020 08:15:23</t>
  </si>
  <si>
    <t>01/18/2020 08:18:53</t>
  </si>
  <si>
    <t>01/18/2020 08:19:53</t>
  </si>
  <si>
    <t>01/18/2020 08:21:11</t>
  </si>
  <si>
    <t>01/18/2020 08:22:53</t>
  </si>
  <si>
    <t>01/18/2020 08:20:10</t>
  </si>
  <si>
    <t>01/18/2020 08:23:54</t>
  </si>
  <si>
    <t>01/18/2020 08:20:32</t>
  </si>
  <si>
    <t>71e388ed-12d6-42f1-9616-e94571276dd0.tmp</t>
  </si>
  <si>
    <t>\\acsfs\profiles$\paulovadc\Downloads\71e388ed-12d6-42f1-9616-e94571276dd0.tmp</t>
  </si>
  <si>
    <t>01/18/2020 08:24:53</t>
  </si>
  <si>
    <t>01/18/2020 08:22:30</t>
  </si>
  <si>
    <t>01/18/2020 08:25:53</t>
  </si>
  <si>
    <t>7d7acd7c-2a6b-4a5a-8d56-00815378baab.tmp</t>
  </si>
  <si>
    <t>\\acsfs\profiles$\ERICALSR\Downloads\7d7acd7c-2a6b-4a5a-8d56-00815378baab.tmp</t>
  </si>
  <si>
    <t>01/18/2020 08:23:26</t>
  </si>
  <si>
    <t>01/18/2020 08:22:44</t>
  </si>
  <si>
    <t>01/18/2020 08:25:13</t>
  </si>
  <si>
    <t>01/18/2020 08:21:12</t>
  </si>
  <si>
    <t>01/18/2020 08:26:53</t>
  </si>
  <si>
    <t>01/18/2020 08:24:21</t>
  </si>
  <si>
    <t>01/18/2020 08:24:41</t>
  </si>
  <si>
    <t>01/18/2020 08:25:00</t>
  </si>
  <si>
    <t>01/18/2020 08:25:06</t>
  </si>
  <si>
    <t>01/18/2020 08:25:46</t>
  </si>
  <si>
    <t>01/18/2020 08:29:53</t>
  </si>
  <si>
    <t>01/18/2020 08:27:24</t>
  </si>
  <si>
    <t>01/18/2020 08:30:52</t>
  </si>
  <si>
    <t>51254ee3-e5b5-4c01-95b8-fa8dc1f2fb9d.tmp</t>
  </si>
  <si>
    <t>\\acsfs\profiles$\ERICALSR\Downloads\51254ee3-e5b5-4c01-95b8-fa8dc1f2fb9d.tmp</t>
  </si>
  <si>
    <t>01/18/2020 08:28:40</t>
  </si>
  <si>
    <t>01/18/2020 08:31:06</t>
  </si>
  <si>
    <t>01/18/2020 08:32:53</t>
  </si>
  <si>
    <t>01/18/2020 08:28:21</t>
  </si>
  <si>
    <t>01/18/2020 08:33:53</t>
  </si>
  <si>
    <t>08d1f9ba-74bf-48c1-86bd-b2966589dc46.tmp</t>
  </si>
  <si>
    <t>\\acsfs\profiles$\paulovadc\Downloads\08d1f9ba-74bf-48c1-86bd-b2966589dc46.tmp</t>
  </si>
  <si>
    <t>01/18/2020 08:33:37</t>
  </si>
  <si>
    <t>01/18/2020 08:34:54</t>
  </si>
  <si>
    <t>01/18/2020 08:37:18</t>
  </si>
  <si>
    <t>01/18/2020 08:37:53</t>
  </si>
  <si>
    <t>01/18/2020 08:39:53</t>
  </si>
  <si>
    <t>01/18/2020 08:38:20</t>
  </si>
  <si>
    <t>01/18/2020 08:40:53</t>
  </si>
  <si>
    <t>01/18/2020 08:40:10</t>
  </si>
  <si>
    <t>01/18/2020 08:41:53</t>
  </si>
  <si>
    <t>01/18/2020 08:42:16</t>
  </si>
  <si>
    <t>01/18/2020 08:43:53</t>
  </si>
  <si>
    <t>01/18/2020 08:44:53</t>
  </si>
  <si>
    <t>01/18/2020 08:40:36</t>
  </si>
  <si>
    <t>01/18/2020 08:44:49</t>
  </si>
  <si>
    <t>01/18/2020 08:48:53</t>
  </si>
  <si>
    <t>c0303a3f-b616-49b3-9c2c-d6b0f841fb67.tmp</t>
  </si>
  <si>
    <t>\\acsfs\profiles$\ALYNYA\Downloads\c0303a3f-b616-49b3-9c2c-d6b0f841fb67.tmp</t>
  </si>
  <si>
    <t>01/18/2020 08:46:23</t>
  </si>
  <si>
    <t>01/18/2020 08:47:34</t>
  </si>
  <si>
    <t>01/18/2020 08:49:52</t>
  </si>
  <si>
    <t>01/18/2020 08:52:23</t>
  </si>
  <si>
    <t>01/18/2020 08:52:53</t>
  </si>
  <si>
    <t>01/18/2020 08:49:44</t>
  </si>
  <si>
    <t>01/18/2020 08:53:53</t>
  </si>
  <si>
    <t>01/18/2020 08:54:53</t>
  </si>
  <si>
    <t>01/18/2020 08:54:19</t>
  </si>
  <si>
    <t>01/18/2020 08:55:53</t>
  </si>
  <si>
    <t>01/18/2020 08:57:21</t>
  </si>
  <si>
    <t>01/18/2020 08:58:54</t>
  </si>
  <si>
    <t>05987f09-a781-4580-9683-d868a8ea6cfe.tmp</t>
  </si>
  <si>
    <t>\\acsfs\profiles$\henriquehmdo\Downloads\05987f09-a781-4580-9683-d868a8ea6cfe.tmp</t>
  </si>
  <si>
    <t>01/18/2020 08:59:54</t>
  </si>
  <si>
    <t>01/18/2020 08:57:38</t>
  </si>
  <si>
    <t>01/18/2020 08:58:10</t>
  </si>
  <si>
    <t>ab73e9c9-ab44-44fe-a5d4-6ad85bfac2b4.tmp</t>
  </si>
  <si>
    <t>\\acsfs\profiles$\Flaviojmm\Downloads\ab73e9c9-ab44-44fe-a5d4-6ad85bfac2b4.tmp</t>
  </si>
  <si>
    <t>01/18/2020 08:58:40</t>
  </si>
  <si>
    <t>b14c3bd6-1ad6-415c-90a2-b919a943b259.tmp</t>
  </si>
  <si>
    <t>\\acsfs\profiles$\Flaviojmm\Downloads\b14c3bd6-1ad6-415c-90a2-b919a943b259.tmp</t>
  </si>
  <si>
    <t>01/18/2020 08:59:21</t>
  </si>
  <si>
    <t>926d88ff-c4da-4923-a357-9e57286a2094.tmp</t>
  </si>
  <si>
    <t>\\acsfs\profiles$\Flaviojmm\Downloads\926d88ff-c4da-4923-a357-9e57286a2094.tmp</t>
  </si>
  <si>
    <t>01/18/2020 08:59:09</t>
  </si>
  <si>
    <t>01/18/2020 09:01:54</t>
  </si>
  <si>
    <t>01/18/2020 08:58:05</t>
  </si>
  <si>
    <t>01/18/2020 09:02:54</t>
  </si>
  <si>
    <t>01/18/2020 09:00:04</t>
  </si>
  <si>
    <t>d4924616-3b94-459b-b5d6-40d2cd3a694c.tmp</t>
  </si>
  <si>
    <t>\\acsfs\profiles$\isabellegtds\Downloads\d4924616-3b94-459b-b5d6-40d2cd3a694c.tmp</t>
  </si>
  <si>
    <t>01/18/2020 08:57:52</t>
  </si>
  <si>
    <t>01/18/2020 09:03:54</t>
  </si>
  <si>
    <t>01/18/2020 09:01:01</t>
  </si>
  <si>
    <t>01/18/2020 09:04:54</t>
  </si>
  <si>
    <t>01/18/2020 09:05:06</t>
  </si>
  <si>
    <t>01/18/2020 09:08:54</t>
  </si>
  <si>
    <t>01/18/2020 09:09:54</t>
  </si>
  <si>
    <t>01/18/2020 09:10:05</t>
  </si>
  <si>
    <t>01/18/2020 09:12:54</t>
  </si>
  <si>
    <t>01/18/2020 09:12:14</t>
  </si>
  <si>
    <t>01/18/2020 09:14:54</t>
  </si>
  <si>
    <t>01/18/2020 09:12:09</t>
  </si>
  <si>
    <t>01/18/2020 09:15:54</t>
  </si>
  <si>
    <t>9132fd49-7b1e-4906-98d9-062d0545e863.tmp</t>
  </si>
  <si>
    <t>\\acsfs\profiles$\felipetds\Downloads\9132fd49-7b1e-4906-98d9-062d0545e863.tmp</t>
  </si>
  <si>
    <t>01/18/2020 09:13:01</t>
  </si>
  <si>
    <t>01/18/2020 09:17:54</t>
  </si>
  <si>
    <t>01/18/2020 09:17:31</t>
  </si>
  <si>
    <t>449f0217-b71c-4ff9-b7b1-be7d8ca74ff4.tmp</t>
  </si>
  <si>
    <t>\\acsfs\profiles$\BRUNAAR\Downloads\449f0217-b71c-4ff9-b7b1-be7d8ca74ff4.tmp</t>
  </si>
  <si>
    <t>01/18/2020 09:14:44</t>
  </si>
  <si>
    <t>01/18/2020 09:18:54</t>
  </si>
  <si>
    <t>01/18/2020 09:19:54</t>
  </si>
  <si>
    <t>01/18/2020 09:18:41</t>
  </si>
  <si>
    <t>01/18/2020 09:20:54</t>
  </si>
  <si>
    <t>1c04e7e7-d7b2-4ec0-bee7-48aa67f6f270.tmp</t>
  </si>
  <si>
    <t>\\acsfs\profiles$\luanarda\Downloads\1c04e7e7-d7b2-4ec0-bee7-48aa67f6f270.tmp</t>
  </si>
  <si>
    <t>01/18/2020 09:19:05</t>
  </si>
  <si>
    <t>01/18/2020 09:21:54</t>
  </si>
  <si>
    <t>01/18/2020 09:19:10</t>
  </si>
  <si>
    <t>01/18/2020 09:19:13</t>
  </si>
  <si>
    <t>01/18/2020 09:19:25</t>
  </si>
  <si>
    <t>01/18/2020 09:19:32</t>
  </si>
  <si>
    <t>01/18/2020 09:18:28</t>
  </si>
  <si>
    <t>01/18/2020 09:22:54</t>
  </si>
  <si>
    <t>01/18/2020 09:18:58</t>
  </si>
  <si>
    <t>e1ad5185-31c9-4aa6-9029-e1d6d2c50783.tmp</t>
  </si>
  <si>
    <t>\\acsfs\profiles$\BRUNAAR\Downloads\e1ad5185-31c9-4aa6-9029-e1d6d2c50783.tmp</t>
  </si>
  <si>
    <t>01/18/2020 09:24:54</t>
  </si>
  <si>
    <t>01/18/2020 09:23:04</t>
  </si>
  <si>
    <t>01/18/2020 09:20:38</t>
  </si>
  <si>
    <t>01/18/2020 09:25:55</t>
  </si>
  <si>
    <t>8c9d05dd-3164-496f-9834-7a1fa66bdc71.tmp</t>
  </si>
  <si>
    <t>\\acsfs\profiles$\danielac\Downloads\8c9d05dd-3164-496f-9834-7a1fa66bdc71.tmp</t>
  </si>
  <si>
    <t>01/18/2020 09:20:49</t>
  </si>
  <si>
    <t>10374e2d-66e3-4ec5-86eb-59657fd29dc1.tmp</t>
  </si>
  <si>
    <t>\\acsfs\profiles$\danielac\Downloads\10374e2d-66e3-4ec5-86eb-59657fd29dc1.tmp</t>
  </si>
  <si>
    <t>01/18/2020 09:24:22</t>
  </si>
  <si>
    <t>01/18/2020 09:26:54</t>
  </si>
  <si>
    <t>8e5da2a6-47a2-4ca9-aa16-001c76f018bd.tmp</t>
  </si>
  <si>
    <t>\\acsfs\profiles$\LAISLG\Downloads\8e5da2a6-47a2-4ca9-aa16-001c76f018bd.tmp</t>
  </si>
  <si>
    <t>01/18/2020 09:23:44</t>
  </si>
  <si>
    <t>01/18/2020 09:27:54</t>
  </si>
  <si>
    <t>01/18/2020 09:29:54</t>
  </si>
  <si>
    <t>01/18/2020 09:28:29</t>
  </si>
  <si>
    <t>01/18/2020 09:30:54</t>
  </si>
  <si>
    <t>01/18/2020 09:26:25</t>
  </si>
  <si>
    <t>01/18/2020 09:26:45</t>
  </si>
  <si>
    <t>01/18/2020 09:31:54</t>
  </si>
  <si>
    <t>andrelpsa@algartech.com;robsonams@algartech.com;</t>
  </si>
  <si>
    <t>andrelpsa@algartech.com,robsonams@algartech.com</t>
  </si>
  <si>
    <t>01/18/2020 09:26:55</t>
  </si>
  <si>
    <t>01/18/2020 09:26:59</t>
  </si>
  <si>
    <t>01/18/2020 09:28:04</t>
  </si>
  <si>
    <t>01/18/2020 09:32:54</t>
  </si>
  <si>
    <t>01/18/2020 09:29:20</t>
  </si>
  <si>
    <t>ebe30996-cce0-4480-b09d-af631cd30b6b.tmp</t>
  </si>
  <si>
    <t>\\acsfs\profiles$\kellzylenneasr\Downloads\ebe30996-cce0-4480-b09d-af631cd30b6b.tmp</t>
  </si>
  <si>
    <t>01/18/2020 09:27:55</t>
  </si>
  <si>
    <t>lu2224jihr.tmp</t>
  </si>
  <si>
    <t>\\acsfs\profiles$\BRUNAAR\Numero\lu2224jihr.tmp</t>
  </si>
  <si>
    <t>01/18/2020 09:28:46</t>
  </si>
  <si>
    <t>01/18/2020 09:33:54</t>
  </si>
  <si>
    <t>01/18/2020 09:28:49</t>
  </si>
  <si>
    <t>01/18/2020 09:28:50</t>
  </si>
  <si>
    <t>01/18/2020 09:28:51</t>
  </si>
  <si>
    <t>01/18/2020 09:28:52</t>
  </si>
  <si>
    <t>01/18/2020 09:28:53</t>
  </si>
  <si>
    <t>01/18/2020 09:28:54</t>
  </si>
  <si>
    <t>01/18/2020 09:28:55</t>
  </si>
  <si>
    <t>01/18/2020 09:28:56</t>
  </si>
  <si>
    <t>01/18/2020 09:28:58</t>
  </si>
  <si>
    <t>01/18/2020 09:28:59</t>
  </si>
  <si>
    <t>01/18/2020 09:29:00</t>
  </si>
  <si>
    <t>01/18/2020 09:29:01</t>
  </si>
  <si>
    <t>01/18/2020 09:29:02</t>
  </si>
  <si>
    <t>01/18/2020 09:29:03</t>
  </si>
  <si>
    <t>01/18/2020 09:29:05</t>
  </si>
  <si>
    <t>01/18/2020 09:29:06</t>
  </si>
  <si>
    <t>01/18/2020 09:29:08</t>
  </si>
  <si>
    <t>01/18/2020 09:29:11</t>
  </si>
  <si>
    <t>01/18/2020 09:29:12</t>
  </si>
  <si>
    <t>01/18/2020 09:29:13</t>
  </si>
  <si>
    <t>01/18/2020 09:29:14</t>
  </si>
  <si>
    <t>01/18/2020 09:29:16</t>
  </si>
  <si>
    <t>01/18/2020 09:29:17</t>
  </si>
  <si>
    <t>01/18/2020 09:29:18</t>
  </si>
  <si>
    <t>01/18/2020 09:29:19</t>
  </si>
  <si>
    <t>01/18/2020 09:29:21</t>
  </si>
  <si>
    <t>01/18/2020 09:29:22</t>
  </si>
  <si>
    <t>01/18/2020 09:29:23</t>
  </si>
  <si>
    <t>01/18/2020 09:29:25</t>
  </si>
  <si>
    <t>01/18/2020 09:29:26</t>
  </si>
  <si>
    <t>01/18/2020 09:29:27</t>
  </si>
  <si>
    <t>01/18/2020 09:29:29</t>
  </si>
  <si>
    <t>01/18/2020 09:29:30</t>
  </si>
  <si>
    <t>01/18/2020 09:29:31</t>
  </si>
  <si>
    <t>01/18/2020 09:29:32</t>
  </si>
  <si>
    <t>01/18/2020 09:29:33</t>
  </si>
  <si>
    <t>01/18/2020 09:29:34</t>
  </si>
  <si>
    <t>01/18/2020 09:29:36</t>
  </si>
  <si>
    <t>01/18/2020 09:34:54</t>
  </si>
  <si>
    <t>01/18/2020 09:34:34</t>
  </si>
  <si>
    <t>01/18/2020 09:35:54</t>
  </si>
  <si>
    <t>01/18/2020 09:31:55</t>
  </si>
  <si>
    <t>01/18/2020 09:36:54</t>
  </si>
  <si>
    <t>01/18/2020 09:32:00</t>
  </si>
  <si>
    <t>01/18/2020 09:32:17</t>
  </si>
  <si>
    <t>01/18/2020 09:32:20</t>
  </si>
  <si>
    <t>01/18/2020 09:33:08</t>
  </si>
  <si>
    <t>01/18/2020 09:33:28</t>
  </si>
  <si>
    <t>01/18/2020 09:37:54</t>
  </si>
  <si>
    <t>01/18/2020 09:32:15</t>
  </si>
  <si>
    <t>4fe2e583-9da0-4bf3-8e54-3380605031fa.tmp</t>
  </si>
  <si>
    <t>\\acsfs\profiles$\kellzylenneasr\Downloads\4fe2e583-9da0-4bf3-8e54-3380605031fa.tmp</t>
  </si>
  <si>
    <t>01/18/2020 09:33:48</t>
  </si>
  <si>
    <t>bed23fdf-d07b-4b3e-8192-9b03c067bb31.tmp</t>
  </si>
  <si>
    <t>\\acsfs\profiles$\isabellegtds\Downloads\bed23fdf-d07b-4b3e-8192-9b03c067bb31.tmp</t>
  </si>
  <si>
    <t>01/18/2020 09:35:22</t>
  </si>
  <si>
    <t>01/18/2020 09:34:59</t>
  </si>
  <si>
    <t>01/18/2020 09:38:54</t>
  </si>
  <si>
    <t>e87797bc-ed71-4686-b465-573529af2afe.tmp</t>
  </si>
  <si>
    <t>\\acsfs\profiles$\dhiulliananads\Downloads\e87797bc-ed71-4686-b465-573529af2afe.tmp</t>
  </si>
  <si>
    <t>01/18/2020 09:35:53</t>
  </si>
  <si>
    <t>1b310f33-3c5f-4a6e-87b1-3e817832d327.tmp</t>
  </si>
  <si>
    <t>\\acsfs\profiles$\dhiulliananads\Downloads\1b310f33-3c5f-4a6e-87b1-3e817832d327.tmp</t>
  </si>
  <si>
    <t>01/18/2020 09:36:21</t>
  </si>
  <si>
    <t>01/18/2020 09:37:45</t>
  </si>
  <si>
    <t>01/18/2020 09:39:54</t>
  </si>
  <si>
    <t>01/18/2020 09:37:30</t>
  </si>
  <si>
    <t>01/18/2020 09:40:54</t>
  </si>
  <si>
    <t>01/18/2020 09:41:26</t>
  </si>
  <si>
    <t>01/18/2020 09:42:54</t>
  </si>
  <si>
    <t>5526b8e9-67ca-4e10-94d0-79945035046c.tmp</t>
  </si>
  <si>
    <t>\\acsfs\profiles$\kellzylenneasr\Downloads\5526b8e9-67ca-4e10-94d0-79945035046c.tmp</t>
  </si>
  <si>
    <t>01/18/2020 09:38:31</t>
  </si>
  <si>
    <t>01/18/2020 09:41:31</t>
  </si>
  <si>
    <t>01f3c1bf-2b53-4a9c-912c-478da5f8a58b.tmp</t>
  </si>
  <si>
    <t>\\acsfs\profiles$\ALYNYA\Downloads\01f3c1bf-2b53-4a9c-912c-478da5f8a58b.tmp</t>
  </si>
  <si>
    <t>01/18/2020 09:39:17</t>
  </si>
  <si>
    <t>01/18/2020 09:43:54</t>
  </si>
  <si>
    <t>7d68b559-2936-4249-a325-8ba46125d9a8.tmp</t>
  </si>
  <si>
    <t>\\acsfs\profiles$\paulovadc\Downloads\7d68b559-2936-4249-a325-8ba46125d9a8.tmp</t>
  </si>
  <si>
    <t>01/18/2020 09:39:29</t>
  </si>
  <si>
    <t>01/18/2020 09:39:36</t>
  </si>
  <si>
    <t>01/18/2020 09:40:00</t>
  </si>
  <si>
    <t>01/18/2020 09:40:06</t>
  </si>
  <si>
    <t>01/18/2020 09:40:21</t>
  </si>
  <si>
    <t>01/18/2020 09:40:25</t>
  </si>
  <si>
    <t>01/18/2020 09:41:08</t>
  </si>
  <si>
    <t>01/18/2020 09:41:16</t>
  </si>
  <si>
    <t>01/18/2020 09:41:18</t>
  </si>
  <si>
    <t>01/18/2020 09:41:20</t>
  </si>
  <si>
    <t>01/18/2020 09:41:45</t>
  </si>
  <si>
    <t>01/18/2020 09:42:02</t>
  </si>
  <si>
    <t>01/18/2020 09:39:16</t>
  </si>
  <si>
    <t>nathalydds</t>
  </si>
  <si>
    <t>\\acsfs\profiles$\nathalydds\Downloads\</t>
  </si>
  <si>
    <t>Supera (Ao Vivo).0xpywh6.partial</t>
  </si>
  <si>
    <t>\\acsfs\profiles$\nathalydds\Downloads\Supera (Ao Vivo).0xpywh6.partial</t>
  </si>
  <si>
    <t>01/18/2020 09:44:54</t>
  </si>
  <si>
    <t>01/18/2020 09:43:05</t>
  </si>
  <si>
    <t>01/18/2020 09:47:54</t>
  </si>
  <si>
    <t>01/18/2020 09:46:19</t>
  </si>
  <si>
    <t>01/18/2020 09:48:53</t>
  </si>
  <si>
    <t>01/18/2020 09:49:54</t>
  </si>
  <si>
    <t>01/18/2020 09:48:50</t>
  </si>
  <si>
    <t>01/18/2020 09:52:54</t>
  </si>
  <si>
    <t>01/18/2020 09:49:53</t>
  </si>
  <si>
    <t>01/18/2020 09:53:53</t>
  </si>
  <si>
    <t>01/18/2020 09:48:17</t>
  </si>
  <si>
    <t>01/18/2020 09:52:14</t>
  </si>
  <si>
    <t>01/18/2020 09:54:54</t>
  </si>
  <si>
    <t>01/18/2020 09:55:23</t>
  </si>
  <si>
    <t>01/18/2020 09:55:53</t>
  </si>
  <si>
    <t>01/18/2020 09:52:21</t>
  </si>
  <si>
    <t>01/18/2020 09:56:54</t>
  </si>
  <si>
    <t>01/18/2020 09:55:32</t>
  </si>
  <si>
    <t>5dfd3f6a-6c95-4cc5-aa5c-4bf3bd536bf3.tmp</t>
  </si>
  <si>
    <t>\\acsfs\profiles$\rafaelacdoc\Downloads\5dfd3f6a-6c95-4cc5-aa5c-4bf3bd536bf3.tmp</t>
  </si>
  <si>
    <t>01/18/2020 09:56:13</t>
  </si>
  <si>
    <t>01/18/2020 09:54:03</t>
  </si>
  <si>
    <t>01/18/2020 09:53:25</t>
  </si>
  <si>
    <t>01/18/2020 09:57:53</t>
  </si>
  <si>
    <t>5b01e088-c456-4e74-ac88-4991d59fe25f.tmp</t>
  </si>
  <si>
    <t>\\acsfs\profiles$\isabellegtds\Downloads\5b01e088-c456-4e74-ac88-4991d59fe25f.tmp</t>
  </si>
  <si>
    <t>01/18/2020 09:59:53</t>
  </si>
  <si>
    <t>01/18/2020 09:56:48</t>
  </si>
  <si>
    <t>01/18/2020 10:00:54</t>
  </si>
  <si>
    <t>01/18/2020 09:58:41</t>
  </si>
  <si>
    <t>01/18/2020 09:59:37</t>
  </si>
  <si>
    <t>01/18/2020 09:59:43</t>
  </si>
  <si>
    <t>01/18/2020 09:59:50</t>
  </si>
  <si>
    <t>01/18/2020 09:56:29</t>
  </si>
  <si>
    <t>01/18/2020 10:01:54</t>
  </si>
  <si>
    <t>8417fbfd-5afa-410f-868e-77092a2b3112.tmp</t>
  </si>
  <si>
    <t>\\acsfs\profiles$\rafaelacdoc\Downloads\8417fbfd-5afa-410f-868e-77092a2b3112.tmp</t>
  </si>
  <si>
    <t>01/18/2020 09:59:24</t>
  </si>
  <si>
    <t>01/18/2020 10:02:54</t>
  </si>
  <si>
    <t>01/18/2020 09:59:30</t>
  </si>
  <si>
    <t>01/18/2020 10:03:54</t>
  </si>
  <si>
    <t>9c641fd6-4273-4316-94af-5d669c454360.tmp</t>
  </si>
  <si>
    <t>\\acsfs\profiles$\dhiulliananads\Downloads\9c641fd6-4273-4316-94af-5d669c454360.tmp</t>
  </si>
  <si>
    <t>01/18/2020 10:00:43</t>
  </si>
  <si>
    <t>01/18/2020 10:04:54</t>
  </si>
  <si>
    <t>01/18/2020 10:02:09</t>
  </si>
  <si>
    <t>01/18/2020 10:05:54</t>
  </si>
  <si>
    <t>5d618576-cf5b-47e4-a7d1-8cc8491b0bf2.tmp</t>
  </si>
  <si>
    <t>\\acsfs\profiles$\mariagsg\Downloads\5d618576-cf5b-47e4-a7d1-8cc8491b0bf2.tmp</t>
  </si>
  <si>
    <t>7a6993cb-9705-4a8a-b6cc-5787c3b70b42.tmp</t>
  </si>
  <si>
    <t>\\acsfs\profiles$\mariagsg\Downloads\7a6993cb-9705-4a8a-b6cc-5787c3b70b42.tmp</t>
  </si>
  <si>
    <t>01/18/2020 10:02:15</t>
  </si>
  <si>
    <t>01/18/2020 10:02:47</t>
  </si>
  <si>
    <t>01/18/2020 10:03:08</t>
  </si>
  <si>
    <t>fdd14d06-6640-4522-8341-017f77f4ac48.tmp</t>
  </si>
  <si>
    <t>\\acsfs\profiles$\mariagsg\Downloads\fdd14d06-6640-4522-8341-017f77f4ac48.tmp</t>
  </si>
  <si>
    <t>01/18/2020 10:04:32</t>
  </si>
  <si>
    <t>01/18/2020 10:07:53</t>
  </si>
  <si>
    <t>01/18/2020 10:04:18</t>
  </si>
  <si>
    <t>01/18/2020 10:08:54</t>
  </si>
  <si>
    <t>01/18/2020 10:06:22</t>
  </si>
  <si>
    <t>Briga.4rk4g5e.partial</t>
  </si>
  <si>
    <t>\\acsfs\profiles$\nathalydds\Downloads\Briga.4rk4g5e.partial</t>
  </si>
  <si>
    <t>01/18/2020 10:09:54</t>
  </si>
  <si>
    <t>01/18/2020 10:06:43</t>
  </si>
  <si>
    <t>01/18/2020 10:10:54</t>
  </si>
  <si>
    <t>01/18/2020 10:07:08</t>
  </si>
  <si>
    <t>01/18/2020 10:11:54</t>
  </si>
  <si>
    <t>c3f2d548-6182-445d-9282-e0813e5d5362.tmp</t>
  </si>
  <si>
    <t>\\acsfs\profiles$\gabrielaff\Downloads\c3f2d548-6182-445d-9282-e0813e5d5362.tmp</t>
  </si>
  <si>
    <t>01/18/2020 10:11:09</t>
  </si>
  <si>
    <t>ee702c47-50fd-4b01-9161-d837b9a1d29f.tmp</t>
  </si>
  <si>
    <t>\\acsfs\profiles$\gabrielaff\Downloads\ee702c47-50fd-4b01-9161-d837b9a1d29f.tmp</t>
  </si>
  <si>
    <t>01/18/2020 10:08:12</t>
  </si>
  <si>
    <t>01/18/2020 10:12:53</t>
  </si>
  <si>
    <t>01/18/2020 10:10:32</t>
  </si>
  <si>
    <t>01/18/2020 10:10:55</t>
  </si>
  <si>
    <t>01/18/2020 10:13:54</t>
  </si>
  <si>
    <t>b407e9a7-fff6-41d4-9073-7f120e7ff9f3.tmp</t>
  </si>
  <si>
    <t>\\acsfs\profiles$\paulovadc\Downloads\b407e9a7-fff6-41d4-9073-7f120e7ff9f3.tmp</t>
  </si>
  <si>
    <t>01/18/2020 10:08:34</t>
  </si>
  <si>
    <t>01/18/2020 10:12:47</t>
  </si>
  <si>
    <t>3fed49e4-6196-4c22-8d0c-5f43cdd02234.tmp</t>
  </si>
  <si>
    <t>\\acsfs\profiles$\henriquehmdo\Downloads\3fed49e4-6196-4c22-8d0c-5f43cdd02234.tmp</t>
  </si>
  <si>
    <t>01/18/2020 10:14:53</t>
  </si>
  <si>
    <t>01/18/2020 10:14:42</t>
  </si>
  <si>
    <t>01/18/2020 10:15:54</t>
  </si>
  <si>
    <t>01/18/2020 10:14:05</t>
  </si>
  <si>
    <t>01/18/2020 10:16:54</t>
  </si>
  <si>
    <t>01/18/2020 10:16:41</t>
  </si>
  <si>
    <t>01/18/2020 10:17:54</t>
  </si>
  <si>
    <t>b1427a87-ecb5-4a11-8fb8-53de2e8360c1.tmp</t>
  </si>
  <si>
    <t>\\acsfs\profiles$\kellzylenneasr\Downloads\b1427a87-ecb5-4a11-8fb8-53de2e8360c1.tmp</t>
  </si>
  <si>
    <t>01/18/2020 10:17:43</t>
  </si>
  <si>
    <t>01/18/2020 10:18:54</t>
  </si>
  <si>
    <t>01/18/2020 10:14:18</t>
  </si>
  <si>
    <t>Mentira.y5gd7si.partial</t>
  </si>
  <si>
    <t>\\acsfs\profiles$\nathalydds\Downloads\Mentira.y5gd7si.partial</t>
  </si>
  <si>
    <t>01/18/2020 10:18:05</t>
  </si>
  <si>
    <t>Surtada (Remix Brega Funk).dwcn1uw.partial</t>
  </si>
  <si>
    <t>\\acsfs\profiles$\nathalydds\Downloads\Surtada (Remix Brega Funk).dwcn1uw.partial</t>
  </si>
  <si>
    <t>01/18/2020 10:19:54</t>
  </si>
  <si>
    <t>01/18/2020 10:19:36</t>
  </si>
  <si>
    <t>01/18/2020 10:20:54</t>
  </si>
  <si>
    <t>01/18/2020 10:17:47</t>
  </si>
  <si>
    <t>01/18/2020 10:21:54</t>
  </si>
  <si>
    <t>66b84c31-99e7-44c6-8499-0758b50b1c7b;</t>
  </si>
  <si>
    <t>https://player.vimeo.com/log/play</t>
  </si>
  <si>
    <t>https://player.vimeo.com/log/partial</t>
  </si>
  <si>
    <t>01/18/2020 10:17:56</t>
  </si>
  <si>
    <t>01/18/2020 10:18:06</t>
  </si>
  <si>
    <t>01/18/2020 10:18:21</t>
  </si>
  <si>
    <t>01/18/2020 10:18:50</t>
  </si>
  <si>
    <t>01/18/2020 10:19:30</t>
  </si>
  <si>
    <t>01/18/2020 10:19:32</t>
  </si>
  <si>
    <t>01/18/2020 10:24:54</t>
  </si>
  <si>
    <t>01/18/2020 10:22:27</t>
  </si>
  <si>
    <t>01/18/2020 10:25:54</t>
  </si>
  <si>
    <t>01/18/2020 10:24:18</t>
  </si>
  <si>
    <t>01/18/2020 10:24:20</t>
  </si>
  <si>
    <t>01/18/2020 10:26:54</t>
  </si>
  <si>
    <t>01/18/2020 10:21:03</t>
  </si>
  <si>
    <t>01/18/2020 10:21:06</t>
  </si>
  <si>
    <t>01/18/2020 10:21:34</t>
  </si>
  <si>
    <t>01/18/2020 10:21:36</t>
  </si>
  <si>
    <t>01/18/2020 10:21:42</t>
  </si>
  <si>
    <t>01/18/2020 10:21:43</t>
  </si>
  <si>
    <t>01/18/2020 10:25:29</t>
  </si>
  <si>
    <t>01/18/2020 10:25:05</t>
  </si>
  <si>
    <t>01/18/2020 10:23:43</t>
  </si>
  <si>
    <t>01/18/2020 10:22:58</t>
  </si>
  <si>
    <t>01/18/2020 10:27:54</t>
  </si>
  <si>
    <t>1f5c8248-4ee9-4e94-bcbb-0f9dd8136a4f.tmp</t>
  </si>
  <si>
    <t>\\acsfs\profiles$\BRUNAAR\Downloads\1f5c8248-4ee9-4e94-bcbb-0f9dd8136a4f.tmp</t>
  </si>
  <si>
    <t>01/18/2020 10:25:31</t>
  </si>
  <si>
    <t>29762f78-f287-42e2-a57a-3d89a08452b5.tmp</t>
  </si>
  <si>
    <t>\\acsfs\profiles$\BRUNAAR\Downloads\29762f78-f287-42e2-a57a-3d89a08452b5.tmp</t>
  </si>
  <si>
    <t>01/18/2020 10:25:28</t>
  </si>
  <si>
    <t>01/18/2020 10:28:54</t>
  </si>
  <si>
    <t>Perfect.clh0we1.partial</t>
  </si>
  <si>
    <t>\\acsfs\profiles$\nathalydds\Downloads\Perfect.clh0we1.partial</t>
  </si>
  <si>
    <t>01/18/2020 10:29:54</t>
  </si>
  <si>
    <t>01/18/2020 10:26:14</t>
  </si>
  <si>
    <t>01/18/2020 10:30:54</t>
  </si>
  <si>
    <t>01/18/2020 10:27:53</t>
  </si>
  <si>
    <t>01/18/2020 10:28:21</t>
  </si>
  <si>
    <t>01/18/2020 10:27:30</t>
  </si>
  <si>
    <t>01/18/2020 10:27:39</t>
  </si>
  <si>
    <t>01/18/2020 10:31:54</t>
  </si>
  <si>
    <t>01/18/2020 10:27:43</t>
  </si>
  <si>
    <t>01/18/2020 10:27:44</t>
  </si>
  <si>
    <t>01/18/2020 10:27:45</t>
  </si>
  <si>
    <t>01/18/2020 10:30:50</t>
  </si>
  <si>
    <t>01/18/2020 10:33:54</t>
  </si>
  <si>
    <t>882a10eb-1a41-499d-86d7-9412b15497e6.tmp</t>
  </si>
  <si>
    <t>\\acsfs\profiles$\dhiulliananads\Downloads\882a10eb-1a41-499d-86d7-9412b15497e6.tmp</t>
  </si>
  <si>
    <t>01/18/2020 10:33:25</t>
  </si>
  <si>
    <t>01/18/2020 10:30:07</t>
  </si>
  <si>
    <t>tudo-ok-kondzilla-com.mp3.jcfyrj1.partial</t>
  </si>
  <si>
    <t>\\acsfs\profiles$\nathalydds\Downloads\tudo-ok-kondzilla-com.mp3.jcfyrj1.partial</t>
  </si>
  <si>
    <t>01/18/2020 10:34:54</t>
  </si>
  <si>
    <t>01/18/2020 10:34:32</t>
  </si>
  <si>
    <t>01/18/2020 10:33:52</t>
  </si>
  <si>
    <t>01/18/2020 10:35:54</t>
  </si>
  <si>
    <t>01/18/2020 10:32:13</t>
  </si>
  <si>
    <t>01/18/2020 10:36:54</t>
  </si>
  <si>
    <t>01/18/2020 10:34:16</t>
  </si>
  <si>
    <t>01/18/2020 10:38:54</t>
  </si>
  <si>
    <t>01/18/2020 10:39:55</t>
  </si>
  <si>
    <t>01/18/2020 10:39:20</t>
  </si>
  <si>
    <t>01/18/2020 10:40:54</t>
  </si>
  <si>
    <t>01/18/2020 10:39:28</t>
  </si>
  <si>
    <t>01/18/2020 10:36:11</t>
  </si>
  <si>
    <t>01/18/2020 10:39:14</t>
  </si>
  <si>
    <t>01/18/2020 10:39:25</t>
  </si>
  <si>
    <t>01/18/2020 10:38:19</t>
  </si>
  <si>
    <t>01/18/2020 10:38:47</t>
  </si>
  <si>
    <t>01/18/2020 10:39:18</t>
  </si>
  <si>
    <t>01/18/2020 10:43:55</t>
  </si>
  <si>
    <t>Você%20me%20faz%20tão%20bem,%20%20Ferrugem.ba7e8hq.partial</t>
  </si>
  <si>
    <t>\\acsfs\profiles$\nathalydds\Downloads\Você%20me%20faz%20tão%20bem,%20%20Ferrugem.ba7e8hq.partial</t>
  </si>
  <si>
    <t>01/18/2020 10:44:54</t>
  </si>
  <si>
    <t>01/18/2020 10:49:53</t>
  </si>
  <si>
    <t>01/18/2020 10:51:02</t>
  </si>
  <si>
    <t>01/18/2020 10:52:54</t>
  </si>
  <si>
    <t>01/18/2020 10:54:54</t>
  </si>
  <si>
    <t>01/18/2020 10:53:24</t>
  </si>
  <si>
    <t>01/18/2020 10:57:28</t>
  </si>
  <si>
    <t>01/18/2020 10:58:55</t>
  </si>
  <si>
    <t>Briga (1).8v0x6p0.partial</t>
  </si>
  <si>
    <t>\\acsfs\profiles$\nathalydds\Downloads\Briga (1).8v0x6p0.partial</t>
  </si>
  <si>
    <t>01/18/2020 10:54:14</t>
  </si>
  <si>
    <t>01/18/2020 10:59:55</t>
  </si>
  <si>
    <t>01/18/2020 10:55:22</t>
  </si>
  <si>
    <t>01/18/2020 11:00:55</t>
  </si>
  <si>
    <t>01/18/2020 10:55:35</t>
  </si>
  <si>
    <t>01/18/2020 10:55:43</t>
  </si>
  <si>
    <t>01/18/2020 10:58:34</t>
  </si>
  <si>
    <t>01/18/2020 11:03:06</t>
  </si>
  <si>
    <t>01/18/2020 11:03:55</t>
  </si>
  <si>
    <t>01/18/2020 11:04:56</t>
  </si>
  <si>
    <t>01/18/2020 11:01:37</t>
  </si>
  <si>
    <t>01/18/2020 11:05:57</t>
  </si>
  <si>
    <t>01/18/2020 11:02:46</t>
  </si>
  <si>
    <t>d52ddd1f-863f-4bfc-a2f6-29cfabb5ee2d.tmp</t>
  </si>
  <si>
    <t>\\acsfs\profiles$\felipetds\Downloads\d52ddd1f-863f-4bfc-a2f6-29cfabb5ee2d.tmp</t>
  </si>
  <si>
    <t>01/18/2020 11:03:42</t>
  </si>
  <si>
    <t>01/18/2020 11:07:56</t>
  </si>
  <si>
    <t>01/18/2020 11:02:51</t>
  </si>
  <si>
    <t>01/18/2020 11:06:57</t>
  </si>
  <si>
    <t>01/18/2020 11:08:56</t>
  </si>
  <si>
    <t>Perfect (1).r9oomaj.partial</t>
  </si>
  <si>
    <t>\\acsfs\profiles$\nathalydds\Downloads\Perfect (1).r9oomaj.partial</t>
  </si>
  <si>
    <t>01/18/2020 11:09:56</t>
  </si>
  <si>
    <t>01/18/2020 11:06:16</t>
  </si>
  <si>
    <t>01/18/2020 11:10:56</t>
  </si>
  <si>
    <t>01/18/2020 11:06:50</t>
  </si>
  <si>
    <t>01/18/2020 11:08:17</t>
  </si>
  <si>
    <t>01/18/2020 11:11:56</t>
  </si>
  <si>
    <t>01/18/2020 11:09:32</t>
  </si>
  <si>
    <t>01/18/2020 11:12:56</t>
  </si>
  <si>
    <t>01/18/2020 11:09:53</t>
  </si>
  <si>
    <t>01/18/2020 11:10:08</t>
  </si>
  <si>
    <t>01/18/2020 11:10:29</t>
  </si>
  <si>
    <t>01/18/2020 11:10:45</t>
  </si>
  <si>
    <t>01/18/2020 11:11:41</t>
  </si>
  <si>
    <t>01/18/2020 11:10:21</t>
  </si>
  <si>
    <t>01/18/2020 11:11:18</t>
  </si>
  <si>
    <t>01/18/2020 11:13:56</t>
  </si>
  <si>
    <t>01/18/2020 11:14:56</t>
  </si>
  <si>
    <t>01/18/2020 11:12:03</t>
  </si>
  <si>
    <t>01/18/2020 11:17:56</t>
  </si>
  <si>
    <t>01/18/2020 11:12:12</t>
  </si>
  <si>
    <t>01/18/2020 11:17:44</t>
  </si>
  <si>
    <t>01/18/2020 11:18:56</t>
  </si>
  <si>
    <t>01/18/2020 11:14:58</t>
  </si>
  <si>
    <t>01/18/2020 11:15:05</t>
  </si>
  <si>
    <t>01/18/2020 11:15:17</t>
  </si>
  <si>
    <t>01/18/2020 11:15:25</t>
  </si>
  <si>
    <t>01/18/2020 11:15:28</t>
  </si>
  <si>
    <t>01/18/2020 11:16:14</t>
  </si>
  <si>
    <t>01/18/2020 11:16:22</t>
  </si>
  <si>
    <t>01/18/2020 11:16:32</t>
  </si>
  <si>
    <t>01/18/2020 11:19:56</t>
  </si>
  <si>
    <t>01/18/2020 11:15:29</t>
  </si>
  <si>
    <t>01/18/2020 11:20:57</t>
  </si>
  <si>
    <t>01/18/2020 11:19:42</t>
  </si>
  <si>
    <t>01/18/2020 11:19:46</t>
  </si>
  <si>
    <t>01/18/2020 11:19:00</t>
  </si>
  <si>
    <t>01/18/2020 11:17:55</t>
  </si>
  <si>
    <t>01/18/2020 11:22:56</t>
  </si>
  <si>
    <t>01/18/2020 11:19:24</t>
  </si>
  <si>
    <t>01/18/2020 11:24:56</t>
  </si>
  <si>
    <t>01/18/2020 11:26:39</t>
  </si>
  <si>
    <t>01/18/2020 11:27:56</t>
  </si>
  <si>
    <t>01/18/2020 11:29:56</t>
  </si>
  <si>
    <t>01/18/2020 11:30:36</t>
  </si>
  <si>
    <t>01/18/2020 11:32:56</t>
  </si>
  <si>
    <t>Agent State Details 17.01.2020.xlsx</t>
  </si>
  <si>
    <t>\\acsfs\deptos\Operacao\PCP\5 - Comum\PLANEJAMENTO BV\23 - EXTRAÇÕES\Agent State Details\2020\JANEIRO\Agent State Details 17.01.2020.xlsx</t>
  </si>
  <si>
    <t>01/18/2020 11:32:06</t>
  </si>
  <si>
    <t>01/18/2020 11:33:56</t>
  </si>
  <si>
    <t>01/18/2020 11:32:13</t>
  </si>
  <si>
    <t>01/18/2020 11:34:56</t>
  </si>
  <si>
    <t>01/18/2020 11:31:16</t>
  </si>
  <si>
    <t>01/18/2020 11:35:56</t>
  </si>
  <si>
    <t>41713d3c-7470-4a63-a21e-95b8e773cda7.tmp</t>
  </si>
  <si>
    <t>\\acsfs\profiles$\ERICALSR\Downloads\41713d3c-7470-4a63-a21e-95b8e773cda7.tmp</t>
  </si>
  <si>
    <t>01/18/2020 11:34:02</t>
  </si>
  <si>
    <t>aa2c48c1-01ad-4528-a6c5-48440e979069.tmp</t>
  </si>
  <si>
    <t>\\acsfs\profiles$\ERICALSR\Downloads\aa2c48c1-01ad-4528-a6c5-48440e979069.tmp</t>
  </si>
  <si>
    <t>01/18/2020 11:34:15</t>
  </si>
  <si>
    <t>01/18/2020 11:34:16</t>
  </si>
  <si>
    <t>01/18/2020 11:34:18</t>
  </si>
  <si>
    <t>01/18/2020 11:34:21</t>
  </si>
  <si>
    <t>01/18/2020 11:32:58</t>
  </si>
  <si>
    <t>23b36530-8371-4bea-b082-15cba843ed83.tmp</t>
  </si>
  <si>
    <t>\\acsfs\profiles$\luanarda\Downloads\23b36530-8371-4bea-b082-15cba843ed83.tmp</t>
  </si>
  <si>
    <t>01/18/2020 11:32:46</t>
  </si>
  <si>
    <t>01/18/2020 11:36:44</t>
  </si>
  <si>
    <t>01/18/2020 11:37:56</t>
  </si>
  <si>
    <t>01/18/2020 11:39:56</t>
  </si>
  <si>
    <t>01/18/2020 11:37:00</t>
  </si>
  <si>
    <t>01/18/2020 11:40:56</t>
  </si>
  <si>
    <t>01/18/2020 11:37:32</t>
  </si>
  <si>
    <t>01/18/2020 11:37:17</t>
  </si>
  <si>
    <t>01/18/2020 11:41:56</t>
  </si>
  <si>
    <t>01/18/2020 11:40:35</t>
  </si>
  <si>
    <t>01/18/2020 11:43:56</t>
  </si>
  <si>
    <t>01/18/2020 11:44:56</t>
  </si>
  <si>
    <t>01/18/2020 11:43:27</t>
  </si>
  <si>
    <t>01/18/2020 11:45:56</t>
  </si>
  <si>
    <t>01/18/2020 11:44:23</t>
  </si>
  <si>
    <t>01/18/2020 11:47:12</t>
  </si>
  <si>
    <t>01/18/2020 11:47:56</t>
  </si>
  <si>
    <t>a2d74035-f058-42d2-abc5-8f4a0d46ad17.tmp</t>
  </si>
  <si>
    <t>\\acsfs\profiles$\BRUNAAR\Downloads\a2d74035-f058-42d2-abc5-8f4a0d46ad17.tmp</t>
  </si>
  <si>
    <t>01/18/2020 11:46:06</t>
  </si>
  <si>
    <t>01/18/2020 11:48:56</t>
  </si>
  <si>
    <t>01/18/2020 11:49:56</t>
  </si>
  <si>
    <t>01/18/2020 11:48:26</t>
  </si>
  <si>
    <t>01/18/2020 11:50:56</t>
  </si>
  <si>
    <t>01/18/2020 11:48:14</t>
  </si>
  <si>
    <t>01/18/2020 11:52:56</t>
  </si>
  <si>
    <t>01/18/2020 11:50:09</t>
  </si>
  <si>
    <t>01/18/2020 11:48:55</t>
  </si>
  <si>
    <t>01/18/2020 11:53:56</t>
  </si>
  <si>
    <t>lu705217hpe.tmp</t>
  </si>
  <si>
    <t>\\acsfs\profiles$\dhiulliananads\My Documents\lu705217hpe.tmp</t>
  </si>
  <si>
    <t>\\acsfs\profiles$\dhiulliananads\My Documents\lu705217hpe.tmp\</t>
  </si>
  <si>
    <t>\\acsfs\profiles$\dhiulliananads\My Documents\lu705217hpe.tmp\META-INF\</t>
  </si>
  <si>
    <t>\\acsfs\profiles$\dhiulliananads\My Documents\lu705217hpe.tmp\Thumbnails\</t>
  </si>
  <si>
    <t>01/18/2020 11:50:20</t>
  </si>
  <si>
    <t>lu705217hpj.tmp</t>
  </si>
  <si>
    <t>\\acsfs\profiles$\dhiulliananads\My Documents\lu705217hpj.tmp</t>
  </si>
  <si>
    <t>\\acsfs\profiles$\dhiulliananads\My Documents\lu705217hpj.tmp\</t>
  </si>
  <si>
    <t>\\acsfs\profiles$\dhiulliananads\My Documents\lu705217hpj.tmp\META-INF\</t>
  </si>
  <si>
    <t>\\acsfs\profiles$\dhiulliananads\My Documents\lu705217hpj.tmp\Thumbnails\</t>
  </si>
  <si>
    <t>01/18/2020 11:54:56</t>
  </si>
  <si>
    <t>01/18/2020 11:52:48</t>
  </si>
  <si>
    <t>01/18/2020 11:55:56</t>
  </si>
  <si>
    <t>01/18/2020 11:55:43</t>
  </si>
  <si>
    <t>01/18/2020 11:56:56</t>
  </si>
  <si>
    <t>01/18/2020 11:53:24</t>
  </si>
  <si>
    <t>01/18/2020 11:57:56</t>
  </si>
  <si>
    <t>01/18/2020 11:54:14</t>
  </si>
  <si>
    <t>01/18/2020 11:55:40</t>
  </si>
  <si>
    <t>lu2224jihv.tmp</t>
  </si>
  <si>
    <t>\\acsfs\profiles$\BRUNAAR\Numero\lu2224jihv.tmp</t>
  </si>
  <si>
    <t>01/18/2020 11:59:56</t>
  </si>
  <si>
    <t>01/18/2020 12:01:05</t>
  </si>
  <si>
    <t>01/18/2020 12:03:56</t>
  </si>
  <si>
    <t>01/18/2020 12:02:38</t>
  </si>
  <si>
    <t>01/18/2020 12:04:57</t>
  </si>
  <si>
    <t>01/18/2020 12:00:02</t>
  </si>
  <si>
    <t>328544e4-74df-4f48-8adb-201975427eb6.tmp</t>
  </si>
  <si>
    <t>\\acsfs\profiles$\Flaviojmm\Downloads\328544e4-74df-4f48-8adb-201975427eb6.tmp</t>
  </si>
  <si>
    <t>01/18/2020 12:04:39</t>
  </si>
  <si>
    <t>01/18/2020 12:05:56</t>
  </si>
  <si>
    <t>a4a9596e-dc66-47c5-bd1c-1e41bbdfe20b.tmp</t>
  </si>
  <si>
    <t>\\acsfs\profiles$\felipetds\Downloads\a4a9596e-dc66-47c5-bd1c-1e41bbdfe20b.tmp</t>
  </si>
  <si>
    <t>01/18/2020 12:06:33</t>
  </si>
  <si>
    <t>01/18/2020 12:07:57</t>
  </si>
  <si>
    <t>01/18/2020 12:03:14</t>
  </si>
  <si>
    <t>01/18/2020 12:09:56</t>
  </si>
  <si>
    <t>01/18/2020 12:06:26</t>
  </si>
  <si>
    <t>01/18/2020 12:10:56</t>
  </si>
  <si>
    <t>01/18/2020 12:08:57</t>
  </si>
  <si>
    <t>01/18/2020 12:09:02</t>
  </si>
  <si>
    <t>01/18/2020 12:12:56</t>
  </si>
  <si>
    <t>01/18/2020 12:12:06</t>
  </si>
  <si>
    <t>01/18/2020 12:13:56</t>
  </si>
  <si>
    <t>01/18/2020 12:14:56</t>
  </si>
  <si>
    <t>01/18/2020 12:15:44</t>
  </si>
  <si>
    <t>01/18/2020 12:18:56</t>
  </si>
  <si>
    <t>01/18/2020 12:15:47</t>
  </si>
  <si>
    <t>01/18/2020 12:16:10</t>
  </si>
  <si>
    <t>01/18/2020 12:16:34</t>
  </si>
  <si>
    <t>01/18/2020 12:16:38</t>
  </si>
  <si>
    <t>01/18/2020 12:16:42</t>
  </si>
  <si>
    <t>01/18/2020 12:16:45</t>
  </si>
  <si>
    <t>01/18/2020 12:16:52</t>
  </si>
  <si>
    <t>01/18/2020 12:16:57</t>
  </si>
  <si>
    <t>01/18/2020 12:17:18</t>
  </si>
  <si>
    <t>01/18/2020 12:17:46</t>
  </si>
  <si>
    <t>01/18/2020 12:19:56</t>
  </si>
  <si>
    <t>01/18/2020 12:15:21</t>
  </si>
  <si>
    <t>01/18/2020 12:20:56</t>
  </si>
  <si>
    <t>01/18/2020 12:21:28</t>
  </si>
  <si>
    <t>01/18/2020 12:22:56</t>
  </si>
  <si>
    <t>Agent utilization 01.01.2020 a 16.01.2020.xlsx</t>
  </si>
  <si>
    <t>\\acsfs\deptos\Operacao\PCP\5 - Comum\PLANEJAMENTO BV\23 - EXTRAÇÕES\Agent utilization\2020\Agent utilization 01.01.2020 a 16.01.2020.xlsx</t>
  </si>
  <si>
    <t>01/18/2020 12:18:49</t>
  </si>
  <si>
    <t>01/18/2020 12:23:56</t>
  </si>
  <si>
    <t>01/18/2020 12:24:56</t>
  </si>
  <si>
    <t>01/18/2020 12:23:21</t>
  </si>
  <si>
    <t>01/18/2020 12:25:56</t>
  </si>
  <si>
    <t>01/18/2020 12:25:33</t>
  </si>
  <si>
    <t>01/18/2020 12:29:56</t>
  </si>
  <si>
    <t>01/18/2020 12:29:11</t>
  </si>
  <si>
    <t>01/18/2020 12:30:56</t>
  </si>
  <si>
    <t>01/18/2020 12:30:47</t>
  </si>
  <si>
    <t>01/18/2020 12:31:56</t>
  </si>
  <si>
    <t>01/18/2020 12:30:57</t>
  </si>
  <si>
    <t>01/18/2020 12:34:57</t>
  </si>
  <si>
    <t>01/18/2020 12:33:42</t>
  </si>
  <si>
    <t>01/18/2020 12:37:22</t>
  </si>
  <si>
    <t>01/18/2020 12:38:56</t>
  </si>
  <si>
    <t>01/18/2020 12:39:56</t>
  </si>
  <si>
    <t>01/18/2020 12:37:42</t>
  </si>
  <si>
    <t>01/18/2020 12:40:56</t>
  </si>
  <si>
    <t>01/18/2020 12:40:40</t>
  </si>
  <si>
    <t>01/18/2020 12:42:56</t>
  </si>
  <si>
    <t>01/18/2020 12:44:57</t>
  </si>
  <si>
    <t>01/18/2020 12:42:40</t>
  </si>
  <si>
    <t>ddc2b80c-fb50-4244-9559-0b4f3e5814d7.tmp</t>
  </si>
  <si>
    <t>\\acsfs\profiles$\jessicafc\Downloads\ddc2b80c-fb50-4244-9559-0b4f3e5814d7.tmp</t>
  </si>
  <si>
    <t>01/18/2020 12:45:05</t>
  </si>
  <si>
    <t>01/18/2020 12:45:56</t>
  </si>
  <si>
    <t>01/18/2020 12:47:18</t>
  </si>
  <si>
    <t>01/18/2020 12:47:56</t>
  </si>
  <si>
    <t>lu2224jihz.tmp</t>
  </si>
  <si>
    <t>\\acsfs\profiles$\BRUNAAR\Numero\lu2224jihz.tmp</t>
  </si>
  <si>
    <t>01/18/2020 12:49:56</t>
  </si>
  <si>
    <t>01/18/2020 12:44:59</t>
  </si>
  <si>
    <t>b848474f-0d02-452f-a875-fe49398a425b.tmp</t>
  </si>
  <si>
    <t>\\acsfs\profiles$\jessicafc\Downloads\b848474f-0d02-452f-a875-fe49398a425b.tmp</t>
  </si>
  <si>
    <t>01/18/2020 12:46:52</t>
  </si>
  <si>
    <t>01/18/2020 12:50:55</t>
  </si>
  <si>
    <t>01/18/2020 12:46:40</t>
  </si>
  <si>
    <t>1e4b2fc9-63f9-45fd-b941-5f88c10254b0.tmp</t>
  </si>
  <si>
    <t>\\acsfs\profiles$\milenaas\Downloads\1e4b2fc9-63f9-45fd-b941-5f88c10254b0.tmp</t>
  </si>
  <si>
    <t>01/18/2020 12:51:31</t>
  </si>
  <si>
    <t>01/18/2020 12:53:56</t>
  </si>
  <si>
    <t>01/18/2020 12:53:28</t>
  </si>
  <si>
    <t>01/18/2020 12:52:04</t>
  </si>
  <si>
    <t>01/18/2020 12:54:56</t>
  </si>
  <si>
    <t>01/18/2020 12:55:34</t>
  </si>
  <si>
    <t>01/18/2020 12:55:56</t>
  </si>
  <si>
    <t>01/18/2020 12:53:17</t>
  </si>
  <si>
    <t>01/18/2020 12:54:10</t>
  </si>
  <si>
    <t>01/18/2020 12:56:56</t>
  </si>
  <si>
    <t>01/18/2020 12:55:16</t>
  </si>
  <si>
    <t>01/18/2020 12:57:55</t>
  </si>
  <si>
    <t>01/18/2020 12:54:37</t>
  </si>
  <si>
    <t>01/18/2020 12:58:56</t>
  </si>
  <si>
    <t>01/18/2020 12:53:48</t>
  </si>
  <si>
    <t>f1e0a689-6576-4b07-93dc-07c1dee90d87.tmp</t>
  </si>
  <si>
    <t>\\acsfs\profiles$\paulovadc\Downloads\f1e0a689-6576-4b07-93dc-07c1dee90d87.tmp</t>
  </si>
  <si>
    <t>01/18/2020 12:59:56</t>
  </si>
  <si>
    <t>01/18/2020 12:58:24</t>
  </si>
  <si>
    <t>01/18/2020 13:00:56</t>
  </si>
  <si>
    <t>01/18/2020 12:56:16</t>
  </si>
  <si>
    <t>01/18/2020 13:01:35</t>
  </si>
  <si>
    <t>01/18/2020 13:03:56</t>
  </si>
  <si>
    <t>01/18/2020 13:04:57</t>
  </si>
  <si>
    <t>01/18/2020 13:03:02</t>
  </si>
  <si>
    <t>01/18/2020 13:05:56</t>
  </si>
  <si>
    <t>fa949153-f61e-41c2-ab47-19458e2d0300.tmp</t>
  </si>
  <si>
    <t>\\acsfs\profiles$\PEDROHAB\Downloads\fa949153-f61e-41c2-ab47-19458e2d0300.tmp</t>
  </si>
  <si>
    <t>01/18/2020 13:06:03</t>
  </si>
  <si>
    <t>01/18/2020 13:06:57</t>
  </si>
  <si>
    <t>01/18/2020 13:05:33</t>
  </si>
  <si>
    <t>01/18/2020 13:07:56</t>
  </si>
  <si>
    <t>01/18/2020 13:05:14</t>
  </si>
  <si>
    <t>01/18/2020 13:08:57</t>
  </si>
  <si>
    <t>7a95d0f2-835e-4d4b-b011-384f737344a9.tmp</t>
  </si>
  <si>
    <t>\\acsfs\profiles$\paulovadc\Downloads\7a95d0f2-835e-4d4b-b011-384f737344a9.tmp</t>
  </si>
  <si>
    <t>01/18/2020 13:09:56</t>
  </si>
  <si>
    <t>01/18/2020 13:09:15</t>
  </si>
  <si>
    <t>01/18/2020 13:12:57</t>
  </si>
  <si>
    <t>01/18/2020 13:08:46</t>
  </si>
  <si>
    <t>01/18/2020 13:13:57</t>
  </si>
  <si>
    <t>6850adb1-9395-4cf5-9bcc-514a06823b3d.tmp</t>
  </si>
  <si>
    <t>\\acsfs\profiles$\dhiulliananads\Downloads\6850adb1-9395-4cf5-9bcc-514a06823b3d.tmp</t>
  </si>
  <si>
    <t>01/18/2020 13:14:57</t>
  </si>
  <si>
    <t>01/18/2020 13:10:45</t>
  </si>
  <si>
    <t>01/18/2020 13:15:58</t>
  </si>
  <si>
    <t>01/18/2020 13:16:23</t>
  </si>
  <si>
    <t>01/18/2020 13:16:56</t>
  </si>
  <si>
    <t>01/18/2020 13:18:05</t>
  </si>
  <si>
    <t>01/18/2020 13:18:56</t>
  </si>
  <si>
    <t>01/18/2020 13:18:27</t>
  </si>
  <si>
    <t>01/18/2020 13:18:31</t>
  </si>
  <si>
    <t>01/18/2020 13:19:57</t>
  </si>
  <si>
    <t>01/18/2020 13:15:47</t>
  </si>
  <si>
    <t>01/18/2020 13:20:57</t>
  </si>
  <si>
    <t>01/18/2020 13:19:42</t>
  </si>
  <si>
    <t>01/18/2020 13:17:53</t>
  </si>
  <si>
    <t>01/18/2020 13:21:57</t>
  </si>
  <si>
    <t>01/18/2020 13:21:55</t>
  </si>
  <si>
    <t>01/18/2020 13:23:57</t>
  </si>
  <si>
    <t>01/18/2020 13:24:57</t>
  </si>
  <si>
    <t>01/18/2020 13:23:37</t>
  </si>
  <si>
    <t>01/18/2020 13:25:57</t>
  </si>
  <si>
    <t>01/18/2020 13:22:07</t>
  </si>
  <si>
    <t>2621ee52-9cfc-4773-8e16-4759449da70e.tmp</t>
  </si>
  <si>
    <t>\\acsfs\profiles$\felipetds\Downloads\2621ee52-9cfc-4773-8e16-4759449da70e.tmp</t>
  </si>
  <si>
    <t>01/18/2020 13:23:16</t>
  </si>
  <si>
    <t>01/18/2020 13:26:57</t>
  </si>
  <si>
    <t>01/18/2020 13:24:07</t>
  </si>
  <si>
    <t>01/18/2020 13:27:57</t>
  </si>
  <si>
    <t>01/18/2020 13:27:56</t>
  </si>
  <si>
    <t>01/18/2020 13:28:57</t>
  </si>
  <si>
    <t>01/18/2020 13:27:58</t>
  </si>
  <si>
    <t>01/18/2020 13:29:57</t>
  </si>
  <si>
    <t>01/18/2020 13:34:57</t>
  </si>
  <si>
    <t>01/18/2020 13:32:02</t>
  </si>
  <si>
    <t>01/18/2020 13:35:56</t>
  </si>
  <si>
    <t>01/18/2020 13:34:28</t>
  </si>
  <si>
    <t>01/18/2020 13:34:02</t>
  </si>
  <si>
    <t>01/18/2020 13:37:57</t>
  </si>
  <si>
    <t>01/18/2020 13:35:07</t>
  </si>
  <si>
    <t>01/18/2020 13:38:57</t>
  </si>
  <si>
    <t>01/18/2020 13:35:53</t>
  </si>
  <si>
    <t>01/18/2020 13:36:02</t>
  </si>
  <si>
    <t>01/18/2020 13:36:03</t>
  </si>
  <si>
    <t>01/18/2020 13:36:07</t>
  </si>
  <si>
    <t>01/18/2020 13:36:09</t>
  </si>
  <si>
    <t>01/18/2020 13:36:13</t>
  </si>
  <si>
    <t>01/18/2020 13:36:15</t>
  </si>
  <si>
    <t>01/18/2020 13:36:21</t>
  </si>
  <si>
    <t>01/18/2020 13:36:22</t>
  </si>
  <si>
    <t>01/18/2020 13:36:24</t>
  </si>
  <si>
    <t>01/18/2020 13:36:26</t>
  </si>
  <si>
    <t>01/18/2020 13:36:29</t>
  </si>
  <si>
    <t>01/18/2020 13:36:30</t>
  </si>
  <si>
    <t>01/18/2020 13:36:31</t>
  </si>
  <si>
    <t>01/18/2020 13:36:49</t>
  </si>
  <si>
    <t>01/18/2020 13:36:50</t>
  </si>
  <si>
    <t>01/18/2020 13:37:00</t>
  </si>
  <si>
    <t>01/18/2020 13:37:02</t>
  </si>
  <si>
    <t>01/18/2020 13:37:03</t>
  </si>
  <si>
    <t>01/18/2020 13:37:05</t>
  </si>
  <si>
    <t>01/18/2020 13:37:06</t>
  </si>
  <si>
    <t>01/18/2020 13:37:09</t>
  </si>
  <si>
    <t>01/18/2020 13:37:11</t>
  </si>
  <si>
    <t>01/18/2020 13:37:13</t>
  </si>
  <si>
    <t>01/18/2020 13:37:15</t>
  </si>
  <si>
    <t>01/18/2020 13:37:17</t>
  </si>
  <si>
    <t>01/18/2020 13:37:19</t>
  </si>
  <si>
    <t>01/18/2020 13:37:21</t>
  </si>
  <si>
    <t>01/18/2020 13:37:24</t>
  </si>
  <si>
    <t>01/18/2020 13:37:25</t>
  </si>
  <si>
    <t>01/18/2020 13:37:27</t>
  </si>
  <si>
    <t>01/18/2020 13:37:29</t>
  </si>
  <si>
    <t>01/18/2020 13:37:30</t>
  </si>
  <si>
    <t>01/18/2020 13:37:32</t>
  </si>
  <si>
    <t>01/18/2020 13:37:33</t>
  </si>
  <si>
    <t>01/18/2020 13:37:36</t>
  </si>
  <si>
    <t>01/18/2020 13:37:37</t>
  </si>
  <si>
    <t>01/18/2020 13:37:39</t>
  </si>
  <si>
    <t>01/18/2020 13:37:40</t>
  </si>
  <si>
    <t>01/18/2020 13:37:42</t>
  </si>
  <si>
    <t>01/18/2020 13:37:43</t>
  </si>
  <si>
    <t>01/18/2020 13:37:46</t>
  </si>
  <si>
    <t>01/18/2020 13:37:47</t>
  </si>
  <si>
    <t>01/18/2020 13:38:20</t>
  </si>
  <si>
    <t>01/18/2020 13:39:57</t>
  </si>
  <si>
    <t>01/18/2020 13:40:47</t>
  </si>
  <si>
    <t>01/18/2020 13:41:57</t>
  </si>
  <si>
    <t>01/18/2020 13:41:01</t>
  </si>
  <si>
    <t>01/18/2020 13:42:57</t>
  </si>
  <si>
    <t>01/18/2020 13:41:51</t>
  </si>
  <si>
    <t>a67110de-e60b-4844-9ad3-3e98f622da19.tmp</t>
  </si>
  <si>
    <t>\\acsfs\profiles$\kellzylenneasr\Downloads\a67110de-e60b-4844-9ad3-3e98f622da19.tmp</t>
  </si>
  <si>
    <t>01/18/2020 13:40:45</t>
  </si>
  <si>
    <t>01/18/2020 13:44:57</t>
  </si>
  <si>
    <t>01/18/2020 13:44:38</t>
  </si>
  <si>
    <t>01/18/2020 13:42:24</t>
  </si>
  <si>
    <t>01/18/2020 13:45:57</t>
  </si>
  <si>
    <t>e4f45328-2d0a-47ff-bc0f-6d74989fa14f.tmp</t>
  </si>
  <si>
    <t>\\acsfs\profiles$\ERICALSR\Downloads\e4f45328-2d0a-47ff-bc0f-6d74989fa14f.tmp</t>
  </si>
  <si>
    <t>01/18/2020 13:43:35</t>
  </si>
  <si>
    <t>01/18/2020 13:46:57</t>
  </si>
  <si>
    <t>01/18/2020 13:42:55</t>
  </si>
  <si>
    <t>01/18/2020 13:47:57</t>
  </si>
  <si>
    <t>f1afb93c-4cf8-40db-abd7-f03dcda3aeb1.tmp</t>
  </si>
  <si>
    <t>\\acsfs\profiles$\kellzylenneasr\Downloads\f1afb93c-4cf8-40db-abd7-f03dcda3aeb1.tmp</t>
  </si>
  <si>
    <t>01/18/2020 13:45:59</t>
  </si>
  <si>
    <t>01/18/2020 13:48:57</t>
  </si>
  <si>
    <t>01/18/2020 13:46:00</t>
  </si>
  <si>
    <t>lu1817210weud.tmp</t>
  </si>
  <si>
    <t>\\acsfs\profiles$\luanarda\lu1817210weud.tmp</t>
  </si>
  <si>
    <t>\\acsfs\profiles$\luanarda\lu1817210weud.tmp\</t>
  </si>
  <si>
    <t>\\acsfs\profiles$\luanarda\lu1817210weud.tmp\META-INF\</t>
  </si>
  <si>
    <t>\\acsfs\profiles$\luanarda\lu1817210weud.tmp\Thumbnails\</t>
  </si>
  <si>
    <t>01/18/2020 13:46:26</t>
  </si>
  <si>
    <t>01/18/2020 13:46:27</t>
  </si>
  <si>
    <t>lu705217hps.tmp</t>
  </si>
  <si>
    <t>\\acsfs\profiles$\dhiulliananads\My Documents\lu705217hps.tmp</t>
  </si>
  <si>
    <t>\\acsfs\profiles$\dhiulliananads\My Documents\lu705217hps.tmp\</t>
  </si>
  <si>
    <t>\\acsfs\profiles$\dhiulliananads\My Documents\lu705217hps.tmp\META-INF\</t>
  </si>
  <si>
    <t>\\acsfs\profiles$\dhiulliananads\My Documents\lu705217hps.tmp\Thumbnails\</t>
  </si>
  <si>
    <t>01/18/2020 13:48:13</t>
  </si>
  <si>
    <t>01/18/2020 13:48:14</t>
  </si>
  <si>
    <t>lu705217hpx.tmp</t>
  </si>
  <si>
    <t>\\acsfs\profiles$\dhiulliananads\My Documents\lu705217hpx.tmp</t>
  </si>
  <si>
    <t>\\acsfs\profiles$\dhiulliananads\My Documents\lu705217hpx.tmp\</t>
  </si>
  <si>
    <t>\\acsfs\profiles$\dhiulliananads\My Documents\lu705217hpx.tmp\META-INF\</t>
  </si>
  <si>
    <t>\\acsfs\profiles$\dhiulliananads\My Documents\lu705217hpx.tmp\Thumbnails\</t>
  </si>
  <si>
    <t>01/18/2020 13:44:39</t>
  </si>
  <si>
    <t>01/18/2020 13:44:46</t>
  </si>
  <si>
    <t>01/18/2020 13:44:51</t>
  </si>
  <si>
    <t>01/18/2020 13:44:59</t>
  </si>
  <si>
    <t>01/18/2020 13:45:09</t>
  </si>
  <si>
    <t>01/18/2020 13:45:24</t>
  </si>
  <si>
    <t>01/18/2020 13:45:36</t>
  </si>
  <si>
    <t>01/18/2020 13:45:39</t>
  </si>
  <si>
    <t>01/18/2020 13:44:50</t>
  </si>
  <si>
    <t>01/18/2020 13:49:57</t>
  </si>
  <si>
    <t>01/18/2020 13:48:19</t>
  </si>
  <si>
    <t>01/18/2020 13:51:57</t>
  </si>
  <si>
    <t>01/18/2020 13:51:38</t>
  </si>
  <si>
    <t>01/18/2020 13:53:57</t>
  </si>
  <si>
    <t>01/18/2020 13:49:49</t>
  </si>
  <si>
    <t>01/18/2020 13:50:36</t>
  </si>
  <si>
    <t>Surtada (Remix Brega Funk) (1).r1ofpu0.partial</t>
  </si>
  <si>
    <t>\\acsfs\profiles$\nathalydds\Downloads\Surtada (Remix Brega Funk) (1).r1ofpu0.partial</t>
  </si>
  <si>
    <t>01/18/2020 13:54:57</t>
  </si>
  <si>
    <t>01/18/2020 13:55:53</t>
  </si>
  <si>
    <t>01/18/2020 13:57:57</t>
  </si>
  <si>
    <t>AGENT LOGIN LOGOUT DETAILS REPORT 17.01.2020.xlsx</t>
  </si>
  <si>
    <t>\\acsfs\deptos\Operacao\PCP\5 - Comum\PLANEJAMENTO BV\23 - EXTRAÇÕES\Agente Login Logout details report\2020\JANEIRO\AGENT LOGIN LOGOUT DETAILS REPORT 17.01.2020.xlsx</t>
  </si>
  <si>
    <t>01/18/2020 13:55:00</t>
  </si>
  <si>
    <t>01/18/2020 13:58:56</t>
  </si>
  <si>
    <t>01/18/2020 13:56:34</t>
  </si>
  <si>
    <t>7c974aee-9aef-439e-a091-b300198054a6.tmp</t>
  </si>
  <si>
    <t>\\acsfs\profiles$\philipegsf\Downloads\7c974aee-9aef-439e-a091-b300198054a6.tmp</t>
  </si>
  <si>
    <t>01/18/2020 13:57:56</t>
  </si>
  <si>
    <t>5fdfad00-ed9f-4e1b-b134-8de2bb074a6d.tmp</t>
  </si>
  <si>
    <t>\\acsfs\profiles$\philipegsf\Downloads\5fdfad00-ed9f-4e1b-b134-8de2bb074a6d.tmp</t>
  </si>
  <si>
    <t>01/18/2020 13:54:32</t>
  </si>
  <si>
    <t>81aa80f1-1600-4b4f-b364-bdd6c4bc0d9c.tmp</t>
  </si>
  <si>
    <t>\\acsfs\profiles$\paulovadc\Downloads\81aa80f1-1600-4b4f-b364-bdd6c4bc0d9c.tmp</t>
  </si>
  <si>
    <t>01/18/2020 13:55:48</t>
  </si>
  <si>
    <t>01/18/2020 13:56:13</t>
  </si>
  <si>
    <t>Mentira (1).0jultji.partial</t>
  </si>
  <si>
    <t>\\acsfs\profiles$\nathalydds\Downloads\Mentira (1).0jultji.partial</t>
  </si>
  <si>
    <t>01/18/2020 13:59:57</t>
  </si>
  <si>
    <t>01/18/2020 13:55:13</t>
  </si>
  <si>
    <t>01/18/2020 13:59:19</t>
  </si>
  <si>
    <t>01/18/2020 14:00:56</t>
  </si>
  <si>
    <t>01/18/2020 13:58:21</t>
  </si>
  <si>
    <t>01/18/2020 13:59:17</t>
  </si>
  <si>
    <t>01/18/2020 14:03:57</t>
  </si>
  <si>
    <t>Briga (2).tu2bcn3.partial</t>
  </si>
  <si>
    <t>\\acsfs\profiles$\nathalydds\Downloads\Briga (2).tu2bcn3.partial</t>
  </si>
  <si>
    <t>01/18/2020 14:04:57</t>
  </si>
  <si>
    <t>01/18/2020 14:00:08</t>
  </si>
  <si>
    <t>01/18/2020 14:05:57</t>
  </si>
  <si>
    <t>01/18/2020 14:04:17</t>
  </si>
  <si>
    <t>01/18/2020 14:06:57</t>
  </si>
  <si>
    <t>01/18/2020 14:02:38</t>
  </si>
  <si>
    <t>01/18/2020 14:07:58</t>
  </si>
  <si>
    <t>Queue Summary Report 01.01.20 a 16.01.2020.xlsx</t>
  </si>
  <si>
    <t>\\acsfs\deptos\Operacao\PCP\5 - Comum\PLANEJAMENTO BV\23 - EXTRAÇÕES\Queue Summary Report\2020\Queue Summary Report 01.01.20 a 16.01.2020.xlsx</t>
  </si>
  <si>
    <t>01/18/2020 14:02:46</t>
  </si>
  <si>
    <t>01/18/2020 14:05:23</t>
  </si>
  <si>
    <t>01/18/2020 14:08:57</t>
  </si>
  <si>
    <t>Perfect (2).pshfnfz.partial</t>
  </si>
  <si>
    <t>\\acsfs\profiles$\nathalydds\Downloads\Perfect (2).pshfnfz.partial</t>
  </si>
  <si>
    <t>01/18/2020 14:09:58</t>
  </si>
  <si>
    <t>01/18/2020 14:07:49</t>
  </si>
  <si>
    <t>01/18/2020 14:10:57</t>
  </si>
  <si>
    <t>01/18/2020 14:09:22</t>
  </si>
  <si>
    <t>01/18/2020 14:07:22</t>
  </si>
  <si>
    <t>01/18/2020 14:07:33</t>
  </si>
  <si>
    <t>01/18/2020 14:07:48</t>
  </si>
  <si>
    <t>01/18/2020 14:08:50</t>
  </si>
  <si>
    <t>01/18/2020 14:07:53</t>
  </si>
  <si>
    <t>01/18/2020 14:09:25</t>
  </si>
  <si>
    <t>01/18/2020 14:13:58</t>
  </si>
  <si>
    <t>01/18/2020 14:09:49</t>
  </si>
  <si>
    <t>01/18/2020 14:09:46</t>
  </si>
  <si>
    <t>Supera (Ao Vivo) (1).5sp3ya3.partial</t>
  </si>
  <si>
    <t>\\acsfs\profiles$\nathalydds\Downloads\Supera (Ao Vivo) (1).5sp3ya3.partial</t>
  </si>
  <si>
    <t>01/18/2020 14:11:47</t>
  </si>
  <si>
    <t>01/18/2020 14:14:58</t>
  </si>
  <si>
    <t>643c4881-6fc3-4ba5-bb82-c435693b91f3.tmp</t>
  </si>
  <si>
    <t>\\acsfs\profiles$\fabianobmf\Downloads\643c4881-6fc3-4ba5-bb82-c435693b91f3.tmp</t>
  </si>
  <si>
    <t>01/18/2020 14:11:55</t>
  </si>
  <si>
    <t>01/18/2020 14:13:07</t>
  </si>
  <si>
    <t>b87b7e49-ae47-4f7d-bb15-41d91934647a.tmp</t>
  </si>
  <si>
    <t>\\acsfs\profiles$\fabianobmf\Downloads\b87b7e49-ae47-4f7d-bb15-41d91934647a.tmp</t>
  </si>
  <si>
    <t>01/18/2020 14:14:59</t>
  </si>
  <si>
    <t>01/18/2020 14:12:25</t>
  </si>
  <si>
    <t>01/18/2020 14:15:59</t>
  </si>
  <si>
    <t>01/18/2020 14:14:55</t>
  </si>
  <si>
    <t>01/18/2020 14:11:33</t>
  </si>
  <si>
    <t>01/18/2020 14:13:23</t>
  </si>
  <si>
    <t>01/18/2020 14:17:59</t>
  </si>
  <si>
    <t>01/18/2020 14:15:16</t>
  </si>
  <si>
    <t>01/18/2020 14:18:59</t>
  </si>
  <si>
    <t>01/18/2020 14:15:31</t>
  </si>
  <si>
    <t>01/18/2020 14:16:16</t>
  </si>
  <si>
    <t>01/18/2020 14:16:33</t>
  </si>
  <si>
    <t>01/18/2020 14:17:12</t>
  </si>
  <si>
    <t>https://andrelpsa@algartech.com,josiascdsj@algartech.com,leonardoao@algartech.com,marianadjc@algartech.com,paulacn@algartech.com,ricardodfm@algartech.com.br,taysdss@algartech.com,viniciussg@algartech.com</t>
  </si>
  <si>
    <t>01/18/2020 14:18:15</t>
  </si>
  <si>
    <t>01/18/2020 14:14:16</t>
  </si>
  <si>
    <t>01/18/2020 14:19:58</t>
  </si>
  <si>
    <t>01/18/2020 14:18:39</t>
  </si>
  <si>
    <t>01/18/2020 14:23:59</t>
  </si>
  <si>
    <t>01/18/2020 14:18:52</t>
  </si>
  <si>
    <t>01/18/2020 14:19:14</t>
  </si>
  <si>
    <t>01/18/2020 14:23:45</t>
  </si>
  <si>
    <t>01/18/2020 14:23:46</t>
  </si>
  <si>
    <t>01/18/2020 14:24:58</t>
  </si>
  <si>
    <t>01/18/2020 14:21:57</t>
  </si>
  <si>
    <t>01/18/2020 14:26:59</t>
  </si>
  <si>
    <t>bab85e77-3c06-400f-aa7b-6d7990e6f1d2.tmp</t>
  </si>
  <si>
    <t>\\acsfs\profiles$\matheusmax\Downloads\bab85e77-3c06-400f-aa7b-6d7990e6f1d2.tmp</t>
  </si>
  <si>
    <t>01/18/2020 14:22:49</t>
  </si>
  <si>
    <t>1aa24530-7fea-4a8f-b24e-d4dd9dacd424.tmp</t>
  </si>
  <si>
    <t>\\acsfs\profiles$\matheusmax\Downloads\1aa24530-7fea-4a8f-b24e-d4dd9dacd424.tmp</t>
  </si>
  <si>
    <t>01/18/2020 14:24:22</t>
  </si>
  <si>
    <t>01/18/2020 14:27:59</t>
  </si>
  <si>
    <t>https://fernandaab@algartech.com,kesiadof@algartech.com,lilianls@algartech.com,talmaiardo@algartech.com</t>
  </si>
  <si>
    <t>01/18/2020 14:24:45</t>
  </si>
  <si>
    <t>01/18/2020 14:24:02</t>
  </si>
  <si>
    <t>01/18/2020 14:28:59</t>
  </si>
  <si>
    <t>01/18/2020 14:24:36</t>
  </si>
  <si>
    <t>01/18/2020 14:29:59</t>
  </si>
  <si>
    <t>01/18/2020 14:25:28</t>
  </si>
  <si>
    <t>06074250-df13-4ef0-9bab-804d0cdd61a7.tmp</t>
  </si>
  <si>
    <t>\\acsfs\profiles$\fabianobmf\Downloads\06074250-df13-4ef0-9bab-804d0cdd61a7.tmp</t>
  </si>
  <si>
    <t>01/18/2020 14:26:36</t>
  </si>
  <si>
    <t>01/18/2020 14:30:59</t>
  </si>
  <si>
    <t>01/18/2020 14:29:46</t>
  </si>
  <si>
    <t>01/18/2020 14:32:59</t>
  </si>
  <si>
    <t>01/18/2020 14:33:59</t>
  </si>
  <si>
    <t>01/18/2020 14:29:55</t>
  </si>
  <si>
    <t>01/18/2020 14:31:52</t>
  </si>
  <si>
    <t>01/18/2020 14:34:59</t>
  </si>
  <si>
    <t>01/18/2020 14:32:08</t>
  </si>
  <si>
    <t>01/18/2020 14:35:59</t>
  </si>
  <si>
    <t>01/18/2020 14:33:50</t>
  </si>
  <si>
    <t>01/18/2020 14:37:59</t>
  </si>
  <si>
    <t>01/18/2020 14:36:28</t>
  </si>
  <si>
    <t>01/18/2020 14:37:34</t>
  </si>
  <si>
    <t>01/18/2020 14:38:59</t>
  </si>
  <si>
    <t>01/18/2020 14:39:59</t>
  </si>
  <si>
    <t>01/18/2020 14:38:43</t>
  </si>
  <si>
    <t>01/18/2020 14:40:59</t>
  </si>
  <si>
    <t>01/18/2020 14:39:12</t>
  </si>
  <si>
    <t>01/18/2020 14:35:57</t>
  </si>
  <si>
    <t>01/18/2020 14:37:14</t>
  </si>
  <si>
    <t>01/18/2020 14:37:57</t>
  </si>
  <si>
    <t>01/18/2020 14:41:59</t>
  </si>
  <si>
    <t>01/18/2020 14:42:22</t>
  </si>
  <si>
    <t>01/18/2020 14:42:59</t>
  </si>
  <si>
    <t>01/18/2020 14:44:58</t>
  </si>
  <si>
    <t>01/18/2020 14:40:28</t>
  </si>
  <si>
    <t>01/18/2020 14:45:59</t>
  </si>
  <si>
    <t>01/18/2020 14:45:00</t>
  </si>
  <si>
    <t>01/18/2020 14:45:28</t>
  </si>
  <si>
    <t>01/18/2020 14:47:59</t>
  </si>
  <si>
    <t>01/18/2020 14:47:20</t>
  </si>
  <si>
    <t>01/18/2020 14:43:12</t>
  </si>
  <si>
    <t>4adaaa25-ed2a-451a-b220-d72938f4cc92.tmp</t>
  </si>
  <si>
    <t>\\acsfs\profiles$\philipegsf\Downloads\4adaaa25-ed2a-451a-b220-d72938f4cc92.tmp</t>
  </si>
  <si>
    <t>01/18/2020 14:49:58</t>
  </si>
  <si>
    <t>01/18/2020 14:50:00</t>
  </si>
  <si>
    <t>01/18/2020 14:50:59</t>
  </si>
  <si>
    <t>01/18/2020 14:46:30</t>
  </si>
  <si>
    <t>01/18/2020 14:47:45</t>
  </si>
  <si>
    <t>01/18/2020 14:48:28</t>
  </si>
  <si>
    <t>01/18/2020 14:49:19</t>
  </si>
  <si>
    <t>01/18/2020 14:51:58</t>
  </si>
  <si>
    <t>01/18/2020 14:49:38</t>
  </si>
  <si>
    <t>01/18/2020 14:52:59</t>
  </si>
  <si>
    <t>54094c94-afd6-43c6-98d5-00513e69a4d0.tmp</t>
  </si>
  <si>
    <t>\\acsfs\profiles$\brunalas\Downloads\54094c94-afd6-43c6-98d5-00513e69a4d0.tmp</t>
  </si>
  <si>
    <t>01/18/2020 14:50:40</t>
  </si>
  <si>
    <t>6ff5f779-bd80-4637-bde1-c697d7071bc8.tmp</t>
  </si>
  <si>
    <t>\\acsfs\profiles$\brunalas\Downloads\6ff5f779-bd80-4637-bde1-c697d7071bc8.tmp</t>
  </si>
  <si>
    <t>01/18/2020 14:54:59</t>
  </si>
  <si>
    <t>01/18/2020 14:52:03</t>
  </si>
  <si>
    <t>01/18/2020 14:55:59</t>
  </si>
  <si>
    <t>01/18/2020 14:54:35</t>
  </si>
  <si>
    <t>01/18/2020 14:54:13</t>
  </si>
  <si>
    <t>01/18/2020 14:56:58</t>
  </si>
  <si>
    <t>01/18/2020 14:54:55</t>
  </si>
  <si>
    <t>01/18/2020 14:57:59</t>
  </si>
  <si>
    <t>01/18/2020 14:57:45</t>
  </si>
  <si>
    <t>01/18/2020 14:58:59</t>
  </si>
  <si>
    <t>01/18/2020 14:54:37</t>
  </si>
  <si>
    <t>01/18/2020 14:55:03</t>
  </si>
  <si>
    <t>01/18/2020 14:59:59</t>
  </si>
  <si>
    <t>01/18/2020 14:57:15</t>
  </si>
  <si>
    <t>01/18/2020 15:00:59</t>
  </si>
  <si>
    <t>01/18/2020 14:58:21</t>
  </si>
  <si>
    <t>01/18/2020 14:59:50</t>
  </si>
  <si>
    <t>01/18/2020 15:01:59</t>
  </si>
  <si>
    <t>01/18/2020 14:59:57</t>
  </si>
  <si>
    <t>01/18/2020 15:02:59</t>
  </si>
  <si>
    <t>01/18/2020 14:59:58</t>
  </si>
  <si>
    <t>01/18/2020 14:59:40</t>
  </si>
  <si>
    <t>01/18/2020 15:03:59</t>
  </si>
  <si>
    <t>lu705217hq2.tmp</t>
  </si>
  <si>
    <t>\\acsfs\profiles$\dhiulliananads\My Documents\lu705217hq2.tmp</t>
  </si>
  <si>
    <t>\\acsfs\profiles$\dhiulliananads\My Documents\lu705217hq2.tmp\</t>
  </si>
  <si>
    <t>\\acsfs\profiles$\dhiulliananads\My Documents\lu705217hq2.tmp\META-INF\</t>
  </si>
  <si>
    <t>\\acsfs\profiles$\dhiulliananads\My Documents\lu705217hq2.tmp\Thumbnails\</t>
  </si>
  <si>
    <t>01/18/2020 15:01:53</t>
  </si>
  <si>
    <t>01/18/2020 15:04:59</t>
  </si>
  <si>
    <t>cdc9074d-6487-48cf-b7b5-6f500241c33c.tmp</t>
  </si>
  <si>
    <t>\\acsfs\profiles$\fabianobmf\Downloads\cdc9074d-6487-48cf-b7b5-6f500241c33c.tmp</t>
  </si>
  <si>
    <t>01/18/2020 15:03:23</t>
  </si>
  <si>
    <t>01/18/2020 15:06:00</t>
  </si>
  <si>
    <t>01/18/2020 15:01:52</t>
  </si>
  <si>
    <t>01/18/2020 15:04:58</t>
  </si>
  <si>
    <t>01/18/2020 15:05:23</t>
  </si>
  <si>
    <t>01/18/2020 15:06:59</t>
  </si>
  <si>
    <t>01/18/2020 15:02:04</t>
  </si>
  <si>
    <t>01/18/2020 15:05:40</t>
  </si>
  <si>
    <t>01/18/2020 15:07:59</t>
  </si>
  <si>
    <t>01/18/2020 15:10:00</t>
  </si>
  <si>
    <t>01/18/2020 15:08:46</t>
  </si>
  <si>
    <t>01/18/2020 15:10:59</t>
  </si>
  <si>
    <t>d2b15d60-d0de-43c9-885d-061467f6d9fa.tmp</t>
  </si>
  <si>
    <t>\\acsfs\profiles$\andreapdsg\Downloads\d2b15d60-d0de-43c9-885d-061467f6d9fa.tmp</t>
  </si>
  <si>
    <t>01/18/2020 15:08:50</t>
  </si>
  <si>
    <t>01/18/2020 15:09:15</t>
  </si>
  <si>
    <t>01/18/2020 15:08:42</t>
  </si>
  <si>
    <t>01/18/2020 15:08:39</t>
  </si>
  <si>
    <t>01/18/2020 15:12:00</t>
  </si>
  <si>
    <t>RETORANO ANTONIA.txt</t>
  </si>
  <si>
    <t>\\acsfs\profiles$\rafaelacdoc\RETORANO ANTONIA.txt</t>
  </si>
  <si>
    <t>01/18/2020 15:08:25</t>
  </si>
  <si>
    <t>01/18/2020 15:08:30</t>
  </si>
  <si>
    <t>01/18/2020 15:08:31</t>
  </si>
  <si>
    <t>01/18/2020 15:08:34</t>
  </si>
  <si>
    <t>01/18/2020 15:08:36</t>
  </si>
  <si>
    <t>01/18/2020 15:08:37</t>
  </si>
  <si>
    <t>01/18/2020 15:08:38</t>
  </si>
  <si>
    <t>01/18/2020 15:08:40</t>
  </si>
  <si>
    <t>01/18/2020 15:08:43</t>
  </si>
  <si>
    <t>01/18/2020 15:08:44</t>
  </si>
  <si>
    <t>01/18/2020 15:08:45</t>
  </si>
  <si>
    <t>01/18/2020 15:08:47</t>
  </si>
  <si>
    <t>01/18/2020 15:08:49</t>
  </si>
  <si>
    <t>01/18/2020 15:08:51</t>
  </si>
  <si>
    <t>01/18/2020 15:08:52</t>
  </si>
  <si>
    <t>01/18/2020 15:08:54</t>
  </si>
  <si>
    <t>01/18/2020 15:08:56</t>
  </si>
  <si>
    <t>01/18/2020 15:08:57</t>
  </si>
  <si>
    <t>01/18/2020 15:08:59</t>
  </si>
  <si>
    <t>01/18/2020 15:09:00</t>
  </si>
  <si>
    <t>01/18/2020 15:09:02</t>
  </si>
  <si>
    <t>01/18/2020 15:09:03</t>
  </si>
  <si>
    <t>01/18/2020 15:09:04</t>
  </si>
  <si>
    <t>01/18/2020 15:09:05</t>
  </si>
  <si>
    <t>01/18/2020 15:09:06</t>
  </si>
  <si>
    <t>01/18/2020 15:09:08</t>
  </si>
  <si>
    <t>01/18/2020 15:09:09</t>
  </si>
  <si>
    <t>01/18/2020 15:09:10</t>
  </si>
  <si>
    <t>01/18/2020 15:09:11</t>
  </si>
  <si>
    <t>01/18/2020 15:09:13</t>
  </si>
  <si>
    <t>01/18/2020 15:09:14</t>
  </si>
  <si>
    <t>01/18/2020 15:09:17</t>
  </si>
  <si>
    <t>01/18/2020 15:09:44</t>
  </si>
  <si>
    <t>01/18/2020 15:09:45</t>
  </si>
  <si>
    <t>01/18/2020 15:11:51</t>
  </si>
  <si>
    <t>01/18/2020 15:12:59</t>
  </si>
  <si>
    <t>01/18/2020 15:14:59</t>
  </si>
  <si>
    <t>01/18/2020 15:14:34</t>
  </si>
  <si>
    <t>01/18/2020 15:15:59</t>
  </si>
  <si>
    <t>01/18/2020 15:14:37</t>
  </si>
  <si>
    <t>01/18/2020 15:13:31</t>
  </si>
  <si>
    <t>01/18/2020 15:16:59</t>
  </si>
  <si>
    <t>01/18/2020 15:13:14</t>
  </si>
  <si>
    <t>01/18/2020 15:14:58</t>
  </si>
  <si>
    <t>01/18/2020 15:16:55</t>
  </si>
  <si>
    <t>01/18/2020 15:18:00</t>
  </si>
  <si>
    <t>01/18/2020 15:14:21</t>
  </si>
  <si>
    <t>01/18/2020 15:18:59</t>
  </si>
  <si>
    <t>01/18/2020 15:16:02</t>
  </si>
  <si>
    <t>01/18/2020 15:15:26</t>
  </si>
  <si>
    <t>01/18/2020 15:20:00</t>
  </si>
  <si>
    <t>01/18/2020 15:15:47</t>
  </si>
  <si>
    <t>9cad4c1e-c06f-42ff-be87-8ff94fbe6bb5.tmp</t>
  </si>
  <si>
    <t>\\acsfs\profiles$\jessicafc\Downloads\9cad4c1e-c06f-42ff-be87-8ff94fbe6bb5.tmp</t>
  </si>
  <si>
    <t>01/18/2020 15:15:25</t>
  </si>
  <si>
    <t>01/18/2020 15:20:59</t>
  </si>
  <si>
    <t>01/18/2020 15:16:19</t>
  </si>
  <si>
    <t>ca0282b0-60c8-4fbd-af1f-7ce3ea5505cd.tmp</t>
  </si>
  <si>
    <t>\\acsfs\profiles$\andreapdsg\Downloads\ca0282b0-60c8-4fbd-af1f-7ce3ea5505cd.tmp</t>
  </si>
  <si>
    <t>01/18/2020 15:16:33</t>
  </si>
  <si>
    <t>01/18/2020 15:18:14</t>
  </si>
  <si>
    <t>01/18/2020 15:21:59</t>
  </si>
  <si>
    <t>01/18/2020 15:17:19</t>
  </si>
  <si>
    <t>01/18/2020 15:21:28</t>
  </si>
  <si>
    <t>01/18/2020 15:24:58</t>
  </si>
  <si>
    <t>01/18/2020 15:25:37</t>
  </si>
  <si>
    <t>01/18/2020 15:28:58</t>
  </si>
  <si>
    <t>01/18/2020 15:28:54</t>
  </si>
  <si>
    <t>01/18/2020 15:29:59</t>
  </si>
  <si>
    <t>0b2d4c75-2732-4831-8063-4487a7df5454.tmp</t>
  </si>
  <si>
    <t>\\acsfs\profiles$\fabianobmf\Downloads\0b2d4c75-2732-4831-8063-4487a7df5454.tmp</t>
  </si>
  <si>
    <t>01/18/2020 15:26:14</t>
  </si>
  <si>
    <t>01/18/2020 15:30:58</t>
  </si>
  <si>
    <t>01/18/2020 15:27:27</t>
  </si>
  <si>
    <t>01/18/2020 15:26:33</t>
  </si>
  <si>
    <t>01/18/2020 15:29:11</t>
  </si>
  <si>
    <t>01/18/2020 15:31:59</t>
  </si>
  <si>
    <t>01/18/2020 15:31:02</t>
  </si>
  <si>
    <t>01/18/2020 15:31:47</t>
  </si>
  <si>
    <t>01/18/2020 15:32:59</t>
  </si>
  <si>
    <t>01/18/2020 15:32:36</t>
  </si>
  <si>
    <t>01/18/2020 15:34:00</t>
  </si>
  <si>
    <t>01/18/2020 15:35:00</t>
  </si>
  <si>
    <t>01/18/2020 15:31:37</t>
  </si>
  <si>
    <t>01/18/2020 15:36:00</t>
  </si>
  <si>
    <t>01/18/2020 15:32:32</t>
  </si>
  <si>
    <t>01/18/2020 15:35:27</t>
  </si>
  <si>
    <t>01/18/2020 15:39:00</t>
  </si>
  <si>
    <t>01/18/2020 15:35:01</t>
  </si>
  <si>
    <t>01/18/2020 15:40:00</t>
  </si>
  <si>
    <t>01/18/2020 15:37:59</t>
  </si>
  <si>
    <t>01/18/2020 15:41:00</t>
  </si>
  <si>
    <t>01/18/2020 15:38:06</t>
  </si>
  <si>
    <t>01/18/2020 15:38:10</t>
  </si>
  <si>
    <t>01/18/2020 15:38:16</t>
  </si>
  <si>
    <t>01/18/2020 15:40:02</t>
  </si>
  <si>
    <t>01/18/2020 15:42:31</t>
  </si>
  <si>
    <t>01/18/2020 15:44:59</t>
  </si>
  <si>
    <t>01/18/2020 15:42:50</t>
  </si>
  <si>
    <t>01/18/2020 15:42:51</t>
  </si>
  <si>
    <t>lu705217hq7.tmp</t>
  </si>
  <si>
    <t>\\acsfs\profiles$\dhiulliananads\My Documents\lu705217hq7.tmp</t>
  </si>
  <si>
    <t>\\acsfs\profiles$\dhiulliananads\My Documents\lu705217hq7.tmp\</t>
  </si>
  <si>
    <t>\\acsfs\profiles$\dhiulliananads\My Documents\lu705217hq7.tmp\META-INF\</t>
  </si>
  <si>
    <t>\\acsfs\profiles$\dhiulliananads\My Documents\lu705217hq7.tmp\Thumbnails\</t>
  </si>
  <si>
    <t>01/18/2020 15:43:50</t>
  </si>
  <si>
    <t>01/18/2020 15:46:00</t>
  </si>
  <si>
    <t>01/18/2020 15:42:29</t>
  </si>
  <si>
    <t>01/18/2020 15:42:38</t>
  </si>
  <si>
    <t>01/18/2020 15:46:59</t>
  </si>
  <si>
    <t>b7f296a8-db13-4d2d-843c-3c3b58b01157.tmp</t>
  </si>
  <si>
    <t>\\acsfs\profiles$\rafaelacdoc\Downloads\b7f296a8-db13-4d2d-843c-3c3b58b01157.tmp</t>
  </si>
  <si>
    <t>01/18/2020 15:43:29</t>
  </si>
  <si>
    <t>01/18/2020 15:48:00</t>
  </si>
  <si>
    <t>01/18/2020 15:44:30</t>
  </si>
  <si>
    <t>01/18/2020 15:48:13</t>
  </si>
  <si>
    <t>01/18/2020 15:49:01</t>
  </si>
  <si>
    <t>01/18/2020 15:50:00</t>
  </si>
  <si>
    <t>01/18/2020 15:46:13</t>
  </si>
  <si>
    <t>01/18/2020 15:48:57</t>
  </si>
  <si>
    <t>01/18/2020 15:51:00</t>
  </si>
  <si>
    <t>01/18/2020 15:45:55</t>
  </si>
  <si>
    <t>01/18/2020 15:50:36</t>
  </si>
  <si>
    <t>01/18/2020 15:52:00</t>
  </si>
  <si>
    <t>786ff1b8-ad4e-4ae9-ae81-1a2f3d124b82.tmp</t>
  </si>
  <si>
    <t>\\acsfs\profiles$\welidicdj\Downloads\786ff1b8-ad4e-4ae9-ae81-1a2f3d124b82.tmp</t>
  </si>
  <si>
    <t>01/18/2020 15:50:50</t>
  </si>
  <si>
    <t>01/18/2020 15:49:21</t>
  </si>
  <si>
    <t>01/18/2020 15:54:00</t>
  </si>
  <si>
    <t>01/18/2020 15:50:35</t>
  </si>
  <si>
    <t>01/18/2020 15:55:00</t>
  </si>
  <si>
    <t>01/18/2020 15:51:14</t>
  </si>
  <si>
    <t>01/18/2020 15:51:03</t>
  </si>
  <si>
    <t>01/18/2020 15:55:59</t>
  </si>
  <si>
    <t>01/18/2020 15:50:18</t>
  </si>
  <si>
    <t>01/18/2020 15:54:14</t>
  </si>
  <si>
    <t>01/18/2020 15:52:46</t>
  </si>
  <si>
    <t>01/18/2020 15:57:00</t>
  </si>
  <si>
    <t>4ed11c49-938c-4564-91a1-c9b6ceb4bb84.tmp</t>
  </si>
  <si>
    <t>\\acsfs\profiles$\welidicdj\Downloads\4ed11c49-938c-4564-91a1-c9b6ceb4bb84.tmp</t>
  </si>
  <si>
    <t>01/18/2020 16:00:01</t>
  </si>
  <si>
    <t>01/18/2020 15:59:07</t>
  </si>
  <si>
    <t>01/18/2020 16:01:00</t>
  </si>
  <si>
    <t>01/18/2020 15:59:34</t>
  </si>
  <si>
    <t>01/18/2020 15:57:07</t>
  </si>
  <si>
    <t>01/18/2020 16:01:49</t>
  </si>
  <si>
    <t>01/18/2020 16:03:01</t>
  </si>
  <si>
    <t>01/18/2020 16:01:12</t>
  </si>
  <si>
    <t>01/18/2020 15:59:03</t>
  </si>
  <si>
    <t>01/18/2020 16:04:00</t>
  </si>
  <si>
    <t>01/18/2020 16:05:00</t>
  </si>
  <si>
    <t>01/18/2020 16:03:31</t>
  </si>
  <si>
    <t>01/18/2020 16:06:00</t>
  </si>
  <si>
    <t>01/18/2020 16:01:58</t>
  </si>
  <si>
    <t>01/18/2020 16:02:54</t>
  </si>
  <si>
    <t>01/18/2020 16:01:51</t>
  </si>
  <si>
    <t>01/18/2020 16:07:00</t>
  </si>
  <si>
    <t>01/18/2020 16:03:49</t>
  </si>
  <si>
    <t>df99a7f6-845f-4c69-850f-5c1ac1c1d05a.tmp</t>
  </si>
  <si>
    <t>\\acsfs\profiles$\matheusmax\Downloads\df99a7f6-845f-4c69-850f-5c1ac1c1d05a.tmp</t>
  </si>
  <si>
    <t>01/18/2020 16:06:26</t>
  </si>
  <si>
    <t>01/18/2020 16:03:22</t>
  </si>
  <si>
    <t>01/18/2020 16:09:00</t>
  </si>
  <si>
    <t>01/18/2020 16:08:20</t>
  </si>
  <si>
    <t>01/18/2020 16:08:24</t>
  </si>
  <si>
    <t>01/18/2020 16:10:00</t>
  </si>
  <si>
    <t>01/18/2020 16:07:34</t>
  </si>
  <si>
    <t>01/18/2020 16:11:00</t>
  </si>
  <si>
    <t>01/18/2020 16:07:57</t>
  </si>
  <si>
    <t>01/18/2020 16:12:00</t>
  </si>
  <si>
    <t>01/18/2020 16:11:07</t>
  </si>
  <si>
    <t>01/18/2020 16:08:41</t>
  </si>
  <si>
    <t>01/18/2020 16:13:00</t>
  </si>
  <si>
    <t>8298c80d-0bd7-499e-a6e5-8b483822ff15.tmp</t>
  </si>
  <si>
    <t>\\acsfs\profiles$\brunalas\Downloads\8298c80d-0bd7-499e-a6e5-8b483822ff15.tmp</t>
  </si>
  <si>
    <t>01/18/2020 16:08:44</t>
  </si>
  <si>
    <t>01/18/2020 16:14:00</t>
  </si>
  <si>
    <t>01/18/2020 16:08:51</t>
  </si>
  <si>
    <t>01/18/2020 16:08:54</t>
  </si>
  <si>
    <t>01/18/2020 16:09:03</t>
  </si>
  <si>
    <t>01/18/2020 16:09:04</t>
  </si>
  <si>
    <t>01/18/2020 16:09:08</t>
  </si>
  <si>
    <t>01/18/2020 16:09:18</t>
  </si>
  <si>
    <t>01/18/2020 16:15:00</t>
  </si>
  <si>
    <t>01/18/2020 16:14:55</t>
  </si>
  <si>
    <t>01/18/2020 16:16:00</t>
  </si>
  <si>
    <t>01/18/2020 16:13:53</t>
  </si>
  <si>
    <t>01/18/2020 16:14:21</t>
  </si>
  <si>
    <t>01/18/2020 16:18:00</t>
  </si>
  <si>
    <t>01/18/2020 16:20:00</t>
  </si>
  <si>
    <t>01/18/2020 16:21:13</t>
  </si>
  <si>
    <t>01/18/2020 16:22:00</t>
  </si>
  <si>
    <t>01/18/2020 16:21:14</t>
  </si>
  <si>
    <t>lu125126w5a.tmp</t>
  </si>
  <si>
    <t>\\acsfs\profiles$\rafaelacdoc\lu125126w5a.tmp</t>
  </si>
  <si>
    <t>\\acsfs\profiles$\rafaelacdoc\lu125126w5a.tmp\</t>
  </si>
  <si>
    <t>\\acsfs\profiles$\rafaelacdoc\lu125126w5a.tmp\META-INF\</t>
  </si>
  <si>
    <t>\\acsfs\profiles$\rafaelacdoc\lu125126w5a.tmp\Thumbnails\</t>
  </si>
  <si>
    <t>01/18/2020 16:20:02</t>
  </si>
  <si>
    <t>01/18/2020 16:23:00</t>
  </si>
  <si>
    <t>01/18/2020 16:21:29</t>
  </si>
  <si>
    <t>01/18/2020 16:23:59</t>
  </si>
  <si>
    <t>01/18/2020 16:22:46</t>
  </si>
  <si>
    <t>01/18/2020 16:25:00</t>
  </si>
  <si>
    <t>01/18/2020 16:22:29</t>
  </si>
  <si>
    <t>01/18/2020 16:26:00</t>
  </si>
  <si>
    <t>01/18/2020 16:26:23</t>
  </si>
  <si>
    <t>01/18/2020 16:27:00</t>
  </si>
  <si>
    <t>01/18/2020 16:25:02</t>
  </si>
  <si>
    <t>01/18/2020 16:29:00</t>
  </si>
  <si>
    <t>01/18/2020 16:30:00</t>
  </si>
  <si>
    <t>01/18/2020 16:29:39</t>
  </si>
  <si>
    <t>01/18/2020 16:32:00</t>
  </si>
  <si>
    <t>01/18/2020 16:30:10</t>
  </si>
  <si>
    <t>01/18/2020 16:27:08</t>
  </si>
  <si>
    <t>1083ed58-626f-4c01-b23e-31551acb2526.tmp</t>
  </si>
  <si>
    <t>\\acsfs\profiles$\matheusmax\Downloads\1083ed58-626f-4c01-b23e-31551acb2526.tmp</t>
  </si>
  <si>
    <t>01/18/2020 16:31:01</t>
  </si>
  <si>
    <t>01/18/2020 16:33:00</t>
  </si>
  <si>
    <t>01/18/2020 16:35:00</t>
  </si>
  <si>
    <t>01/18/2020 16:34:16</t>
  </si>
  <si>
    <t>01/18/2020 16:35:59</t>
  </si>
  <si>
    <t>01/18/2020 16:31:06</t>
  </si>
  <si>
    <t>01/18/2020 16:35:54</t>
  </si>
  <si>
    <t>01/18/2020 16:39:00</t>
  </si>
  <si>
    <t>01/18/2020 16:40:00</t>
  </si>
  <si>
    <t>01/18/2020 16:37:22</t>
  </si>
  <si>
    <t>01/18/2020 16:41:00</t>
  </si>
  <si>
    <t>01/18/2020 16:44:59</t>
  </si>
  <si>
    <t>01/18/2020 16:48:04</t>
  </si>
  <si>
    <t>01/18/2020 16:50:00</t>
  </si>
  <si>
    <t>4edd74c7-d935-4815-9559-d67f6b370c6b.tmp</t>
  </si>
  <si>
    <t>\\acsfs\profiles$\fabianobmf\Downloads\4edd74c7-d935-4815-9559-d67f6b370c6b.tmp</t>
  </si>
  <si>
    <t>01/18/2020 16:47:16</t>
  </si>
  <si>
    <t>01/18/2020 16:51:01</t>
  </si>
  <si>
    <t>01/18/2020 16:48:16</t>
  </si>
  <si>
    <t>1dfd90c7-b018-46c3-b0f7-6cd7f59490a9.tmp</t>
  </si>
  <si>
    <t>\\acsfs\profiles$\andreapdsg\Downloads\1dfd90c7-b018-46c3-b0f7-6cd7f59490a9.tmp</t>
  </si>
  <si>
    <t>01/18/2020 16:55:00</t>
  </si>
  <si>
    <t>01/18/2020 16:54:54</t>
  </si>
  <si>
    <t>01/18/2020 16:58:00</t>
  </si>
  <si>
    <t>01/18/2020 17:00:00</t>
  </si>
  <si>
    <t>01/18/2020 16:57:58</t>
  </si>
  <si>
    <t>01/18/2020 17:01:00</t>
  </si>
  <si>
    <t>01/18/2020 16:59:13</t>
  </si>
  <si>
    <t>01/18/2020 17:02:00</t>
  </si>
  <si>
    <t>01/18/2020 16:58:28</t>
  </si>
  <si>
    <t>01/18/2020 17:00:35</t>
  </si>
  <si>
    <t>01/18/2020 17:04:00</t>
  </si>
  <si>
    <t>01/18/2020 17:05:00</t>
  </si>
  <si>
    <t>01/18/2020 17:03:50</t>
  </si>
  <si>
    <t>01/18/2020 17:06:00</t>
  </si>
  <si>
    <t>01/18/2020 17:04:52</t>
  </si>
  <si>
    <t>01/18/2020 17:08:00</t>
  </si>
  <si>
    <t>01/18/2020 17:10:00</t>
  </si>
  <si>
    <t>01/18/2020 17:05:39</t>
  </si>
  <si>
    <t>01/18/2020 17:11:00</t>
  </si>
  <si>
    <t>01/18/2020 17:06:37</t>
  </si>
  <si>
    <t>01/18/2020 17:09:36</t>
  </si>
  <si>
    <t>01/18/2020 17:10:30</t>
  </si>
  <si>
    <t>01/18/2020 17:12:00</t>
  </si>
  <si>
    <t>01/18/2020 17:09:58</t>
  </si>
  <si>
    <t>01/18/2020 17:13:00</t>
  </si>
  <si>
    <t>01/18/2020 17:15:00</t>
  </si>
  <si>
    <t>01/18/2020 17:20:00</t>
  </si>
  <si>
    <t>01/18/2020 17:19:51</t>
  </si>
  <si>
    <t>01/18/2020 17:21:00</t>
  </si>
  <si>
    <t>01/18/2020 17:18:49</t>
  </si>
  <si>
    <t>01/18/2020 17:24:00</t>
  </si>
  <si>
    <t>01/18/2020 17:18:55</t>
  </si>
  <si>
    <t>01/18/2020 17:19:05</t>
  </si>
  <si>
    <t>01/18/2020 17:19:13</t>
  </si>
  <si>
    <t>01/18/2020 17:19:17</t>
  </si>
  <si>
    <t>01/18/2020 17:19:25</t>
  </si>
  <si>
    <t>01/18/2020 17:19:28</t>
  </si>
  <si>
    <t>01/18/2020 17:22:50</t>
  </si>
  <si>
    <t>01/18/2020 17:25:01</t>
  </si>
  <si>
    <t>01/18/2020 17:23:46</t>
  </si>
  <si>
    <t>01/18/2020 17:25:59</t>
  </si>
  <si>
    <t>01/18/2020 17:24:03</t>
  </si>
  <si>
    <t>01/18/2020 17:25:19</t>
  </si>
  <si>
    <t>01/18/2020 17:23:33</t>
  </si>
  <si>
    <t>01/18/2020 17:27:00</t>
  </si>
  <si>
    <t>01/18/2020 17:30:00</t>
  </si>
  <si>
    <t>01/18/2020 17:26:13</t>
  </si>
  <si>
    <t>01/18/2020 17:31:00</t>
  </si>
  <si>
    <t>01/18/2020 17:29:26</t>
  </si>
  <si>
    <t>01/18/2020 17:35:00</t>
  </si>
  <si>
    <t>01/18/2020 17:30:34</t>
  </si>
  <si>
    <t>01/18/2020 17:36:00</t>
  </si>
  <si>
    <t>01/18/2020 17:33:37</t>
  </si>
  <si>
    <t>01/18/2020 17:32:33</t>
  </si>
  <si>
    <t>09bc02b8-6a05-4c29-a452-9450c6298b21.tmp</t>
  </si>
  <si>
    <t>\\acsfs\profiles$\andreapdsg\Downloads\09bc02b8-6a05-4c29-a452-9450c6298b21.tmp</t>
  </si>
  <si>
    <t>01/18/2020 17:35:17</t>
  </si>
  <si>
    <t>f5563167-6e7e-4b37-8ff2-afbea44d7404.tmp</t>
  </si>
  <si>
    <t>\\acsfs\profiles$\taylaedoa\Downloads\f5563167-6e7e-4b37-8ff2-afbea44d7404.tmp</t>
  </si>
  <si>
    <t>01/18/2020 17:33:58</t>
  </si>
  <si>
    <t>01/18/2020 17:34:30</t>
  </si>
  <si>
    <t>01/18/2020 17:40:00</t>
  </si>
  <si>
    <t>01/18/2020 17:35:44</t>
  </si>
  <si>
    <t>01/18/2020 17:40:59</t>
  </si>
  <si>
    <t>01/18/2020 17:36:17</t>
  </si>
  <si>
    <t>b6358ea2-d7fd-4dcb-b7e7-25ac35963979.tmp</t>
  </si>
  <si>
    <t>\\acsfs\profiles$\taylaedoa\Downloads\b6358ea2-d7fd-4dcb-b7e7-25ac35963979.tmp</t>
  </si>
  <si>
    <t>01/18/2020 17:39:05</t>
  </si>
  <si>
    <t>01/18/2020 17:42:00</t>
  </si>
  <si>
    <t>01/18/2020 17:39:48</t>
  </si>
  <si>
    <t>01/18/2020 17:43:00</t>
  </si>
  <si>
    <t>551f5bfa-8267-4a0d-9296-f8fa9d01442b.tmp</t>
  </si>
  <si>
    <t>\\acsfs\profiles$\mariajaf\Downloads\551f5bfa-8267-4a0d-9296-f8fa9d01442b.tmp</t>
  </si>
  <si>
    <t>01/18/2020 17:39:58</t>
  </si>
  <si>
    <t>01/18/2020 17:41:18</t>
  </si>
  <si>
    <t>643391eb-498c-459a-99e4-1e21d0a45a43.tmp</t>
  </si>
  <si>
    <t>\\acsfs\profiles$\mariajaf\Downloads\643391eb-498c-459a-99e4-1e21d0a45a43.tmp</t>
  </si>
  <si>
    <t>01/18/2020 17:40:42</t>
  </si>
  <si>
    <t>01/18/2020 17:40:13</t>
  </si>
  <si>
    <t>01/18/2020 17:43:38</t>
  </si>
  <si>
    <t>01/18/2020 17:44:00</t>
  </si>
  <si>
    <t>01/18/2020 17:43:55</t>
  </si>
  <si>
    <t>01/18/2020 17:45:00</t>
  </si>
  <si>
    <t>01/18/2020 17:43:33</t>
  </si>
  <si>
    <t>01/18/2020 17:48:00</t>
  </si>
  <si>
    <t>01/18/2020 17:47:58</t>
  </si>
  <si>
    <t>01/18/2020 17:49:00</t>
  </si>
  <si>
    <t>01/18/2020 17:48:13</t>
  </si>
  <si>
    <t>01/18/2020 17:50:00</t>
  </si>
  <si>
    <t>01/18/2020 17:46:43</t>
  </si>
  <si>
    <t>01/18/2020 17:51:00</t>
  </si>
  <si>
    <t>01/18/2020 17:47:03</t>
  </si>
  <si>
    <t>01/18/2020 17:48:44</t>
  </si>
  <si>
    <t>01/18/2020 17:48:20</t>
  </si>
  <si>
    <t>01/18/2020 17:52:01</t>
  </si>
  <si>
    <t>01/18/2020 17:48:46</t>
  </si>
  <si>
    <t>01/18/2020 17:53:00</t>
  </si>
  <si>
    <t>01/18/2020 17:51:31</t>
  </si>
  <si>
    <t>01/18/2020 17:54:01</t>
  </si>
  <si>
    <t>01/18/2020 17:53:02</t>
  </si>
  <si>
    <t>01/18/2020 17:55:00</t>
  </si>
  <si>
    <t>01/18/2020 17:50:53</t>
  </si>
  <si>
    <t>01/18/2020 17:53:23</t>
  </si>
  <si>
    <t>01/18/2020 17:56:01</t>
  </si>
  <si>
    <t>01/18/2020 17:56:42</t>
  </si>
  <si>
    <t>01/18/2020 17:59:00</t>
  </si>
  <si>
    <t>01/18/2020 18:00:00</t>
  </si>
  <si>
    <t>01/18/2020 17:57:41</t>
  </si>
  <si>
    <t>01/18/2020 18:01:00</t>
  </si>
  <si>
    <t>01/18/2020 17:59:52</t>
  </si>
  <si>
    <t>01/18/2020 18:00:16</t>
  </si>
  <si>
    <t>01/18/2020 17:57:45</t>
  </si>
  <si>
    <t>9a890092-0688-41d9-a2eb-06f65e85d51a.tmp</t>
  </si>
  <si>
    <t>\\acsfs\profiles$\taylaedoa\Downloads\9a890092-0688-41d9-a2eb-06f65e85d51a.tmp</t>
  </si>
  <si>
    <t>01/18/2020 17:57:40</t>
  </si>
  <si>
    <t>01/18/2020 17:57:42</t>
  </si>
  <si>
    <t>01/18/2020 17:57:44</t>
  </si>
  <si>
    <t>01/18/2020 17:57:47</t>
  </si>
  <si>
    <t>01/18/2020 17:57:48</t>
  </si>
  <si>
    <t>01/18/2020 18:02:00</t>
  </si>
  <si>
    <t>01/18/2020 17:57:49</t>
  </si>
  <si>
    <t>01/18/2020 17:57:50</t>
  </si>
  <si>
    <t>01/18/2020 17:57:51</t>
  </si>
  <si>
    <t>01/18/2020 17:57:52</t>
  </si>
  <si>
    <t>01/18/2020 17:57:53</t>
  </si>
  <si>
    <t>01/18/2020 17:57:54</t>
  </si>
  <si>
    <t>01/18/2020 17:57:55</t>
  </si>
  <si>
    <t>01/18/2020 17:57:56</t>
  </si>
  <si>
    <t>01/18/2020 17:57:57</t>
  </si>
  <si>
    <t>01/18/2020 17:57:59</t>
  </si>
  <si>
    <t>01/18/2020 17:58:01</t>
  </si>
  <si>
    <t>01/18/2020 17:58:03</t>
  </si>
  <si>
    <t>01/18/2020 17:58:04</t>
  </si>
  <si>
    <t>01/18/2020 17:58:06</t>
  </si>
  <si>
    <t>01/18/2020 17:58:07</t>
  </si>
  <si>
    <t>01/18/2020 17:58:08</t>
  </si>
  <si>
    <t>01/18/2020 17:58:09</t>
  </si>
  <si>
    <t>01/18/2020 17:58:10</t>
  </si>
  <si>
    <t>01/18/2020 17:58:11</t>
  </si>
  <si>
    <t>01/18/2020 17:58:15</t>
  </si>
  <si>
    <t>01/18/2020 17:58:16</t>
  </si>
  <si>
    <t>01/18/2020 17:58:17</t>
  </si>
  <si>
    <t>01/18/2020 17:58:20</t>
  </si>
  <si>
    <t>01/18/2020 17:58:22</t>
  </si>
  <si>
    <t>01/18/2020 17:58:24</t>
  </si>
  <si>
    <t>01/18/2020 17:58:25</t>
  </si>
  <si>
    <t>01/18/2020 17:58:27</t>
  </si>
  <si>
    <t>01/18/2020 17:58:28</t>
  </si>
  <si>
    <t>01/18/2020 17:58:29</t>
  </si>
  <si>
    <t>01/18/2020 17:58:30</t>
  </si>
  <si>
    <t>01/18/2020 17:58:32</t>
  </si>
  <si>
    <t>01/18/2020 17:58:33</t>
  </si>
  <si>
    <t>01/18/2020 17:59:02</t>
  </si>
  <si>
    <t>01/18/2020 17:59:14</t>
  </si>
  <si>
    <t>01/18/2020 18:00:05</t>
  </si>
  <si>
    <t>580bf390-c5b7-40e5-853a-04d7c56c9d70.tmp</t>
  </si>
  <si>
    <t>\\acsfs\profiles$\adrieledgc\Downloads\580bf390-c5b7-40e5-853a-04d7c56c9d70.tmp</t>
  </si>
  <si>
    <t>01/18/2020 18:00:15</t>
  </si>
  <si>
    <t>340041bd-5c1d-4a8e-a876-e6af0295d895.tmp</t>
  </si>
  <si>
    <t>\\acsfs\profiles$\adrieledgc\Downloads\340041bd-5c1d-4a8e-a876-e6af0295d895.tmp</t>
  </si>
  <si>
    <t>01/18/2020 18:02:17</t>
  </si>
  <si>
    <t>01/18/2020 18:04:00</t>
  </si>
  <si>
    <t>01/18/2020 18:05:00</t>
  </si>
  <si>
    <t>01/18/2020 18:02:26</t>
  </si>
  <si>
    <t>01/18/2020 18:06:00</t>
  </si>
  <si>
    <t>43cebd10-acb3-41e8-a10c-24d967c08aa7.tmp</t>
  </si>
  <si>
    <t>\\acsfs\profiles$\andreapdsg\Downloads\43cebd10-acb3-41e8-a10c-24d967c08aa7.tmp</t>
  </si>
  <si>
    <t>01/18/2020 18:03:30</t>
  </si>
  <si>
    <t>01/18/2020 18:07:00</t>
  </si>
  <si>
    <t>5adbe9b0-5a6a-4bc3-bc6d-5225dce9a952.tmp</t>
  </si>
  <si>
    <t>\\acsfs\profiles$\matheusmax\Downloads\5adbe9b0-5a6a-4bc3-bc6d-5225dce9a952.tmp</t>
  </si>
  <si>
    <t>01/18/2020 18:07:22</t>
  </si>
  <si>
    <t>01/18/2020 18:08:59</t>
  </si>
  <si>
    <t>01/18/2020 18:10:00</t>
  </si>
  <si>
    <t>01/18/2020 18:07:17</t>
  </si>
  <si>
    <t>01/18/2020 18:11:00</t>
  </si>
  <si>
    <t>01/18/2020 18:07:10</t>
  </si>
  <si>
    <t>01/18/2020 18:07:42</t>
  </si>
  <si>
    <t>01/18/2020 18:12:00</t>
  </si>
  <si>
    <t>43f2708b-fdda-4827-a8aa-eef3b8a0c5d3.tmp</t>
  </si>
  <si>
    <t>\\acsfs\profiles$\adrieledgc\Downloads\43f2708b-fdda-4827-a8aa-eef3b8a0c5d3.tmp</t>
  </si>
  <si>
    <t>01/18/2020 18:06:57</t>
  </si>
  <si>
    <t>efef5c37-ab22-4d7f-ab05-1f8553cb4979.tmp</t>
  </si>
  <si>
    <t>\\acsfs\profiles$\matheusmax\Downloads\efef5c37-ab22-4d7f-ab05-1f8553cb4979.tmp</t>
  </si>
  <si>
    <t>01/18/2020 18:10:16</t>
  </si>
  <si>
    <t>01/18/2020 18:14:00</t>
  </si>
  <si>
    <t>01/18/2020 18:10:25</t>
  </si>
  <si>
    <t>01/18/2020 18:10:35</t>
  </si>
  <si>
    <t>01/18/2020 18:10:39</t>
  </si>
  <si>
    <t>01/18/2020 18:10:40</t>
  </si>
  <si>
    <t>01/18/2020 18:14:05</t>
  </si>
  <si>
    <t>01/18/2020 18:15:00</t>
  </si>
  <si>
    <t>01/18/2020 18:13:21</t>
  </si>
  <si>
    <t>01/18/2020 18:15:59</t>
  </si>
  <si>
    <t>01/18/2020 18:17:00</t>
  </si>
  <si>
    <t>01/18/2020 18:11:50</t>
  </si>
  <si>
    <t>01/18/2020 18:14:11</t>
  </si>
  <si>
    <t>01/18/2020 18:18:00</t>
  </si>
  <si>
    <t>01/18/2020 18:14:38</t>
  </si>
  <si>
    <t>01/18/2020 18:20:00</t>
  </si>
  <si>
    <t>95556393-775e-4d04-9218-c4250f61bd8e.tmp</t>
  </si>
  <si>
    <t>\\acsfs\profiles$\brunalas\Downloads\95556393-775e-4d04-9218-c4250f61bd8e.tmp</t>
  </si>
  <si>
    <t>01/18/2020 18:16:10</t>
  </si>
  <si>
    <t>1166bded-554d-4e61-bf51-8bfa611e00cf.tmp</t>
  </si>
  <si>
    <t>\\acsfs\profiles$\brunalas\Downloads\1166bded-554d-4e61-bf51-8bfa611e00cf.tmp</t>
  </si>
  <si>
    <t>01/18/2020 18:16:40</t>
  </si>
  <si>
    <t>01/18/2020 18:22:00</t>
  </si>
  <si>
    <t>01/18/2020 18:22:23</t>
  </si>
  <si>
    <t>01/18/2020 18:23:00</t>
  </si>
  <si>
    <t>01/18/2020 18:20:14</t>
  </si>
  <si>
    <t>cabfc477-8be6-4633-8c9e-e6db47f6073f.tmp</t>
  </si>
  <si>
    <t>\\acsfs\profiles$\philipegsf\Downloads\cabfc477-8be6-4633-8c9e-e6db47f6073f.tmp</t>
  </si>
  <si>
    <t>01/18/2020 18:20:25</t>
  </si>
  <si>
    <t>96a925aa-6629-4249-bffe-0900453ec02b.tmp</t>
  </si>
  <si>
    <t>\\acsfs\profiles$\philipegsf\Downloads\96a925aa-6629-4249-bffe-0900453ec02b.tmp</t>
  </si>
  <si>
    <t>01/18/2020 18:22:18</t>
  </si>
  <si>
    <t>fc7da7ae-6788-441c-b7fd-ffdac6ed0deb.tmp</t>
  </si>
  <si>
    <t>\\acsfs\profiles$\philipegsf\Downloads\fc7da7ae-6788-441c-b7fd-ffdac6ed0deb.tmp</t>
  </si>
  <si>
    <t>01/18/2020 18:19:34</t>
  </si>
  <si>
    <t>01/18/2020 18:24:00</t>
  </si>
  <si>
    <t>01/18/2020 18:25:01</t>
  </si>
  <si>
    <t>01/18/2020 18:24:31</t>
  </si>
  <si>
    <t>01/18/2020 18:26:00</t>
  </si>
  <si>
    <t>01/18/2020 18:23:44</t>
  </si>
  <si>
    <t>01/18/2020 18:27:00</t>
  </si>
  <si>
    <t>01/18/2020 18:23:34</t>
  </si>
  <si>
    <t>01/18/2020 18:26:14</t>
  </si>
  <si>
    <t>01/18/2020 18:27:16</t>
  </si>
  <si>
    <t>01/18/2020 18:28:00</t>
  </si>
  <si>
    <t>01/18/2020 18:27:43</t>
  </si>
  <si>
    <t>01/18/2020 18:30:00</t>
  </si>
  <si>
    <t>01/18/2020 18:31:00</t>
  </si>
  <si>
    <t>01/18/2020 18:26:56</t>
  </si>
  <si>
    <t>01/18/2020 18:33:39</t>
  </si>
  <si>
    <t>01/18/2020 18:35:01</t>
  </si>
  <si>
    <t>01/18/2020 18:37:29</t>
  </si>
  <si>
    <t>01/18/2020 18:38:59</t>
  </si>
  <si>
    <t>01/18/2020 18:35:42</t>
  </si>
  <si>
    <t>01/18/2020 18:39:59</t>
  </si>
  <si>
    <t>01/18/2020 18:36:22</t>
  </si>
  <si>
    <t>01/18/2020 18:41:00</t>
  </si>
  <si>
    <t>01/18/2020 18:36:09</t>
  </si>
  <si>
    <t>01/18/2020 18:38:36</t>
  </si>
  <si>
    <t>01/18/2020 18:42:59</t>
  </si>
  <si>
    <t>7d590350-f477-430e-9206-30cb6b22dd8d.tmp</t>
  </si>
  <si>
    <t>\\acsfs\profiles$\mariajaf\Downloads\7d590350-f477-430e-9206-30cb6b22dd8d.tmp</t>
  </si>
  <si>
    <t>01/18/2020 18:45:00</t>
  </si>
  <si>
    <t>01/18/2020 18:41:08</t>
  </si>
  <si>
    <t>01/18/2020 18:45:59</t>
  </si>
  <si>
    <t>01/18/2020 18:41:24</t>
  </si>
  <si>
    <t>01/18/2020 18:47:31</t>
  </si>
  <si>
    <t>01/18/2020 18:49:59</t>
  </si>
  <si>
    <t>01/18/2020 18:50:59</t>
  </si>
  <si>
    <t>01/18/2020 18:54:59</t>
  </si>
  <si>
    <t>01/18/2020 18:55:59</t>
  </si>
  <si>
    <t>01/18/2020 18:52:04</t>
  </si>
  <si>
    <t>01/18/2020 18:54:41</t>
  </si>
  <si>
    <t>01/18/2020 18:58:00</t>
  </si>
  <si>
    <t>01/18/2020 18:55:54</t>
  </si>
  <si>
    <t>cc7cb7da-2071-4b62-98f1-cedde09f5040.tmp</t>
  </si>
  <si>
    <t>\\acsfs\profiles$\philipegsf\Downloads\cc7cb7da-2071-4b62-98f1-cedde09f5040.tmp</t>
  </si>
  <si>
    <t>01/18/2020 19:00:00</t>
  </si>
  <si>
    <t>01/18/2020 19:00:59</t>
  </si>
  <si>
    <t>01/18/2020 19:05:00</t>
  </si>
  <si>
    <t>01/18/2020 19:05:59</t>
  </si>
  <si>
    <t>01/18/2020 19:02:27</t>
  </si>
  <si>
    <t>01/18/2020 19:01:55</t>
  </si>
  <si>
    <t>01/18/2020 19:07:00</t>
  </si>
  <si>
    <t>01/18/2020 19:03:17</t>
  </si>
  <si>
    <t>01/18/2020 19:06:16</t>
  </si>
  <si>
    <t>01/18/2020 19:07:40</t>
  </si>
  <si>
    <t>01/18/2020 19:07:59</t>
  </si>
  <si>
    <t>01/18/2020 19:09:59</t>
  </si>
  <si>
    <t>01/18/2020 19:11:00</t>
  </si>
  <si>
    <t>01/18/2020 19:15:00</t>
  </si>
  <si>
    <t>01/18/2020 19:16:00</t>
  </si>
  <si>
    <t>01/18/2020 19:10:57</t>
  </si>
  <si>
    <t>01/18/2020 19:11:15</t>
  </si>
  <si>
    <t>01/18/2020 19:15:50</t>
  </si>
  <si>
    <t>01/18/2020 19:19:00</t>
  </si>
  <si>
    <t>01/18/2020 19:13:58</t>
  </si>
  <si>
    <t>01/18/2020 19:14:06</t>
  </si>
  <si>
    <t>01/18/2020 19:14:10</t>
  </si>
  <si>
    <t>01/18/2020 19:14:16</t>
  </si>
  <si>
    <t>01/18/2020 19:14:17</t>
  </si>
  <si>
    <t>01/18/2020 19:14:19</t>
  </si>
  <si>
    <t>01/18/2020 19:14:23</t>
  </si>
  <si>
    <t>01/18/2020 19:14:34</t>
  </si>
  <si>
    <t>01/18/2020 19:17:09</t>
  </si>
  <si>
    <t>01/18/2020 19:20:00</t>
  </si>
  <si>
    <t>01/18/2020 19:21:00</t>
  </si>
  <si>
    <t>01/18/2020 19:21:48</t>
  </si>
  <si>
    <t>01/18/2020 19:23:01</t>
  </si>
  <si>
    <t>01/18/2020 19:26:00</t>
  </si>
  <si>
    <t>01/18/2020 19:22:54</t>
  </si>
  <si>
    <t>01/18/2020 19:22:04</t>
  </si>
  <si>
    <t>01/18/2020 19:22:46</t>
  </si>
  <si>
    <t>01/18/2020 19:23:57</t>
  </si>
  <si>
    <t>01/18/2020 19:29:00</t>
  </si>
  <si>
    <t>01/18/2020 19:30:59</t>
  </si>
  <si>
    <t>01/18/2020 19:25:30</t>
  </si>
  <si>
    <t>01/18/2020 19:27:48</t>
  </si>
  <si>
    <t>cd1cd943-a100-4dc6-9dc4-3ae1a09440b8.tmp</t>
  </si>
  <si>
    <t>\\acsfs\profiles$\taylaedoa\Downloads\cd1cd943-a100-4dc6-9dc4-3ae1a09440b8.tmp</t>
  </si>
  <si>
    <t>01/18/2020 19:30:10</t>
  </si>
  <si>
    <t>ec415614-4a76-4e3a-bb48-9948fdb16ee0.tmp</t>
  </si>
  <si>
    <t>\\acsfs\profiles$\taylaedoa\Downloads\ec415614-4a76-4e3a-bb48-9948fdb16ee0.tmp</t>
  </si>
  <si>
    <t>01/18/2020 19:30:15</t>
  </si>
  <si>
    <t>01/18/2020 19:36:00</t>
  </si>
  <si>
    <t>01/18/2020 19:31:04</t>
  </si>
  <si>
    <t>01/18/2020 19:32:56</t>
  </si>
  <si>
    <t>01/18/2020 19:30:52</t>
  </si>
  <si>
    <t>562a8015-165a-4c0a-974e-69caf36ae1be.tmp</t>
  </si>
  <si>
    <t>\\acsfs\profiles$\taylaedoa\Downloads\562a8015-165a-4c0a-974e-69caf36ae1be.tmp</t>
  </si>
  <si>
    <t>01/18/2020 19:31:09</t>
  </si>
  <si>
    <t>01/18/2020 19:36:26</t>
  </si>
  <si>
    <t>01/18/2020 19:37:00</t>
  </si>
  <si>
    <t>01/18/2020 19:35:14</t>
  </si>
  <si>
    <t>01/18/2020 19:34:14</t>
  </si>
  <si>
    <t>01/18/2020 19:39:00</t>
  </si>
  <si>
    <t>01/18/2020 19:41:01</t>
  </si>
  <si>
    <t>01/18/2020 19:35:55</t>
  </si>
  <si>
    <t>01/18/2020 19:38:01</t>
  </si>
  <si>
    <t>01/18/2020 19:43:00</t>
  </si>
  <si>
    <t>01/18/2020 19:46:00</t>
  </si>
  <si>
    <t>01/18/2020 19:44:15</t>
  </si>
  <si>
    <t>01/18/2020 19:47:00</t>
  </si>
  <si>
    <t>ulog_AcroARM2_Reader_3b8210f9-3618-47e4-b9cc-5aaaba62831a_2effa7d7-633b-4dd8-b9d8-09690130612d_0.log</t>
  </si>
  <si>
    <t>C:\Users\flaviacno\AppData\Roaming\Adobe\LogTransport2\Logs\ulog_AcroARM2_Reader_3b8210f9-3618-47e4-b9cc-5aaaba62831a_2effa7d7-633b-4dd8-b9d8-09690130612d_0.log\</t>
  </si>
  <si>
    <t>01/18/2020 19:44:36</t>
  </si>
  <si>
    <t>01/18/2020 19:48:00</t>
  </si>
  <si>
    <t>01/18/2020 19:51:00</t>
  </si>
  <si>
    <t>01/18/2020 19:48:16</t>
  </si>
  <si>
    <t>01/18/2020 19:52:01</t>
  </si>
  <si>
    <t>01/18/2020 19:56:00</t>
  </si>
  <si>
    <t>01/18/2020 19:52:53</t>
  </si>
  <si>
    <t>01/18/2020 19:53:23</t>
  </si>
  <si>
    <t>01/18/2020 19:55:29</t>
  </si>
  <si>
    <t>01/18/2020 19:57:00</t>
  </si>
  <si>
    <t>ea768159-a4a4-4bb5-9eee-fe718974fc08.tmp</t>
  </si>
  <si>
    <t>\\acsfs\profiles$\matheusmax\Downloads\ea768159-a4a4-4bb5-9eee-fe718974fc08.tmp</t>
  </si>
  <si>
    <t>01/18/2020 19:54:29</t>
  </si>
  <si>
    <t>01/18/2020 19:58:00</t>
  </si>
  <si>
    <t>01/18/2020 19:54:05</t>
  </si>
  <si>
    <t>01/18/2020 19:58:44</t>
  </si>
  <si>
    <t>01/18/2020 20:00:00</t>
  </si>
  <si>
    <t>01/18/2020 20:01:00</t>
  </si>
  <si>
    <t>01/18/2020 20:01:01</t>
  </si>
  <si>
    <t>01/18/2020 19:58:17</t>
  </si>
  <si>
    <t>01/18/2020 20:02:00</t>
  </si>
  <si>
    <t>01/18/2020 20:01:31</t>
  </si>
  <si>
    <t>01/18/2020 20:04:00</t>
  </si>
  <si>
    <t>01/18/2020 19:58:47</t>
  </si>
  <si>
    <t>01/18/2020 20:00:14</t>
  </si>
  <si>
    <t>01/18/2020 20:04:59</t>
  </si>
  <si>
    <t>01/18/2020 20:06:00</t>
  </si>
  <si>
    <t>01/18/2020 20:04:07</t>
  </si>
  <si>
    <t>01/18/2020 20:07:00</t>
  </si>
  <si>
    <t>01/18/2020 20:04:26</t>
  </si>
  <si>
    <t>01/18/2020 20:09:00</t>
  </si>
  <si>
    <t>01/18/2020 20:11:00</t>
  </si>
  <si>
    <t>01/18/2020 20:14:10</t>
  </si>
  <si>
    <t>01/18/2020 20:15:00</t>
  </si>
  <si>
    <t>01/18/2020 20:16:00</t>
  </si>
  <si>
    <t>01/18/2020 20:17:00</t>
  </si>
  <si>
    <t>01/18/2020 20:17:59</t>
  </si>
  <si>
    <t>01/18/2020 20:14:36</t>
  </si>
  <si>
    <t>01/18/2020 20:20:00</t>
  </si>
  <si>
    <t>01/18/2020 20:21:00</t>
  </si>
  <si>
    <t>01/18/2020 20:26:00</t>
  </si>
  <si>
    <t>01/18/2020 20:30:59</t>
  </si>
  <si>
    <t>01/18/2020 20:25:42</t>
  </si>
  <si>
    <t>01/18/2020 20:28:34</t>
  </si>
  <si>
    <t>01/18/2020 20:31:22</t>
  </si>
  <si>
    <t>01/18/2020 20:32:00</t>
  </si>
  <si>
    <t>01/18/2020 20:32:23</t>
  </si>
  <si>
    <t>01/18/2020 20:32:59</t>
  </si>
  <si>
    <t>01/18/2020 20:31:12</t>
  </si>
  <si>
    <t>01/18/2020 20:31:06</t>
  </si>
  <si>
    <t>01/18/2020 20:34:00</t>
  </si>
  <si>
    <t>01/18/2020 20:31:13</t>
  </si>
  <si>
    <t>01/18/2020 20:31:30</t>
  </si>
  <si>
    <t>01/18/2020 20:31:34</t>
  </si>
  <si>
    <t>01/18/2020 20:31:41</t>
  </si>
  <si>
    <t>01/18/2020 20:36:00</t>
  </si>
  <si>
    <t>01/18/2020 20:36:14</t>
  </si>
  <si>
    <t>01/18/2020 20:39:00</t>
  </si>
  <si>
    <t>01/18/2020 20:41:00</t>
  </si>
  <si>
    <t>01/18/2020 20:39:34</t>
  </si>
  <si>
    <t>01/18/2020 20:42:00</t>
  </si>
  <si>
    <t>01/18/2020 20:37:33</t>
  </si>
  <si>
    <t>01/18/2020 20:43:00</t>
  </si>
  <si>
    <t>01/18/2020 20:40:48</t>
  </si>
  <si>
    <t>01/18/2020 20:46:00</t>
  </si>
  <si>
    <t>01/18/2020 20:51:00</t>
  </si>
  <si>
    <t>01/18/2020 20:48:53</t>
  </si>
  <si>
    <t>01/18/2020 20:56:01</t>
  </si>
  <si>
    <t>01/18/2020 20:54:47</t>
  </si>
  <si>
    <t>01/18/2020 20:53:14</t>
  </si>
  <si>
    <t>01/18/2020 20:57:00</t>
  </si>
  <si>
    <t>01/18/2020 20:51:11</t>
  </si>
  <si>
    <t>01/18/2020 20:57:25</t>
  </si>
  <si>
    <t>01/18/2020 20:58:00</t>
  </si>
  <si>
    <t>01/18/2020 21:01:00</t>
  </si>
  <si>
    <t>01/18/2020 20:57:05</t>
  </si>
  <si>
    <t>01/18/2020 21:02:01</t>
  </si>
  <si>
    <t>01/18/2020 21:00:28</t>
  </si>
  <si>
    <t>01/18/2020 21:06:00</t>
  </si>
  <si>
    <t>01/18/2020 21:00:53</t>
  </si>
  <si>
    <t>01/18/2020 21:03:31</t>
  </si>
  <si>
    <t>01/18/2020 21:04:57</t>
  </si>
  <si>
    <t>01/18/2020 21:08:00</t>
  </si>
  <si>
    <t>01/18/2020 21:11:01</t>
  </si>
  <si>
    <t>01/18/2020 21:09:10</t>
  </si>
  <si>
    <t>01/18/2020 21:09:09</t>
  </si>
  <si>
    <t>01/18/2020 21:12:00</t>
  </si>
  <si>
    <t>01/18/2020 21:09:58</t>
  </si>
  <si>
    <t>01/18/2020 21:14:00</t>
  </si>
  <si>
    <t>01/18/2020 21:10:05</t>
  </si>
  <si>
    <t>01/18/2020 21:10:09</t>
  </si>
  <si>
    <t>01/18/2020 21:10:18</t>
  </si>
  <si>
    <t>01/18/2020 21:10:19</t>
  </si>
  <si>
    <t>01/18/2020 21:16:00</t>
  </si>
  <si>
    <t>01/18/2020 21:13:11</t>
  </si>
  <si>
    <t>01/18/2020 21:21:00</t>
  </si>
  <si>
    <t>01/18/2020 21:19:09</t>
  </si>
  <si>
    <t>01/18/2020 21:26:01</t>
  </si>
  <si>
    <t>01/18/2020 21:20:58</t>
  </si>
  <si>
    <t>01/18/2020 21:23:31</t>
  </si>
  <si>
    <t>01/18/2020 21:21:39</t>
  </si>
  <si>
    <t>01/18/2020 21:25:23</t>
  </si>
  <si>
    <t>01/18/2020 21:28:18</t>
  </si>
  <si>
    <t>01/18/2020 21:29:00</t>
  </si>
  <si>
    <t>01/18/2020 21:31:00</t>
  </si>
  <si>
    <t>01/18/2020 21:36:00</t>
  </si>
  <si>
    <t>01/18/2020 21:31:08</t>
  </si>
  <si>
    <t>01/18/2020 21:33:38</t>
  </si>
  <si>
    <t>01/18/2020 21:37:00</t>
  </si>
  <si>
    <t>01/18/2020 21:35:23</t>
  </si>
  <si>
    <t>01/18/2020 21:38:00</t>
  </si>
  <si>
    <t>01/18/2020 21:41:01</t>
  </si>
  <si>
    <t>01/18/2020 21:46:00</t>
  </si>
  <si>
    <t>01/18/2020 21:44:53</t>
  </si>
  <si>
    <t>01/18/2020 21:47:01</t>
  </si>
  <si>
    <t>01/18/2020 21:47:13</t>
  </si>
  <si>
    <t>01/18/2020 21:48:00</t>
  </si>
  <si>
    <t>01/18/2020 21:51:00</t>
  </si>
  <si>
    <t>01/18/2020 21:48:49</t>
  </si>
  <si>
    <t>01/18/2020 21:52:41</t>
  </si>
  <si>
    <t>01/18/2020 21:54:01</t>
  </si>
  <si>
    <t>01/18/2020 21:56:01</t>
  </si>
  <si>
    <t>01/18/2020 21:52:22</t>
  </si>
  <si>
    <t>01/18/2020 21:52:12</t>
  </si>
  <si>
    <t>01/18/2020 21:55:52</t>
  </si>
  <si>
    <t>01/18/2020 21:57:01</t>
  </si>
  <si>
    <t>01/18/2020 22:01:01</t>
  </si>
  <si>
    <t>01/18/2020 21:59:41</t>
  </si>
  <si>
    <t>01/18/2020 22:06:01</t>
  </si>
  <si>
    <t>01/18/2020 22:06:07</t>
  </si>
  <si>
    <t>01/18/2020 22:07:01</t>
  </si>
  <si>
    <t>01/18/2020 22:03:26</t>
  </si>
  <si>
    <t>01/18/2020 22:06:21</t>
  </si>
  <si>
    <t>01/18/2020 22:09:01</t>
  </si>
  <si>
    <t>01/18/2020 22:04:11</t>
  </si>
  <si>
    <t>01/18/2020 22:11:01</t>
  </si>
  <si>
    <t>01/18/2020 22:08:44</t>
  </si>
  <si>
    <t>01/18/2020 22:16:02</t>
  </si>
  <si>
    <t>01/18/2020 22:18:32</t>
  </si>
  <si>
    <t>01/18/2020 22:19:01</t>
  </si>
  <si>
    <t>01/18/2020 22:15:58</t>
  </si>
  <si>
    <t>01/18/2020 22:21:01</t>
  </si>
  <si>
    <t>01/18/2020 22:20:00</t>
  </si>
  <si>
    <t>01/18/2020 22:18:38</t>
  </si>
  <si>
    <t>01/18/2020 22:24:01</t>
  </si>
  <si>
    <t>01/18/2020 22:18:50</t>
  </si>
  <si>
    <t>01/18/2020 22:19:32</t>
  </si>
  <si>
    <t>01/18/2020 22:22:15</t>
  </si>
  <si>
    <t>01/18/2020 22:25:02</t>
  </si>
  <si>
    <t>01/18/2020 22:26:01</t>
  </si>
  <si>
    <t>01/18/2020 22:23:06</t>
  </si>
  <si>
    <t>01/18/2020 22:28:01</t>
  </si>
  <si>
    <t>01/18/2020 22:31:01</t>
  </si>
  <si>
    <t>01/18/2020 22:36:01</t>
  </si>
  <si>
    <t>01/18/2020 22:30:48</t>
  </si>
  <si>
    <t>33e0fba2-2c8e-44dd-bd6c-19c0afb6a533.tmp</t>
  </si>
  <si>
    <t>\\acsfs\profiles$\taylaedoa\Downloads\33e0fba2-2c8e-44dd-bd6c-19c0afb6a533.tmp</t>
  </si>
  <si>
    <t>01/18/2020 22:35:08</t>
  </si>
  <si>
    <t>01/18/2020 22:37:01</t>
  </si>
  <si>
    <t>01/18/2020 22:41:01</t>
  </si>
  <si>
    <t>01/18/2020 22:39:53</t>
  </si>
  <si>
    <t>01/18/2020 22:42:01</t>
  </si>
  <si>
    <t>ab798791-c453-4a17-8015-77bb56a4fc8c.tmp</t>
  </si>
  <si>
    <t>\\acsfs\profiles$\adrieledgc\Downloads\ab798791-c453-4a17-8015-77bb56a4fc8c.tmp</t>
  </si>
  <si>
    <t>01/18/2020 22:40:13</t>
  </si>
  <si>
    <t>0a17e715-8c7a-4cab-ac4b-6bb665fbc63f.tmp</t>
  </si>
  <si>
    <t>\\acsfs\profiles$\adrieledgc\Downloads\0a17e715-8c7a-4cab-ac4b-6bb665fbc63f.tmp</t>
  </si>
  <si>
    <t>01/18/2020 22:46:02</t>
  </si>
  <si>
    <t>01/18/2020 22:42:07</t>
  </si>
  <si>
    <t>d6e3a1ea-946e-425d-950d-3359a8157228.tmp</t>
  </si>
  <si>
    <t>\\acsfs\profiles$\taylaedoa\Downloads\d6e3a1ea-946e-425d-950d-3359a8157228.tmp</t>
  </si>
  <si>
    <t>01/18/2020 22:44:19</t>
  </si>
  <si>
    <t>01/18/2020 22:48:02</t>
  </si>
  <si>
    <t>01/18/2020 22:47:03</t>
  </si>
  <si>
    <t>01/18/2020 22:49:02</t>
  </si>
  <si>
    <t>01/18/2020 22:47:41</t>
  </si>
  <si>
    <t>01/18/2020 22:51:02</t>
  </si>
  <si>
    <t>01/18/2020 22:56:02</t>
  </si>
  <si>
    <t>01/18/2020 22:55:43</t>
  </si>
  <si>
    <t>01/18/2020 22:58:02</t>
  </si>
  <si>
    <t>01/18/2020 23:01:02</t>
  </si>
  <si>
    <t>01/18/2020 22:59:11</t>
  </si>
  <si>
    <t>01/18/2020 23:04:02</t>
  </si>
  <si>
    <t>01/18/2020 23:00:41</t>
  </si>
  <si>
    <t>01/18/2020 23:06:02</t>
  </si>
  <si>
    <t>01/18/2020 23:01:33</t>
  </si>
  <si>
    <t>01/18/2020 23:03:50</t>
  </si>
  <si>
    <t>01/18/2020 23:04:50</t>
  </si>
  <si>
    <t>01/18/2020 23:08:02</t>
  </si>
  <si>
    <t>01/18/2020 23:11:02</t>
  </si>
  <si>
    <t>01/18/2020 23:09:45</t>
  </si>
  <si>
    <t>01/18/2020 23:14:02</t>
  </si>
  <si>
    <t>01/18/2020 23:16:02</t>
  </si>
  <si>
    <t>01/18/2020 23:21:02</t>
  </si>
  <si>
    <t>01/18/2020 23:16:20</t>
  </si>
  <si>
    <t>01/18/2020 23:20:41</t>
  </si>
  <si>
    <t>01/18/2020 23:22:02</t>
  </si>
  <si>
    <t>01/18/2020 23:18:57</t>
  </si>
  <si>
    <t>01/18/2020 23:22:30</t>
  </si>
  <si>
    <t>01/18/2020 23:23:02</t>
  </si>
  <si>
    <t>01/18/2020 23:26:02</t>
  </si>
  <si>
    <t>01/18/2020 23:25:43</t>
  </si>
  <si>
    <t>01/18/2020 23:22:21</t>
  </si>
  <si>
    <t>01/18/2020 23:28:02</t>
  </si>
  <si>
    <t>01/18/2020 23:28:20</t>
  </si>
  <si>
    <t>01/18/2020 23:29:02</t>
  </si>
  <si>
    <t>01/18/2020 23:27:49</t>
  </si>
  <si>
    <t>01/18/2020 23:31:02</t>
  </si>
  <si>
    <t>01/18/2020 23:30:34</t>
  </si>
  <si>
    <t>01/18/2020 23:33:02</t>
  </si>
  <si>
    <t>01/18/2020 23:36:03</t>
  </si>
  <si>
    <t>01/18/2020 23:32:43</t>
  </si>
  <si>
    <t>01/18/2020 23:37:47</t>
  </si>
  <si>
    <t>01/18/2020 23:39:03</t>
  </si>
  <si>
    <t>01/18/2020 23:41:03</t>
  </si>
  <si>
    <t>01/18/2020 23:38:22</t>
  </si>
  <si>
    <t>01/18/2020 23:38:17</t>
  </si>
  <si>
    <t>01/18/2020 23:42:02</t>
  </si>
  <si>
    <t>01/18/2020 23:45:10</t>
  </si>
  <si>
    <t>01/18/2020 23:46:02</t>
  </si>
  <si>
    <t>01/18/2020 23:47:43</t>
  </si>
  <si>
    <t>01/18/2020 23:48:02</t>
  </si>
  <si>
    <t>01/18/2020 23:51:02</t>
  </si>
  <si>
    <t>01/18/2020 23:48:13</t>
  </si>
  <si>
    <t>01/18/2020 23:52:02</t>
  </si>
  <si>
    <t>01/18/2020 23:47:55</t>
  </si>
  <si>
    <t>01/18/2020 23:53:02</t>
  </si>
  <si>
    <t>01/18/2020 23:56:02</t>
  </si>
  <si>
    <t>01/18/2020 23:55:15</t>
  </si>
  <si>
    <t>01/18/2020 23:59:02</t>
  </si>
  <si>
    <t>01/19/2020 00:01:02</t>
  </si>
  <si>
    <t>01/19/2020 00:01:24</t>
  </si>
  <si>
    <t>01/19/2020 00:03:02</t>
  </si>
  <si>
    <t>01/18/2020 23:59:14</t>
  </si>
  <si>
    <t>01/19/2020 00:04:02</t>
  </si>
  <si>
    <t>aefb4398-904b-4340-a3fa-060cfeed4eef.tmp</t>
  </si>
  <si>
    <t>\\acsfs\profiles$\mariaavds\Downloads\aefb4398-904b-4340-a3fa-060cfeed4eef.tmp</t>
  </si>
  <si>
    <t>01/19/2020 00:01:11</t>
  </si>
  <si>
    <t>a381d4ad-8de6-45df-a39e-808e931ba0c8.tmp</t>
  </si>
  <si>
    <t>\\acsfs\profiles$\mariaavds\Downloads\a381d4ad-8de6-45df-a39e-808e931ba0c8.tmp</t>
  </si>
  <si>
    <t>01/19/2020 00:02:13</t>
  </si>
  <si>
    <t>01/19/2020 00:03:33</t>
  </si>
  <si>
    <t>01/19/2020 00:00:53</t>
  </si>
  <si>
    <t>01/19/2020 00:03:58</t>
  </si>
  <si>
    <t>01/19/2020 00:05:02</t>
  </si>
  <si>
    <t>01/19/2020 00:03:09</t>
  </si>
  <si>
    <t>01/19/2020 00:06:02</t>
  </si>
  <si>
    <t>01/19/2020 00:04:03</t>
  </si>
  <si>
    <t>01/19/2020 00:02:05</t>
  </si>
  <si>
    <t>01/19/2020 00:05:04</t>
  </si>
  <si>
    <t>01/19/2020 00:07:02</t>
  </si>
  <si>
    <t>01/19/2020 00:04:06</t>
  </si>
  <si>
    <t>01/19/2020 00:04:15</t>
  </si>
  <si>
    <t>01/19/2020 00:03:05</t>
  </si>
  <si>
    <t>01/19/2020 00:08:02</t>
  </si>
  <si>
    <t>01/19/2020 00:04:29</t>
  </si>
  <si>
    <t>01/19/2020 00:04:45</t>
  </si>
  <si>
    <t>01/19/2020 00:09:02</t>
  </si>
  <si>
    <t>01/19/2020 00:06:44</t>
  </si>
  <si>
    <t>01/19/2020 00:07:34</t>
  </si>
  <si>
    <t>01/19/2020 00:10:02</t>
  </si>
  <si>
    <t>01/19/2020 00:11:02</t>
  </si>
  <si>
    <t>01/19/2020 00:08:24</t>
  </si>
  <si>
    <t>01/19/2020 00:09:06</t>
  </si>
  <si>
    <t>01/19/2020 00:06:50</t>
  </si>
  <si>
    <t>01/19/2020 00:12:02</t>
  </si>
  <si>
    <t>01/19/2020 00:11:38</t>
  </si>
  <si>
    <t>01/19/2020 00:13:02</t>
  </si>
  <si>
    <t>01/19/2020 00:11:56</t>
  </si>
  <si>
    <t>01/19/2020 00:14:02</t>
  </si>
  <si>
    <t>01/19/2020 00:12:24</t>
  </si>
  <si>
    <t>01/19/2020 00:12:43</t>
  </si>
  <si>
    <t>01/19/2020 00:13:04</t>
  </si>
  <si>
    <t>01/19/2020 00:15:02</t>
  </si>
  <si>
    <t>01/19/2020 00:13:46</t>
  </si>
  <si>
    <t>01/19/2020 00:16:02</t>
  </si>
  <si>
    <t>01/19/2020 00:11:03</t>
  </si>
  <si>
    <t>01/19/2020 00:12:03</t>
  </si>
  <si>
    <t>01/19/2020 00:17:02</t>
  </si>
  <si>
    <t>01/19/2020 00:14:11</t>
  </si>
  <si>
    <t>01/19/2020 00:12:42</t>
  </si>
  <si>
    <t>01/19/2020 00:13:09</t>
  </si>
  <si>
    <t>01/19/2020 00:18:02</t>
  </si>
  <si>
    <t>01/19/2020 00:14:54</t>
  </si>
  <si>
    <t>01/19/2020 00:14:21</t>
  </si>
  <si>
    <t>01/19/2020 00:13:15</t>
  </si>
  <si>
    <t>01/19/2020 00:14:13</t>
  </si>
  <si>
    <t>01/19/2020 00:19:02</t>
  </si>
  <si>
    <t>01/19/2020 00:16:33</t>
  </si>
  <si>
    <t>01/19/2020 00:21:02</t>
  </si>
  <si>
    <t>01/19/2020 00:26:02</t>
  </si>
  <si>
    <t>01/19/2020 00:22:12</t>
  </si>
  <si>
    <t>01/19/2020 00:25:49</t>
  </si>
  <si>
    <t>01/19/2020 00:28:02</t>
  </si>
  <si>
    <t>01/19/2020 00:23:53</t>
  </si>
  <si>
    <t>01/19/2020 00:29:02</t>
  </si>
  <si>
    <t>01/19/2020 00:31:02</t>
  </si>
  <si>
    <t>01/19/2020 00:36:02</t>
  </si>
  <si>
    <t>01/19/2020 00:35:45</t>
  </si>
  <si>
    <t>01/19/2020 00:38:02</t>
  </si>
  <si>
    <t>01/19/2020 00:41:02</t>
  </si>
  <si>
    <t>01/19/2020 00:37:31</t>
  </si>
  <si>
    <t>01/19/2020 00:39:06</t>
  </si>
  <si>
    <t>01/19/2020 00:43:02</t>
  </si>
  <si>
    <t>01/19/2020 00:39:49</t>
  </si>
  <si>
    <t>01/19/2020 00:44:02</t>
  </si>
  <si>
    <t>01/19/2020 00:40:10</t>
  </si>
  <si>
    <t>01/19/2020 00:45:02</t>
  </si>
  <si>
    <t>01/19/2020 00:46:01</t>
  </si>
  <si>
    <t>01/19/2020 00:46:03</t>
  </si>
  <si>
    <t>01/19/2020 00:50:01</t>
  </si>
  <si>
    <t>01/19/2020 00:51:02</t>
  </si>
  <si>
    <t>01/19/2020 00:46:14</t>
  </si>
  <si>
    <t>01/19/2020 00:51:38</t>
  </si>
  <si>
    <t>01/19/2020 00:54:02</t>
  </si>
  <si>
    <t>01/19/2020 00:56:02</t>
  </si>
  <si>
    <t>01/19/2020 00:56:04</t>
  </si>
  <si>
    <t>01/19/2020 00:59:02</t>
  </si>
  <si>
    <t>01/19/2020 01:01:02</t>
  </si>
  <si>
    <t>01/19/2020 00:57:23</t>
  </si>
  <si>
    <t>01/19/2020 01:16:02</t>
  </si>
  <si>
    <t>01/19/2020 01:01:13</t>
  </si>
  <si>
    <t>01/19/2020 01:17:02</t>
  </si>
  <si>
    <t>01/19/2020 01:03:40</t>
  </si>
  <si>
    <t>01/19/2020 01:06:00</t>
  </si>
  <si>
    <t>01/19/2020 01:11:00</t>
  </si>
  <si>
    <t>01/19/2020 01:14:55</t>
  </si>
  <si>
    <t>01/19/2020 01:18:02</t>
  </si>
  <si>
    <t>01/19/2020 01:15:36</t>
  </si>
  <si>
    <t>01/19/2020 01:19:03</t>
  </si>
  <si>
    <t>01/19/2020 01:20:02</t>
  </si>
  <si>
    <t>01/19/2020 01:20:35</t>
  </si>
  <si>
    <t>01/19/2020 01:23:02</t>
  </si>
  <si>
    <t>01/19/2020 01:21:36</t>
  </si>
  <si>
    <t>01/19/2020 01:23:49</t>
  </si>
  <si>
    <t>01/19/2020 01:24:02</t>
  </si>
  <si>
    <t>01/19/2020 01:25:02</t>
  </si>
  <si>
    <t>01/19/2020 01:30:02</t>
  </si>
  <si>
    <t>01/19/2020 01:35:02</t>
  </si>
  <si>
    <t>01/19/2020 01:34:10</t>
  </si>
  <si>
    <t>01/19/2020 01:38:01</t>
  </si>
  <si>
    <t>01/19/2020 01:40:01</t>
  </si>
  <si>
    <t>01/19/2020 01:39:08</t>
  </si>
  <si>
    <t>01/19/2020 01:43:02</t>
  </si>
  <si>
    <t>01/19/2020 01:45:02</t>
  </si>
  <si>
    <t>01/19/2020 01:50:02</t>
  </si>
  <si>
    <t>01/19/2020 01:47:37</t>
  </si>
  <si>
    <t>01/19/2020 01:52:02</t>
  </si>
  <si>
    <t>01/19/2020 01:55:02</t>
  </si>
  <si>
    <t>01/19/2020 01:51:47</t>
  </si>
  <si>
    <t>01/19/2020 01:56:02</t>
  </si>
  <si>
    <t>01/19/2020 01:53:28</t>
  </si>
  <si>
    <t>01/19/2020 02:00:02</t>
  </si>
  <si>
    <t>01/19/2020 02:05:02</t>
  </si>
  <si>
    <t>01/19/2020 02:00:44</t>
  </si>
  <si>
    <t>01/19/2020 02:06:02</t>
  </si>
  <si>
    <t>01/19/2020 02:07:33</t>
  </si>
  <si>
    <t>01/19/2020 02:09:02</t>
  </si>
  <si>
    <t>01/19/2020 02:06:21</t>
  </si>
  <si>
    <t>01/19/2020 02:10:02</t>
  </si>
  <si>
    <t>01/19/2020 02:10:08</t>
  </si>
  <si>
    <t>01/19/2020 02:14:02</t>
  </si>
  <si>
    <t>01/19/2020 02:15:02</t>
  </si>
  <si>
    <t>01/19/2020 02:20:02</t>
  </si>
  <si>
    <t>01/19/2020 02:18:16</t>
  </si>
  <si>
    <t>01/19/2020 02:21:03</t>
  </si>
  <si>
    <t>01/19/2020 02:19:35</t>
  </si>
  <si>
    <t>01/19/2020 02:25:02</t>
  </si>
  <si>
    <t>01/19/2020 02:30:02</t>
  </si>
  <si>
    <t>01/19/2020 02:28:18</t>
  </si>
  <si>
    <t>01/19/2020 02:31:03</t>
  </si>
  <si>
    <t>01/19/2020 02:27:24</t>
  </si>
  <si>
    <t>01/19/2020 02:31:27</t>
  </si>
  <si>
    <t>01/19/2020 02:34:03</t>
  </si>
  <si>
    <t>01/19/2020 02:35:04</t>
  </si>
  <si>
    <t>01/19/2020 02:34:56</t>
  </si>
  <si>
    <t>01/19/2020 02:37:03</t>
  </si>
  <si>
    <t>01/19/2020 02:34:48</t>
  </si>
  <si>
    <t>01/19/2020 02:38:03</t>
  </si>
  <si>
    <t>01/19/2020 02:34:47</t>
  </si>
  <si>
    <t>01/19/2020 02:39:03</t>
  </si>
  <si>
    <t>01/19/2020 02:40:03</t>
  </si>
  <si>
    <t>01/19/2020 02:40:46</t>
  </si>
  <si>
    <t>01/19/2020 02:42:03</t>
  </si>
  <si>
    <t>01/19/2020 02:45:03</t>
  </si>
  <si>
    <t>01/19/2020 02:44:12</t>
  </si>
  <si>
    <t>01/19/2020 02:45:19</t>
  </si>
  <si>
    <t>01/19/2020 02:50:03</t>
  </si>
  <si>
    <t>01/19/2020 02:50:12</t>
  </si>
  <si>
    <t>01/19/2020 02:52:03</t>
  </si>
  <si>
    <t>01/19/2020 02:55:03</t>
  </si>
  <si>
    <t>01/19/2020 02:57:40</t>
  </si>
  <si>
    <t>01/19/2020 02:59:03</t>
  </si>
  <si>
    <t>01/19/2020 03:00:03</t>
  </si>
  <si>
    <t>01/19/2020 02:58:49</t>
  </si>
  <si>
    <t>01/19/2020 03:03:03</t>
  </si>
  <si>
    <t>01/19/2020 03:02:06</t>
  </si>
  <si>
    <t>01/19/2020 03:02:25</t>
  </si>
  <si>
    <t>01/19/2020 03:05:02</t>
  </si>
  <si>
    <t>01/19/2020 03:02:22</t>
  </si>
  <si>
    <t>01/19/2020 03:06:03</t>
  </si>
  <si>
    <t>01/19/2020 03:05:23</t>
  </si>
  <si>
    <t>01/19/2020 03:07:03</t>
  </si>
  <si>
    <t>01/19/2020 03:04:57</t>
  </si>
  <si>
    <t>01/19/2020 03:08:03</t>
  </si>
  <si>
    <t>01/19/2020 03:05:52</t>
  </si>
  <si>
    <t>01/19/2020 03:08:07</t>
  </si>
  <si>
    <t>01/19/2020 03:09:03</t>
  </si>
  <si>
    <t>01/19/2020 03:10:03</t>
  </si>
  <si>
    <t>01/19/2020 03:15:03</t>
  </si>
  <si>
    <t>01/19/2020 03:12:38</t>
  </si>
  <si>
    <t>01/19/2020 03:16:04</t>
  </si>
  <si>
    <t>01/19/2020 03:15:32</t>
  </si>
  <si>
    <t>01/19/2020 03:17:03</t>
  </si>
  <si>
    <t>01/19/2020 03:16:49</t>
  </si>
  <si>
    <t>01/19/2020 03:18:03</t>
  </si>
  <si>
    <t>01/19/2020 03:20:03</t>
  </si>
  <si>
    <t>01/19/2020 03:16:25</t>
  </si>
  <si>
    <t>01/19/2020 03:21:02</t>
  </si>
  <si>
    <t>01/19/2020 03:17:47</t>
  </si>
  <si>
    <t>01/19/2020 03:23:02</t>
  </si>
  <si>
    <t>01/19/2020 03:19:13</t>
  </si>
  <si>
    <t>01/19/2020 03:24:03</t>
  </si>
  <si>
    <t>01/19/2020 03:25:02</t>
  </si>
  <si>
    <t>01/19/2020 03:24:43</t>
  </si>
  <si>
    <t>01/19/2020 03:26:03</t>
  </si>
  <si>
    <t>01/19/2020 03:25:14</t>
  </si>
  <si>
    <t>01/19/2020 03:23:38</t>
  </si>
  <si>
    <t>01/19/2020 03:27:03</t>
  </si>
  <si>
    <t>01/19/2020 03:22:30</t>
  </si>
  <si>
    <t>01/19/2020 03:28:03</t>
  </si>
  <si>
    <t>01/19/2020 03:26:08</t>
  </si>
  <si>
    <t>01/19/2020 03:27:40</t>
  </si>
  <si>
    <t>01/19/2020 03:30:03</t>
  </si>
  <si>
    <t>01/19/2020 03:29:10</t>
  </si>
  <si>
    <t>01/19/2020 03:32:03</t>
  </si>
  <si>
    <t>01/19/2020 03:31:27</t>
  </si>
  <si>
    <t>01/19/2020 03:33:03</t>
  </si>
  <si>
    <t>01/19/2020 03:35:03</t>
  </si>
  <si>
    <t>01/19/2020 03:32:25</t>
  </si>
  <si>
    <t>01/19/2020 03:36:03</t>
  </si>
  <si>
    <t>01/19/2020 03:36:29</t>
  </si>
  <si>
    <t>01/19/2020 03:39:03</t>
  </si>
  <si>
    <t>01/19/2020 03:40:03</t>
  </si>
  <si>
    <t>01/19/2020 03:37:32</t>
  </si>
  <si>
    <t>01/19/2020 03:41:03</t>
  </si>
  <si>
    <t>01/19/2020 03:39:15</t>
  </si>
  <si>
    <t>01/19/2020 03:42:03</t>
  </si>
  <si>
    <t>01/19/2020 03:40:37</t>
  </si>
  <si>
    <t>01/19/2020 03:43:03</t>
  </si>
  <si>
    <t>01/19/2020 03:40:47</t>
  </si>
  <si>
    <t>01/19/2020 03:44:04</t>
  </si>
  <si>
    <t>01/19/2020 03:40:13</t>
  </si>
  <si>
    <t>01/19/2020 03:45:03</t>
  </si>
  <si>
    <t>01/19/2020 03:45:44</t>
  </si>
  <si>
    <t>01/19/2020 03:49:04</t>
  </si>
  <si>
    <t>01/19/2020 03:50:03</t>
  </si>
  <si>
    <t>01/19/2020 03:49:54</t>
  </si>
  <si>
    <t>01/19/2020 03:53:03</t>
  </si>
  <si>
    <t>01/19/2020 03:53:24</t>
  </si>
  <si>
    <t>01/19/2020 03:54:04</t>
  </si>
  <si>
    <t>01/19/2020 03:55:03</t>
  </si>
  <si>
    <t>01/19/2020 03:51:11</t>
  </si>
  <si>
    <t>01/19/2020 03:56:04</t>
  </si>
  <si>
    <t>01/19/2020 03:55:07</t>
  </si>
  <si>
    <t>01/19/2020 03:58:04</t>
  </si>
  <si>
    <t>01/19/2020 03:56:29</t>
  </si>
  <si>
    <t>01/19/2020 03:59:03</t>
  </si>
  <si>
    <t>01/19/2020 03:56:08</t>
  </si>
  <si>
    <t>01/19/2020 04:00:04</t>
  </si>
  <si>
    <t>01/19/2020 03:57:31</t>
  </si>
  <si>
    <t>01/19/2020 04:02:03</t>
  </si>
  <si>
    <t>01/19/2020 04:00:13</t>
  </si>
  <si>
    <t>01/19/2020 04:04:03</t>
  </si>
  <si>
    <t>01/19/2020 04:03:25</t>
  </si>
  <si>
    <t>01/19/2020 04:05:03</t>
  </si>
  <si>
    <t>01/19/2020 04:04:52</t>
  </si>
  <si>
    <t>01/19/2020 04:06:03</t>
  </si>
  <si>
    <t>01/19/2020 04:04:11</t>
  </si>
  <si>
    <t>01/19/2020 04:08:03</t>
  </si>
  <si>
    <t>01/19/2020 04:06:21</t>
  </si>
  <si>
    <t>01/19/2020 04:10:03</t>
  </si>
  <si>
    <t>01/19/2020 04:08:23</t>
  </si>
  <si>
    <t>01/19/2020 04:11:03</t>
  </si>
  <si>
    <t>01/19/2020 04:09:53</t>
  </si>
  <si>
    <t>01/19/2020 04:13:03</t>
  </si>
  <si>
    <t>01/19/2020 04:15:03</t>
  </si>
  <si>
    <t>01/19/2020 04:16:07</t>
  </si>
  <si>
    <t>01/19/2020 04:20:02</t>
  </si>
  <si>
    <t>01/19/2020 04:19:23</t>
  </si>
  <si>
    <t>01/19/2020 04:21:03</t>
  </si>
  <si>
    <t>01/19/2020 04:19:29</t>
  </si>
  <si>
    <t>01/19/2020 04:22:03</t>
  </si>
  <si>
    <t>01/19/2020 04:19:46</t>
  </si>
  <si>
    <t>01/19/2020 04:23:04</t>
  </si>
  <si>
    <t>01/19/2020 04:22:38</t>
  </si>
  <si>
    <t>01/19/2020 04:24:04</t>
  </si>
  <si>
    <t>01/19/2020 04:21:23</t>
  </si>
  <si>
    <t>01/19/2020 04:25:04</t>
  </si>
  <si>
    <t>01/19/2020 04:23:55</t>
  </si>
  <si>
    <t>01/19/2020 04:29:04</t>
  </si>
  <si>
    <t>01/19/2020 04:30:04</t>
  </si>
  <si>
    <t>01/19/2020 04:28:27</t>
  </si>
  <si>
    <t>01/19/2020 04:31:04</t>
  </si>
  <si>
    <t>01/19/2020 04:28:44</t>
  </si>
  <si>
    <t>01/19/2020 04:29:26</t>
  </si>
  <si>
    <t>01/19/2020 04:34:04</t>
  </si>
  <si>
    <t>01/19/2020 04:31:42</t>
  </si>
  <si>
    <t>01/19/2020 04:35:04</t>
  </si>
  <si>
    <t>01/19/2020 04:31:34</t>
  </si>
  <si>
    <t>01/19/2020 04:37:04</t>
  </si>
  <si>
    <t>01/19/2020 04:36:52</t>
  </si>
  <si>
    <t>01/19/2020 04:38:04</t>
  </si>
  <si>
    <t>01/19/2020 04:40:04</t>
  </si>
  <si>
    <t>01/19/2020 04:42:15</t>
  </si>
  <si>
    <t>01/19/2020 04:43:04</t>
  </si>
  <si>
    <t>01/19/2020 04:45:04</t>
  </si>
  <si>
    <t>01/19/2020 04:43:23</t>
  </si>
  <si>
    <t>01/19/2020 04:46:04</t>
  </si>
  <si>
    <t>01/19/2020 04:43:34</t>
  </si>
  <si>
    <t>01/19/2020 04:47:04</t>
  </si>
  <si>
    <t>01/19/2020 04:42:44</t>
  </si>
  <si>
    <t>01/19/2020 04:45:08</t>
  </si>
  <si>
    <t>01/19/2020 04:49:04</t>
  </si>
  <si>
    <t>01/19/2020 04:47:42</t>
  </si>
  <si>
    <t>01/19/2020 04:47:06</t>
  </si>
  <si>
    <t>01/19/2020 04:50:04</t>
  </si>
  <si>
    <t>01/19/2020 04:49:53</t>
  </si>
  <si>
    <t>01/19/2020 04:52:04</t>
  </si>
  <si>
    <t>01/19/2020 04:49:59</t>
  </si>
  <si>
    <t>01/19/2020 04:53:04</t>
  </si>
  <si>
    <t>01/19/2020 04:52:10</t>
  </si>
  <si>
    <t>01/19/2020 04:54:04</t>
  </si>
  <si>
    <t>01/19/2020 04:54:11</t>
  </si>
  <si>
    <t>01/19/2020 04:55:04</t>
  </si>
  <si>
    <t>01/19/2020 04:53:26</t>
  </si>
  <si>
    <t>01/19/2020 04:56:04</t>
  </si>
  <si>
    <t>01/19/2020 04:58:29</t>
  </si>
  <si>
    <t>01/19/2020 05:00:04</t>
  </si>
  <si>
    <t>01/19/2020 04:57:15</t>
  </si>
  <si>
    <t>01/19/2020 05:06:06</t>
  </si>
  <si>
    <t>01/19/2020 04:58:34</t>
  </si>
  <si>
    <t>01/19/2020 05:00:41</t>
  </si>
  <si>
    <t>01/19/2020 05:03:49</t>
  </si>
  <si>
    <t>01/19/2020 05:08:06</t>
  </si>
  <si>
    <t>01/19/2020 05:10:05</t>
  </si>
  <si>
    <t>01/19/2020 05:11:05</t>
  </si>
  <si>
    <t>01/19/2020 05:10:25</t>
  </si>
  <si>
    <t>01/19/2020 05:12:05</t>
  </si>
  <si>
    <t>01/19/2020 05:13:38</t>
  </si>
  <si>
    <t>01/19/2020 05:15:05</t>
  </si>
  <si>
    <t>01/19/2020 05:16:04</t>
  </si>
  <si>
    <t>01/19/2020 05:18:21</t>
  </si>
  <si>
    <t>01/19/2020 05:19:04</t>
  </si>
  <si>
    <t>01/19/2020 05:21:04</t>
  </si>
  <si>
    <t>01/19/2020 05:19:35</t>
  </si>
  <si>
    <t>01/19/2020 05:26:05</t>
  </si>
  <si>
    <t>01/19/2020 05:25:38</t>
  </si>
  <si>
    <t>01/19/2020 05:29:04</t>
  </si>
  <si>
    <t>01/19/2020 05:31:04</t>
  </si>
  <si>
    <t>01/19/2020 05:26:30</t>
  </si>
  <si>
    <t>01/19/2020 05:32:05</t>
  </si>
  <si>
    <t>01/19/2020 05:30:00</t>
  </si>
  <si>
    <t>01/19/2020 05:33:04</t>
  </si>
  <si>
    <t>01/19/2020 05:36:04</t>
  </si>
  <si>
    <t>01/19/2020 05:34:49</t>
  </si>
  <si>
    <t>01/19/2020 05:38:04</t>
  </si>
  <si>
    <t>01/19/2020 05:34:54</t>
  </si>
  <si>
    <t>01/19/2020 05:40:04</t>
  </si>
  <si>
    <t>01/19/2020 05:39:32</t>
  </si>
  <si>
    <t>01/19/2020 05:41:05</t>
  </si>
  <si>
    <t>01/19/2020 05:39:18</t>
  </si>
  <si>
    <t>01/19/2020 05:42:07</t>
  </si>
  <si>
    <t>01/19/2020 05:44:04</t>
  </si>
  <si>
    <t>01/19/2020 05:42:42</t>
  </si>
  <si>
    <t>be4ca332-6df6-4678-bc23-f92f59ad49fa.tmp</t>
  </si>
  <si>
    <t>\\acsfs\profiles$\mariaavds\Downloads\be4ca332-6df6-4678-bc23-f92f59ad49fa.tmp</t>
  </si>
  <si>
    <t>01/19/2020 05:46:05</t>
  </si>
  <si>
    <t>01/19/2020 05:44:46</t>
  </si>
  <si>
    <t>01/19/2020 05:48:05</t>
  </si>
  <si>
    <t>01/19/2020 05:43:59</t>
  </si>
  <si>
    <t>01/19/2020 05:49:04</t>
  </si>
  <si>
    <t>99dd224b-0306-488d-9d2d-2a28bd76b141.tmp</t>
  </si>
  <si>
    <t>\\acsfs\profiles$\mariaavds\Downloads\99dd224b-0306-488d-9d2d-2a28bd76b141.tmp</t>
  </si>
  <si>
    <t>01/19/2020 05:47:50</t>
  </si>
  <si>
    <t>01/19/2020 05:50:05</t>
  </si>
  <si>
    <t>01/19/2020 05:51:05</t>
  </si>
  <si>
    <t>01/19/2020 05:47:43</t>
  </si>
  <si>
    <t>01/19/2020 05:53:05</t>
  </si>
  <si>
    <t>02e189ca-a2f4-4c18-a6e2-f2759268ae26.tmp</t>
  </si>
  <si>
    <t>\\acsfs\profiles$\ROZENCAM\Downloads\02e189ca-a2f4-4c18-a6e2-f2759268ae26.tmp</t>
  </si>
  <si>
    <t>01/19/2020 05:51:45</t>
  </si>
  <si>
    <t>01/19/2020 05:54:04</t>
  </si>
  <si>
    <t>01/19/2020 05:56:05</t>
  </si>
  <si>
    <t>01/19/2020 06:01:06</t>
  </si>
  <si>
    <t>01/19/2020 06:01:47</t>
  </si>
  <si>
    <t>01/19/2020 06:04:05</t>
  </si>
  <si>
    <t>01/19/2020 06:01:42</t>
  </si>
  <si>
    <t>01/19/2020 06:00:09</t>
  </si>
  <si>
    <t>01/19/2020 06:02:54</t>
  </si>
  <si>
    <t>01/19/2020 06:05:05</t>
  </si>
  <si>
    <t>01/19/2020 06:06:05</t>
  </si>
  <si>
    <t>01/19/2020 06:05:17</t>
  </si>
  <si>
    <t>01/19/2020 06:09:05</t>
  </si>
  <si>
    <t>e2a8134c-22c9-42a7-8343-dcf32987afbb.tmp</t>
  </si>
  <si>
    <t>\\acsfs\profiles$\lucasqdss\Downloads\e2a8134c-22c9-42a7-8343-dcf32987afbb.tmp</t>
  </si>
  <si>
    <t>01/19/2020 06:11:05</t>
  </si>
  <si>
    <t>01/19/2020 06:09:09</t>
  </si>
  <si>
    <t>01/19/2020 06:14:05</t>
  </si>
  <si>
    <t>373363cc-ee42-42c3-828d-5138e80f2a54.tmp</t>
  </si>
  <si>
    <t>\\acsfs\profiles$\lucasqdss\Downloads\373363cc-ee42-42c3-828d-5138e80f2a54.tmp</t>
  </si>
  <si>
    <t>01/19/2020 06:16:05</t>
  </si>
  <si>
    <t>01/19/2020 06:16:02</t>
  </si>
  <si>
    <t>01/19/2020 06:18:05</t>
  </si>
  <si>
    <t>01/19/2020 06:21:05</t>
  </si>
  <si>
    <t>01/19/2020 06:26:05</t>
  </si>
  <si>
    <t>01/19/2020 06:23:44</t>
  </si>
  <si>
    <t>01/19/2020 06:27:05</t>
  </si>
  <si>
    <t>01/19/2020 06:23:31</t>
  </si>
  <si>
    <t>01/19/2020 06:26:33</t>
  </si>
  <si>
    <t>01/19/2020 06:31:05</t>
  </si>
  <si>
    <t>01/19/2020 06:28:51</t>
  </si>
  <si>
    <t>01/19/2020 06:33:05</t>
  </si>
  <si>
    <t>01/19/2020 06:36:05</t>
  </si>
  <si>
    <t>01/19/2020 06:35:50</t>
  </si>
  <si>
    <t>01/19/2020 06:37:05</t>
  </si>
  <si>
    <t>01/19/2020 06:41:04</t>
  </si>
  <si>
    <t>01/19/2020 06:37:33</t>
  </si>
  <si>
    <t>01/19/2020 06:46:05</t>
  </si>
  <si>
    <t>01/19/2020 06:51:05</t>
  </si>
  <si>
    <t>01/19/2020 06:56:05</t>
  </si>
  <si>
    <t>01/19/2020 06:50:53</t>
  </si>
  <si>
    <t>01/19/2020 06:53:25</t>
  </si>
  <si>
    <t>01/19/2020 06:58:05</t>
  </si>
  <si>
    <t>01/19/2020 06:55:02</t>
  </si>
  <si>
    <t>01/19/2020 06:59:06</t>
  </si>
  <si>
    <t>01/19/2020 07:01:05</t>
  </si>
  <si>
    <t>01/19/2020 06:59:10</t>
  </si>
  <si>
    <t>01/19/2020 07:03:05</t>
  </si>
  <si>
    <t>01/19/2020 07:03:33</t>
  </si>
  <si>
    <t>01/19/2020 07:05:05</t>
  </si>
  <si>
    <t>01/19/2020 07:06:04</t>
  </si>
  <si>
    <t>01/19/2020 07:06:05</t>
  </si>
  <si>
    <t>01/19/2020 07:04:26</t>
  </si>
  <si>
    <t>01/19/2020 07:03:39</t>
  </si>
  <si>
    <t>01/19/2020 07:07:05</t>
  </si>
  <si>
    <t>01/19/2020 07:05:29</t>
  </si>
  <si>
    <t>01/19/2020 07:09:05</t>
  </si>
  <si>
    <t>01/19/2020 07:05:35</t>
  </si>
  <si>
    <t>01/19/2020 07:05:58</t>
  </si>
  <si>
    <t>01/19/2020 07:06:03</t>
  </si>
  <si>
    <t>01/19/2020 07:07:27</t>
  </si>
  <si>
    <t>01/19/2020 07:07:31</t>
  </si>
  <si>
    <t>01/19/2020 07:07:17</t>
  </si>
  <si>
    <t>01/19/2020 07:10:05</t>
  </si>
  <si>
    <t>01/19/2020 07:11:05</t>
  </si>
  <si>
    <t>01/19/2020 07:09:09</t>
  </si>
  <si>
    <t>01/19/2020 07:14:05</t>
  </si>
  <si>
    <t>01/19/2020 07:09:10</t>
  </si>
  <si>
    <t>01/19/2020 07:09:24</t>
  </si>
  <si>
    <t>01/19/2020 07:11:18</t>
  </si>
  <si>
    <t>01/19/2020 07:12:18</t>
  </si>
  <si>
    <t>01/19/2020 07:11:39</t>
  </si>
  <si>
    <t>01/19/2020 07:15:05</t>
  </si>
  <si>
    <t>01/19/2020 07:14:17</t>
  </si>
  <si>
    <t>f9149774-abc5-43e5-8af7-6c46dd7493e9.tmp</t>
  </si>
  <si>
    <t>\\acsfs\profiles$\claudiajca\Downloads\f9149774-abc5-43e5-8af7-6c46dd7493e9.tmp</t>
  </si>
  <si>
    <t>01/19/2020 07:16:05</t>
  </si>
  <si>
    <t>01/19/2020 07:15:28</t>
  </si>
  <si>
    <t>01/19/2020 07:18:05</t>
  </si>
  <si>
    <t>01/19/2020 07:19:05</t>
  </si>
  <si>
    <t>01/19/2020 07:14:23</t>
  </si>
  <si>
    <t>01/19/2020 07:14:31</t>
  </si>
  <si>
    <t>01/19/2020 07:14:48</t>
  </si>
  <si>
    <t>01/19/2020 07:15:14</t>
  </si>
  <si>
    <t>andrelpsa@algartech.com;joaogvc@algartech.com;josiascdsj@algartech.com;leonardoao@algartech.com;marianadjc@algartech.com;paulacn@algartech.com;rafaelggs@algartech.com;ricardodfm@algartech.com.br;taysdss@algartech.com;viniciussg@algartech.com;</t>
  </si>
  <si>
    <t>andrelpsa@algartech.com,joaogvc@algartech.com,josiascdsj@algartech.com,leonardoao@algartech.com,marianadjc@algartech.com,paulacn@algartech.com,rafaelggs@algartech.com,ricardodfm@algartech.com.br,taysdss@algartech.com,viniciussg@algartech.com</t>
  </si>
  <si>
    <t>01/19/2020 07:15:15</t>
  </si>
  <si>
    <t>01/19/2020 07:15:22</t>
  </si>
  <si>
    <t>01/19/2020 07:15:45</t>
  </si>
  <si>
    <t>01/19/2020 07:15:49</t>
  </si>
  <si>
    <t>01/19/2020 07:18:21</t>
  </si>
  <si>
    <t>01/19/2020 07:15:18</t>
  </si>
  <si>
    <t>01/19/2020 07:20:05</t>
  </si>
  <si>
    <t>f6314130-70ae-4d1b-8c1a-182d9ee205f6.tmp</t>
  </si>
  <si>
    <t>\\acsfs\profiles$\claudiajca\Downloads\f6314130-70ae-4d1b-8c1a-182d9ee205f6.tmp</t>
  </si>
  <si>
    <t>01/19/2020 07:21:05</t>
  </si>
  <si>
    <t>01/19/2020 07:20:22</t>
  </si>
  <si>
    <t>01/19/2020 07:22:05</t>
  </si>
  <si>
    <t>01/19/2020 07:19:09</t>
  </si>
  <si>
    <t>01/19/2020 07:24:05</t>
  </si>
  <si>
    <t>100016016412308;joaogvc@algartech.com;marianadjc@algartech.com;planejamentodeoperacoesetrafego@bv.com.br;raphaelmco@algartech.com.br;ricardodfm@algartech.com.br;taysdss@algartech.com;viniciussg@algartech.com;</t>
  </si>
  <si>
    <t>100016016412308,joaogvc@algartech.com,marianadjc@algartech.com,planejamentodeoperacoesetrafego@bv.com.br,raphaelmco@algartech.com.br,ricardodfm@algartech.com.br,taysdss@algartech.com,viniciussg@algartech.com</t>
  </si>
  <si>
    <t>01/19/2020 07:19:14</t>
  </si>
  <si>
    <t>01/19/2020 07:19:19</t>
  </si>
  <si>
    <t>01/19/2020 07:19:23</t>
  </si>
  <si>
    <t>01/19/2020 07:19:24</t>
  </si>
  <si>
    <t>01/19/2020 07:21:04</t>
  </si>
  <si>
    <t>01/19/2020 07:21:06</t>
  </si>
  <si>
    <t>01/19/2020 07:21:20</t>
  </si>
  <si>
    <t>01/19/2020 07:21:22</t>
  </si>
  <si>
    <t>01/19/2020 07:26:05</t>
  </si>
  <si>
    <t>01/19/2020 07:21:07</t>
  </si>
  <si>
    <t>01/19/2020 07:25:48</t>
  </si>
  <si>
    <t>01/19/2020 07:29:06</t>
  </si>
  <si>
    <t>01/19/2020 07:26:07</t>
  </si>
  <si>
    <t>01/19/2020 07:26:09</t>
  </si>
  <si>
    <t>01/19/2020 07:26:17</t>
  </si>
  <si>
    <t>01/19/2020 07:26:29</t>
  </si>
  <si>
    <t>100014299414656;andrelpsa@algartech.com;joaogvc@algartech.com;josiascdsj@algartech.com;leonardoao@algartech.com;marianadjc@algartech.com;paulacn@algartech.com;rafaelggs@algartech.com;ricardodfm@algartech.com.br;taysdss@algartech.com;viniciussg@algartech.com;</t>
  </si>
  <si>
    <t>https://100014299414656,andrelpsa@algartech.com,joaogvc@algartech.com,josiascdsj@algartech.com,leonardoao@algartech.com,marianadjc@algartech.com,paulacn@algartech.com,rafaelggs@algartech.com,ricardodfm@algartech.com.br,taysdss@algartech.com,viniciussg@algartech.com</t>
  </si>
  <si>
    <t>01/19/2020 07:26:38</t>
  </si>
  <si>
    <t>01/19/2020 07:26:41</t>
  </si>
  <si>
    <t>01/19/2020 07:26:44</t>
  </si>
  <si>
    <t>01/19/2020 07:27:39</t>
  </si>
  <si>
    <t>01/19/2020 07:31:06</t>
  </si>
  <si>
    <t>01/19/2020 07:27:57</t>
  </si>
  <si>
    <t>01/19/2020 07:33:06</t>
  </si>
  <si>
    <t>01/19/2020 07:28:54</t>
  </si>
  <si>
    <t>01/19/2020 07:34:05</t>
  </si>
  <si>
    <t>01/19/2020 07:34:24</t>
  </si>
  <si>
    <t>01/19/2020 07:35:06</t>
  </si>
  <si>
    <t>01/19/2020 07:36:06</t>
  </si>
  <si>
    <t>01/19/2020 07:34:01</t>
  </si>
  <si>
    <t>01/19/2020 07:38:06</t>
  </si>
  <si>
    <t>01/19/2020 07:36:01</t>
  </si>
  <si>
    <t>01/19/2020 07:39:06</t>
  </si>
  <si>
    <t>01/19/2020 07:41:06</t>
  </si>
  <si>
    <t>01/19/2020 07:41:15</t>
  </si>
  <si>
    <t>01/19/2020 07:46:06</t>
  </si>
  <si>
    <t>01/19/2020 07:42:25</t>
  </si>
  <si>
    <t>01/19/2020 07:43:14</t>
  </si>
  <si>
    <t>01/19/2020 07:43:36</t>
  </si>
  <si>
    <t>01/19/2020 07:43:40</t>
  </si>
  <si>
    <t>01/19/2020 07:43:41</t>
  </si>
  <si>
    <t>01/19/2020 07:43:43</t>
  </si>
  <si>
    <t>01/19/2020 07:43:47</t>
  </si>
  <si>
    <t>01/19/2020 07:43:52</t>
  </si>
  <si>
    <t>01/19/2020 07:43:53</t>
  </si>
  <si>
    <t>01/19/2020 07:43:54</t>
  </si>
  <si>
    <t>01/19/2020 07:43:55</t>
  </si>
  <si>
    <t>01/19/2020 07:43:56</t>
  </si>
  <si>
    <t>01/19/2020 07:43:59</t>
  </si>
  <si>
    <t>01/19/2020 07:44:00</t>
  </si>
  <si>
    <t>01/19/2020 07:44:02</t>
  </si>
  <si>
    <t>01/19/2020 07:44:05</t>
  </si>
  <si>
    <t>01/19/2020 07:44:07</t>
  </si>
  <si>
    <t>01/19/2020 07:44:08</t>
  </si>
  <si>
    <t>01/19/2020 07:44:10</t>
  </si>
  <si>
    <t>01/19/2020 07:44:11</t>
  </si>
  <si>
    <t>01/19/2020 07:44:12</t>
  </si>
  <si>
    <t>01/19/2020 07:44:14</t>
  </si>
  <si>
    <t>01/19/2020 07:44:16</t>
  </si>
  <si>
    <t>01/19/2020 07:44:17</t>
  </si>
  <si>
    <t>01/19/2020 07:44:18</t>
  </si>
  <si>
    <t>01/19/2020 07:44:21</t>
  </si>
  <si>
    <t>01/19/2020 07:44:22</t>
  </si>
  <si>
    <t>01/19/2020 07:44:23</t>
  </si>
  <si>
    <t>01/19/2020 07:44:25</t>
  </si>
  <si>
    <t>01/19/2020 07:44:28</t>
  </si>
  <si>
    <t>01/19/2020 07:44:29</t>
  </si>
  <si>
    <t>01/19/2020 07:44:30</t>
  </si>
  <si>
    <t>01/19/2020 07:44:32</t>
  </si>
  <si>
    <t>01/19/2020 07:44:34</t>
  </si>
  <si>
    <t>01/19/2020 07:44:35</t>
  </si>
  <si>
    <t>01/19/2020 07:44:38</t>
  </si>
  <si>
    <t>01/19/2020 07:44:40</t>
  </si>
  <si>
    <t>01/19/2020 07:44:41</t>
  </si>
  <si>
    <t>01/19/2020 07:44:42</t>
  </si>
  <si>
    <t>01/19/2020 07:44:44</t>
  </si>
  <si>
    <t>01/19/2020 07:44:46</t>
  </si>
  <si>
    <t>01/19/2020 07:44:48</t>
  </si>
  <si>
    <t>01/19/2020 07:44:50</t>
  </si>
  <si>
    <t>01/19/2020 07:45:12</t>
  </si>
  <si>
    <t>01/19/2020 07:46:07</t>
  </si>
  <si>
    <t>01/19/2020 07:48:06</t>
  </si>
  <si>
    <t>01/19/2020 07:51:06</t>
  </si>
  <si>
    <t>01/19/2020 07:47:04</t>
  </si>
  <si>
    <t>8aa7a877-6d79-4387-9f8c-f5fefee7d1dc.tmp</t>
  </si>
  <si>
    <t>\\acsfs\profiles$\rafaelamsv\Downloads\8aa7a877-6d79-4387-9f8c-f5fefee7d1dc.tmp</t>
  </si>
  <si>
    <t>01/19/2020 07:47:06</t>
  </si>
  <si>
    <t>f7299f2c-ae6d-4d96-b608-2d844fe95ae2.tmp</t>
  </si>
  <si>
    <t>\\acsfs\profiles$\rafaelamsv\Downloads\f7299f2c-ae6d-4d96-b608-2d844fe95ae2.tmp</t>
  </si>
  <si>
    <t>01/19/2020 07:48:04</t>
  </si>
  <si>
    <t>b904d8c4-c5ba-49e6-88a1-09539859c574.tmp</t>
  </si>
  <si>
    <t>\\acsfs\profiles$\rafaelamsv\Downloads\b904d8c4-c5ba-49e6-88a1-09539859c574.tmp</t>
  </si>
  <si>
    <t>01/19/2020 07:56:07</t>
  </si>
  <si>
    <t>01/19/2020 08:01:06</t>
  </si>
  <si>
    <t>01/19/2020 07:58:01</t>
  </si>
  <si>
    <t>01/19/2020 08:03:06</t>
  </si>
  <si>
    <t>05cd0c6e-9363-44e2-9806-1a9eda273beb.tmp</t>
  </si>
  <si>
    <t>\\acsfs\profiles$\danielmlds\Downloads\05cd0c6e-9363-44e2-9806-1a9eda273beb.tmp</t>
  </si>
  <si>
    <t>01/19/2020 07:59:14</t>
  </si>
  <si>
    <t>664c91f1-5922-43e9-9f58-757422ed2b0b.tmp</t>
  </si>
  <si>
    <t>\\acsfs\profiles$\danielmlds\Downloads\664c91f1-5922-43e9-9f58-757422ed2b0b.tmp</t>
  </si>
  <si>
    <t>01/19/2020 08:06:06</t>
  </si>
  <si>
    <t>01/19/2020 08:03:09</t>
  </si>
  <si>
    <t>01/19/2020 08:01:32</t>
  </si>
  <si>
    <t>01/19/2020 08:07:06</t>
  </si>
  <si>
    <t>01/19/2020 08:06:01</t>
  </si>
  <si>
    <t>01/19/2020 08:09:06</t>
  </si>
  <si>
    <t>01/19/2020 08:11:06</t>
  </si>
  <si>
    <t>01/19/2020 08:07:57</t>
  </si>
  <si>
    <t>01/19/2020 08:10:25</t>
  </si>
  <si>
    <t>01/19/2020 08:08:38</t>
  </si>
  <si>
    <t>01/19/2020 08:12:05</t>
  </si>
  <si>
    <t>01/19/2020 08:09:49</t>
  </si>
  <si>
    <t>01/19/2020 08:13:05</t>
  </si>
  <si>
    <t>1333e99c-1250-4eb9-9c1b-f04735ea2be3.tmp</t>
  </si>
  <si>
    <t>\\acsfs\profiles$\ROZENCAM\Downloads\1333e99c-1250-4eb9-9c1b-f04735ea2be3.tmp</t>
  </si>
  <si>
    <t>01/19/2020 08:08:45</t>
  </si>
  <si>
    <t>01/19/2020 08:14:05</t>
  </si>
  <si>
    <t>01/19/2020 08:16:05</t>
  </si>
  <si>
    <t>01/19/2020 08:13:11</t>
  </si>
  <si>
    <t>01/19/2020 08:14:07</t>
  </si>
  <si>
    <t>01/19/2020 08:17:06</t>
  </si>
  <si>
    <t>00d3c34d-dc0d-4c99-9e65-b3c0c9939b67.tmp</t>
  </si>
  <si>
    <t>\\acsfs\profiles$\ANAPDSB\Downloads\00d3c34d-dc0d-4c99-9e65-b3c0c9939b67.tmp</t>
  </si>
  <si>
    <t>01/19/2020 08:14:53</t>
  </si>
  <si>
    <t>\\acsfs\profiles$\ANAPDSB\Downloads\Q29udHJvbGxlci5DYWxjdWxhZG9yYURlVmVuY2lt (25).ica</t>
  </si>
  <si>
    <t>01/19/2020 08:14:09</t>
  </si>
  <si>
    <t>01/19/2020 08:19:05</t>
  </si>
  <si>
    <t>01/19/2020 08:17:03</t>
  </si>
  <si>
    <t>01/19/2020 08:14:08</t>
  </si>
  <si>
    <t>01/19/2020 08:18:08</t>
  </si>
  <si>
    <t>01/19/2020 08:21:05</t>
  </si>
  <si>
    <t>01/18/2020 12:21:54</t>
  </si>
  <si>
    <t>01/18/2020 12:21:55</t>
  </si>
  <si>
    <t>lu271122gy877.tmp</t>
  </si>
  <si>
    <t>\\acsfs\profiles$\ALYNYA\My Documents\lu271122gy877.tmp</t>
  </si>
  <si>
    <t>\\acsfs\profiles$\ALYNYA\My Documents\lu271122gy877.tmp\</t>
  </si>
  <si>
    <t>\\acsfs\profiles$\ALYNYA\My Documents\lu271122gy877.tmp\META-INF\</t>
  </si>
  <si>
    <t>\\acsfs\profiles$\ALYNYA\My Documents\lu271122gy877.tmp\Thumbnails\</t>
  </si>
  <si>
    <t>01/18/2020 12:22:06</t>
  </si>
  <si>
    <t>01/19/2020 08:16:49</t>
  </si>
  <si>
    <t>01/19/2020 08:22:06</t>
  </si>
  <si>
    <t>cffa95ef-9d1e-4a60-8e0d-eb48659b4e92.tmp</t>
  </si>
  <si>
    <t>\\acsfs\profiles$\ANAPDSB\Downloads\cffa95ef-9d1e-4a60-8e0d-eb48659b4e92.tmp</t>
  </si>
  <si>
    <t>01/19/2020 08:20:13</t>
  </si>
  <si>
    <t>01/19/2020 08:23:05</t>
  </si>
  <si>
    <t>01/19/2020 08:20:01</t>
  </si>
  <si>
    <t>01/19/2020 08:25:05</t>
  </si>
  <si>
    <t>01/19/2020 08:26:05</t>
  </si>
  <si>
    <t>01/19/2020 08:23:42</t>
  </si>
  <si>
    <t>01/19/2020 08:25:44</t>
  </si>
  <si>
    <t>7b38c38b-8a85-4dfb-bd23-7602fe4a87e0.tmp</t>
  </si>
  <si>
    <t>\\acsfs\profiles$\LUCASBS\Downloads\7b38c38b-8a85-4dfb-bd23-7602fe4a87e0.tmp</t>
  </si>
  <si>
    <t>01/19/2020 08:22:00</t>
  </si>
  <si>
    <t>01/19/2020 08:23:21</t>
  </si>
  <si>
    <t>01/19/2020 08:23:44</t>
  </si>
  <si>
    <t>01/19/2020 08:28:06</t>
  </si>
  <si>
    <t>01/19/2020 08:31:07</t>
  </si>
  <si>
    <t>01/19/2020 08:27:42</t>
  </si>
  <si>
    <t>e2ad1570-daec-4890-8198-c3c5f4c2d7fa.tmp</t>
  </si>
  <si>
    <t>\\acsfs\profiles$\LUCASBS\Downloads\e2ad1570-daec-4890-8198-c3c5f4c2d7fa.tmp</t>
  </si>
  <si>
    <t>01/19/2020 08:26:16</t>
  </si>
  <si>
    <t>01/19/2020 08:27:46</t>
  </si>
  <si>
    <t>01/19/2020 08:32:06</t>
  </si>
  <si>
    <t>01/19/2020 08:32:12</t>
  </si>
  <si>
    <t>01/19/2020 08:33:07</t>
  </si>
  <si>
    <t>01/19/2020 08:31:27</t>
  </si>
  <si>
    <t>01/19/2020 08:34:06</t>
  </si>
  <si>
    <t>01/19/2020 08:30:51</t>
  </si>
  <si>
    <t>01/19/2020 08:36:07</t>
  </si>
  <si>
    <t>01/19/2020 08:36:36</t>
  </si>
  <si>
    <t>01/19/2020 08:37:06</t>
  </si>
  <si>
    <t>01/19/2020 08:36:30</t>
  </si>
  <si>
    <t>01/19/2020 08:40:07</t>
  </si>
  <si>
    <t>01/19/2020 08:41:06</t>
  </si>
  <si>
    <t>01/19/2020 08:41:07</t>
  </si>
  <si>
    <t>01/19/2020 08:36:34</t>
  </si>
  <si>
    <t>01/19/2020 08:39:27</t>
  </si>
  <si>
    <t>01/19/2020 08:42:06</t>
  </si>
  <si>
    <t>ANA PAULA DA SILVA BORGES (12).contact</t>
  </si>
  <si>
    <t>\\acsfs\profiles$\ANAPDSB\Contacts\ANA PAULA DA SILVA BORGES (12).contact</t>
  </si>
  <si>
    <t>01/19/2020 08:40:08</t>
  </si>
  <si>
    <t>01/19/2020 08:40:19</t>
  </si>
  <si>
    <t>01/19/2020 08:40:20</t>
  </si>
  <si>
    <t>\\acsfs\profiles$\ANAPDSB\My Documents\My Pictures\</t>
  </si>
  <si>
    <t>01/19/2020 08:40:21</t>
  </si>
  <si>
    <t>01/19/2020 08:40:22</t>
  </si>
  <si>
    <t>01/19/2020 08:40:23</t>
  </si>
  <si>
    <t>01/19/2020 08:40:24</t>
  </si>
  <si>
    <t>\\acsfs\profiles$\ANAPDSB\Favorites\</t>
  </si>
  <si>
    <t>01/19/2020 08:40:25</t>
  </si>
  <si>
    <t>01/19/2020 08:40:26</t>
  </si>
  <si>
    <t>01/19/2020 08:40:27</t>
  </si>
  <si>
    <t>01/19/2020 08:40:28</t>
  </si>
  <si>
    <t>01/19/2020 08:40:30</t>
  </si>
  <si>
    <t>01/19/2020 08:40:31</t>
  </si>
  <si>
    <t>01/19/2020 08:40:32</t>
  </si>
  <si>
    <t>01/19/2020 08:40:33</t>
  </si>
  <si>
    <t>01/19/2020 08:40:34</t>
  </si>
  <si>
    <t>\\acsfs\profiles$\ANAPDSB\Saved Games\</t>
  </si>
  <si>
    <t>01/19/2020 08:40:35</t>
  </si>
  <si>
    <t>01/19/2020 08:40:44</t>
  </si>
  <si>
    <t>\\acsfs\profiles$\ANAPDSB\Favorites\Links for Brasil\</t>
  </si>
  <si>
    <t>\\acsfs\profiles$\ANAPDSB\Favorites\Links for Brasil\desktop.ini</t>
  </si>
  <si>
    <t>\\acsfs\profiles$\ANAPDSB\Favorites\Links for Brasil\Microsoft Brasil.url</t>
  </si>
  <si>
    <t>01/19/2020 08:40:45</t>
  </si>
  <si>
    <t>\\acsfs\profiles$\ANAPDSB\Favorites\Links for Brasil\Windows Brasil.url</t>
  </si>
  <si>
    <t>01/19/2020 08:40:46</t>
  </si>
  <si>
    <t>01/19/2020 08:40:47</t>
  </si>
  <si>
    <t>\\acsfs\profiles$\ANAPDSB\Favorites\Links for Brasil\MSN Brasil.url</t>
  </si>
  <si>
    <t>01/19/2020 08:40:48</t>
  </si>
  <si>
    <t>01/19/2020 08:37:10</t>
  </si>
  <si>
    <t>01/19/2020 08:38:48</t>
  </si>
  <si>
    <t>01/19/2020 08:44:06</t>
  </si>
  <si>
    <t>01/19/2020 08:41:22</t>
  </si>
  <si>
    <t>01/19/2020 08:45:07</t>
  </si>
  <si>
    <t>92904ade-27ad-4392-9750-c489cfe7717d.tmp</t>
  </si>
  <si>
    <t>\\acsfs\profiles$\nataliacsl\Downloads\92904ade-27ad-4392-9750-c489cfe7717d.tmp</t>
  </si>
  <si>
    <t>01/19/2020 08:41:24</t>
  </si>
  <si>
    <t>f2e324c4-be8d-45f4-b9e3-5dab2f8956b8.tmp</t>
  </si>
  <si>
    <t>\\acsfs\profiles$\nataliacsl\Downloads\f2e324c4-be8d-45f4-b9e3-5dab2f8956b8.tmp</t>
  </si>
  <si>
    <t>01/19/2020 08:41:50</t>
  </si>
  <si>
    <t>01/19/2020 08:46:06</t>
  </si>
  <si>
    <t>01/19/2020 08:45:46</t>
  </si>
  <si>
    <t>01/19/2020 08:48:07</t>
  </si>
  <si>
    <t>01/19/2020 08:47:14</t>
  </si>
  <si>
    <t>01/19/2020 08:49:07</t>
  </si>
  <si>
    <t>a8cf819d-5ffb-4359-bc08-10dcf34ed358.tmp</t>
  </si>
  <si>
    <t>\\acsfs\profiles$\lucasqdss\Downloads\a8cf819d-5ffb-4359-bc08-10dcf34ed358.tmp</t>
  </si>
  <si>
    <t>01/19/2020 08:51:07</t>
  </si>
  <si>
    <t>01/19/2020 08:48:55</t>
  </si>
  <si>
    <t>01/19/2020 08:50:16</t>
  </si>
  <si>
    <t>01/19/2020 08:51:06</t>
  </si>
  <si>
    <t>01/19/2020 08:54:07</t>
  </si>
  <si>
    <t>01/19/2020 08:56:07</t>
  </si>
  <si>
    <t>01/19/2020 08:56:45</t>
  </si>
  <si>
    <t>01/19/2020 08:57:07</t>
  </si>
  <si>
    <t>01/19/2020 08:56:03</t>
  </si>
  <si>
    <t>01/19/2020 09:00:07</t>
  </si>
  <si>
    <t>01/19/2020 08:55:51</t>
  </si>
  <si>
    <t>01/19/2020 08:58:34</t>
  </si>
  <si>
    <t>01/19/2020 09:01:07</t>
  </si>
  <si>
    <t>01/19/2020 09:02:22</t>
  </si>
  <si>
    <t>01/19/2020 09:03:06</t>
  </si>
  <si>
    <t>01/19/2020 09:03:45</t>
  </si>
  <si>
    <t>01/19/2020 09:04:07</t>
  </si>
  <si>
    <t>01/19/2020 09:06:07</t>
  </si>
  <si>
    <t>01/19/2020 09:02:13</t>
  </si>
  <si>
    <t>01ad5085-101f-4ad2-9db1-d6060249b149.tmp</t>
  </si>
  <si>
    <t>\\acsfs\profiles$\talitafdc\Downloads\01ad5085-101f-4ad2-9db1-d6060249b149.tmp</t>
  </si>
  <si>
    <t>01/19/2020 09:03:31</t>
  </si>
  <si>
    <t>d2a0c7e9-76d3-4cd9-b055-a69a036e653c.tmp</t>
  </si>
  <si>
    <t>\\acsfs\profiles$\talitafdc\Downloads\d2a0c7e9-76d3-4cd9-b055-a69a036e653c.tmp</t>
  </si>
  <si>
    <t>01/19/2020 09:04:18</t>
  </si>
  <si>
    <t>01/19/2020 09:07:07</t>
  </si>
  <si>
    <t>10747cc4-dbd3-4dba-a334-57ab389e4090.tmp</t>
  </si>
  <si>
    <t>\\acsfs\profiles$\ANAPDSB\Downloads\10747cc4-dbd3-4dba-a334-57ab389e4090.tmp</t>
  </si>
  <si>
    <t>01/19/2020 09:04:43</t>
  </si>
  <si>
    <t>01/19/2020 09:04:55</t>
  </si>
  <si>
    <t>01/19/2020 09:08:07</t>
  </si>
  <si>
    <t>01/19/2020 09:05:42</t>
  </si>
  <si>
    <t>01/19/2020 09:09:07</t>
  </si>
  <si>
    <t>01/19/2020 09:05:16</t>
  </si>
  <si>
    <t>01/19/2020 09:10:07</t>
  </si>
  <si>
    <t>mail.google.com/mail/u/0/jserror?script=https://apis.google.com/_/scs/abc-static/_/js/k=gapi.gapi.en.7kwsr24wxfc.o/m=cloudsearch/exm=card,client,config,gapi_iframes,gapi_iframes_style_slide_menu,googleapis_client,plusone/rt=j/sv=1/d=1/ed=1/rs=ahpooo-i9r7ibctuqfj0v-fphrkrs8aihq/cb=gapi.loaded_5&amp;error=script error&amp;line=not available&amp;txz=p</t>
  </si>
  <si>
    <t>01/19/2020 09:11:08</t>
  </si>
  <si>
    <t>01/19/2020 09:08:51</t>
  </si>
  <si>
    <t>22ad65c2-8e48-41f6-975c-39103a05d986.tmp</t>
  </si>
  <si>
    <t>\\acsfs\profiles$\LUCASBS\Downloads\22ad65c2-8e48-41f6-975c-39103a05d986.tmp</t>
  </si>
  <si>
    <t>01/19/2020 09:08:10</t>
  </si>
  <si>
    <t>01/19/2020 09:12:07</t>
  </si>
  <si>
    <t>e411dea7-862c-4883-8538-16ecca6b46b1.tmp</t>
  </si>
  <si>
    <t>\\acsfs\profiles$\ANAPDSB\Downloads\e411dea7-862c-4883-8538-16ecca6b46b1.tmp</t>
  </si>
  <si>
    <t>01/19/2020 09:09:03</t>
  </si>
  <si>
    <t>01/19/2020 09:14:06</t>
  </si>
  <si>
    <t>01/19/2020 09:09:14</t>
  </si>
  <si>
    <t>01/19/2020 09:09:35</t>
  </si>
  <si>
    <t>01/19/2020 09:09:36</t>
  </si>
  <si>
    <t>01/19/2020 09:09:46</t>
  </si>
  <si>
    <t>01/19/2020 09:09:52</t>
  </si>
  <si>
    <t>01/19/2020 09:09:56</t>
  </si>
  <si>
    <t>01/19/2020 09:14:42</t>
  </si>
  <si>
    <t>01/19/2020 09:15:07</t>
  </si>
  <si>
    <t>01/19/2020 09:16:07</t>
  </si>
  <si>
    <t>01/19/2020 09:14:11</t>
  </si>
  <si>
    <t>01/19/2020 09:18:07</t>
  </si>
  <si>
    <t>01/19/2020 09:16:51</t>
  </si>
  <si>
    <t>01/19/2020 09:19:07</t>
  </si>
  <si>
    <t>01/19/2020 09:21:07</t>
  </si>
  <si>
    <t>01/19/2020 09:19:57</t>
  </si>
  <si>
    <t>01/19/2020 09:19:58</t>
  </si>
  <si>
    <t>01/19/2020 09:24:07</t>
  </si>
  <si>
    <t>01/19/2020 09:26:07</t>
  </si>
  <si>
    <t>01/19/2020 09:25:14</t>
  </si>
  <si>
    <t>01/19/2020 09:31:07</t>
  </si>
  <si>
    <t>01/19/2020 09:36:07</t>
  </si>
  <si>
    <t>01/19/2020 09:32:42</t>
  </si>
  <si>
    <t>01/19/2020 09:34:41</t>
  </si>
  <si>
    <t>01/19/2020 09:38:07</t>
  </si>
  <si>
    <t>01/19/2020 09:37:08</t>
  </si>
  <si>
    <t>01/19/2020 09:39:07</t>
  </si>
  <si>
    <t>01/19/2020 09:37:51</t>
  </si>
  <si>
    <t>01/19/2020 09:36:33</t>
  </si>
  <si>
    <t>01/19/2020 09:41:07</t>
  </si>
  <si>
    <t>01/19/2020 09:38:58</t>
  </si>
  <si>
    <t>01/19/2020 09:39:05</t>
  </si>
  <si>
    <t>01/19/2020 09:43:07</t>
  </si>
  <si>
    <t>01/19/2020 09:46:07</t>
  </si>
  <si>
    <t>01/19/2020 09:45:34</t>
  </si>
  <si>
    <t>01/19/2020 09:45:35</t>
  </si>
  <si>
    <t>01/19/2020 09:43:15</t>
  </si>
  <si>
    <t>01/19/2020 09:43:10</t>
  </si>
  <si>
    <t>01/19/2020 09:49:52</t>
  </si>
  <si>
    <t>01/19/2020 09:50:06</t>
  </si>
  <si>
    <t>01/19/2020 09:51:07</t>
  </si>
  <si>
    <t>01/19/2020 09:46:40</t>
  </si>
  <si>
    <t>01/19/2020 09:51:37</t>
  </si>
  <si>
    <t>01/19/2020 09:54:07</t>
  </si>
  <si>
    <t>01/19/2020 09:52:35</t>
  </si>
  <si>
    <t>74827fc3-6112-4fbd-800d-fd55e761efeb.tmp</t>
  </si>
  <si>
    <t>\\acsfs\profiles$\cintiadjl\Downloads\74827fc3-6112-4fbd-800d-fd55e761efeb.tmp</t>
  </si>
  <si>
    <t>01/19/2020 09:52:44</t>
  </si>
  <si>
    <t>01/19/2020 09:54:14</t>
  </si>
  <si>
    <t>01/19/2020 09:55:06</t>
  </si>
  <si>
    <t>01/19/2020 09:56:07</t>
  </si>
  <si>
    <t>01/19/2020 09:53:16</t>
  </si>
  <si>
    <t>01/19/2020 09:53:17</t>
  </si>
  <si>
    <t>01/19/2020 09:53:20</t>
  </si>
  <si>
    <t>01/19/2020 09:54:56</t>
  </si>
  <si>
    <t>01/19/2020 09:58:07</t>
  </si>
  <si>
    <t>01/19/2020 09:54:10</t>
  </si>
  <si>
    <t>01/19/2020 09:59:06</t>
  </si>
  <si>
    <t>dbc19a69-3b4a-4c4a-8e77-e1ef4a05b4ca.tmp</t>
  </si>
  <si>
    <t>\\acsfs\profiles$\cintiadjl\Downloads\dbc19a69-3b4a-4c4a-8e77-e1ef4a05b4ca.tmp</t>
  </si>
  <si>
    <t>01/19/2020 10:01:06</t>
  </si>
  <si>
    <t>01/19/2020 09:59:02</t>
  </si>
  <si>
    <t>01/19/2020 10:03:07</t>
  </si>
  <si>
    <t>01/19/2020 10:03:24</t>
  </si>
  <si>
    <t>01/19/2020 10:05:07</t>
  </si>
  <si>
    <t>01/19/2020 10:06:07</t>
  </si>
  <si>
    <t>01/19/2020 10:03:00</t>
  </si>
  <si>
    <t>01/19/2020 10:05:46</t>
  </si>
  <si>
    <t>01/19/2020 10:09:07</t>
  </si>
  <si>
    <t>01/19/2020 10:06:20</t>
  </si>
  <si>
    <t>01/19/2020 10:10:06</t>
  </si>
  <si>
    <t>01/19/2020 10:07:05</t>
  </si>
  <si>
    <t>01/19/2020 10:11:06</t>
  </si>
  <si>
    <t>01/19/2020 10:09:56</t>
  </si>
  <si>
    <t>01/19/2020 10:12:06</t>
  </si>
  <si>
    <t>01/19/2020 10:11:36</t>
  </si>
  <si>
    <t>01/19/2020 10:16:07</t>
  </si>
  <si>
    <t>01/19/2020 10:12:27</t>
  </si>
  <si>
    <t>01/19/2020 10:17:07</t>
  </si>
  <si>
    <t>01/19/2020 10:12:30</t>
  </si>
  <si>
    <t>01/19/2020 10:12:33</t>
  </si>
  <si>
    <t>01/19/2020 10:13:38</t>
  </si>
  <si>
    <t>01/19/2020 10:15:15</t>
  </si>
  <si>
    <t>01/19/2020 10:18:07</t>
  </si>
  <si>
    <t>01/19/2020 10:17:54</t>
  </si>
  <si>
    <t>01/19/2020 10:21:07</t>
  </si>
  <si>
    <t>01/19/2020 10:19:49</t>
  </si>
  <si>
    <t>8179fb7a-9f70-48dc-83e6-4658623d9989.tmp</t>
  </si>
  <si>
    <t>\\acsfs\profiles$\rafaelamsv\Downloads\8179fb7a-9f70-48dc-83e6-4658623d9989.tmp</t>
  </si>
  <si>
    <t>01/19/2020 10:21:35</t>
  </si>
  <si>
    <t>01/19/2020 10:24:07</t>
  </si>
  <si>
    <t>01/19/2020 10:20:22</t>
  </si>
  <si>
    <t>01/19/2020 10:20:25</t>
  </si>
  <si>
    <t>01/19/2020 10:20:30</t>
  </si>
  <si>
    <t>01/19/2020 10:20:35</t>
  </si>
  <si>
    <t>01/19/2020 10:20:44</t>
  </si>
  <si>
    <t>01/19/2020 10:20:48</t>
  </si>
  <si>
    <t>01/19/2020 10:26:08</t>
  </si>
  <si>
    <t>01/19/2020 10:25:40</t>
  </si>
  <si>
    <t>01/19/2020 10:27:07</t>
  </si>
  <si>
    <t>01/19/2020 10:24:23</t>
  </si>
  <si>
    <t>01/19/2020 10:28:07</t>
  </si>
  <si>
    <t>01/19/2020 10:26:15</t>
  </si>
  <si>
    <t>01/19/2020 10:30:07</t>
  </si>
  <si>
    <t>01/19/2020 10:29:07</t>
  </si>
  <si>
    <t>01/19/2020 10:31:07</t>
  </si>
  <si>
    <t>01/19/2020 10:27:37</t>
  </si>
  <si>
    <t>296a9e42-9b12-4b0e-9840-022394e21efa.tmp</t>
  </si>
  <si>
    <t>\\acsfs\profiles$\talitafdc\Downloads\296a9e42-9b12-4b0e-9840-022394e21efa.tmp</t>
  </si>
  <si>
    <t>01/19/2020 10:30:06</t>
  </si>
  <si>
    <t>01/19/2020 10:32:07</t>
  </si>
  <si>
    <t>01/19/2020 10:31:15</t>
  </si>
  <si>
    <t>01/19/2020 10:31:06</t>
  </si>
  <si>
    <t>01/19/2020 10:34:07</t>
  </si>
  <si>
    <t>01/19/2020 10:36:07</t>
  </si>
  <si>
    <t>01/19/2020 10:37:38</t>
  </si>
  <si>
    <t>01/19/2020 10:40:07</t>
  </si>
  <si>
    <t>01/19/2020 10:39:50</t>
  </si>
  <si>
    <t>01/19/2020 10:41:07</t>
  </si>
  <si>
    <t>01/19/2020 10:42:39</t>
  </si>
  <si>
    <t>01/19/2020 10:44:07</t>
  </si>
  <si>
    <t>01/19/2020 10:40:15</t>
  </si>
  <si>
    <t>01/19/2020 10:40:21</t>
  </si>
  <si>
    <t>01/19/2020 10:46:07</t>
  </si>
  <si>
    <t>01/19/2020 10:44:28</t>
  </si>
  <si>
    <t>01/19/2020 10:47:06</t>
  </si>
  <si>
    <t>01/19/2020 10:45:35</t>
  </si>
  <si>
    <t>01/19/2020 10:46:37</t>
  </si>
  <si>
    <t>01/19/2020 10:46:38</t>
  </si>
  <si>
    <t>01/19/2020 10:48:07</t>
  </si>
  <si>
    <t>01/19/2020 10:44:20</t>
  </si>
  <si>
    <t>01/19/2020 10:47:40</t>
  </si>
  <si>
    <t>01/19/2020 10:49:07</t>
  </si>
  <si>
    <t>01/19/2020 10:46:39</t>
  </si>
  <si>
    <t>01/19/2020 10:51:07</t>
  </si>
  <si>
    <t>7f7be979-b42d-4ffe-8f42-6f104e738009.tmp</t>
  </si>
  <si>
    <t>\\acsfs\profiles$\rafaelamsv\Downloads\7f7be979-b42d-4ffe-8f42-6f104e738009.tmp</t>
  </si>
  <si>
    <t>01/19/2020 10:46:43</t>
  </si>
  <si>
    <t>dc3389b4-c072-4682-adf2-63508e5617b0.tmp</t>
  </si>
  <si>
    <t>\\acsfs\profiles$\rafaelamsv\Downloads\dc3389b4-c072-4682-adf2-63508e5617b0.tmp</t>
  </si>
  <si>
    <t>01/19/2020 10:47:43</t>
  </si>
  <si>
    <t>01/19/2020 10:52:07</t>
  </si>
  <si>
    <t>01/19/2020 10:51:21</t>
  </si>
  <si>
    <t>01/19/2020 10:54:07</t>
  </si>
  <si>
    <t>01/19/2020 10:52:10</t>
  </si>
  <si>
    <t>01/19/2020 10:53:55</t>
  </si>
  <si>
    <t>01/19/2020 10:56:07</t>
  </si>
  <si>
    <t>0a09becd-5158-4083-9db9-6858d1583c9d.tmp</t>
  </si>
  <si>
    <t>\\acsfs\profiles$\LUCASBS\Downloads\0a09becd-5158-4083-9db9-6858d1583c9d.tmp</t>
  </si>
  <si>
    <t>01/19/2020 10:51:09</t>
  </si>
  <si>
    <t>4253fae6-4ef6-44c5-bead-01762100a79f.tmp</t>
  </si>
  <si>
    <t>\\acsfs\profiles$\rafaelamsv\Downloads\4253fae6-4ef6-44c5-bead-01762100a79f.tmp</t>
  </si>
  <si>
    <t>01/19/2020 10:58:21</t>
  </si>
  <si>
    <t>01/19/2020 11:00:07</t>
  </si>
  <si>
    <t>01/19/2020 11:01:07</t>
  </si>
  <si>
    <t>01/19/2020 11:02:57</t>
  </si>
  <si>
    <t>01/19/2020 11:04:07</t>
  </si>
  <si>
    <t>9cd928c4-3da1-4594-9de8-7243832f3408.tmp</t>
  </si>
  <si>
    <t>\\acsfs\profiles$\cintiadjl\Downloads\9cd928c4-3da1-4594-9de8-7243832f3408.tmp</t>
  </si>
  <si>
    <t>01/19/2020 10:59:40</t>
  </si>
  <si>
    <t>01/19/2020 10:59:49</t>
  </si>
  <si>
    <t>01/19/2020 10:59:56</t>
  </si>
  <si>
    <t>01/19/2020 11:00:41</t>
  </si>
  <si>
    <t>01/19/2020 11:05:08</t>
  </si>
  <si>
    <t>01/19/2020 11:03:50</t>
  </si>
  <si>
    <t>01/19/2020 11:06:07</t>
  </si>
  <si>
    <t>01/19/2020 11:06:31</t>
  </si>
  <si>
    <t>01/19/2020 11:07:07</t>
  </si>
  <si>
    <t>01/19/2020 11:03:52</t>
  </si>
  <si>
    <t>01/19/2020 11:08:07</t>
  </si>
  <si>
    <t>3d4a6f83-2b47-4b18-a44c-c0b6960e1d43.tmp</t>
  </si>
  <si>
    <t>\\acsfs\profiles$\danielmlds\Downloads\3d4a6f83-2b47-4b18-a44c-c0b6960e1d43.tmp</t>
  </si>
  <si>
    <t>01/19/2020 11:06:21</t>
  </si>
  <si>
    <t>01/19/2020 11:11:07</t>
  </si>
  <si>
    <t>01/19/2020 11:08:29</t>
  </si>
  <si>
    <t>01/19/2020 11:13:07</t>
  </si>
  <si>
    <t>b4173415-beca-4b4b-be1f-ab13b37474ed.tmp</t>
  </si>
  <si>
    <t>\\acsfs\profiles$\ROZENCAM\Downloads\b4173415-beca-4b4b-be1f-ab13b37474ed.tmp</t>
  </si>
  <si>
    <t>01/19/2020 11:08:53</t>
  </si>
  <si>
    <t>01/19/2020 11:14:06</t>
  </si>
  <si>
    <t>01/19/2020 11:16:07</t>
  </si>
  <si>
    <t>01/19/2020 11:17:17</t>
  </si>
  <si>
    <t>01/19/2020 11:18:07</t>
  </si>
  <si>
    <t>01/19/2020 11:19:24</t>
  </si>
  <si>
    <t>01/19/2020 11:20:07</t>
  </si>
  <si>
    <t>01/19/2020 11:21:07</t>
  </si>
  <si>
    <t>01/19/2020 11:21:03</t>
  </si>
  <si>
    <t>01/19/2020 11:22:07</t>
  </si>
  <si>
    <t>01/19/2020 11:21:04</t>
  </si>
  <si>
    <t>01/19/2020 11:19:41</t>
  </si>
  <si>
    <t>01/19/2020 11:20:06</t>
  </si>
  <si>
    <t>01/19/2020 11:23:07</t>
  </si>
  <si>
    <t>01/19/2020 11:22:59</t>
  </si>
  <si>
    <t>01/19/2020 11:26:07</t>
  </si>
  <si>
    <t>01/19/2020 11:24:01</t>
  </si>
  <si>
    <t>01/19/2020 11:23:53</t>
  </si>
  <si>
    <t>01/19/2020 11:27:07</t>
  </si>
  <si>
    <t>01/19/2020 11:25:41</t>
  </si>
  <si>
    <t>01/19/2020 11:25:42</t>
  </si>
  <si>
    <t>01/19/2020 11:26:43</t>
  </si>
  <si>
    <t>01/19/2020 11:31:07</t>
  </si>
  <si>
    <t>01/19/2020 11:36:07</t>
  </si>
  <si>
    <t>01/19/2020 11:32:48</t>
  </si>
  <si>
    <t>01/19/2020 11:38:07</t>
  </si>
  <si>
    <t>01/19/2020 11:36:09</t>
  </si>
  <si>
    <t>01/19/2020 11:39:07</t>
  </si>
  <si>
    <t>01/19/2020 11:41:07</t>
  </si>
  <si>
    <t>01/19/2020 11:38:45</t>
  </si>
  <si>
    <t>01/19/2020 11:42:07</t>
  </si>
  <si>
    <t>01/19/2020 11:38:46</t>
  </si>
  <si>
    <t>01/19/2020 11:39:19</t>
  </si>
  <si>
    <t>01/19/2020 11:45:10</t>
  </si>
  <si>
    <t>01/19/2020 11:46:07</t>
  </si>
  <si>
    <t>c9b21fae-9c07-4047-9955-dfadf365028d.tmp</t>
  </si>
  <si>
    <t>\\acsfs\profiles$\talitafdc\Downloads\c9b21fae-9c07-4047-9955-dfadf365028d.tmp</t>
  </si>
  <si>
    <t>01/19/2020 11:44:20</t>
  </si>
  <si>
    <t>01/19/2020 11:47:07</t>
  </si>
  <si>
    <t>01/19/2020 11:46:51</t>
  </si>
  <si>
    <t>01/19/2020 11:49:07</t>
  </si>
  <si>
    <t>01/19/2020 11:47:43</t>
  </si>
  <si>
    <t>01/19/2020 11:50:07</t>
  </si>
  <si>
    <t>01/19/2020 11:48:44</t>
  </si>
  <si>
    <t>01/19/2020 11:51:07</t>
  </si>
  <si>
    <t>01/19/2020 11:49:52</t>
  </si>
  <si>
    <t>01/19/2020 11:52:07</t>
  </si>
  <si>
    <t>01/19/2020 11:50:20</t>
  </si>
  <si>
    <t>01/19/2020 11:53:07</t>
  </si>
  <si>
    <t>01/19/2020 11:50:31</t>
  </si>
  <si>
    <t>01/19/2020 11:55:07</t>
  </si>
  <si>
    <t>01/19/2020 11:56:07</t>
  </si>
  <si>
    <t>01/19/2020 11:57:16</t>
  </si>
  <si>
    <t>01/19/2020 11:58:07</t>
  </si>
  <si>
    <t>01/19/2020 11:54:10</t>
  </si>
  <si>
    <t>01/19/2020 12:01:08</t>
  </si>
  <si>
    <t>01/19/2020 11:57:27</t>
  </si>
  <si>
    <t>01/19/2020 12:02:07</t>
  </si>
  <si>
    <t>01/19/2020 11:57:28</t>
  </si>
  <si>
    <t>01/19/2020 12:03:08</t>
  </si>
  <si>
    <t>01/19/2020 12:04:07</t>
  </si>
  <si>
    <t>01/19/2020 12:06:07</t>
  </si>
  <si>
    <t>01/19/2020 12:01:23</t>
  </si>
  <si>
    <t>01/19/2020 12:11:07</t>
  </si>
  <si>
    <t>01/19/2020 12:08:06</t>
  </si>
  <si>
    <t>01/19/2020 12:12:07</t>
  </si>
  <si>
    <t>01/19/2020 12:08:07</t>
  </si>
  <si>
    <t>01/19/2020 12:12:20</t>
  </si>
  <si>
    <t>01/19/2020 12:16:07</t>
  </si>
  <si>
    <t>01/19/2020 12:12:26</t>
  </si>
  <si>
    <t>01/19/2020 12:12:27</t>
  </si>
  <si>
    <t>01/19/2020 12:14:21</t>
  </si>
  <si>
    <t>01/19/2020 12:15:39</t>
  </si>
  <si>
    <t>01/19/2020 12:19:07</t>
  </si>
  <si>
    <t>01/19/2020 12:14:41</t>
  </si>
  <si>
    <t>01/19/2020 12:14:45</t>
  </si>
  <si>
    <t>01/19/2020 12:14:58</t>
  </si>
  <si>
    <t>01/19/2020 12:15:02</t>
  </si>
  <si>
    <t>01/19/2020 12:15:07</t>
  </si>
  <si>
    <t>01/19/2020 12:15:11</t>
  </si>
  <si>
    <t>01/19/2020 12:15:16</t>
  </si>
  <si>
    <t>01/19/2020 12:15:23</t>
  </si>
  <si>
    <t>joaogvc@algartech.com;marianadjc@algartech.com;planejamentodeoperacoesetrafego@bv.com.br;raphaelmco@algartech.com.br;ricardodfm@algartech.com.br;taysdss@algartech.com;</t>
  </si>
  <si>
    <t>joaogvc@algartech.com,marianadjc@algartech.com,planejamentodeoperacoesetrafego@bv.com.br,raphaelmco@algartech.com.br,ricardodfm@algartech.com.br,taysdss@algartech.com</t>
  </si>
  <si>
    <t>01/19/2020 12:16:27</t>
  </si>
  <si>
    <t>01/19/2020 12:20:07</t>
  </si>
  <si>
    <t>01/19/2020 12:21:07</t>
  </si>
  <si>
    <t>01/19/2020 12:21:14</t>
  </si>
  <si>
    <t>01/19/2020 12:26:07</t>
  </si>
  <si>
    <t>01/19/2020 12:28:14</t>
  </si>
  <si>
    <t>01/19/2020 12:31:07</t>
  </si>
  <si>
    <t>01/19/2020 12:28:20</t>
  </si>
  <si>
    <t>lu2611647l0ku.tmp</t>
  </si>
  <si>
    <t>\\acsfs\profiles$\LUCASBS\RENEG BV\Consolidado\lu2611647l0ku.tmp</t>
  </si>
  <si>
    <t>\\acsfs\profiles$\LUCASBS\RENEG BV\Consolidado\lu2611647l0ku.tmp\</t>
  </si>
  <si>
    <t>\\acsfs\profiles$\LUCASBS\RENEG BV\Consolidado\lu2611647l0ku.tmp\META-INF\</t>
  </si>
  <si>
    <t>\\acsfs\profiles$\LUCASBS\RENEG BV\Consolidado\lu2611647l0ku.tmp\Thumbnails\</t>
  </si>
  <si>
    <t>01/19/2020 12:31:12</t>
  </si>
  <si>
    <t>01/19/2020 12:36:07</t>
  </si>
  <si>
    <t>78762389-2f5f-40cc-857e-e9cfdd84f1b8.tmp</t>
  </si>
  <si>
    <t>\\acsfs\profiles$\rafaelamsv\Downloads\78762389-2f5f-40cc-857e-e9cfdd84f1b8.tmp</t>
  </si>
  <si>
    <t>01/19/2020 12:34:11</t>
  </si>
  <si>
    <t>01/19/2020 12:40:02</t>
  </si>
  <si>
    <t>01/19/2020 12:40:08</t>
  </si>
  <si>
    <t>01/19/2020 12:35:25</t>
  </si>
  <si>
    <t>1b3d60e3-2ec7-4de0-bd67-e24051cc78f8.tmp</t>
  </si>
  <si>
    <t>\\acsfs\profiles$\nataliacsl\Downloads\1b3d60e3-2ec7-4de0-bd67-e24051cc78f8.tmp</t>
  </si>
  <si>
    <t>01/19/2020 12:39:24</t>
  </si>
  <si>
    <t>01/19/2020 12:41:08</t>
  </si>
  <si>
    <t>01/19/2020 12:37:34</t>
  </si>
  <si>
    <t>01/19/2020 12:40:38</t>
  </si>
  <si>
    <t>01/19/2020 12:43:09</t>
  </si>
  <si>
    <t>01/19/2020 12:46:08</t>
  </si>
  <si>
    <t>01/19/2020 12:48:18</t>
  </si>
  <si>
    <t>01/19/2020 12:49:08</t>
  </si>
  <si>
    <t>01/19/2020 12:46:24</t>
  </si>
  <si>
    <t>01/19/2020 12:51:08</t>
  </si>
  <si>
    <t>01/19/2020 12:46:53</t>
  </si>
  <si>
    <t>01/19/2020 12:56:08</t>
  </si>
  <si>
    <t>01/19/2020 12:55:52</t>
  </si>
  <si>
    <t>01/19/2020 12:58:08</t>
  </si>
  <si>
    <t>01/19/2020 12:57:35</t>
  </si>
  <si>
    <t>01/19/2020 12:59:08</t>
  </si>
  <si>
    <t>01/19/2020 13:01:08</t>
  </si>
  <si>
    <t>01/19/2020 12:58:28</t>
  </si>
  <si>
    <t>01/19/2020 13:02:08</t>
  </si>
  <si>
    <t>01/19/2020 13:06:07</t>
  </si>
  <si>
    <t>01/19/2020 13:06:08</t>
  </si>
  <si>
    <t>01/19/2020 13:04:44</t>
  </si>
  <si>
    <t>01/19/2020 13:08:07</t>
  </si>
  <si>
    <t>01/19/2020 13:11:08</t>
  </si>
  <si>
    <t>01/19/2020 13:09:05</t>
  </si>
  <si>
    <t>01/19/2020 13:12:08</t>
  </si>
  <si>
    <t>01/19/2020 13:10:27</t>
  </si>
  <si>
    <t>01/19/2020 13:12:43</t>
  </si>
  <si>
    <t>01/19/2020 13:14:08</t>
  </si>
  <si>
    <t>01/19/2020 13:16:08</t>
  </si>
  <si>
    <t>01/19/2020 13:21:07</t>
  </si>
  <si>
    <t>01/19/2020 13:22:08</t>
  </si>
  <si>
    <t>01/19/2020 13:21:16</t>
  </si>
  <si>
    <t>01/19/2020 13:23:08</t>
  </si>
  <si>
    <t>01/19/2020 13:23:07</t>
  </si>
  <si>
    <t>01/19/2020 13:26:08</t>
  </si>
  <si>
    <t>01/19/2020 13:27:08</t>
  </si>
  <si>
    <t>01/19/2020 13:27:22</t>
  </si>
  <si>
    <t>01/19/2020 13:31:08</t>
  </si>
  <si>
    <t>01/19/2020 13:32:08</t>
  </si>
  <si>
    <t>01/19/2020 13:28:23</t>
  </si>
  <si>
    <t>01/19/2020 13:33:08</t>
  </si>
  <si>
    <t>01/19/2020 13:34:52</t>
  </si>
  <si>
    <t>01/19/2020 13:36:08</t>
  </si>
  <si>
    <t>01/19/2020 13:37:08</t>
  </si>
  <si>
    <t>01/19/2020 13:33:41</t>
  </si>
  <si>
    <t>01/19/2020 13:33:58</t>
  </si>
  <si>
    <t>01/19/2020 13:38:07</t>
  </si>
  <si>
    <t>01/19/2020 13:35:52</t>
  </si>
  <si>
    <t>01/19/2020 13:39:08</t>
  </si>
  <si>
    <t>01/19/2020 13:39:30</t>
  </si>
  <si>
    <t>01/19/2020 13:40:08</t>
  </si>
  <si>
    <t>01/19/2020 13:37:42</t>
  </si>
  <si>
    <t>01/19/2020 13:41:09</t>
  </si>
  <si>
    <t>01/19/2020 13:42:09</t>
  </si>
  <si>
    <t>01/19/2020 13:40:39</t>
  </si>
  <si>
    <t>01/19/2020 13:43:09</t>
  </si>
  <si>
    <t>01/19/2020 13:46:09</t>
  </si>
  <si>
    <t>01/19/2020 13:47:09</t>
  </si>
  <si>
    <t>01/19/2020 13:44:58</t>
  </si>
  <si>
    <t>01/19/2020 13:48:09</t>
  </si>
  <si>
    <t>01/19/2020 13:46:10</t>
  </si>
  <si>
    <t>01/19/2020 13:43:38</t>
  </si>
  <si>
    <t>01/19/2020 13:49:09</t>
  </si>
  <si>
    <t>01/19/2020 13:45:24</t>
  </si>
  <si>
    <t>01/19/2020 13:47:12</t>
  </si>
  <si>
    <t>01/19/2020 13:50:09</t>
  </si>
  <si>
    <t>01/19/2020 13:49:34</t>
  </si>
  <si>
    <t>01/19/2020 13:51:09</t>
  </si>
  <si>
    <t>01/19/2020 13:52:09</t>
  </si>
  <si>
    <t>01/19/2020 13:54:36</t>
  </si>
  <si>
    <t>01/19/2020 13:56:09</t>
  </si>
  <si>
    <t>7de98f97-5e64-400f-add1-34003cc65f1b.tmp</t>
  </si>
  <si>
    <t>\\acsfs\profiles$\LUCASBS\Downloads\7de98f97-5e64-400f-add1-34003cc65f1b.tmp</t>
  </si>
  <si>
    <t>01/19/2020 13:57:09</t>
  </si>
  <si>
    <t>01/19/2020 13:55:33</t>
  </si>
  <si>
    <t>01/19/2020 13:59:10</t>
  </si>
  <si>
    <t>01/19/2020 14:01:10</t>
  </si>
  <si>
    <t>01/19/2020 14:02:09</t>
  </si>
  <si>
    <t>01/19/2020 14:02:52</t>
  </si>
  <si>
    <t>01/19/2020 14:03:09</t>
  </si>
  <si>
    <t>01/19/2020 14:01:04</t>
  </si>
  <si>
    <t>01/19/2020 14:04:09</t>
  </si>
  <si>
    <t>01/19/2020 14:07:09</t>
  </si>
  <si>
    <t>01/19/2020 14:03:33</t>
  </si>
  <si>
    <t>01/19/2020 14:08:09</t>
  </si>
  <si>
    <t>01/19/2020 14:12:09</t>
  </si>
  <si>
    <t>01/19/2020 14:12:04</t>
  </si>
  <si>
    <t>01/19/2020 14:14:09</t>
  </si>
  <si>
    <t>01/19/2020 14:12:29</t>
  </si>
  <si>
    <t>01/19/2020 14:11:11</t>
  </si>
  <si>
    <t>01/19/2020 14:15:08</t>
  </si>
  <si>
    <t>01/19/2020 14:14:11</t>
  </si>
  <si>
    <t>01/19/2020 14:16:09</t>
  </si>
  <si>
    <t>01/19/2020 14:13:19</t>
  </si>
  <si>
    <t>01/19/2020 14:12:54</t>
  </si>
  <si>
    <t>01/19/2020 14:17:09</t>
  </si>
  <si>
    <t>01/19/2020 14:17:06</t>
  </si>
  <si>
    <t>01/19/2020 14:19:09</t>
  </si>
  <si>
    <t>01/19/2020 14:16:53</t>
  </si>
  <si>
    <t>01/19/2020 14:18:41</t>
  </si>
  <si>
    <t>01/19/2020 14:21:09</t>
  </si>
  <si>
    <t>01/19/2020 14:22:08</t>
  </si>
  <si>
    <t>01/19/2020 14:23:00</t>
  </si>
  <si>
    <t>01/19/2020 14:26:09</t>
  </si>
  <si>
    <t>01/19/2020 14:23:23</t>
  </si>
  <si>
    <t>01/19/2020 14:27:09</t>
  </si>
  <si>
    <t>01/19/2020 14:24:07</t>
  </si>
  <si>
    <t>01/19/2020 14:28:09</t>
  </si>
  <si>
    <t>01/19/2020 14:26:32</t>
  </si>
  <si>
    <t>01/19/2020 14:29:09</t>
  </si>
  <si>
    <t>01/19/2020 14:27:03</t>
  </si>
  <si>
    <t>01/19/2020 14:32:09</t>
  </si>
  <si>
    <t>01/19/2020 14:32:38</t>
  </si>
  <si>
    <t>01/19/2020 14:34:09</t>
  </si>
  <si>
    <t>01/19/2020 14:30:17</t>
  </si>
  <si>
    <t>01/19/2020 14:32:40</t>
  </si>
  <si>
    <t>01/19/2020 14:37:09</t>
  </si>
  <si>
    <t>01/19/2020 14:34:30</t>
  </si>
  <si>
    <t>01/19/2020 14:39:09</t>
  </si>
  <si>
    <t>01/19/2020 14:34:05</t>
  </si>
  <si>
    <t>01/19/2020 14:35:10</t>
  </si>
  <si>
    <t>01/19/2020 14:38:15</t>
  </si>
  <si>
    <t>01/18/2020 16:20:34</t>
  </si>
  <si>
    <t>01/19/2020 14:40:09</t>
  </si>
  <si>
    <t>01/19/2020 14:42:09</t>
  </si>
  <si>
    <t>01/19/2020 14:41:49</t>
  </si>
  <si>
    <t>01/19/2020 14:41:52</t>
  </si>
  <si>
    <t>01/19/2020 14:41:53</t>
  </si>
  <si>
    <t>01/19/2020 14:41:58</t>
  </si>
  <si>
    <t>01/19/2020 14:41:59</t>
  </si>
  <si>
    <t>01/19/2020 14:40:33</t>
  </si>
  <si>
    <t>01/19/2020 14:44:09</t>
  </si>
  <si>
    <t>01/19/2020 14:42:02</t>
  </si>
  <si>
    <t>01/19/2020 14:42:14</t>
  </si>
  <si>
    <t>01/19/2020 14:42:18</t>
  </si>
  <si>
    <t>01/19/2020 14:42:21</t>
  </si>
  <si>
    <t>01/19/2020 14:40:25</t>
  </si>
  <si>
    <t>01/19/2020 14:41:44</t>
  </si>
  <si>
    <t>01/19/2020 14:45:09</t>
  </si>
  <si>
    <t>01/19/2020 14:47:09</t>
  </si>
  <si>
    <t>01/19/2020 14:42:05</t>
  </si>
  <si>
    <t>01/19/2020 14:42:07</t>
  </si>
  <si>
    <t>01/19/2020 14:42:08</t>
  </si>
  <si>
    <t>01/19/2020 14:42:10</t>
  </si>
  <si>
    <t>01/19/2020 14:42:11</t>
  </si>
  <si>
    <t>01/19/2020 14:42:12</t>
  </si>
  <si>
    <t>01/19/2020 14:42:13</t>
  </si>
  <si>
    <t>01/19/2020 14:42:15</t>
  </si>
  <si>
    <t>01/19/2020 14:42:16</t>
  </si>
  <si>
    <t>01/19/2020 14:42:19</t>
  </si>
  <si>
    <t>01/19/2020 14:42:20</t>
  </si>
  <si>
    <t>01/19/2020 14:42:22</t>
  </si>
  <si>
    <t>01/19/2020 14:42:24</t>
  </si>
  <si>
    <t>01/19/2020 14:42:25</t>
  </si>
  <si>
    <t>01/19/2020 14:42:26</t>
  </si>
  <si>
    <t>01/19/2020 14:42:27</t>
  </si>
  <si>
    <t>01/19/2020 14:42:29</t>
  </si>
  <si>
    <t>01/19/2020 14:42:31</t>
  </si>
  <si>
    <t>01/19/2020 14:42:32</t>
  </si>
  <si>
    <t>01/19/2020 14:42:33</t>
  </si>
  <si>
    <t>01/19/2020 14:42:34</t>
  </si>
  <si>
    <t>01/19/2020 14:42:36</t>
  </si>
  <si>
    <t>01/19/2020 14:42:37</t>
  </si>
  <si>
    <t>01/19/2020 14:42:38</t>
  </si>
  <si>
    <t>01/19/2020 14:42:40</t>
  </si>
  <si>
    <t>01/19/2020 14:42:41</t>
  </si>
  <si>
    <t>01/19/2020 14:42:42</t>
  </si>
  <si>
    <t>01/19/2020 14:42:45</t>
  </si>
  <si>
    <t>01/19/2020 14:42:47</t>
  </si>
  <si>
    <t>01/19/2020 14:42:49</t>
  </si>
  <si>
    <t>01/19/2020 14:42:51</t>
  </si>
  <si>
    <t>01/19/2020 14:42:53</t>
  </si>
  <si>
    <t>01/19/2020 14:42:57</t>
  </si>
  <si>
    <t>01/19/2020 14:43:00</t>
  </si>
  <si>
    <t>01/19/2020 14:46:34</t>
  </si>
  <si>
    <t>01/19/2020 14:49:09</t>
  </si>
  <si>
    <t>01/19/2020 14:45:10</t>
  </si>
  <si>
    <t>01/19/2020 14:50:09</t>
  </si>
  <si>
    <t>30d4511c-40b3-4fed-9001-cc22ff863fcb.tmp</t>
  </si>
  <si>
    <t>\\acsfs\profiles$\rosileiam\Downloads\30d4511c-40b3-4fed-9001-cc22ff863fcb.tmp</t>
  </si>
  <si>
    <t>01/19/2020 14:47:16</t>
  </si>
  <si>
    <t>cb4404e2-f697-48fa-8514-275d36e675e5.tmp</t>
  </si>
  <si>
    <t>\\acsfs\profiles$\rosileiam\Downloads\cb4404e2-f697-48fa-8514-275d36e675e5.tmp</t>
  </si>
  <si>
    <t>01/19/2020 14:52:09</t>
  </si>
  <si>
    <t>01/19/2020 14:57:09</t>
  </si>
  <si>
    <t>01/19/2020 14:55:21</t>
  </si>
  <si>
    <t>01/19/2020 14:58:09</t>
  </si>
  <si>
    <t>01/19/2020 14:55:07</t>
  </si>
  <si>
    <t>01/19/2020 14:59:09</t>
  </si>
  <si>
    <t>01/19/2020 15:02:09</t>
  </si>
  <si>
    <t>01/19/2020 15:03:09</t>
  </si>
  <si>
    <t>01/19/2020 15:00:45</t>
  </si>
  <si>
    <t>01/19/2020 15:04:09</t>
  </si>
  <si>
    <t>01/19/2020 14:59:54</t>
  </si>
  <si>
    <t>01/19/2020 15:00:19</t>
  </si>
  <si>
    <t>01/19/2020 15:05:09</t>
  </si>
  <si>
    <t>01/19/2020 15:00:55</t>
  </si>
  <si>
    <t>01/19/2020 15:06:09</t>
  </si>
  <si>
    <t>4413bb0d-27db-479e-9e4b-270f60c4b5dd.tmp</t>
  </si>
  <si>
    <t>\\acsfs\profiles$\talitafdc\Downloads\4413bb0d-27db-479e-9e4b-270f60c4b5dd.tmp</t>
  </si>
  <si>
    <t>01/19/2020 15:01:54</t>
  </si>
  <si>
    <t>e8c4e257-2644-49f3-a384-1e20f92761d1.tmp</t>
  </si>
  <si>
    <t>\\acsfs\profiles$\talitafdc\Downloads\e8c4e257-2644-49f3-a384-1e20f92761d1.tmp</t>
  </si>
  <si>
    <t>01/19/2020 15:07:09</t>
  </si>
  <si>
    <t>01/19/2020 15:04:44</t>
  </si>
  <si>
    <t>01/19/2020 15:09:09</t>
  </si>
  <si>
    <t>01/19/2020 15:09:22</t>
  </si>
  <si>
    <t>01/19/2020 15:10:09</t>
  </si>
  <si>
    <t>01/19/2020 15:12:09</t>
  </si>
  <si>
    <t>01/19/2020 15:08:41</t>
  </si>
  <si>
    <t>01/19/2020 15:14:09</t>
  </si>
  <si>
    <t>01/19/2020 15:12:15</t>
  </si>
  <si>
    <t>01/19/2020 15:12:16</t>
  </si>
  <si>
    <t>lu90045kcrw.tmp</t>
  </si>
  <si>
    <t>\\acsfs\profiles$\jonathanwap\lu90045kcrw.tmp</t>
  </si>
  <si>
    <t>\\acsfs\profiles$\jonathanwap\lu90045kcrw.tmp\</t>
  </si>
  <si>
    <t>\\acsfs\profiles$\jonathanwap\lu90045kcrw.tmp\META-INF\</t>
  </si>
  <si>
    <t>\\acsfs\profiles$\jonathanwap\lu90045kcrw.tmp\Thumbnails\</t>
  </si>
  <si>
    <t>01/19/2020 15:13:17</t>
  </si>
  <si>
    <t>01/19/2020 15:15:09</t>
  </si>
  <si>
    <t>01/19/2020 15:17:09</t>
  </si>
  <si>
    <t>01/19/2020 15:15:29</t>
  </si>
  <si>
    <t>01/19/2020 15:18:09</t>
  </si>
  <si>
    <t>01/19/2020 15:15:39</t>
  </si>
  <si>
    <t>01/19/2020 15:19:10</t>
  </si>
  <si>
    <t>01/19/2020 15:19:22</t>
  </si>
  <si>
    <t>01/19/2020 15:21:09</t>
  </si>
  <si>
    <t>01/19/2020 15:22:09</t>
  </si>
  <si>
    <t>01/19/2020 15:23:09</t>
  </si>
  <si>
    <t>01/19/2020 15:22:11</t>
  </si>
  <si>
    <t>01/19/2020 15:19:58</t>
  </si>
  <si>
    <t>01/19/2020 15:25:09</t>
  </si>
  <si>
    <t>01/19/2020 15:25:16</t>
  </si>
  <si>
    <t>01/19/2020 15:26:09</t>
  </si>
  <si>
    <t>01/19/2020 15:27:09</t>
  </si>
  <si>
    <t>01/19/2020 15:24:31</t>
  </si>
  <si>
    <t>01/19/2020 15:28:09</t>
  </si>
  <si>
    <t>01/19/2020 15:25:35</t>
  </si>
  <si>
    <t>01/19/2020 15:29:09</t>
  </si>
  <si>
    <t>01/19/2020 15:32:09</t>
  </si>
  <si>
    <t>01/19/2020 15:31:38</t>
  </si>
  <si>
    <t>01/19/2020 15:36:10</t>
  </si>
  <si>
    <t>01/19/2020 15:37:09</t>
  </si>
  <si>
    <t>01/19/2020 15:35:09</t>
  </si>
  <si>
    <t>01/19/2020 15:40:09</t>
  </si>
  <si>
    <t>0f89641a-44e3-4345-888b-f0527e329af2.tmp</t>
  </si>
  <si>
    <t>\\acsfs\profiles$\fernandofs\Downloads\0f89641a-44e3-4345-888b-f0527e329af2.tmp</t>
  </si>
  <si>
    <t>01/19/2020 15:35:37</t>
  </si>
  <si>
    <t>098f9ce9-c4e9-4d61-aa02-23d917252e90.tmp</t>
  </si>
  <si>
    <t>\\acsfs\profiles$\fernandofs\Downloads\098f9ce9-c4e9-4d61-aa02-23d917252e90.tmp</t>
  </si>
  <si>
    <t>01/19/2020 15:35:52</t>
  </si>
  <si>
    <t>01/19/2020 15:42:09</t>
  </si>
  <si>
    <t>01/17/2020 20:34:36</t>
  </si>
  <si>
    <t>lu2643243wiuk.tmp</t>
  </si>
  <si>
    <t>\\acsfs\profiles$\regisedsj\My Documents\lu2643243wiuk.tmp</t>
  </si>
  <si>
    <t>\\acsfs\profiles$\regisedsj\My Documents\lu2643243wiuk.tmp\</t>
  </si>
  <si>
    <t>\\acsfs\profiles$\regisedsj\My Documents\lu2643243wiuk.tmp\META-INF\</t>
  </si>
  <si>
    <t>\\acsfs\profiles$\regisedsj\My Documents\lu2643243wiuk.tmp\Thumbnails\</t>
  </si>
  <si>
    <t>01/17/2020 20:36:36</t>
  </si>
  <si>
    <t>0.txt</t>
  </si>
  <si>
    <t>\\acsfs\profiles$\regisedsj\My Documents\0.txt</t>
  </si>
  <si>
    <t>01/19/2020 15:41:57</t>
  </si>
  <si>
    <t>01/19/2020 15:42:07</t>
  </si>
  <si>
    <t>01/19/2020 15:42:08</t>
  </si>
  <si>
    <t>01/19/2020 15:41:43</t>
  </si>
  <si>
    <t>01/19/2020 15:46:09</t>
  </si>
  <si>
    <t>01/19/2020 15:41:48</t>
  </si>
  <si>
    <t>01/19/2020 15:47:08</t>
  </si>
  <si>
    <t>01/19/2020 15:42:12</t>
  </si>
  <si>
    <t>01/19/2020 15:42:13</t>
  </si>
  <si>
    <t>01/19/2020 15:42:14</t>
  </si>
  <si>
    <t>01/19/2020 15:42:15</t>
  </si>
  <si>
    <t>01/19/2020 15:42:16</t>
  </si>
  <si>
    <t>01/19/2020 15:42:18</t>
  </si>
  <si>
    <t>01/19/2020 15:42:19</t>
  </si>
  <si>
    <t>01/19/2020 15:42:20</t>
  </si>
  <si>
    <t>01/19/2020 15:42:21</t>
  </si>
  <si>
    <t>01/19/2020 15:42:22</t>
  </si>
  <si>
    <t>01/19/2020 15:42:23</t>
  </si>
  <si>
    <t>01/19/2020 15:42:24</t>
  </si>
  <si>
    <t>01/19/2020 15:42:25</t>
  </si>
  <si>
    <t>01/19/2020 15:42:26</t>
  </si>
  <si>
    <t>01/19/2020 15:42:27</t>
  </si>
  <si>
    <t>01/19/2020 15:48:09</t>
  </si>
  <si>
    <t>01/19/2020 15:42:28</t>
  </si>
  <si>
    <t>01/19/2020 15:42:30</t>
  </si>
  <si>
    <t>01/19/2020 15:42:32</t>
  </si>
  <si>
    <t>01/19/2020 15:42:33</t>
  </si>
  <si>
    <t>01/19/2020 15:42:34</t>
  </si>
  <si>
    <t>01/19/2020 15:42:35</t>
  </si>
  <si>
    <t>01/19/2020 15:42:36</t>
  </si>
  <si>
    <t>01/19/2020 15:42:40</t>
  </si>
  <si>
    <t>01/19/2020 15:42:41</t>
  </si>
  <si>
    <t>01/19/2020 15:42:48</t>
  </si>
  <si>
    <t>01/19/2020 15:42:51</t>
  </si>
  <si>
    <t>01/19/2020 15:42:52</t>
  </si>
  <si>
    <t>01/19/2020 15:42:55</t>
  </si>
  <si>
    <t>01/19/2020 15:42:57</t>
  </si>
  <si>
    <t>01/19/2020 15:42:58</t>
  </si>
  <si>
    <t>01/19/2020 15:43:01</t>
  </si>
  <si>
    <t>01/19/2020 15:43:02</t>
  </si>
  <si>
    <t>01/19/2020 15:43:31</t>
  </si>
  <si>
    <t>01/19/2020 15:44:52</t>
  </si>
  <si>
    <t>0e905001-8fd6-41f7-9cf6-b2c3909ded3d.tmp</t>
  </si>
  <si>
    <t>\\acsfs\profiles$\myllenardl\Downloads\0e905001-8fd6-41f7-9cf6-b2c3909ded3d.tmp</t>
  </si>
  <si>
    <t>01/19/2020 15:46:07</t>
  </si>
  <si>
    <t>413f6b73-c2b1-485d-a650-8ae1074dc02d.tmp</t>
  </si>
  <si>
    <t>\\acsfs\profiles$\myllenardl\Downloads\413f6b73-c2b1-485d-a650-8ae1074dc02d.tmp</t>
  </si>
  <si>
    <t>01/19/2020 15:44:49</t>
  </si>
  <si>
    <t>01/19/2020 15:45:14</t>
  </si>
  <si>
    <t>01/19/2020 15:48:38</t>
  </si>
  <si>
    <t>01/19/2020 15:50:09</t>
  </si>
  <si>
    <t>01/19/2020 15:52:08</t>
  </si>
  <si>
    <t>01/19/2020 15:52:09</t>
  </si>
  <si>
    <t>01/19/2020 15:49:22</t>
  </si>
  <si>
    <t>01/19/2020 15:53:09</t>
  </si>
  <si>
    <t>01/19/2020 15:52:28</t>
  </si>
  <si>
    <t>01/19/2020 15:51:39</t>
  </si>
  <si>
    <t>01/19/2020 15:54:08</t>
  </si>
  <si>
    <t>01/19/2020 15:52:27</t>
  </si>
  <si>
    <t>01/19/2020 15:52:30</t>
  </si>
  <si>
    <t>01/19/2020 15:52:31</t>
  </si>
  <si>
    <t>01/19/2020 15:52:34</t>
  </si>
  <si>
    <t>01/19/2020 15:52:37</t>
  </si>
  <si>
    <t>01/19/2020 15:52:38</t>
  </si>
  <si>
    <t>01/19/2020 15:52:41</t>
  </si>
  <si>
    <t>01/19/2020 15:52:43</t>
  </si>
  <si>
    <t>01/19/2020 15:52:45</t>
  </si>
  <si>
    <t>01/19/2020 15:52:47</t>
  </si>
  <si>
    <t>01/19/2020 15:52:48</t>
  </si>
  <si>
    <t>01/19/2020 15:52:49</t>
  </si>
  <si>
    <t>01/19/2020 15:52:50</t>
  </si>
  <si>
    <t>01/19/2020 15:52:51</t>
  </si>
  <si>
    <t>01/19/2020 15:52:52</t>
  </si>
  <si>
    <t>01/19/2020 15:52:53</t>
  </si>
  <si>
    <t>01/19/2020 15:52:54</t>
  </si>
  <si>
    <t>01/19/2020 15:52:55</t>
  </si>
  <si>
    <t>01/19/2020 15:52:56</t>
  </si>
  <si>
    <t>01/19/2020 15:52:57</t>
  </si>
  <si>
    <t>01/19/2020 15:52:58</t>
  </si>
  <si>
    <t>01/19/2020 15:52:59</t>
  </si>
  <si>
    <t>01/19/2020 15:53:01</t>
  </si>
  <si>
    <t>01/19/2020 15:53:02</t>
  </si>
  <si>
    <t>01/19/2020 15:53:03</t>
  </si>
  <si>
    <t>01/19/2020 15:53:04</t>
  </si>
  <si>
    <t>01/19/2020 15:53:05</t>
  </si>
  <si>
    <t>01/19/2020 15:53:06</t>
  </si>
  <si>
    <t>01/19/2020 15:53:07</t>
  </si>
  <si>
    <t>01/19/2020 15:53:08</t>
  </si>
  <si>
    <t>01/19/2020 15:53:11</t>
  </si>
  <si>
    <t>01/19/2020 15:53:13</t>
  </si>
  <si>
    <t>01/19/2020 15:53:14</t>
  </si>
  <si>
    <t>01/19/2020 15:53:15</t>
  </si>
  <si>
    <t>01/19/2020 15:53:16</t>
  </si>
  <si>
    <t>01/19/2020 15:53:17</t>
  </si>
  <si>
    <t>01/19/2020 15:53:18</t>
  </si>
  <si>
    <t>01/19/2020 15:53:20</t>
  </si>
  <si>
    <t>01/19/2020 15:53:21</t>
  </si>
  <si>
    <t>01/19/2020 15:51:55</t>
  </si>
  <si>
    <t>ca6c083d-1b02-49a8-81d0-ec756d756813.tmp</t>
  </si>
  <si>
    <t>\\acsfs\profiles$\paulohaf\Downloads\ca6c083d-1b02-49a8-81d0-ec756d756813.tmp</t>
  </si>
  <si>
    <t>01/19/2020 15:51:58</t>
  </si>
  <si>
    <t>6bc78219-319c-4f28-82f8-f36a010880e4.tmp</t>
  </si>
  <si>
    <t>\\acsfs\profiles$\paulohaf\Downloads\6bc78219-319c-4f28-82f8-f36a010880e4.tmp</t>
  </si>
  <si>
    <t>01/19/2020 15:52:03</t>
  </si>
  <si>
    <t>962cc41b-0e67-4226-b367-a58ef58bf009.tmp</t>
  </si>
  <si>
    <t>\\acsfs\profiles$\paulohaf\Downloads\962cc41b-0e67-4226-b367-a58ef58bf009.tmp</t>
  </si>
  <si>
    <t>01/19/2020 15:52:35</t>
  </si>
  <si>
    <t>0bcdbd2d-3a5a-429c-aa9d-24ebfbbda3c9.tmp</t>
  </si>
  <si>
    <t>\\acsfs\profiles$\paulohaf\Downloads\0bcdbd2d-3a5a-429c-aa9d-24ebfbbda3c9.tmp</t>
  </si>
  <si>
    <t>01/19/2020 15:53:36</t>
  </si>
  <si>
    <t>7e105d7d-e237-4194-b92d-5aeea673dbda.tmp</t>
  </si>
  <si>
    <t>\\acsfs\profiles$\paulohaf\Downloads\7e105d7d-e237-4194-b92d-5aeea673dbda.tmp</t>
  </si>
  <si>
    <t>01/19/2020 15:53:27</t>
  </si>
  <si>
    <t>01/19/2020 15:55:09</t>
  </si>
  <si>
    <t>01/19/2020 15:57:09</t>
  </si>
  <si>
    <t>01/19/2020 15:55:31</t>
  </si>
  <si>
    <t>01/19/2020 15:58:09</t>
  </si>
  <si>
    <t>01/19/2020 15:53:56</t>
  </si>
  <si>
    <t>01/19/2020 15:59:08</t>
  </si>
  <si>
    <t>winrt--{S-1-5-21-602162358-764733703-839522115-358555}-.searchconnector-ms</t>
  </si>
  <si>
    <t>\\acsfs\profiles$\nycolleemdj\Searches\winrt--{S-1-5-21-602162358-764733703-839522115-358555}-.searchconnector-ms</t>
  </si>
  <si>
    <t>01/19/2020 15:55:05</t>
  </si>
  <si>
    <t>6654e74f-70d2-4083-8e52-57405453957b.tmp</t>
  </si>
  <si>
    <t>\\acsfs\profiles$\nycolleemdj\Downloads\6654e74f-70d2-4083-8e52-57405453957b.tmp</t>
  </si>
  <si>
    <t>01/19/2020 15:57:57</t>
  </si>
  <si>
    <t>01/19/2020 15:57:59</t>
  </si>
  <si>
    <t>01/19/2020 15:58:51</t>
  </si>
  <si>
    <t>01/19/2020 16:00:09</t>
  </si>
  <si>
    <t>01/19/2020 16:02:09</t>
  </si>
  <si>
    <t>01/19/2020 16:01:14</t>
  </si>
  <si>
    <t>01/19/2020 16:03:09</t>
  </si>
  <si>
    <t>01/19/2020 15:59:24</t>
  </si>
  <si>
    <t>01/19/2020 16:04:09</t>
  </si>
  <si>
    <t>e918b8bc-0a1b-4943-b59a-e97fe422dac5.tmp</t>
  </si>
  <si>
    <t>\\acsfs\profiles$\nycolleemdj\Downloads\e918b8bc-0a1b-4943-b59a-e97fe422dac5.tmp</t>
  </si>
  <si>
    <t>01/19/2020 15:59:59</t>
  </si>
  <si>
    <t>195541b2-c4e8-421a-86cc-eb547df64410.tmp</t>
  </si>
  <si>
    <t>\\acsfs\profiles$\nycolleemdj\Downloads\195541b2-c4e8-421a-86cc-eb547df64410.tmp</t>
  </si>
  <si>
    <t>01/19/2020 15:58:54</t>
  </si>
  <si>
    <t>01/19/2020 15:59:44</t>
  </si>
  <si>
    <t>01/19/2020 16:00:08</t>
  </si>
  <si>
    <t>01/19/2020 16:03:46</t>
  </si>
  <si>
    <t>01/19/2020 16:03:47</t>
  </si>
  <si>
    <t>01/19/2020 16:03:27</t>
  </si>
  <si>
    <t>01/19/2020 16:05:09</t>
  </si>
  <si>
    <t>01/19/2020 16:03:11</t>
  </si>
  <si>
    <t>01/19/2020 16:06:09</t>
  </si>
  <si>
    <t>01/19/2020 16:07:09</t>
  </si>
  <si>
    <t>01/19/2020 16:06:31</t>
  </si>
  <si>
    <t>01/19/2020 16:09:09</t>
  </si>
  <si>
    <t>01/19/2020 16:06:10</t>
  </si>
  <si>
    <t>01/19/2020 16:05:53</t>
  </si>
  <si>
    <t>https://joaogvc@algartech.com,marianadjc@algartech.com,planejamentodeoperacoesetrafego@bv.com.br,raphaelmco@algartech.com.br,ricardodfm@algartech.com.br,taysdss@algartech.com</t>
  </si>
  <si>
    <t>01/19/2020 16:05:46</t>
  </si>
  <si>
    <t>https://telecine.demdex.net/event?d_dil_ver=9.2&amp;_ts=1579460746160</t>
  </si>
  <si>
    <t>01/19/2020 16:08:04</t>
  </si>
  <si>
    <t>01/19/2020 16:10:09</t>
  </si>
  <si>
    <t>3419835a-1562-4b0f-a46e-b42fb859f6d7.tmp</t>
  </si>
  <si>
    <t>\\acsfs\profiles$\fernandofs\Downloads\3419835a-1562-4b0f-a46e-b42fb859f6d7.tmp</t>
  </si>
  <si>
    <t>01/19/2020 16:06:24</t>
  </si>
  <si>
    <t>01/19/2020 16:12:09</t>
  </si>
  <si>
    <t>01/19/2020 16:07:47</t>
  </si>
  <si>
    <t>01/19/2020 16:11:22</t>
  </si>
  <si>
    <t>01/19/2020 16:13:09</t>
  </si>
  <si>
    <t>01/19/2020 16:11:26</t>
  </si>
  <si>
    <t>01/19/2020 16:14:09</t>
  </si>
  <si>
    <t>01/19/2020 16:11:27</t>
  </si>
  <si>
    <t>01/19/2020 16:13:38</t>
  </si>
  <si>
    <t>https://telecine.demdex.net/event?d_dil_ver=9.3&amp;_ts=1579461218475</t>
  </si>
  <si>
    <t>01/19/2020 16:17:10</t>
  </si>
  <si>
    <t>01/19/2020 16:15:52</t>
  </si>
  <si>
    <t>01/19/2020 16:19:09</t>
  </si>
  <si>
    <t>d519783e-a51a-4d6c-8786-8597f0e1be67.tmp</t>
  </si>
  <si>
    <t>\\acsfs\profiles$\paulohaf\Downloads\d519783e-a51a-4d6c-8786-8597f0e1be67.tmp</t>
  </si>
  <si>
    <t>01/19/2020 16:16:05</t>
  </si>
  <si>
    <t>Não confirmado 632821.crdownload</t>
  </si>
  <si>
    <t>\\acsfs\profiles$\paulohaf\Downloads\Não confirmado 632821.crdownload</t>
  </si>
  <si>
    <t>01/19/2020 16:16:31</t>
  </si>
  <si>
    <t>8d7e62b5-04c4-477c-bd0b-a44eef54e28f.tmp</t>
  </si>
  <si>
    <t>\\acsfs\profiles$\paulohaf\Downloads\8d7e62b5-04c4-477c-bd0b-a44eef54e28f.tmp</t>
  </si>
  <si>
    <t>01/19/2020 16:22:09</t>
  </si>
  <si>
    <t>01/19/2020 16:19:01</t>
  </si>
  <si>
    <t>01/19/2020 16:24:09</t>
  </si>
  <si>
    <t>01/19/2020 16:19:20</t>
  </si>
  <si>
    <t>01/19/2020 16:24:47</t>
  </si>
  <si>
    <t>01/19/2020 16:26:09</t>
  </si>
  <si>
    <t>01/19/2020 16:23:17</t>
  </si>
  <si>
    <t>01/19/2020 16:23:48</t>
  </si>
  <si>
    <t>01/19/2020 16:27:09</t>
  </si>
  <si>
    <t>01/19/2020 16:32:09</t>
  </si>
  <si>
    <t>01/19/2020 16:32:06</t>
  </si>
  <si>
    <t>01/19/2020 16:35:09</t>
  </si>
  <si>
    <t>01/19/2020 16:32:13</t>
  </si>
  <si>
    <t>01/19/2020 16:32:14</t>
  </si>
  <si>
    <t>01/19/2020 16:32:17</t>
  </si>
  <si>
    <t>01/19/2020 16:32:19</t>
  </si>
  <si>
    <t>01/19/2020 16:32:21</t>
  </si>
  <si>
    <t>01/19/2020 16:32:22</t>
  </si>
  <si>
    <t>01/19/2020 16:32:23</t>
  </si>
  <si>
    <t>01/19/2020 16:32:24</t>
  </si>
  <si>
    <t>01/19/2020 16:32:25</t>
  </si>
  <si>
    <t>01/19/2020 16:32:26</t>
  </si>
  <si>
    <t>01/19/2020 16:32:28</t>
  </si>
  <si>
    <t>01/19/2020 16:32:29</t>
  </si>
  <si>
    <t>01/19/2020 16:32:30</t>
  </si>
  <si>
    <t>01/19/2020 16:32:32</t>
  </si>
  <si>
    <t>01/19/2020 16:32:33</t>
  </si>
  <si>
    <t>01/19/2020 16:32:35</t>
  </si>
  <si>
    <t>01/19/2020 16:32:37</t>
  </si>
  <si>
    <t>01/19/2020 16:32:38</t>
  </si>
  <si>
    <t>01/19/2020 16:32:39</t>
  </si>
  <si>
    <t>01/19/2020 16:32:42</t>
  </si>
  <si>
    <t>01/19/2020 16:32:43</t>
  </si>
  <si>
    <t>01/19/2020 16:32:46</t>
  </si>
  <si>
    <t>01/19/2020 16:32:47</t>
  </si>
  <si>
    <t>01/19/2020 16:32:48</t>
  </si>
  <si>
    <t>01/19/2020 16:32:50</t>
  </si>
  <si>
    <t>01/19/2020 16:32:51</t>
  </si>
  <si>
    <t>01/19/2020 16:32:52</t>
  </si>
  <si>
    <t>01/19/2020 16:32:54</t>
  </si>
  <si>
    <t>01/19/2020 16:32:55</t>
  </si>
  <si>
    <t>01/19/2020 16:32:57</t>
  </si>
  <si>
    <t>01/19/2020 16:32:58</t>
  </si>
  <si>
    <t>01/19/2020 16:32:59</t>
  </si>
  <si>
    <t>01/19/2020 16:33:01</t>
  </si>
  <si>
    <t>01/19/2020 16:33:02</t>
  </si>
  <si>
    <t>01/19/2020 16:33:05</t>
  </si>
  <si>
    <t>01/19/2020 16:33:06</t>
  </si>
  <si>
    <t>01/19/2020 16:33:07</t>
  </si>
  <si>
    <t>01/19/2020 16:33:09</t>
  </si>
  <si>
    <t>01/19/2020 16:33:10</t>
  </si>
  <si>
    <t>01/19/2020 16:33:12</t>
  </si>
  <si>
    <t>01/19/2020 16:33:15</t>
  </si>
  <si>
    <t>01/19/2020 16:33:16</t>
  </si>
  <si>
    <t>01/19/2020 16:33:35</t>
  </si>
  <si>
    <t>01/19/2020 16:33:44</t>
  </si>
  <si>
    <t>01/19/2020 16:37:09</t>
  </si>
  <si>
    <t>01/19/2020 16:36:45</t>
  </si>
  <si>
    <t>01/19/2020 16:40:09</t>
  </si>
  <si>
    <t>01/19/2020 16:35:13</t>
  </si>
  <si>
    <t>266453d5-6233-4d67-a0f0-b1d19950d9f8.tmp</t>
  </si>
  <si>
    <t>\\acsfs\profiles$\nycolleemdj\Downloads\266453d5-6233-4d67-a0f0-b1d19950d9f8.tmp</t>
  </si>
  <si>
    <t>01/19/2020 16:36:28</t>
  </si>
  <si>
    <t>f49da0a8-e355-4679-a7b4-9fb5c561ca1e.tmp</t>
  </si>
  <si>
    <t>\\acsfs\profiles$\nycolleemdj\Downloads\f49da0a8-e355-4679-a7b4-9fb5c561ca1e.tmp</t>
  </si>
  <si>
    <t>01/19/2020 16:37:03</t>
  </si>
  <si>
    <t>01/19/2020 16:41:09</t>
  </si>
  <si>
    <t>01/19/2020 16:42:09</t>
  </si>
  <si>
    <t>01/19/2020 16:44:26</t>
  </si>
  <si>
    <t>01/19/2020 16:45:09</t>
  </si>
  <si>
    <t>01/19/2020 16:42:48</t>
  </si>
  <si>
    <t>01/19/2020 16:46:09</t>
  </si>
  <si>
    <t>0b8cc8f7-ed32-47bd-aee8-9a9d7860241b.tmp</t>
  </si>
  <si>
    <t>\\acsfs\profiles$\paulohaf\Downloads\0b8cc8f7-ed32-47bd-aee8-9a9d7860241b.tmp</t>
  </si>
  <si>
    <t>01/19/2020 16:43:20</t>
  </si>
  <si>
    <t>b78c56b5-f5c3-4d2e-905d-42b7806900a8.tmp</t>
  </si>
  <si>
    <t>\\acsfs\profiles$\paulohaf\Downloads\b78c56b5-f5c3-4d2e-905d-42b7806900a8.tmp</t>
  </si>
  <si>
    <t>01/19/2020 16:44:02</t>
  </si>
  <si>
    <t>90d9d4b8-a1be-4c6c-9a53-3c12148f30cb.tmp</t>
  </si>
  <si>
    <t>\\acsfs\profiles$\paulohaf\Downloads\90d9d4b8-a1be-4c6c-9a53-3c12148f30cb.tmp</t>
  </si>
  <si>
    <t>01/19/2020 16:44:53</t>
  </si>
  <si>
    <t>01/19/2020 16:47:09</t>
  </si>
  <si>
    <t>01/19/2020 16:46:39</t>
  </si>
  <si>
    <t>01/19/2020 16:48:09</t>
  </si>
  <si>
    <t>01/19/2020 16:48:04</t>
  </si>
  <si>
    <t>01/19/2020 16:49:09</t>
  </si>
  <si>
    <t>01/19/2020 16:46:07</t>
  </si>
  <si>
    <t>01/19/2020 16:50:09</t>
  </si>
  <si>
    <t>01/19/2020 16:45:55</t>
  </si>
  <si>
    <t>01/19/2020 16:51:09</t>
  </si>
  <si>
    <t>01/19/2020 16:52:08</t>
  </si>
  <si>
    <t>01/19/2020 16:52:38</t>
  </si>
  <si>
    <t>01/19/2020 16:53:09</t>
  </si>
  <si>
    <t>01/19/2020 16:54:25</t>
  </si>
  <si>
    <t>01/19/2020 16:55:09</t>
  </si>
  <si>
    <t>01/19/2020 16:53:08</t>
  </si>
  <si>
    <t>01/19/2020 16:55:22</t>
  </si>
  <si>
    <t>01/19/2020 16:56:09</t>
  </si>
  <si>
    <t>01/19/2020 16:57:09</t>
  </si>
  <si>
    <t>01/19/2020 16:56:00</t>
  </si>
  <si>
    <t>01/19/2020 16:59:10</t>
  </si>
  <si>
    <t>01/19/2020 17:02:10</t>
  </si>
  <si>
    <t>01/19/2020 17:01:33</t>
  </si>
  <si>
    <t>01/19/2020 17:03:09</t>
  </si>
  <si>
    <t>01/19/2020 17:02:56</t>
  </si>
  <si>
    <t>01/19/2020 17:04:09</t>
  </si>
  <si>
    <t>01/19/2020 17:02:18</t>
  </si>
  <si>
    <t>01/19/2020 17:06:09</t>
  </si>
  <si>
    <t>01/19/2020 17:07:10</t>
  </si>
  <si>
    <t>01/19/2020 17:07:38</t>
  </si>
  <si>
    <t>01/19/2020 17:10:09</t>
  </si>
  <si>
    <t>01/19/2020 17:05:09</t>
  </si>
  <si>
    <t>01/19/2020 17:06:04</t>
  </si>
  <si>
    <t>01/19/2020 17:11:09</t>
  </si>
  <si>
    <t>01/19/2020 17:08:24</t>
  </si>
  <si>
    <t>01/19/2020 17:08:22</t>
  </si>
  <si>
    <t>01/19/2020 17:12:09</t>
  </si>
  <si>
    <t>01/19/2020 17:11:20</t>
  </si>
  <si>
    <t>01/19/2020 17:13:09</t>
  </si>
  <si>
    <t>01/19/2020 17:17:09</t>
  </si>
  <si>
    <t>01/19/2020 17:22:09</t>
  </si>
  <si>
    <t>01/19/2020 17:19:56</t>
  </si>
  <si>
    <t>01/19/2020 17:23:09</t>
  </si>
  <si>
    <t>01/19/2020 17:22:41</t>
  </si>
  <si>
    <t>01/19/2020 17:21:08</t>
  </si>
  <si>
    <t>01/19/2020 17:24:09</t>
  </si>
  <si>
    <t>01/19/2020 17:20:39</t>
  </si>
  <si>
    <t>01/19/2020 17:20:00</t>
  </si>
  <si>
    <t>01/19/2020 17:25:09</t>
  </si>
  <si>
    <t>01/19/2020 17:27:09</t>
  </si>
  <si>
    <t>01/19/2020 17:26:27</t>
  </si>
  <si>
    <t>01/19/2020 17:28:09</t>
  </si>
  <si>
    <t>01/19/2020 17:32:09</t>
  </si>
  <si>
    <t>01/19/2020 17:32:04</t>
  </si>
  <si>
    <t>01/19/2020 17:33:08</t>
  </si>
  <si>
    <t>01/19/2020 17:32:08</t>
  </si>
  <si>
    <t>01/19/2020 17:32:14</t>
  </si>
  <si>
    <t>01/19/2020 17:37:09</t>
  </si>
  <si>
    <t>01/19/2020 17:32:16</t>
  </si>
  <si>
    <t>01/19/2020 17:38:08</t>
  </si>
  <si>
    <t>01/19/2020 17:32:18</t>
  </si>
  <si>
    <t>01/19/2020 17:32:19</t>
  </si>
  <si>
    <t>01/19/2020 17:32:20</t>
  </si>
  <si>
    <t>01/19/2020 17:32:21</t>
  </si>
  <si>
    <t>01/19/2020 17:32:24</t>
  </si>
  <si>
    <t>01/19/2020 17:32:25</t>
  </si>
  <si>
    <t>01/19/2020 17:32:28</t>
  </si>
  <si>
    <t>01/19/2020 17:32:29</t>
  </si>
  <si>
    <t>01/19/2020 17:32:31</t>
  </si>
  <si>
    <t>01/19/2020 17:32:33</t>
  </si>
  <si>
    <t>01/19/2020 17:32:34</t>
  </si>
  <si>
    <t>01/19/2020 17:32:36</t>
  </si>
  <si>
    <t>01/19/2020 17:32:37</t>
  </si>
  <si>
    <t>01/19/2020 17:32:39</t>
  </si>
  <si>
    <t>01/19/2020 17:32:40</t>
  </si>
  <si>
    <t>01/19/2020 17:32:41</t>
  </si>
  <si>
    <t>01/19/2020 17:32:42</t>
  </si>
  <si>
    <t>01/19/2020 17:32:45</t>
  </si>
  <si>
    <t>01/19/2020 17:32:46</t>
  </si>
  <si>
    <t>01/19/2020 17:32:47</t>
  </si>
  <si>
    <t>01/19/2020 17:32:48</t>
  </si>
  <si>
    <t>01/19/2020 17:32:50</t>
  </si>
  <si>
    <t>01/19/2020 17:32:51</t>
  </si>
  <si>
    <t>01/19/2020 17:32:52</t>
  </si>
  <si>
    <t>01/19/2020 17:32:54</t>
  </si>
  <si>
    <t>01/19/2020 17:32:56</t>
  </si>
  <si>
    <t>01/19/2020 17:32:57</t>
  </si>
  <si>
    <t>01/19/2020 17:32:58</t>
  </si>
  <si>
    <t>01/19/2020 17:33:00</t>
  </si>
  <si>
    <t>01/19/2020 17:33:01</t>
  </si>
  <si>
    <t>01/19/2020 17:33:02</t>
  </si>
  <si>
    <t>01/19/2020 17:33:03</t>
  </si>
  <si>
    <t>01/19/2020 17:33:04</t>
  </si>
  <si>
    <t>01/19/2020 17:33:06</t>
  </si>
  <si>
    <t>01/19/2020 17:33:29</t>
  </si>
  <si>
    <t>01/19/2020 17:33:34</t>
  </si>
  <si>
    <t>01/19/2020 17:34:53</t>
  </si>
  <si>
    <t>01/19/2020 17:42:09</t>
  </si>
  <si>
    <t>01/19/2020 17:37:35</t>
  </si>
  <si>
    <t>01/19/2020 17:43:09</t>
  </si>
  <si>
    <t>2f91394b-6871-4764-90c9-5e0ef4bc0a6d.tmp</t>
  </si>
  <si>
    <t>\\acsfs\profiles$\leonardocb\Downloads\2f91394b-6871-4764-90c9-5e0ef4bc0a6d.tmp</t>
  </si>
  <si>
    <t>01/19/2020 17:38:57</t>
  </si>
  <si>
    <t>abd514fe-59d8-4e7d-8f4b-6d46bc484c72.tmp</t>
  </si>
  <si>
    <t>\\acsfs\profiles$\leonardocb\Downloads\abd514fe-59d8-4e7d-8f4b-6d46bc484c72.tmp</t>
  </si>
  <si>
    <t>01/19/2020 17:47:09</t>
  </si>
  <si>
    <t>01/19/2020 17:46:19</t>
  </si>
  <si>
    <t>01/19/2020 17:48:08</t>
  </si>
  <si>
    <t>01/19/2020 14:53:22</t>
  </si>
  <si>
    <t>01/19/2020 17:51:09</t>
  </si>
  <si>
    <t>01/19/2020 17:52:08</t>
  </si>
  <si>
    <t>01/19/2020 17:51:23</t>
  </si>
  <si>
    <t>01/19/2020 17:53:09</t>
  </si>
  <si>
    <t>01/19/2020 17:54:14</t>
  </si>
  <si>
    <t>01/19/2020 17:55:09</t>
  </si>
  <si>
    <t>01/19/2020 17:51:42</t>
  </si>
  <si>
    <t>01/19/2020 17:56:09</t>
  </si>
  <si>
    <t>01/19/2020 17:52:57</t>
  </si>
  <si>
    <t>fa49933a-7501-48ae-b4e7-28d837ff9ea6.tmp</t>
  </si>
  <si>
    <t>\\acsfs\profiles$\joycemmdl\Downloads\fa49933a-7501-48ae-b4e7-28d837ff9ea6.tmp</t>
  </si>
  <si>
    <t>01/19/2020 17:55:04</t>
  </si>
  <si>
    <t>b798b332-59a6-4259-811c-b7fb92f9d11c.tmp</t>
  </si>
  <si>
    <t>\\acsfs\profiles$\joycemmdl\Downloads\b798b332-59a6-4259-811c-b7fb92f9d11c.tmp</t>
  </si>
  <si>
    <t>01/19/2020 17:53:08</t>
  </si>
  <si>
    <t>15d35771-551e-4607-a9d5-eb182af1d34e.tmp</t>
  </si>
  <si>
    <t>\\acsfs\profiles$\paulohaf\Downloads\15d35771-551e-4607-a9d5-eb182af1d34e.tmp</t>
  </si>
  <si>
    <t>01/19/2020 17:53:14</t>
  </si>
  <si>
    <t>Não confirmado 999268.crdownload</t>
  </si>
  <si>
    <t>\\acsfs\profiles$\paulohaf\Downloads\Não confirmado 999268.crdownload</t>
  </si>
  <si>
    <t>01/19/2020 17:54:41</t>
  </si>
  <si>
    <t>C:\Users\paulohaf\AppData\Local\Temp\Temp1_cheat_o_matic_099.zip\</t>
  </si>
  <si>
    <t>OMATIC.EXE</t>
  </si>
  <si>
    <t>\\acsfs\profiles$\paulohaf\Downloads\cheat_o_matic_099\OMATIC.EXE</t>
  </si>
  <si>
    <t>01/19/2020 17:54:53</t>
  </si>
  <si>
    <t>\\acsfs\profiles$\paulohaf\Downloads\cheat_o_matic_099\</t>
  </si>
  <si>
    <t>OMATIC.WRI</t>
  </si>
  <si>
    <t>\\acsfs\profiles$\paulohaf\Downloads\cheat_o_matic_099\OMATIC.WRI</t>
  </si>
  <si>
    <t>01/19/2020 17:57:09</t>
  </si>
  <si>
    <t>01/19/2020 17:55:01</t>
  </si>
  <si>
    <t>01/19/2020 17:56:05</t>
  </si>
  <si>
    <t>01/19/2020 17:58:10</t>
  </si>
  <si>
    <t>01/19/2020 17:57:40</t>
  </si>
  <si>
    <t>01/19/2020 17:59:09</t>
  </si>
  <si>
    <t>01/19/2020 17:55:30</t>
  </si>
  <si>
    <t>01/19/2020 18:00:10</t>
  </si>
  <si>
    <t>01/19/2020 18:00:09</t>
  </si>
  <si>
    <t>01/19/2020 18:01:10</t>
  </si>
  <si>
    <t>01/19/2020 18:02:09</t>
  </si>
  <si>
    <t>01/19/2020 17:59:29</t>
  </si>
  <si>
    <t>01/19/2020 18:04:09</t>
  </si>
  <si>
    <t>01/19/2020 18:04:53</t>
  </si>
  <si>
    <t>01/19/2020 18:06:10</t>
  </si>
  <si>
    <t>01/19/2020 18:02:41</t>
  </si>
  <si>
    <t>227dd641-b6df-4765-b4ff-b33c1af002b1.tmp</t>
  </si>
  <si>
    <t>\\acsfs\profiles$\paulohaf\Downloads\227dd641-b6df-4765-b4ff-b33c1af002b1.tmp</t>
  </si>
  <si>
    <t>01/19/2020 18:03:53</t>
  </si>
  <si>
    <t>Não confirmado 244745.crdownload</t>
  </si>
  <si>
    <t>\\acsfs\profiles$\paulohaf\Downloads\Não confirmado 244745.crdownload</t>
  </si>
  <si>
    <t>01/19/2020 18:07:10</t>
  </si>
  <si>
    <t>01/19/2020 18:03:44</t>
  </si>
  <si>
    <t>01/19/2020 18:08:10</t>
  </si>
  <si>
    <t>01/19/2020 18:05:00</t>
  </si>
  <si>
    <t>01/19/2020 18:10:10</t>
  </si>
  <si>
    <t>JANAYNATRO</t>
  </si>
  <si>
    <t>\\acsfs\profiles$\JANAYNATRO\My Documents\My Pictures\</t>
  </si>
  <si>
    <t>\\acsfs\profiles$\JANAYNATRO\My Documents\My Videos\desktop.ini</t>
  </si>
  <si>
    <t>01/19/2020 18:05:05</t>
  </si>
  <si>
    <t>\\acsfs\profiles$\JANAYNATRO\My Documents\My Videos\</t>
  </si>
  <si>
    <t>01/19/2020 18:05:07</t>
  </si>
  <si>
    <t>01/19/2020 18:05:08</t>
  </si>
  <si>
    <t>01/19/2020 18:05:11</t>
  </si>
  <si>
    <t>\\acsfs\profiles$\JANAYNATRO\My Documents\My Music\</t>
  </si>
  <si>
    <t>\\acsfs\profiles$\JANAYNATRO\My Documents\My Pictures\desktop.ini</t>
  </si>
  <si>
    <t>01/19/2020 18:05:14</t>
  </si>
  <si>
    <t>01/19/2020 18:05:15</t>
  </si>
  <si>
    <t>01/19/2020 18:05:16</t>
  </si>
  <si>
    <t>01/19/2020 18:05:17</t>
  </si>
  <si>
    <t>\\acsfs\profiles$\JANAYNATRO\Contacts\</t>
  </si>
  <si>
    <t>\\acsfs\profiles$\JANAYNATRO\Contacts\desktop.ini</t>
  </si>
  <si>
    <t>01/19/2020 18:05:18</t>
  </si>
  <si>
    <t>01/19/2020 18:05:19</t>
  </si>
  <si>
    <t>01/19/2020 18:05:20</t>
  </si>
  <si>
    <t>01/19/2020 18:05:21</t>
  </si>
  <si>
    <t>01/19/2020 18:05:23</t>
  </si>
  <si>
    <t>\\acsfs\profiles$\JANAYNATRO\Favorites\desktop.ini</t>
  </si>
  <si>
    <t>01/19/2020 18:05:25</t>
  </si>
  <si>
    <t>01/19/2020 18:05:26</t>
  </si>
  <si>
    <t>01/19/2020 18:05:29</t>
  </si>
  <si>
    <t>01/19/2020 18:05:30</t>
  </si>
  <si>
    <t>01/19/2020 18:05:31</t>
  </si>
  <si>
    <t>01/19/2020 18:05:32</t>
  </si>
  <si>
    <t>\\acsfs\profiles$\JANAYNATRO\My Documents\My Music\desktop.ini</t>
  </si>
  <si>
    <t>01/19/2020 18:05:33</t>
  </si>
  <si>
    <t>01/19/2020 18:05:34</t>
  </si>
  <si>
    <t>01/19/2020 18:05:36</t>
  </si>
  <si>
    <t>01/19/2020 18:05:37</t>
  </si>
  <si>
    <t>\\acsfs\profiles$\JANAYNATRO\Searches\</t>
  </si>
  <si>
    <t>\\acsfs\profiles$\JANAYNATRO\Searches\desktop.ini</t>
  </si>
  <si>
    <t>01/19/2020 18:05:38</t>
  </si>
  <si>
    <t>01/19/2020 18:05:40</t>
  </si>
  <si>
    <t>01/19/2020 18:05:41</t>
  </si>
  <si>
    <t>01/19/2020 18:05:42</t>
  </si>
  <si>
    <t>01/19/2020 18:05:43</t>
  </si>
  <si>
    <t>\\acsfs\profiles$\JANAYNATRO\Downloads\</t>
  </si>
  <si>
    <t>\\acsfs\profiles$\JANAYNATRO\Downloads\desktop.ini</t>
  </si>
  <si>
    <t>01/19/2020 18:05:45</t>
  </si>
  <si>
    <t>\\acsfs\profiles$\JANAYNATRO\Favorites\</t>
  </si>
  <si>
    <t>\\acsfs\profiles$\JANAYNATRO\My Documents\desktop.ini</t>
  </si>
  <si>
    <t>01/19/2020 18:05:48</t>
  </si>
  <si>
    <t>\\acsfs\profiles$\JANAYNATRO\My Documents\</t>
  </si>
  <si>
    <t>01/19/2020 18:05:49</t>
  </si>
  <si>
    <t>01/19/2020 18:05:52</t>
  </si>
  <si>
    <t>01/19/2020 18:05:53</t>
  </si>
  <si>
    <t>01/19/2020 18:05:54</t>
  </si>
  <si>
    <t>\\acsfs\profiles$\JANAYNATRO\Saved Games\desktop.ini</t>
  </si>
  <si>
    <t>01/19/2020 18:05:55</t>
  </si>
  <si>
    <t>01/19/2020 18:06:23</t>
  </si>
  <si>
    <t>\\acsfs\profiles$\JANAYNATRO\Searches\winrt--{S-1-5-21-602162358-764733703-839522115-358554}-.searchconnector-ms</t>
  </si>
  <si>
    <t>01/19/2020 18:12:10</t>
  </si>
  <si>
    <t>01/19/2020 18:10:23</t>
  </si>
  <si>
    <t>01/19/2020 18:14:10</t>
  </si>
  <si>
    <t>01/19/2020 18:12:06</t>
  </si>
  <si>
    <t>01/19/2020 18:15:09</t>
  </si>
  <si>
    <t>01/19/2020 18:11:34</t>
  </si>
  <si>
    <t>01/19/2020 18:16:10</t>
  </si>
  <si>
    <t>db54c4b9-a0dc-4279-8ad5-e831ff8e466c.tmp</t>
  </si>
  <si>
    <t>\\acsfs\profiles$\paulohaf\Downloads\db54c4b9-a0dc-4279-8ad5-e831ff8e466c.tmp</t>
  </si>
  <si>
    <t>01/19/2020 18:12:21</t>
  </si>
  <si>
    <t>Não confirmado 965607.crdownload</t>
  </si>
  <si>
    <t>\\acsfs\profiles$\paulohaf\Downloads\Não confirmado 965607.crdownload</t>
  </si>
  <si>
    <t>01/19/2020 18:17:10</t>
  </si>
  <si>
    <t>01/19/2020 18:17:15</t>
  </si>
  <si>
    <t>01/19/2020 18:19:10</t>
  </si>
  <si>
    <t>01/19/2020 18:17:36</t>
  </si>
  <si>
    <t>01/19/2020 18:20:10</t>
  </si>
  <si>
    <t>01/19/2020 18:22:10</t>
  </si>
  <si>
    <t>01/19/2020 18:20:25</t>
  </si>
  <si>
    <t>01/19/2020 18:23:10</t>
  </si>
  <si>
    <t>JANAYNA TEREZA ROCHA ONOFRE (8).contact</t>
  </si>
  <si>
    <t>\\acsfs\profiles$\janaynatro\Contacts\JANAYNA TEREZA ROCHA ONOFRE (8).contact</t>
  </si>
  <si>
    <t>01/19/2020 18:20:36</t>
  </si>
  <si>
    <t>01/19/2020 18:20:37</t>
  </si>
  <si>
    <t>01/19/2020 18:20:38</t>
  </si>
  <si>
    <t>01/19/2020 18:20:39</t>
  </si>
  <si>
    <t>01/19/2020 18:20:40</t>
  </si>
  <si>
    <t>01/19/2020 18:20:41</t>
  </si>
  <si>
    <t>01/19/2020 18:20:42</t>
  </si>
  <si>
    <t>01/19/2020 18:20:43</t>
  </si>
  <si>
    <t>01/19/2020 18:20:44</t>
  </si>
  <si>
    <t>01/19/2020 18:20:45</t>
  </si>
  <si>
    <t>\\acsfs\profiles$\janaynatro\Saved Games\</t>
  </si>
  <si>
    <t>01/19/2020 18:20:57</t>
  </si>
  <si>
    <t>\\acsfs\profiles$\janaynatro\Favorites\Links for Brasil\</t>
  </si>
  <si>
    <t>\\acsfs\profiles$\janaynatro\Favorites\Links for Brasil\desktop.ini</t>
  </si>
  <si>
    <t>01/19/2020 18:20:58</t>
  </si>
  <si>
    <t>\\acsfs\profiles$\janaynatro\Favorites\Links for Brasil\Microsoft Brasil.url</t>
  </si>
  <si>
    <t>\\acsfs\profiles$\janaynatro\Favorites\Links for Brasil\Windows Brasil.url</t>
  </si>
  <si>
    <t>01/19/2020 18:20:59</t>
  </si>
  <si>
    <t>01/19/2020 18:21:00</t>
  </si>
  <si>
    <t>\\acsfs\profiles$\janaynatro\Favorites\Links for Brasil\MSN Brasil.url</t>
  </si>
  <si>
    <t>01/19/2020 18:23:37</t>
  </si>
  <si>
    <t>01/19/2020 18:24:10</t>
  </si>
  <si>
    <t>01/19/2020 18:24:22</t>
  </si>
  <si>
    <t>01/19/2020 18:25:10</t>
  </si>
  <si>
    <t>01/19/2020 18:21:06</t>
  </si>
  <si>
    <t>01/19/2020 18:26:10</t>
  </si>
  <si>
    <t>01/19/2020 18:27:10</t>
  </si>
  <si>
    <t>01/19/2020 18:26:51</t>
  </si>
  <si>
    <t>01/19/2020 18:28:10</t>
  </si>
  <si>
    <t>01/19/2020 18:25:22</t>
  </si>
  <si>
    <t>01/19/2020 18:29:10</t>
  </si>
  <si>
    <t>01/19/2020 18:29:06</t>
  </si>
  <si>
    <t>01/19/2020 18:30:10</t>
  </si>
  <si>
    <t>aad82098-c2fc-435b-b85f-2a537936d72c.tmp</t>
  </si>
  <si>
    <t>\\acsfs\profiles$\fernandofs\Downloads\aad82098-c2fc-435b-b85f-2a537936d72c.tmp</t>
  </si>
  <si>
    <t>01/19/2020 18:32:10</t>
  </si>
  <si>
    <t>01/19/2020 18:31:24</t>
  </si>
  <si>
    <t>01/19/2020 18:36:10</t>
  </si>
  <si>
    <t>4cfd5943-1ccd-4e96-9fb9-cf0f576e3475.tmp</t>
  </si>
  <si>
    <t>\\acsfs\profiles$\joycemmdl\Downloads\4cfd5943-1ccd-4e96-9fb9-cf0f576e3475.tmp</t>
  </si>
  <si>
    <t>01/19/2020 18:33:00</t>
  </si>
  <si>
    <t>e2b591ce-a628-4df4-9686-74dc994d919d.tmp</t>
  </si>
  <si>
    <t>\\acsfs\profiles$\joycemmdl\Downloads\e2b591ce-a628-4df4-9686-74dc994d919d.tmp</t>
  </si>
  <si>
    <t>01/19/2020 18:35:05</t>
  </si>
  <si>
    <t>3c7c8662-0712-4f71-ad8b-85261f66a2d5.tmp</t>
  </si>
  <si>
    <t>\\acsfs\profiles$\joycemmdl\Downloads\3c7c8662-0712-4f71-ad8b-85261f66a2d5.tmp</t>
  </si>
  <si>
    <t>01/19/2020 18:37:10</t>
  </si>
  <si>
    <t>01/19/2020 18:35:03</t>
  </si>
  <si>
    <t>01/19/2020 18:39:10</t>
  </si>
  <si>
    <t>01/19/2020 18:37:37</t>
  </si>
  <si>
    <t>15771259-7f0d-4069-b3df-e9a6ce7a891c.tmp</t>
  </si>
  <si>
    <t>\\acsfs\profiles$\rosileiam\Downloads\15771259-7f0d-4069-b3df-e9a6ce7a891c.tmp</t>
  </si>
  <si>
    <t>01/19/2020 18:36:32</t>
  </si>
  <si>
    <t>01/19/2020 18:41:10</t>
  </si>
  <si>
    <t>38aa63f8-cfb7-4a82-84ee-a33b06a12ea8.tmp</t>
  </si>
  <si>
    <t>\\acsfs\profiles$\joycemmdl\Downloads\38aa63f8-cfb7-4a82-84ee-a33b06a12ea8.tmp</t>
  </si>
  <si>
    <t>01/19/2020 18:42:10</t>
  </si>
  <si>
    <t>01/19/2020 18:39:07</t>
  </si>
  <si>
    <t>01/19/2020 18:44:10</t>
  </si>
  <si>
    <t>75493304-8d87-4d3d-bf09-d8efd1845248.tmp</t>
  </si>
  <si>
    <t>\\acsfs\profiles$\rosileiam\Downloads\75493304-8d87-4d3d-bf09-d8efd1845248.tmp</t>
  </si>
  <si>
    <t>01/19/2020 18:40:33</t>
  </si>
  <si>
    <t>01/19/2020 18:41:18</t>
  </si>
  <si>
    <t>01/19/2020 18:46:09</t>
  </si>
  <si>
    <t>01/19/2020 18:47:10</t>
  </si>
  <si>
    <t>01/19/2020 18:47:56</t>
  </si>
  <si>
    <t>01/19/2020 18:52:09</t>
  </si>
  <si>
    <t>01/19/2020 18:48:43</t>
  </si>
  <si>
    <t>01/19/2020 18:48:49</t>
  </si>
  <si>
    <t>01/19/2020 18:57:09</t>
  </si>
  <si>
    <t>01/19/2020 18:55:47</t>
  </si>
  <si>
    <t>01/19/2020 18:58:10</t>
  </si>
  <si>
    <t>01/19/2020 18:56:22</t>
  </si>
  <si>
    <t>01/19/2020 18:59:09</t>
  </si>
  <si>
    <t>01/19/2020 19:02:09</t>
  </si>
  <si>
    <t>01/19/2020 18:58:55</t>
  </si>
  <si>
    <t>01/19/2020 19:03:09</t>
  </si>
  <si>
    <t>01/19/2020 18:59:32</t>
  </si>
  <si>
    <t>01/19/2020 19:02:30</t>
  </si>
  <si>
    <t>01/19/2020 19:04:09</t>
  </si>
  <si>
    <t>01/19/2020 19:00:06</t>
  </si>
  <si>
    <t>01/19/2020 19:05:09</t>
  </si>
  <si>
    <t>01/19/2020 19:07:09</t>
  </si>
  <si>
    <t>01/19/2020 19:12:09</t>
  </si>
  <si>
    <t>01/19/2020 19:08:26</t>
  </si>
  <si>
    <t>01/19/2020 19:14:09</t>
  </si>
  <si>
    <t>01/19/2020 19:12:07</t>
  </si>
  <si>
    <t>01/19/2020 19:16:10</t>
  </si>
  <si>
    <t>33788b78-4a64-41c6-acd7-41c696e8ceb4.tmp</t>
  </si>
  <si>
    <t>\\acsfs\profiles$\joycemmdl\Downloads\33788b78-4a64-41c6-acd7-41c696e8ceb4.tmp</t>
  </si>
  <si>
    <t>01/19/2020 19:11:41</t>
  </si>
  <si>
    <t>01/19/2020 19:17:09</t>
  </si>
  <si>
    <t>01/19/2020 19:22:10</t>
  </si>
  <si>
    <t>01/19/2020 19:22:06</t>
  </si>
  <si>
    <t>01/19/2020 19:23:10</t>
  </si>
  <si>
    <t>01/19/2020 19:19:53</t>
  </si>
  <si>
    <t>01/19/2020 19:24:10</t>
  </si>
  <si>
    <t>01/19/2020 19:22:49</t>
  </si>
  <si>
    <t>01/19/2020 19:26:10</t>
  </si>
  <si>
    <t>01/19/2020 19:27:10</t>
  </si>
  <si>
    <t>01/19/2020 19:25:00</t>
  </si>
  <si>
    <t>01/19/2020 19:28:10</t>
  </si>
  <si>
    <t>01/19/2020 19:23:37</t>
  </si>
  <si>
    <t>01/19/2020 19:29:10</t>
  </si>
  <si>
    <t>01/19/2020 19:26:13</t>
  </si>
  <si>
    <t>01/19/2020 19:32:10</t>
  </si>
  <si>
    <t>01/19/2020 19:28:42</t>
  </si>
  <si>
    <t>01/19/2020 19:34:12</t>
  </si>
  <si>
    <t>01/19/2020 19:30:51</t>
  </si>
  <si>
    <t>01/19/2020 19:33:30</t>
  </si>
  <si>
    <t>01/19/2020 19:37:11</t>
  </si>
  <si>
    <t>01/19/2020 19:36:50</t>
  </si>
  <si>
    <t>01/19/2020 19:38:11</t>
  </si>
  <si>
    <t>01/19/2020 19:34:56</t>
  </si>
  <si>
    <t>01/19/2020 19:40:11</t>
  </si>
  <si>
    <t>01/19/2020 19:42:11</t>
  </si>
  <si>
    <t>01/19/2020 19:42:28</t>
  </si>
  <si>
    <t>01/19/2020 19:45:11</t>
  </si>
  <si>
    <t>01/19/2020 19:39:40</t>
  </si>
  <si>
    <t>01/19/2020 19:47:11</t>
  </si>
  <si>
    <t>01/19/2020 19:46:12</t>
  </si>
  <si>
    <t>01/19/2020 19:48:11</t>
  </si>
  <si>
    <t>01/19/2020 19:46:14</t>
  </si>
  <si>
    <t>01/19/2020 19:51:13</t>
  </si>
  <si>
    <t>01/19/2020 19:52:12</t>
  </si>
  <si>
    <t>01/19/2020 19:48:03</t>
  </si>
  <si>
    <t>01/19/2020 19:53:12</t>
  </si>
  <si>
    <t>01/19/2020 19:57:12</t>
  </si>
  <si>
    <t>01/19/2020 19:57:23</t>
  </si>
  <si>
    <t>01/19/2020 20:00:12</t>
  </si>
  <si>
    <t>01/19/2020 20:02:12</t>
  </si>
  <si>
    <t>01/19/2020 20:00:36</t>
  </si>
  <si>
    <t>01/19/2020 20:03:12</t>
  </si>
  <si>
    <t>209ba388-2dfd-4f36-a34d-5cadf3cd3ac8.tmp</t>
  </si>
  <si>
    <t>\\acsfs\profiles$\anacms\Downloads\209ba388-2dfd-4f36-a34d-5cadf3cd3ac8.tmp</t>
  </si>
  <si>
    <t>01/19/2020 20:00:06</t>
  </si>
  <si>
    <t>01/19/2020 19:58:22</t>
  </si>
  <si>
    <t>01/19/2020 20:01:14</t>
  </si>
  <si>
    <t>01/19/2020 20:04:12</t>
  </si>
  <si>
    <t>01/19/2020 20:07:12</t>
  </si>
  <si>
    <t>01/19/2020 20:03:02</t>
  </si>
  <si>
    <t>01/19/2020 20:08:12</t>
  </si>
  <si>
    <t>01/19/2020 20:06:01</t>
  </si>
  <si>
    <t>01/19/2020 20:09:12</t>
  </si>
  <si>
    <t>01/19/2020 20:09:26</t>
  </si>
  <si>
    <t>01/19/2020 20:11:13</t>
  </si>
  <si>
    <t>01/19/2020 20:12:13</t>
  </si>
  <si>
    <t>01/19/2020 20:12:49</t>
  </si>
  <si>
    <t>01/19/2020 20:14:13</t>
  </si>
  <si>
    <t>01/19/2020 20:14:32</t>
  </si>
  <si>
    <t>01/19/2020 20:16:13</t>
  </si>
  <si>
    <t>01/19/2020 20:17:13</t>
  </si>
  <si>
    <t>01/19/2020 20:22:12</t>
  </si>
  <si>
    <t>01/19/2020 20:21:33</t>
  </si>
  <si>
    <t>01/19/2020 20:24:13</t>
  </si>
  <si>
    <t>01/19/2020 20:21:59</t>
  </si>
  <si>
    <t>01/19/2020 20:26:13</t>
  </si>
  <si>
    <t>01/19/2020 20:27:13</t>
  </si>
  <si>
    <t>01/19/2020 20:24:36</t>
  </si>
  <si>
    <t>01/19/2020 20:28:13</t>
  </si>
  <si>
    <t>01/19/2020 20:28:48</t>
  </si>
  <si>
    <t>01/19/2020 20:29:13</t>
  </si>
  <si>
    <t>01/19/2020 20:26:43</t>
  </si>
  <si>
    <t>01/19/2020 20:30:13</t>
  </si>
  <si>
    <t>35e876b3-ebb4-4aa6-9b41-76543f66b366.tmp</t>
  </si>
  <si>
    <t>\\acsfs\profiles$\nycolleemdj\Downloads\35e876b3-ebb4-4aa6-9b41-76543f66b366.tmp</t>
  </si>
  <si>
    <t>01/19/2020 20:27:52</t>
  </si>
  <si>
    <t>f4e7ae48-e24e-4b4d-8f2b-a798b6987832.tmp</t>
  </si>
  <si>
    <t>\\acsfs\profiles$\nycolleemdj\Downloads\f4e7ae48-e24e-4b4d-8f2b-a798b6987832.tmp</t>
  </si>
  <si>
    <t>01/19/2020 20:32:13</t>
  </si>
  <si>
    <t>01/19/2020 20:32:10</t>
  </si>
  <si>
    <t>01/19/2020 20:33:13</t>
  </si>
  <si>
    <t>01/19/2020 20:37:13</t>
  </si>
  <si>
    <t>01/19/2020 20:37:57</t>
  </si>
  <si>
    <t>01/19/2020 20:39:13</t>
  </si>
  <si>
    <t>01/19/2020 20:34:56</t>
  </si>
  <si>
    <t>01/19/2020 20:42:14</t>
  </si>
  <si>
    <t>01/19/2020 20:42:04</t>
  </si>
  <si>
    <t>01/19/2020 20:44:14</t>
  </si>
  <si>
    <t>01/19/2020 20:47:13</t>
  </si>
  <si>
    <t>01/19/2020 20:45:43</t>
  </si>
  <si>
    <t>01/19/2020 20:48:13</t>
  </si>
  <si>
    <t>01/19/2020 20:48:48</t>
  </si>
  <si>
    <t>01/19/2020 20:51:13</t>
  </si>
  <si>
    <t>01/19/2020 20:47:25</t>
  </si>
  <si>
    <t>01/19/2020 20:52:14</t>
  </si>
  <si>
    <t>01/19/2020 20:57:13</t>
  </si>
  <si>
    <t>01/19/2020 20:56:17</t>
  </si>
  <si>
    <t>01/19/2020 20:59:13</t>
  </si>
  <si>
    <t>01/19/2020 20:56:45</t>
  </si>
  <si>
    <t>01/19/2020 21:00:13</t>
  </si>
  <si>
    <t>01/19/2020 21:02:13</t>
  </si>
  <si>
    <t>01/19/2020 21:01:28</t>
  </si>
  <si>
    <t>01/19/2020 21:04:12</t>
  </si>
  <si>
    <t>01/19/2020 21:03:20</t>
  </si>
  <si>
    <t>01/19/2020 21:05:13</t>
  </si>
  <si>
    <t>01/19/2020 21:07:13</t>
  </si>
  <si>
    <t>01/19/2020 21:04:55</t>
  </si>
  <si>
    <t>01/19/2020 21:09:13</t>
  </si>
  <si>
    <t>01/19/2020 21:12:14</t>
  </si>
  <si>
    <t>01/19/2020 21:09:55</t>
  </si>
  <si>
    <t>01/19/2020 21:14:14</t>
  </si>
  <si>
    <t>01/19/2020 21:17:13</t>
  </si>
  <si>
    <t>01/19/2020 21:13:45</t>
  </si>
  <si>
    <t>01/19/2020 21:18:14</t>
  </si>
  <si>
    <t>01/19/2020 21:15:19</t>
  </si>
  <si>
    <t>01/19/2020 21:13:58</t>
  </si>
  <si>
    <t>01/19/2020 21:19:13</t>
  </si>
  <si>
    <t>01/19/2020 21:15:30</t>
  </si>
  <si>
    <t>01/19/2020 21:20:13</t>
  </si>
  <si>
    <t>65b6837f-dec9-4d8e-9897-c1a38660acfe.tmp</t>
  </si>
  <si>
    <t>\\acsfs\profiles$\nycolleemdj\Downloads\65b6837f-dec9-4d8e-9897-c1a38660acfe.tmp</t>
  </si>
  <si>
    <t>01/19/2020 21:15:52</t>
  </si>
  <si>
    <t>01/19/2020 21:21:14</t>
  </si>
  <si>
    <t>01/19/2020 21:22:13</t>
  </si>
  <si>
    <t>01/19/2020 21:21:50</t>
  </si>
  <si>
    <t>01/19/2020 21:23:14</t>
  </si>
  <si>
    <t>01/19/2020 21:24:26</t>
  </si>
  <si>
    <t>01/19/2020 21:26:13</t>
  </si>
  <si>
    <t>01/19/2020 21:27:14</t>
  </si>
  <si>
    <t>01/19/2020 21:26:30</t>
  </si>
  <si>
    <t>01/19/2020 21:31:13</t>
  </si>
  <si>
    <t>01/19/2020 21:32:13</t>
  </si>
  <si>
    <t>01/19/2020 21:32:21</t>
  </si>
  <si>
    <t>01/19/2020 21:33:13</t>
  </si>
  <si>
    <t>01/19/2020 21:33:37</t>
  </si>
  <si>
    <t>01/19/2020 21:35:13</t>
  </si>
  <si>
    <t>01/19/2020 21:30:55</t>
  </si>
  <si>
    <t>01/19/2020 21:36:13</t>
  </si>
  <si>
    <t>01/19/2020 21:37:13</t>
  </si>
  <si>
    <t>01/19/2020 21:35:00</t>
  </si>
  <si>
    <t>01/19/2020 21:38:13</t>
  </si>
  <si>
    <t>01/19/2020 21:37:33</t>
  </si>
  <si>
    <t>01/19/2020 21:40:13</t>
  </si>
  <si>
    <t>01/19/2020 21:39:07</t>
  </si>
  <si>
    <t>01/19/2020 21:41:13</t>
  </si>
  <si>
    <t>01/19/2020 21:42:13</t>
  </si>
  <si>
    <t>01/19/2020 21:37:12</t>
  </si>
  <si>
    <t>cddef3ac-e2c7-4cdf-9e75-06e1eb62d5ba.tmp</t>
  </si>
  <si>
    <t>\\acsfs\profiles$\myllenardl\Downloads\cddef3ac-e2c7-4cdf-9e75-06e1eb62d5ba.tmp</t>
  </si>
  <si>
    <t>01/19/2020 21:47:13</t>
  </si>
  <si>
    <t>01/19/2020 21:45:16</t>
  </si>
  <si>
    <t>01/19/2020 21:48:13</t>
  </si>
  <si>
    <t>01/19/2020 21:52:13</t>
  </si>
  <si>
    <t>01/19/2020 21:57:13</t>
  </si>
  <si>
    <t>01/19/2020 21:55:57</t>
  </si>
  <si>
    <t>01/19/2020 21:58:13</t>
  </si>
  <si>
    <t>01/19/2020 21:57:04</t>
  </si>
  <si>
    <t>01/19/2020 21:55:01</t>
  </si>
  <si>
    <t>01/19/2020 21:59:13</t>
  </si>
  <si>
    <t>01/19/2020 21:56:02</t>
  </si>
  <si>
    <t>01/19/2020 22:01:12</t>
  </si>
  <si>
    <t>01/19/2020 21:59:49</t>
  </si>
  <si>
    <t>01/19/2020 22:02:13</t>
  </si>
  <si>
    <t>01/19/2020 21:57:57</t>
  </si>
  <si>
    <t>01/19/2020 22:03:13</t>
  </si>
  <si>
    <t>4bc5ba2a-31d5-4422-8e5b-a8cce973f65c.tmp</t>
  </si>
  <si>
    <t>\\acsfs\profiles$\leonardocb\Downloads\4bc5ba2a-31d5-4422-8e5b-a8cce973f65c.tmp</t>
  </si>
  <si>
    <t>01/19/2020 22:06:13</t>
  </si>
  <si>
    <t>01/19/2020 22:04:04</t>
  </si>
  <si>
    <t>01/19/2020 22:07:13</t>
  </si>
  <si>
    <t>01/19/2020 22:09:53</t>
  </si>
  <si>
    <t>01/19/2020 22:11:13</t>
  </si>
  <si>
    <t>01/19/2020 22:12:14</t>
  </si>
  <si>
    <t>01/19/2020 22:13:54</t>
  </si>
  <si>
    <t>01/19/2020 22:16:14</t>
  </si>
  <si>
    <t>01/19/2020 22:17:13</t>
  </si>
  <si>
    <t>01/19/2020 22:22:14</t>
  </si>
  <si>
    <t>01/19/2020 22:21:39</t>
  </si>
  <si>
    <t>01/19/2020 22:23:12</t>
  </si>
  <si>
    <t>01/19/2020 22:21:37</t>
  </si>
  <si>
    <t>01/19/2020 22:24:13</t>
  </si>
  <si>
    <t>01/19/2020 22:18:49</t>
  </si>
  <si>
    <t>01/19/2020 22:27:13</t>
  </si>
  <si>
    <t>01/19/2020 22:28:45</t>
  </si>
  <si>
    <t>01/19/2020 22:30:13</t>
  </si>
  <si>
    <t>01/19/2020 22:32:13</t>
  </si>
  <si>
    <t>01/19/2020 22:37:14</t>
  </si>
  <si>
    <t>01/19/2020 22:42:13</t>
  </si>
  <si>
    <t>01/19/2020 22:39:57</t>
  </si>
  <si>
    <t>01/19/2020 22:43:14</t>
  </si>
  <si>
    <t>01/19/2020 22:39:44</t>
  </si>
  <si>
    <t>01/19/2020 22:47:13</t>
  </si>
  <si>
    <t>01/19/2020 22:47:45</t>
  </si>
  <si>
    <t>01/19/2020 22:49:13</t>
  </si>
  <si>
    <t>01/19/2020 22:48:38</t>
  </si>
  <si>
    <t>01/19/2020 22:52:13</t>
  </si>
  <si>
    <t>01/19/2020 22:52:10</t>
  </si>
  <si>
    <t>01/19/2020 22:54:13</t>
  </si>
  <si>
    <t>01/19/2020 22:57:13</t>
  </si>
  <si>
    <t>01/19/2020 22:54:04</t>
  </si>
  <si>
    <t>01/19/2020 22:58:13</t>
  </si>
  <si>
    <t>01/19/2020 22:54:47</t>
  </si>
  <si>
    <t>01/19/2020 22:59:13</t>
  </si>
  <si>
    <t>01/19/2020 22:56:51</t>
  </si>
  <si>
    <t>01/19/2020 23:00:13</t>
  </si>
  <si>
    <t>01/19/2020 23:02:13</t>
  </si>
  <si>
    <t>01/19/2020 23:00:14</t>
  </si>
  <si>
    <t>01/19/2020 23:05:13</t>
  </si>
  <si>
    <t>01/19/2020 23:00:23</t>
  </si>
  <si>
    <t>01/19/2020 23:07:13</t>
  </si>
  <si>
    <t>01/19/2020 23:07:37</t>
  </si>
  <si>
    <t>01/19/2020 23:09:13</t>
  </si>
  <si>
    <t>01/19/2020 23:06:24</t>
  </si>
  <si>
    <t>01/19/2020 23:11:13</t>
  </si>
  <si>
    <t>01/19/2020 23:12:13</t>
  </si>
  <si>
    <t>01/19/2020 23:09:11</t>
  </si>
  <si>
    <t>01/19/2020 23:14:12</t>
  </si>
  <si>
    <t>01/19/2020 23:11:54</t>
  </si>
  <si>
    <t>01/19/2020 23:16:12</t>
  </si>
  <si>
    <t>01/19/2020 23:17:13</t>
  </si>
  <si>
    <t>01/19/2020 23:14:02</t>
  </si>
  <si>
    <t>01/19/2020 23:18:13</t>
  </si>
  <si>
    <t>01/19/2020 23:14:22</t>
  </si>
  <si>
    <t>01/19/2020 23:22:13</t>
  </si>
  <si>
    <t>01/19/2020 23:27:13</t>
  </si>
  <si>
    <t>01/19/2020 23:24:07</t>
  </si>
  <si>
    <t>01/19/2020 23:28:13</t>
  </si>
  <si>
    <t>01/19/2020 23:32:13</t>
  </si>
  <si>
    <t>01/19/2020 23:30:35</t>
  </si>
  <si>
    <t>01/19/2020 23:33:14</t>
  </si>
  <si>
    <t>f6b9d790-8d60-408f-b6fd-4cc984045da8.tmp</t>
  </si>
  <si>
    <t>\\acsfs\profiles$\leonardocb\Downloads\f6b9d790-8d60-408f-b6fd-4cc984045da8.tmp</t>
  </si>
  <si>
    <t>01/19/2020 23:33:50</t>
  </si>
  <si>
    <t>01/19/2020 23:36:13</t>
  </si>
  <si>
    <t>01/19/2020 23:37:13</t>
  </si>
  <si>
    <t>01/19/2020 23:34:49</t>
  </si>
  <si>
    <t>01/19/2020 23:38:14</t>
  </si>
  <si>
    <t>01/19/2020 23:35:38</t>
  </si>
  <si>
    <t>01/19/2020 23:40:14</t>
  </si>
  <si>
    <t>01/19/2020 23:42:13</t>
  </si>
  <si>
    <t>01/19/2020 23:39:30</t>
  </si>
  <si>
    <t>01/19/2020 23:44:13</t>
  </si>
  <si>
    <t>01/19/2020 23:47:13</t>
  </si>
  <si>
    <t>01/19/2020 23:44:50</t>
  </si>
  <si>
    <t>01/19/2020 23:48:13</t>
  </si>
  <si>
    <t>01/19/2020 23:50:11</t>
  </si>
  <si>
    <t>01/19/2020 23:51:13</t>
  </si>
  <si>
    <t>01/19/2020 23:52:13</t>
  </si>
  <si>
    <t>01/19/2020 23:49:54</t>
  </si>
  <si>
    <t>01/19/2020 23:53:13</t>
  </si>
  <si>
    <t>01/19/2020 23:51:26</t>
  </si>
  <si>
    <t>01/19/2020 23:54:13</t>
  </si>
  <si>
    <t>01/19/2020 23:51:45</t>
  </si>
  <si>
    <t>9e64a5d2-829a-42a4-8a96-13b812dbdebe.tmp</t>
  </si>
  <si>
    <t>\\acsfs\profiles$\marlyannegdls\Downloads\9e64a5d2-829a-42a4-8a96-13b812dbdebe.tmp</t>
  </si>
  <si>
    <t>01/19/2020 23:52:48</t>
  </si>
  <si>
    <t>34154c44-5b22-4d71-8873-e3d4d7da247b.tmp</t>
  </si>
  <si>
    <t>\\acsfs\profiles$\marlyannegdls\Downloads\34154c44-5b22-4d71-8873-e3d4d7da247b.tmp</t>
  </si>
  <si>
    <t>01/19/2020 23:53:43</t>
  </si>
  <si>
    <t>01/19/2020 23:55:13</t>
  </si>
  <si>
    <t>01/19/2020 23:52:54</t>
  </si>
  <si>
    <t>01/19/2020 23:56:12</t>
  </si>
  <si>
    <t>ebb1fde5-894f-4099-815c-efa230c2e55f.tmp</t>
  </si>
  <si>
    <t>\\acsfs\profiles$\ROBERTM\Downloads\ebb1fde5-894f-4099-815c-efa230c2e55f.tmp</t>
  </si>
  <si>
    <t>01/19/2020 23:53:25</t>
  </si>
  <si>
    <t>bec4da9c-e241-44ec-8e83-4c234033d08a.tmp</t>
  </si>
  <si>
    <t>\\acsfs\profiles$\ROBERTM\Downloads\bec4da9c-e241-44ec-8e83-4c234033d08a.tmp</t>
  </si>
  <si>
    <t>01/19/2020 23:57:13</t>
  </si>
  <si>
    <t>01/19/2020 23:54:45</t>
  </si>
  <si>
    <t>01/19/2020 23:59:13</t>
  </si>
  <si>
    <t>1485ca24-8b34-4f0a-9306-37b815861753.tmp</t>
  </si>
  <si>
    <t>\\acsfs\profiles$\mariaavds\Downloads\1485ca24-8b34-4f0a-9306-37b815861753.tmp</t>
  </si>
  <si>
    <t>01/19/2020 23:58:34</t>
  </si>
  <si>
    <t>01/20/2020 00:02:13</t>
  </si>
  <si>
    <t>01/20/2020 00:01:36</t>
  </si>
  <si>
    <t>01/20/2020 00:03:12</t>
  </si>
  <si>
    <t>01/20/2020 00:01:23</t>
  </si>
  <si>
    <t>01/20/2020 00:02:17</t>
  </si>
  <si>
    <t>01/20/2020 00:04:13</t>
  </si>
  <si>
    <t>01/20/2020 00:03:31</t>
  </si>
  <si>
    <t>01/20/2020 00:00:47</t>
  </si>
  <si>
    <t>c2fb6667-d7c9-499f-863e-7b9f92cb96f2.tmp</t>
  </si>
  <si>
    <t>\\acsfs\profiles$\mariaavds\Downloads\c2fb6667-d7c9-499f-863e-7b9f92cb96f2.tmp</t>
  </si>
  <si>
    <t>01/20/2020 00:02:33</t>
  </si>
  <si>
    <t>01/20/2020 00:04:18</t>
  </si>
  <si>
    <t>01/20/2020 00:05:12</t>
  </si>
  <si>
    <t>01/20/2020 00:01:05</t>
  </si>
  <si>
    <t>01/20/2020 00:03:10</t>
  </si>
  <si>
    <t>01/20/2020 00:04:02</t>
  </si>
  <si>
    <t>01/20/2020 00:06:13</t>
  </si>
  <si>
    <t>01/20/2020 00:07:12</t>
  </si>
  <si>
    <t>01/20/2020 00:03:03</t>
  </si>
  <si>
    <t>01/20/2020 00:08:12</t>
  </si>
  <si>
    <t>01/20/2020 00:04:24</t>
  </si>
  <si>
    <t>01/20/2020 00:06:46</t>
  </si>
  <si>
    <t>01/20/2020 00:09:13</t>
  </si>
  <si>
    <t>01/20/2020 00:06:56</t>
  </si>
  <si>
    <t>01/20/2020 00:06:11</t>
  </si>
  <si>
    <t>01/20/2020 00:07:33</t>
  </si>
  <si>
    <t>01/20/2020 00:08:55</t>
  </si>
  <si>
    <t>01/20/2020 00:08:56</t>
  </si>
  <si>
    <t>01/20/2020 00:11:13</t>
  </si>
  <si>
    <t>01/20/2020 00:06:34</t>
  </si>
  <si>
    <t>01/20/2020 00:08:25</t>
  </si>
  <si>
    <t>01/20/2020 00:09:02</t>
  </si>
  <si>
    <t>01/20/2020 00:12:12</t>
  </si>
  <si>
    <t>01/20/2020 00:11:39</t>
  </si>
  <si>
    <t>01/20/2020 00:13:13</t>
  </si>
  <si>
    <t>01/20/2020 00:11:18</t>
  </si>
  <si>
    <t>01/20/2020 00:11:07</t>
  </si>
  <si>
    <t>01/20/2020 00:11:56</t>
  </si>
  <si>
    <t>01/20/2020 00:12:22</t>
  </si>
  <si>
    <t>01/20/2020 00:14:12</t>
  </si>
  <si>
    <t>01/20/2020 00:14:09</t>
  </si>
  <si>
    <t>01/20/2020 00:15:13</t>
  </si>
  <si>
    <t>01/20/2020 00:13:55</t>
  </si>
  <si>
    <t>01/20/2020 00:16:13</t>
  </si>
  <si>
    <t>01/20/2020 00:17:12</t>
  </si>
  <si>
    <t>01/20/2020 00:13:08</t>
  </si>
  <si>
    <t>01/20/2020 00:18:13</t>
  </si>
  <si>
    <t>01/20/2020 00:14:57</t>
  </si>
  <si>
    <t>01/20/2020 00:15:27</t>
  </si>
  <si>
    <t>01/20/2020 00:19:12</t>
  </si>
  <si>
    <t>01/20/2020 00:17:50</t>
  </si>
  <si>
    <t>01/20/2020 00:20:12</t>
  </si>
  <si>
    <t>01/20/2020 00:19:22</t>
  </si>
  <si>
    <t>01/20/2020 00:21:12</t>
  </si>
  <si>
    <t>01/20/2020 00:22:13</t>
  </si>
  <si>
    <t>01/20/2020 00:22:40</t>
  </si>
  <si>
    <t>01/20/2020 00:25:12</t>
  </si>
  <si>
    <t>01/20/2020 00:26:13</t>
  </si>
  <si>
    <t>01/20/2020 00:27:13</t>
  </si>
  <si>
    <t>01/20/2020 00:27:22</t>
  </si>
  <si>
    <t>01/20/2020 00:29:13</t>
  </si>
  <si>
    <t>01/20/2020 00:25:31</t>
  </si>
  <si>
    <t>b9d82aca-38fa-48cf-99ea-2a71ef4c9afc.tmp</t>
  </si>
  <si>
    <t>\\acsfs\profiles$\mariaavds\Downloads\b9d82aca-38fa-48cf-99ea-2a71ef4c9afc.tmp</t>
  </si>
  <si>
    <t>01/20/2020 00:32:13</t>
  </si>
  <si>
    <t>01/20/2020 00:32:06</t>
  </si>
  <si>
    <t>01/20/2020 00:33:13</t>
  </si>
  <si>
    <t>01/20/2020 00:32:49</t>
  </si>
  <si>
    <t>01/20/2020 00:34:12</t>
  </si>
  <si>
    <t>01/20/2020 00:37:13</t>
  </si>
  <si>
    <t>01/20/2020 00:36:52</t>
  </si>
  <si>
    <t>01/20/2020 00:39:13</t>
  </si>
  <si>
    <t>01/20/2020 00:37:33</t>
  </si>
  <si>
    <t>01/20/2020 00:41:13</t>
  </si>
  <si>
    <t>01/20/2020 00:42:14</t>
  </si>
  <si>
    <t>01/20/2020 00:38:37</t>
  </si>
  <si>
    <t>01/20/2020 00:43:14</t>
  </si>
  <si>
    <t>01/20/2020 00:47:13</t>
  </si>
  <si>
    <t>01/20/2020 00:45:00</t>
  </si>
  <si>
    <t>01/20/2020 00:49:14</t>
  </si>
  <si>
    <t>01/20/2020 00:45:21</t>
  </si>
  <si>
    <t>01/20/2020 00:50:14</t>
  </si>
  <si>
    <t>01/20/2020 00:52:14</t>
  </si>
  <si>
    <t>01/20/2020 00:52:25</t>
  </si>
  <si>
    <t>01/20/2020 00:53:14</t>
  </si>
  <si>
    <t>01/20/2020 00:52:58</t>
  </si>
  <si>
    <t>01/20/2020 00:54:15</t>
  </si>
  <si>
    <t>01/20/2020 00:49:06</t>
  </si>
  <si>
    <t>01/20/2020 00:51:33</t>
  </si>
  <si>
    <t>01/20/2020 00:57:14</t>
  </si>
  <si>
    <t>01/20/2020 00:54:45</t>
  </si>
  <si>
    <t>01/20/2020 00:58:15</t>
  </si>
  <si>
    <t>01/20/2020 01:17:14</t>
  </si>
  <si>
    <t>01/20/2020 01:04:04</t>
  </si>
  <si>
    <t>01/20/2020 01:02:05</t>
  </si>
  <si>
    <t>01/20/2020 01:13:33</t>
  </si>
  <si>
    <t>01/20/2020 01:19:14</t>
  </si>
  <si>
    <t>315837d3-1ec3-48f9-9b07-e841f880a5eb.tmp</t>
  </si>
  <si>
    <t>\\acsfs\profiles$\mariaavds\Downloads\315837d3-1ec3-48f9-9b07-e841f880a5eb.tmp</t>
  </si>
  <si>
    <t>01/20/2020 01:10:25</t>
  </si>
  <si>
    <t>01/20/2020 01:20:14</t>
  </si>
  <si>
    <t>01/20/2020 01:22:14</t>
  </si>
  <si>
    <t>01/20/2020 01:27:14</t>
  </si>
  <si>
    <t>01/20/2020 01:28:14</t>
  </si>
  <si>
    <t>01/20/2020 01:29:54</t>
  </si>
  <si>
    <t>01/20/2020 01:31:14</t>
  </si>
  <si>
    <t>01/20/2020 01:32:14</t>
  </si>
  <si>
    <t>01/20/2020 01:33:14</t>
  </si>
  <si>
    <t>01/20/2020 01:30:43</t>
  </si>
  <si>
    <t>01/20/2020 01:37:14</t>
  </si>
  <si>
    <t>01/20/2020 01:38:14</t>
  </si>
  <si>
    <t>01/20/2020 01:35:09</t>
  </si>
  <si>
    <t>01/20/2020 01:39:14</t>
  </si>
  <si>
    <t>01/20/2020 01:42:14</t>
  </si>
  <si>
    <t>01/20/2020 01:43:14</t>
  </si>
  <si>
    <t>01/20/2020 01:39:42</t>
  </si>
  <si>
    <t>01/20/2020 01:41:22</t>
  </si>
  <si>
    <t>01/20/2020 01:46:14</t>
  </si>
  <si>
    <t>01/20/2020 01:45:02</t>
  </si>
  <si>
    <t>01/20/2020 01:48:14</t>
  </si>
  <si>
    <t>01/20/2020 01:46:44</t>
  </si>
  <si>
    <t>01/20/2020 01:45:08</t>
  </si>
  <si>
    <t>01/20/2020 01:53:14</t>
  </si>
  <si>
    <t>01/20/2020 01:54:24</t>
  </si>
  <si>
    <t>01/20/2020 01:55:14</t>
  </si>
  <si>
    <t>01/20/2020 01:58:13</t>
  </si>
  <si>
    <t>01/20/2020 01:56:26</t>
  </si>
  <si>
    <t>01/20/2020 01:59:14</t>
  </si>
  <si>
    <t>01/20/2020 01:56:17</t>
  </si>
  <si>
    <t>01/20/2020 02:01:14</t>
  </si>
  <si>
    <t>01/20/2020 01:58:19</t>
  </si>
  <si>
    <t>01/20/2020 01:58:40</t>
  </si>
  <si>
    <t>01/20/2020 02:03:14</t>
  </si>
  <si>
    <t>01/20/2020 02:03:26</t>
  </si>
  <si>
    <t>01/20/2020 02:04:14</t>
  </si>
  <si>
    <t>01/20/2020 02:08:14</t>
  </si>
  <si>
    <t>01/20/2020 02:04:00</t>
  </si>
  <si>
    <t>01/20/2020 02:06:01</t>
  </si>
  <si>
    <t>01/20/2020 02:09:14</t>
  </si>
  <si>
    <t>01/20/2020 02:13:14</t>
  </si>
  <si>
    <t>01/20/2020 02:18:14</t>
  </si>
  <si>
    <t>01/20/2020 02:16:09</t>
  </si>
  <si>
    <t>01/20/2020 02:20:12</t>
  </si>
  <si>
    <t>01/20/2020 02:21:14</t>
  </si>
  <si>
    <t>01/20/2020 02:23:13</t>
  </si>
  <si>
    <t>01/20/2020 02:23:14</t>
  </si>
  <si>
    <t>01/20/2020 02:23:21</t>
  </si>
  <si>
    <t>01/20/2020 02:27:14</t>
  </si>
  <si>
    <t>01/20/2020 02:28:14</t>
  </si>
  <si>
    <t>01/20/2020 02:27:15</t>
  </si>
  <si>
    <t>01/20/2020 02:29:14</t>
  </si>
  <si>
    <t>01/20/2020 02:33:13</t>
  </si>
  <si>
    <t>01/20/2020 02:38:14</t>
  </si>
  <si>
    <t>01/20/2020 02:43:13</t>
  </si>
  <si>
    <t>01/20/2020 02:48:13</t>
  </si>
  <si>
    <t>01/20/2020 02:53:14</t>
  </si>
  <si>
    <t>01/20/2020 02:52:22</t>
  </si>
  <si>
    <t>01/20/2020 02:58:15</t>
  </si>
  <si>
    <t>01/20/2020 03:03:15</t>
  </si>
  <si>
    <t>01/20/2020 03:02:23</t>
  </si>
  <si>
    <t>01/20/2020 03:00:55</t>
  </si>
  <si>
    <t>01/20/2020 03:04:15</t>
  </si>
  <si>
    <t>01/20/2020 03:03:51</t>
  </si>
  <si>
    <t>01/20/2020 03:07:15</t>
  </si>
  <si>
    <t>01/20/2020 03:08:15</t>
  </si>
  <si>
    <t>01/20/2020 03:03:49</t>
  </si>
  <si>
    <t>01/20/2020 03:05:26</t>
  </si>
  <si>
    <t>01/20/2020 03:06:35</t>
  </si>
  <si>
    <t>01/20/2020 03:09:15</t>
  </si>
  <si>
    <t>01/20/2020 03:13:15</t>
  </si>
  <si>
    <t>01/20/2020 03:10:22</t>
  </si>
  <si>
    <t>01/20/2020 03:15:15</t>
  </si>
  <si>
    <t>01/20/2020 03:16:20</t>
  </si>
  <si>
    <t>01/20/2020 03:17:15</t>
  </si>
  <si>
    <t>01/20/2020 03:12:29</t>
  </si>
  <si>
    <t>01/20/2020 03:18:15</t>
  </si>
  <si>
    <t>01/20/2020 03:17:34</t>
  </si>
  <si>
    <t>01/20/2020 03:21:15</t>
  </si>
  <si>
    <t>01/20/2020 03:23:15</t>
  </si>
  <si>
    <t>01/20/2020 03:21:07</t>
  </si>
  <si>
    <t>01/20/2020 03:19:49</t>
  </si>
  <si>
    <t>01/20/2020 03:25:15</t>
  </si>
  <si>
    <t>01/20/2020 03:21:44</t>
  </si>
  <si>
    <t>01/20/2020 03:26:15</t>
  </si>
  <si>
    <t>01/20/2020 03:28:15</t>
  </si>
  <si>
    <t>01/20/2020 03:26:38</t>
  </si>
  <si>
    <t>01/20/2020 03:30:15</t>
  </si>
  <si>
    <t>01/20/2020 03:29:53</t>
  </si>
  <si>
    <t>01/20/2020 03:33:14</t>
  </si>
  <si>
    <t>01/20/2020 03:32:22</t>
  </si>
  <si>
    <t>01/20/2020 03:31:30</t>
  </si>
  <si>
    <t>01/20/2020 03:34:15</t>
  </si>
  <si>
    <t>01/20/2020 03:34:57</t>
  </si>
  <si>
    <t>01/20/2020 03:38:14</t>
  </si>
  <si>
    <t>01/20/2020 03:35:46</t>
  </si>
  <si>
    <t>01/20/2020 03:34:01</t>
  </si>
  <si>
    <t>01/20/2020 03:37:48</t>
  </si>
  <si>
    <t>01/20/2020 03:39:15</t>
  </si>
  <si>
    <t>01/20/2020 03:34:58</t>
  </si>
  <si>
    <t>01/20/2020 03:40:15</t>
  </si>
  <si>
    <t>01/20/2020 03:38:41</t>
  </si>
  <si>
    <t>01/20/2020 03:41:15</t>
  </si>
  <si>
    <t>01/20/2020 03:37:22</t>
  </si>
  <si>
    <t>01/20/2020 03:42:15</t>
  </si>
  <si>
    <t>01/20/2020 03:43:15</t>
  </si>
  <si>
    <t>01/20/2020 03:48:14</t>
  </si>
  <si>
    <t>01/20/2020 03:46:58</t>
  </si>
  <si>
    <t>01/20/2020 03:46:05</t>
  </si>
  <si>
    <t>01/20/2020 03:49:15</t>
  </si>
  <si>
    <t>01/20/2020 03:53:15</t>
  </si>
  <si>
    <t>01/20/2020 03:49:07</t>
  </si>
  <si>
    <t>01/20/2020 03:52:30</t>
  </si>
  <si>
    <t>01/20/2020 03:52:18</t>
  </si>
  <si>
    <t>01/20/2020 03:54:15</t>
  </si>
  <si>
    <t>01/20/2020 03:49:26</t>
  </si>
  <si>
    <t>01/20/2020 03:55:14</t>
  </si>
  <si>
    <t>01/20/2020 03:56:15</t>
  </si>
  <si>
    <t>01/20/2020 03:58:15</t>
  </si>
  <si>
    <t>01/20/2020 03:56:40</t>
  </si>
  <si>
    <t>01/20/2020 03:59:15</t>
  </si>
  <si>
    <t>01/20/2020 03:58:16</t>
  </si>
  <si>
    <t>01/20/2020 04:01:15</t>
  </si>
  <si>
    <t>01/20/2020 04:03:14</t>
  </si>
  <si>
    <t>01/20/2020 04:01:12</t>
  </si>
  <si>
    <t>01/20/2020 04:04:15</t>
  </si>
  <si>
    <t>01/20/2020 04:06:18</t>
  </si>
  <si>
    <t>01/20/2020 04:08:17</t>
  </si>
  <si>
    <t>01/20/2020 04:05:24</t>
  </si>
  <si>
    <t>01/20/2020 04:09:18</t>
  </si>
  <si>
    <t>01/20/2020 04:07:01</t>
  </si>
  <si>
    <t>01/20/2020 04:06:22</t>
  </si>
  <si>
    <t>01/20/2020 04:10:17</t>
  </si>
  <si>
    <t>01/20/2020 04:08:39</t>
  </si>
  <si>
    <t>01/20/2020 04:11:18</t>
  </si>
  <si>
    <t>01/20/2020 04:13:18</t>
  </si>
  <si>
    <t>01/20/2020 04:11:56</t>
  </si>
  <si>
    <t>01/20/2020 04:12:08</t>
  </si>
  <si>
    <t>01/20/2020 04:14:17</t>
  </si>
  <si>
    <t>01/20/2020 04:12:23</t>
  </si>
  <si>
    <t>01/20/2020 04:11:22</t>
  </si>
  <si>
    <t>01/20/2020 04:11:48</t>
  </si>
  <si>
    <t>01/20/2020 04:15:18</t>
  </si>
  <si>
    <t>01/20/2020 04:18:18</t>
  </si>
  <si>
    <t>01/20/2020 04:16:59</t>
  </si>
  <si>
    <t>01/20/2020 04:19:17</t>
  </si>
  <si>
    <t>01/20/2020 04:18:09</t>
  </si>
  <si>
    <t>01/20/2020 04:22:17</t>
  </si>
  <si>
    <t>01/20/2020 04:23:17</t>
  </si>
  <si>
    <t>01/20/2020 04:23:19</t>
  </si>
  <si>
    <t>01/20/2020 04:25:17</t>
  </si>
  <si>
    <t>01/20/2020 04:21:29</t>
  </si>
  <si>
    <t>01/20/2020 04:28:17</t>
  </si>
  <si>
    <t>01/20/2020 04:26:53</t>
  </si>
  <si>
    <t>01/20/2020 04:29:17</t>
  </si>
  <si>
    <t>01/20/2020 04:33:17</t>
  </si>
  <si>
    <t>01/20/2020 04:32:12</t>
  </si>
  <si>
    <t>01/20/2020 04:34:18</t>
  </si>
  <si>
    <t>01/20/2020 04:34:01</t>
  </si>
  <si>
    <t>01/20/2020 04:38:17</t>
  </si>
  <si>
    <t>01/20/2020 04:34:50</t>
  </si>
  <si>
    <t>01/20/2020 04:35:27</t>
  </si>
  <si>
    <t>01/20/2020 04:33:42</t>
  </si>
  <si>
    <t>01/20/2020 04:35:49</t>
  </si>
  <si>
    <t>01/20/2020 04:39:17</t>
  </si>
  <si>
    <t>01/20/2020 04:36:28</t>
  </si>
  <si>
    <t>01/20/2020 04:36:27</t>
  </si>
  <si>
    <t>01/20/2020 04:40:17</t>
  </si>
  <si>
    <t>01/20/2020 04:36:08</t>
  </si>
  <si>
    <t>01/20/2020 04:41:17</t>
  </si>
  <si>
    <t>01/20/2020 04:40:07</t>
  </si>
  <si>
    <t>01/20/2020 04:38:58</t>
  </si>
  <si>
    <t>01/20/2020 04:43:17</t>
  </si>
  <si>
    <t>01/20/2020 04:43:00</t>
  </si>
  <si>
    <t>01/20/2020 04:45:17</t>
  </si>
  <si>
    <t>01/20/2020 04:48:17</t>
  </si>
  <si>
    <t>01/20/2020 04:47:48</t>
  </si>
  <si>
    <t>01/20/2020 04:49:17</t>
  </si>
  <si>
    <t>01/20/2020 04:50:06</t>
  </si>
  <si>
    <t>01/20/2020 04:51:17</t>
  </si>
  <si>
    <t>01/20/2020 04:53:17</t>
  </si>
  <si>
    <t>01/20/2020 04:52:13</t>
  </si>
  <si>
    <t>01/20/2020 04:54:17</t>
  </si>
  <si>
    <t>01/20/2020 04:52:58</t>
  </si>
  <si>
    <t>01/20/2020 04:55:17</t>
  </si>
  <si>
    <t>01/20/2020 04:55:25</t>
  </si>
  <si>
    <t>01/20/2020 04:56:17</t>
  </si>
  <si>
    <t>01/20/2020 04:58:17</t>
  </si>
  <si>
    <t>01/20/2020 04:58:18</t>
  </si>
  <si>
    <t>01/20/2020 04:57:07</t>
  </si>
  <si>
    <t>01/20/2020 04:56:07</t>
  </si>
  <si>
    <t>01/20/2020 05:06:17</t>
  </si>
  <si>
    <t>01/20/2020 04:57:27</t>
  </si>
  <si>
    <t>01/20/2020 04:59:40</t>
  </si>
  <si>
    <t>01/20/2020 05:00:24</t>
  </si>
  <si>
    <t>01/20/2020 05:01:01</t>
  </si>
  <si>
    <t>01/20/2020 05:03:50</t>
  </si>
  <si>
    <t>01/20/2020 05:03:23</t>
  </si>
  <si>
    <t>01/20/2020 05:07:18</t>
  </si>
  <si>
    <t>01/20/2020 05:09:18</t>
  </si>
  <si>
    <t>01/20/2020 05:03:59</t>
  </si>
  <si>
    <t>01/20/2020 05:07:37</t>
  </si>
  <si>
    <t>01/20/2020 05:07:10</t>
  </si>
  <si>
    <t>01/20/2020 05:10:17</t>
  </si>
  <si>
    <t>01/20/2020 05:11:17</t>
  </si>
  <si>
    <t>01/20/2020 05:16:17</t>
  </si>
  <si>
    <t>01/20/2020 05:21:17</t>
  </si>
  <si>
    <t>01/20/2020 05:16:26</t>
  </si>
  <si>
    <t>01/20/2020 05:26:16</t>
  </si>
  <si>
    <t>01/20/2020 05:23:32</t>
  </si>
  <si>
    <t>9b01d1cf-02eb-443c-86eb-d7f67d1290ea.tmp</t>
  </si>
  <si>
    <t>\\acsfs\profiles$\ROBERTM\Downloads\9b01d1cf-02eb-443c-86eb-d7f67d1290ea.tmp</t>
  </si>
  <si>
    <t>01/20/2020 05:24:18</t>
  </si>
  <si>
    <t>c3fd43ab-a9d4-46f2-96a7-f9a5ce5ba25c.tmp</t>
  </si>
  <si>
    <t>\\acsfs\profiles$\ROBERTM\Downloads\c3fd43ab-a9d4-46f2-96a7-f9a5ce5ba25c.tmp</t>
  </si>
  <si>
    <t>01/20/2020 05:27:10</t>
  </si>
  <si>
    <t>01/20/2020 05:28:17</t>
  </si>
  <si>
    <t>01/20/2020 05:31:17</t>
  </si>
  <si>
    <t>01/20/2020 05:26:32</t>
  </si>
  <si>
    <t>4296a636-bdcf-4372-97d8-1b04db505d8c.tmp</t>
  </si>
  <si>
    <t>\\acsfs\profiles$\ROBERTM\Downloads\4296a636-bdcf-4372-97d8-1b04db505d8c.tmp</t>
  </si>
  <si>
    <t>01/20/2020 05:36:17</t>
  </si>
  <si>
    <t>01/20/2020 05:35:38</t>
  </si>
  <si>
    <t>01/20/2020 05:33:49</t>
  </si>
  <si>
    <t>01/20/2020 05:37:16</t>
  </si>
  <si>
    <t>01/20/2020 05:34:51</t>
  </si>
  <si>
    <t>01/20/2020 05:38:17</t>
  </si>
  <si>
    <t>01/20/2020 05:33:22</t>
  </si>
  <si>
    <t>01/20/2020 05:41:17</t>
  </si>
  <si>
    <t>01/20/2020 05:39:16</t>
  </si>
  <si>
    <t>01/20/2020 05:41:53</t>
  </si>
  <si>
    <t>01/20/2020 05:43:17</t>
  </si>
  <si>
    <t>01/20/2020 05:40:22</t>
  </si>
  <si>
    <t>01/20/2020 05:44:17</t>
  </si>
  <si>
    <t>01/20/2020 05:46:17</t>
  </si>
  <si>
    <t>01/20/2020 05:44:20</t>
  </si>
  <si>
    <t>01/20/2020 05:48:17</t>
  </si>
  <si>
    <t>01/20/2020 05:47:15</t>
  </si>
  <si>
    <t>01/20/2020 05:49:17</t>
  </si>
  <si>
    <t>01/20/2020 05:51:17</t>
  </si>
  <si>
    <t>01/20/2020 05:51:12</t>
  </si>
  <si>
    <t>01/20/2020 05:53:17</t>
  </si>
  <si>
    <t>831c61cf-0436-4c73-9291-dea956aa2705.tmp</t>
  </si>
  <si>
    <t>\\acsfs\profiles$\ROZENCAM\Downloads\831c61cf-0436-4c73-9291-dea956aa2705.tmp</t>
  </si>
  <si>
    <t>01/20/2020 05:49:22</t>
  </si>
  <si>
    <t>01/20/2020 05:56:18</t>
  </si>
  <si>
    <t>01/20/2020 05:53:14</t>
  </si>
  <si>
    <t>01/20/2020 05:56:46</t>
  </si>
  <si>
    <t>01/20/2020 05:58:18</t>
  </si>
  <si>
    <t>01/20/2020 06:01:18</t>
  </si>
  <si>
    <t>01/20/2020 05:58:04</t>
  </si>
  <si>
    <t>01/20/2020 06:06:17</t>
  </si>
  <si>
    <t>01/20/2020 06:08:12</t>
  </si>
  <si>
    <t>01/20/2020 06:09:17</t>
  </si>
  <si>
    <t>3926289d-df2b-4967-9dbb-2e5dc30c2fad.tmp</t>
  </si>
  <si>
    <t>\\acsfs\profiles$\lucasqdss\Downloads\3926289d-df2b-4967-9dbb-2e5dc30c2fad.tmp</t>
  </si>
  <si>
    <t>01/20/2020 06:07:06</t>
  </si>
  <si>
    <t>01/20/2020 06:05:23</t>
  </si>
  <si>
    <t>01/20/2020 06:11:17</t>
  </si>
  <si>
    <t>01/20/2020 06:08:27</t>
  </si>
  <si>
    <t>01/20/2020 06:12:17</t>
  </si>
  <si>
    <t>01/20/2020 06:10:16</t>
  </si>
  <si>
    <t>01/20/2020 06:09:34</t>
  </si>
  <si>
    <t>01/20/2020 06:14:17</t>
  </si>
  <si>
    <t>16c516dc-d4f4-488c-92de-c86c6c1d8b09.tmp</t>
  </si>
  <si>
    <t>\\acsfs\profiles$\lucasqdss\Downloads\16c516dc-d4f4-488c-92de-c86c6c1d8b09.tmp</t>
  </si>
  <si>
    <t>01/20/2020 06:16:17</t>
  </si>
  <si>
    <t>01/20/2020 06:12:46</t>
  </si>
  <si>
    <t>01/20/2020 06:18:17</t>
  </si>
  <si>
    <t>ddc06d7f-a50a-4d07-a03e-bac2bdb64a8f.tmp</t>
  </si>
  <si>
    <t>\\acsfs\profiles$\ROZENCAM\Downloads\ddc06d7f-a50a-4d07-a03e-bac2bdb64a8f.tmp</t>
  </si>
  <si>
    <t>01/20/2020 06:17:50</t>
  </si>
  <si>
    <t>01/20/2020 06:20:17</t>
  </si>
  <si>
    <t>01/20/2020 06:21:17</t>
  </si>
  <si>
    <t>01/20/2020 06:19:31</t>
  </si>
  <si>
    <t>9e82b2a7-9b0f-4f71-8d80-9675ddd249bd.tmp</t>
  </si>
  <si>
    <t>\\acsfs\profiles$\lorraynevam\Downloads\9e82b2a7-9b0f-4f71-8d80-9675ddd249bd.tmp</t>
  </si>
  <si>
    <t>01/20/2020 06:20:42</t>
  </si>
  <si>
    <t>48c6ff81-afe7-4e5a-8475-9ac7106ea698.tmp</t>
  </si>
  <si>
    <t>\\acsfs\profiles$\lorraynevam\Downloads\48c6ff81-afe7-4e5a-8475-9ac7106ea698.tmp</t>
  </si>
  <si>
    <t>01/20/2020 06:19:54</t>
  </si>
  <si>
    <t>01/20/2020 06:23:17</t>
  </si>
  <si>
    <t>01/20/2020 06:26:17</t>
  </si>
  <si>
    <t>01/20/2020 06:20:54</t>
  </si>
  <si>
    <t>1441b83f-2560-4672-b8e7-0d9a830047db.tmp</t>
  </si>
  <si>
    <t>\\acsfs\profiles$\lorraynevam\Downloads\1441b83f-2560-4672-b8e7-0d9a830047db.tmp</t>
  </si>
  <si>
    <t>01/20/2020 06:22:42</t>
  </si>
  <si>
    <t>01/20/2020 06:23:40</t>
  </si>
  <si>
    <t>3ad26df2-cfac-49fc-8951-779781f517cf.tmp</t>
  </si>
  <si>
    <t>\\acsfs\profiles$\ALYNYA\Downloads\3ad26df2-cfac-49fc-8951-779781f517cf.tmp</t>
  </si>
  <si>
    <t>01/20/2020 06:25:01</t>
  </si>
  <si>
    <t>19c4fe47-22e9-44a0-b1b2-d286d270cd79.tmp</t>
  </si>
  <si>
    <t>\\acsfs\profiles$\ALYNYA\Downloads\19c4fe47-22e9-44a0-b1b2-d286d270cd79.tmp</t>
  </si>
  <si>
    <t>01/20/2020 06:23:50</t>
  </si>
  <si>
    <t>01/20/2020 06:27:18</t>
  </si>
  <si>
    <t>01/20/2020 06:27:53</t>
  </si>
  <si>
    <t>01/20/2020 06:29:18</t>
  </si>
  <si>
    <t>01/20/2020 06:25:58</t>
  </si>
  <si>
    <t>01/20/2020 06:30:18</t>
  </si>
  <si>
    <t>bb67db98-27f7-488d-a0b8-3f624a8007e3.tmp</t>
  </si>
  <si>
    <t>\\acsfs\profiles$\BRUNAAR\Downloads\bb67db98-27f7-488d-a0b8-3f624a8007e3.tmp</t>
  </si>
  <si>
    <t>01/20/2020 06:26:01</t>
  </si>
  <si>
    <t>01/20/2020 06:27:13</t>
  </si>
  <si>
    <t>4f9218d2-6a49-443d-a879-c7a036ab0c0e.tmp</t>
  </si>
  <si>
    <t>\\acsfs\profiles$\BRUNAAR\Downloads\4f9218d2-6a49-443d-a879-c7a036ab0c0e.tmp</t>
  </si>
  <si>
    <t>01/20/2020 06:28:09</t>
  </si>
  <si>
    <t>01/20/2020 06:28:25</t>
  </si>
  <si>
    <t>01/20/2020 06:28:27</t>
  </si>
  <si>
    <t>lu216162ur7qe.tmp</t>
  </si>
  <si>
    <t>\\acsfs\profiles$\BRUNAAR\Numero\lu216162ur7qe.tmp</t>
  </si>
  <si>
    <t>01/20/2020 06:31:17</t>
  </si>
  <si>
    <t>01/20/2020 06:26:00</t>
  </si>
  <si>
    <t>01/20/2020 06:29:49</t>
  </si>
  <si>
    <t>06cd7973-b0a1-48eb-baa3-8e3e90bbf4cc.tmp</t>
  </si>
  <si>
    <t>\\acsfs\profiles$\ALYNYA\Downloads\06cd7973-b0a1-48eb-baa3-8e3e90bbf4cc.tmp</t>
  </si>
  <si>
    <t>01/20/2020 06:36:17</t>
  </si>
  <si>
    <t>01/20/2020 06:31:00</t>
  </si>
  <si>
    <t>01/20/2020 06:38:53</t>
  </si>
  <si>
    <t>01/20/2020 06:40:17</t>
  </si>
  <si>
    <t>01/20/2020 06:36:56</t>
  </si>
  <si>
    <t>01/20/2020 06:41:18</t>
  </si>
  <si>
    <t>01/20/2020 06:41:45</t>
  </si>
  <si>
    <t>01/20/2020 06:45:17</t>
  </si>
  <si>
    <t>01/20/2020 06:46:18</t>
  </si>
  <si>
    <t>01/20/2020 06:44:04</t>
  </si>
  <si>
    <t>01/20/2020 06:47:17</t>
  </si>
  <si>
    <t>01/20/2020 06:44:05</t>
  </si>
  <si>
    <t>01/20/2020 06:44:40</t>
  </si>
  <si>
    <t>01/20/2020 06:44:57</t>
  </si>
  <si>
    <t>01/20/2020 06:48:18</t>
  </si>
  <si>
    <t>78378702-95eb-47be-b7ce-6e1616d713fa.tmp</t>
  </si>
  <si>
    <t>\\acsfs\profiles$\monicargds\Downloads\78378702-95eb-47be-b7ce-6e1616d713fa.tmp</t>
  </si>
  <si>
    <t>01/20/2020 06:45:56</t>
  </si>
  <si>
    <t>7789a280-ed36-4269-b088-91d278ac4e9e.tmp</t>
  </si>
  <si>
    <t>\\acsfs\profiles$\monicargds\Downloads\7789a280-ed36-4269-b088-91d278ac4e9e.tmp</t>
  </si>
  <si>
    <t>01/20/2020 06:47:06</t>
  </si>
  <si>
    <t>4267d106-6e9d-4c71-a23a-a5bb69fca398.tmp</t>
  </si>
  <si>
    <t>\\acsfs\profiles$\monicargds\Downloads\4267d106-6e9d-4c71-a23a-a5bb69fca398.tmp</t>
  </si>
  <si>
    <t>01/20/2020 06:48:15</t>
  </si>
  <si>
    <t>01/20/2020 06:50:18</t>
  </si>
  <si>
    <t>01/20/2020 06:51:18</t>
  </si>
  <si>
    <t>01/20/2020 06:56:18</t>
  </si>
  <si>
    <t>01/20/2020 06:55:45</t>
  </si>
  <si>
    <t>01/20/2020 06:58:18</t>
  </si>
  <si>
    <t>01/20/2020 06:56:20</t>
  </si>
  <si>
    <t>01/20/2020 06:59:18</t>
  </si>
  <si>
    <t>12934fd0-b478-4a79-81b2-655ca8ce3ccf.tmp</t>
  </si>
  <si>
    <t>\\acsfs\profiles$\anafsb\Downloads\12934fd0-b478-4a79-81b2-655ca8ce3ccf.tmp</t>
  </si>
  <si>
    <t>01/20/2020 06:56:21</t>
  </si>
  <si>
    <t>17f9e4df-9c98-46fc-8c3a-9bd155432e58.tmp</t>
  </si>
  <si>
    <t>\\acsfs\profiles$\anafsb\Downloads\17f9e4df-9c98-46fc-8c3a-9bd155432e58.tmp</t>
  </si>
  <si>
    <t>01/20/2020 06:56:27</t>
  </si>
  <si>
    <t>029de3dd-eff2-4716-bf48-4cb92b0664a8.tmp</t>
  </si>
  <si>
    <t>\\acsfs\profiles$\anafsb\Downloads\029de3dd-eff2-4716-bf48-4cb92b0664a8.tmp</t>
  </si>
  <si>
    <t>01/20/2020 06:56:29</t>
  </si>
  <si>
    <t>7f35cf68-0cad-456e-9924-962ac2e9fcb5.tmp</t>
  </si>
  <si>
    <t>\\acsfs\profiles$\anafsb\Downloads\7f35cf68-0cad-456e-9924-962ac2e9fcb5.tmp</t>
  </si>
  <si>
    <t>01/20/2020 06:57:30</t>
  </si>
  <si>
    <t>49366e4c-5ce7-4680-a565-324d381b8672.tmp</t>
  </si>
  <si>
    <t>\\acsfs\profiles$\anafsb\Downloads\49366e4c-5ce7-4680-a565-324d381b8672.tmp</t>
  </si>
  <si>
    <t>\\acsfs\profiles$\paulohaf\My Documents\xworkcenter\logs\</t>
  </si>
  <si>
    <t>XLOG_paulohaf_19012020_164617.log</t>
  </si>
  <si>
    <t>\\acsfs\profiles$\paulohaf\My Documents\xworkcenter\logs\XLOG_paulohaf_19012020_164617.log</t>
  </si>
  <si>
    <t>01/20/2020 06:55:48</t>
  </si>
  <si>
    <t>01/20/2020 06:58:30</t>
  </si>
  <si>
    <t>01/20/2020 07:00:18</t>
  </si>
  <si>
    <t>01/20/2020 06:59:12</t>
  </si>
  <si>
    <t>01/20/2020 07:01:18</t>
  </si>
  <si>
    <t>01/20/2020 07:00:51</t>
  </si>
  <si>
    <t>01/20/2020 07:02:17</t>
  </si>
  <si>
    <t>01/20/2020 06:59:28</t>
  </si>
  <si>
    <t>01/20/2020 07:03:18</t>
  </si>
  <si>
    <t>01/20/2020 07:00:54</t>
  </si>
  <si>
    <t>01/20/2020 06:59:55</t>
  </si>
  <si>
    <t>f537fbb5-c00a-431d-8734-af5462560f44.tmp</t>
  </si>
  <si>
    <t>\\acsfs\profiles$\monicargds\Downloads\f537fbb5-c00a-431d-8734-af5462560f44.tmp</t>
  </si>
  <si>
    <t>01/20/2020 07:00:19</t>
  </si>
  <si>
    <t>01/20/2020 07:04:18</t>
  </si>
  <si>
    <t>d727fc0f-acb0-4767-aa50-9bb6989bb727.tmp</t>
  </si>
  <si>
    <t>\\acsfs\profiles$\anafsb\Downloads\d727fc0f-acb0-4767-aa50-9bb6989bb727.tmp</t>
  </si>
  <si>
    <t>01/20/2020 07:06:18</t>
  </si>
  <si>
    <t>01/20/2020 07:04:09</t>
  </si>
  <si>
    <t>01/20/2020 07:08:17</t>
  </si>
  <si>
    <t>37c5e04c-0850-44e0-8097-3315154302e8.tmp</t>
  </si>
  <si>
    <t>\\acsfs\profiles$\lucasgpe\Downloads\37c5e04c-0850-44e0-8097-3315154302e8.tmp</t>
  </si>
  <si>
    <t>01/20/2020 07:07:04</t>
  </si>
  <si>
    <t>21bc84f1-6cff-459d-a896-e8995bc80233.tmp</t>
  </si>
  <si>
    <t>\\acsfs\profiles$\lucasgpe\Downloads\21bc84f1-6cff-459d-a896-e8995bc80233.tmp</t>
  </si>
  <si>
    <t>01/20/2020 07:04:57</t>
  </si>
  <si>
    <t>01/20/2020 07:09:18</t>
  </si>
  <si>
    <t>01/20/2020 07:06:43</t>
  </si>
  <si>
    <t>01/20/2020 07:11:17</t>
  </si>
  <si>
    <t>d8fc4182-e7fb-4c50-b836-4a38f96d6421.tmp</t>
  </si>
  <si>
    <t>\\acsfs\profiles$\mariajra\Downloads\d8fc4182-e7fb-4c50-b836-4a38f96d6421.tmp</t>
  </si>
  <si>
    <t>01/20/2020 07:07:31</t>
  </si>
  <si>
    <t>afa490f3-5e22-4769-8623-8cbf0a24be7f.tmp</t>
  </si>
  <si>
    <t>\\acsfs\profiles$\mariajra\Downloads\afa490f3-5e22-4769-8623-8cbf0a24be7f.tmp</t>
  </si>
  <si>
    <t>01/20/2020 07:07:44</t>
  </si>
  <si>
    <t>59c3962d-0388-411c-a577-ab1d26f4624c.tmp</t>
  </si>
  <si>
    <t>\\acsfs\profiles$\mariajra\Downloads\59c3962d-0388-411c-a577-ab1d26f4624c.tmp</t>
  </si>
  <si>
    <t>01/20/2020 07:07:32</t>
  </si>
  <si>
    <t>01/19/2020 22:04:38</t>
  </si>
  <si>
    <t>01/20/2020 07:15:17</t>
  </si>
  <si>
    <t>01/20/2020 07:16:18</t>
  </si>
  <si>
    <t>01/20/2020 07:13:32</t>
  </si>
  <si>
    <t>a8b4dfcd-80d5-4984-8c29-c46f5c2cf58a.tmp</t>
  </si>
  <si>
    <t>\\acsfs\profiles$\websondsa\Downloads\a8b4dfcd-80d5-4984-8c29-c46f5c2cf58a.tmp</t>
  </si>
  <si>
    <t>1f4db758-011d-4f8f-90b9-240be020ad33.tmp</t>
  </si>
  <si>
    <t>\\acsfs\profiles$\websondsa\Downloads\1f4db758-011d-4f8f-90b9-240be020ad33.tmp</t>
  </si>
  <si>
    <t>01/20/2020 07:13:41</t>
  </si>
  <si>
    <t>6e98a4ad-7403-44e2-93fc-6f5316ca07dd.tmp</t>
  </si>
  <si>
    <t>\\acsfs\profiles$\websondsa\Downloads\6e98a4ad-7403-44e2-93fc-6f5316ca07dd.tmp</t>
  </si>
  <si>
    <t>119005b7-0a43-4186-a3bf-6afee4054101.tmp</t>
  </si>
  <si>
    <t>\\acsfs\profiles$\websondsa\Downloads\119005b7-0a43-4186-a3bf-6afee4054101.tmp</t>
  </si>
  <si>
    <t>01/20/2020 07:13:56</t>
  </si>
  <si>
    <t>2eab44da-f777-4594-b9ff-f8c88c551502.tmp</t>
  </si>
  <si>
    <t>\\acsfs\profiles$\websondsa\Downloads\2eab44da-f777-4594-b9ff-f8c88c551502.tmp</t>
  </si>
  <si>
    <t>01/20/2020 07:14:07</t>
  </si>
  <si>
    <t>1cf66ad1-c410-4c6d-a2b2-c7caf68475d8.tmp</t>
  </si>
  <si>
    <t>\\acsfs\profiles$\websondsa\Downloads\1cf66ad1-c410-4c6d-a2b2-c7caf68475d8.tmp</t>
  </si>
  <si>
    <t>01/20/2020 07:15:09</t>
  </si>
  <si>
    <t>a555c367-3c3c-4354-bec6-e6acb1f3d536.tmp</t>
  </si>
  <si>
    <t>\\acsfs\profiles$\websondsa\Downloads\a555c367-3c3c-4354-bec6-e6acb1f3d536.tmp</t>
  </si>
  <si>
    <t>01/20/2020 07:15:02</t>
  </si>
  <si>
    <t>01/20/2020 07:18:18</t>
  </si>
  <si>
    <t>ROZENCAM</t>
  </si>
  <si>
    <t>\\acsfs\profiles$\ROZENCAM\Contacts\</t>
  </si>
  <si>
    <t>ROZENCA MAIOLINO (5).contact</t>
  </si>
  <si>
    <t>\\acsfs\profiles$\ROZENCAM\Contacts\ROZENCA MAIOLINO (5).contact</t>
  </si>
  <si>
    <t>01/20/2020 07:15:10</t>
  </si>
  <si>
    <t>\\acsfs\profiles$\ROZENCAM\My Documents\My Videos\</t>
  </si>
  <si>
    <t>\\acsfs\profiles$\ROZENCAM\My Documents\My Videos\desktop.ini</t>
  </si>
  <si>
    <t>01/20/2020 07:15:11</t>
  </si>
  <si>
    <t>\\acsfs\profiles$\ROZENCAM\My Documents\My Pictures\</t>
  </si>
  <si>
    <t>\\acsfs\profiles$\ROZENCAM\My Documents\My Pictures\desktop.ini</t>
  </si>
  <si>
    <t>01/20/2020 07:15:12</t>
  </si>
  <si>
    <t>01/20/2020 07:15:13</t>
  </si>
  <si>
    <t>\\acsfs\profiles$\ROZENCAM\Contacts\desktop.ini</t>
  </si>
  <si>
    <t>01/20/2020 07:15:14</t>
  </si>
  <si>
    <t>01/20/2020 07:15:15</t>
  </si>
  <si>
    <t>\\acsfs\profiles$\ROZENCAM\Favorites\</t>
  </si>
  <si>
    <t>\\acsfs\profiles$\ROZENCAM\Favorites\desktop.ini</t>
  </si>
  <si>
    <t>01/20/2020 07:15:16</t>
  </si>
  <si>
    <t>\\acsfs\profiles$\ROZENCAM\My Documents\My Music\</t>
  </si>
  <si>
    <t>\\acsfs\profiles$\ROZENCAM\My Documents\My Music\desktop.ini</t>
  </si>
  <si>
    <t>01/20/2020 07:15:18</t>
  </si>
  <si>
    <t>01/20/2020 07:15:19</t>
  </si>
  <si>
    <t>01/20/2020 07:15:20</t>
  </si>
  <si>
    <t>\\acsfs\profiles$\ROZENCAM\Searches\</t>
  </si>
  <si>
    <t>\\acsfs\profiles$\ROZENCAM\Searches\desktop.ini</t>
  </si>
  <si>
    <t>01/20/2020 07:15:21</t>
  </si>
  <si>
    <t>\\acsfs\profiles$\ROZENCAM\Downloads\desktop.ini</t>
  </si>
  <si>
    <t>01/20/2020 07:15:22</t>
  </si>
  <si>
    <t>01/20/2020 07:15:23</t>
  </si>
  <si>
    <t>\\acsfs\profiles$\ROZENCAM\My Documents\</t>
  </si>
  <si>
    <t>\\acsfs\profiles$\ROZENCAM\My Documents\desktop.ini</t>
  </si>
  <si>
    <t>01/20/2020 07:15:24</t>
  </si>
  <si>
    <t>01/20/2020 07:15:25</t>
  </si>
  <si>
    <t>01/20/2020 07:15:26</t>
  </si>
  <si>
    <t>\\acsfs\profiles$\ROZENCAM\Saved Games\</t>
  </si>
  <si>
    <t>\\acsfs\profiles$\ROZENCAM\Saved Games\desktop.ini</t>
  </si>
  <si>
    <t>01/20/2020 07:15:27</t>
  </si>
  <si>
    <t>01/20/2020 07:16:05</t>
  </si>
  <si>
    <t>01/20/2020 07:16:06</t>
  </si>
  <si>
    <t>01/20/2020 07:16:07</t>
  </si>
  <si>
    <t>01/20/2020 07:16:08</t>
  </si>
  <si>
    <t>01/20/2020 07:16:09</t>
  </si>
  <si>
    <t>01/20/2020 07:16:10</t>
  </si>
  <si>
    <t>01/20/2020 07:16:11</t>
  </si>
  <si>
    <t>01/20/2020 07:16:12</t>
  </si>
  <si>
    <t>01/20/2020 07:16:13</t>
  </si>
  <si>
    <t>01/20/2020 07:16:14</t>
  </si>
  <si>
    <t>01/20/2020 07:16:15</t>
  </si>
  <si>
    <t>01/20/2020 07:16:16</t>
  </si>
  <si>
    <t>01/20/2020 07:16:19</t>
  </si>
  <si>
    <t>01/20/2020 07:16:21</t>
  </si>
  <si>
    <t>01/20/2020 07:16:22</t>
  </si>
  <si>
    <t>01/20/2020 07:16:23</t>
  </si>
  <si>
    <t>01/20/2020 07:16:24</t>
  </si>
  <si>
    <t>01/20/2020 07:16:26</t>
  </si>
  <si>
    <t>01/20/2020 07:16:28</t>
  </si>
  <si>
    <t>01/20/2020 07:16:29</t>
  </si>
  <si>
    <t>01/20/2020 07:16:31</t>
  </si>
  <si>
    <t>01/20/2020 07:16:33</t>
  </si>
  <si>
    <t>01/20/2020 07:16:34</t>
  </si>
  <si>
    <t>01/20/2020 07:16:35</t>
  </si>
  <si>
    <t>01/20/2020 07:16:36</t>
  </si>
  <si>
    <t>01/20/2020 07:16:39</t>
  </si>
  <si>
    <t>01/20/2020 07:16:41</t>
  </si>
  <si>
    <t>01/20/2020 07:16:54</t>
  </si>
  <si>
    <t>\\acsfs\profiles$\ROZENCAM\Favorites\Links for Brasil\</t>
  </si>
  <si>
    <t>\\acsfs\profiles$\ROZENCAM\Favorites\Links for Brasil\desktop.ini</t>
  </si>
  <si>
    <t>01/20/2020 07:16:57</t>
  </si>
  <si>
    <t>\\acsfs\profiles$\ROZENCAM\Favorites\Links for Brasil\Microsoft Brasil.url</t>
  </si>
  <si>
    <t>\\acsfs\profiles$\ROZENCAM\Favorites\Links for Brasil\Windows Brasil.url</t>
  </si>
  <si>
    <t>01/20/2020 07:16:58</t>
  </si>
  <si>
    <t>01/20/2020 07:16:59</t>
  </si>
  <si>
    <t>\\acsfs\profiles$\ROZENCAM\Favorites\Links for Brasil\MSN Brasil.url</t>
  </si>
  <si>
    <t>01/20/2020 07:19:17</t>
  </si>
  <si>
    <t>69897dd3-217b-42f8-8809-35ab7cff5b81.tmp</t>
  </si>
  <si>
    <t>\\acsfs\profiles$\inarajst\Downloads\69897dd3-217b-42f8-8809-35ab7cff5b81.tmp</t>
  </si>
  <si>
    <t>b202f2ee-f1d6-40a2-ad28-a5e7caf66bf1.tmp</t>
  </si>
  <si>
    <t>\\acsfs\profiles$\inarajst\Downloads\b202f2ee-f1d6-40a2-ad28-a5e7caf66bf1.tmp</t>
  </si>
  <si>
    <t>01/20/2020 07:16:44</t>
  </si>
  <si>
    <t>77a32523-29f1-44c6-9e41-c2126020a529.tmp</t>
  </si>
  <si>
    <t>\\acsfs\profiles$\inarajst\Downloads\77a32523-29f1-44c6-9e41-c2126020a529.tmp</t>
  </si>
  <si>
    <t>01/20/2020 07:16:48</t>
  </si>
  <si>
    <t>23cceb11-dea6-4234-93fc-cf84c07d59ff.tmp</t>
  </si>
  <si>
    <t>\\acsfs\profiles$\inarajst\Downloads\23cceb11-dea6-4234-93fc-cf84c07d59ff.tmp</t>
  </si>
  <si>
    <t>01/20/2020 07:17:03</t>
  </si>
  <si>
    <t>0ab0b7de-2f41-4a41-8c3a-d31837318555.tmp</t>
  </si>
  <si>
    <t>\\acsfs\profiles$\inarajst\Downloads\0ab0b7de-2f41-4a41-8c3a-d31837318555.tmp</t>
  </si>
  <si>
    <t>01/20/2020 07:16:37</t>
  </si>
  <si>
    <t>01/20/2020 07:17:40</t>
  </si>
  <si>
    <t>01/20/2020 07:20:18</t>
  </si>
  <si>
    <t>https://portalth.algarnet.com.br/webponto/just_user/incluirmarcacaoonline.asp</t>
  </si>
  <si>
    <t>01/20/2020 07:21:17</t>
  </si>
  <si>
    <t>01/20/2020 07:17:55</t>
  </si>
  <si>
    <t>01/20/2020 07:22:18</t>
  </si>
  <si>
    <t>https://udpmailboxap01.acs.com.br:8443/h/search?si=1&amp;so=0&amp;sc=78278&amp;st=conversation&amp;action=compose&amp;paction=paneview2</t>
  </si>
  <si>
    <t>01/20/2020 07:18:24</t>
  </si>
  <si>
    <t>01/20/2020 07:19:54</t>
  </si>
  <si>
    <t>01/20/2020 07:20:24</t>
  </si>
  <si>
    <t>01/20/2020 07:20:54</t>
  </si>
  <si>
    <t>01/20/2020 07:19:33</t>
  </si>
  <si>
    <t>01/20/2020 07:23:18</t>
  </si>
  <si>
    <t>01/20/2020 07:19:08</t>
  </si>
  <si>
    <t>01/20/2020 07:24:17</t>
  </si>
  <si>
    <t>f92554db-d227-4958-b3d6-9f817d380481.tmp</t>
  </si>
  <si>
    <t>\\acsfs\profiles$\inarajst\Downloads\f92554db-d227-4958-b3d6-9f817d380481.tmp</t>
  </si>
  <si>
    <t>01/20/2020 07:19:12</t>
  </si>
  <si>
    <t>f921611a-1e3f-4942-b31e-667863494321.tmp</t>
  </si>
  <si>
    <t>\\acsfs\profiles$\inarajst\Downloads\f921611a-1e3f-4942-b31e-667863494321.tmp</t>
  </si>
  <si>
    <t>46df3483-17aa-4f5e-9af1-b2cc04203bcc.tmp</t>
  </si>
  <si>
    <t>\\acsfs\profiles$\inarajst\Downloads\46df3483-17aa-4f5e-9af1-b2cc04203bcc.tmp</t>
  </si>
  <si>
    <t>01/20/2020 07:19:19</t>
  </si>
  <si>
    <t>fb8c99b5-05c0-4f87-8516-f19c172be121.tmp</t>
  </si>
  <si>
    <t>\\acsfs\profiles$\inarajst\Downloads\fb8c99b5-05c0-4f87-8516-f19c172be121.tmp</t>
  </si>
  <si>
    <t>01/20/2020 07:20:43</t>
  </si>
  <si>
    <t>01/20/2020 07:25:18</t>
  </si>
  <si>
    <t>lu216162ur7qk.tmp</t>
  </si>
  <si>
    <t>\\acsfs\profiles$\BRUNAAR\Numero\lu216162ur7qk.tmp</t>
  </si>
  <si>
    <t>01/20/2020 07:21:29</t>
  </si>
  <si>
    <t>lu216162ur7qo.tmp</t>
  </si>
  <si>
    <t>\\acsfs\profiles$\BRUNAAR\Numero\lu216162ur7qo.tmp</t>
  </si>
  <si>
    <t>01/20/2020 07:22:44</t>
  </si>
  <si>
    <t>01/20/2020 07:26:17</t>
  </si>
  <si>
    <t>21a82e35-d56d-443b-bb52-d7908c1d3e8b.tmp</t>
  </si>
  <si>
    <t>\\acsfs\profiles$\mariajra\Downloads\21a82e35-d56d-443b-bb52-d7908c1d3e8b.tmp</t>
  </si>
  <si>
    <t>01/20/2020 07:23:37</t>
  </si>
  <si>
    <t>01/20/2020 07:27:18</t>
  </si>
  <si>
    <t>01/20/2020 07:25:32</t>
  </si>
  <si>
    <t>01/20/2020 07:25:33</t>
  </si>
  <si>
    <t>01/20/2020 07:25:34</t>
  </si>
  <si>
    <t>01/20/2020 07:25:35</t>
  </si>
  <si>
    <t>01/20/2020 07:25:36</t>
  </si>
  <si>
    <t>01/20/2020 07:25:37</t>
  </si>
  <si>
    <t>01/20/2020 07:25:38</t>
  </si>
  <si>
    <t>01/20/2020 07:25:39</t>
  </si>
  <si>
    <t>01/20/2020 07:25:40</t>
  </si>
  <si>
    <t>01/20/2020 07:25:41</t>
  </si>
  <si>
    <t>01/20/2020 07:25:42</t>
  </si>
  <si>
    <t>01/20/2020 07:25:43</t>
  </si>
  <si>
    <t>01/20/2020 07:25:44</t>
  </si>
  <si>
    <t>01/20/2020 07:25:45</t>
  </si>
  <si>
    <t>01/20/2020 07:25:46</t>
  </si>
  <si>
    <t>01/20/2020 07:28:17</t>
  </si>
  <si>
    <t>01/20/2020 07:25:47</t>
  </si>
  <si>
    <t>01/20/2020 07:25:48</t>
  </si>
  <si>
    <t>01/20/2020 07:25:49</t>
  </si>
  <si>
    <t>01/20/2020 07:25:50</t>
  </si>
  <si>
    <t>01/20/2020 07:25:23</t>
  </si>
  <si>
    <t>01/20/2020 07:25:24</t>
  </si>
  <si>
    <t>01/20/2020 07:25:51</t>
  </si>
  <si>
    <t>01/20/2020 07:25:52</t>
  </si>
  <si>
    <t>01/20/2020 07:25:53</t>
  </si>
  <si>
    <t>01/20/2020 07:25:54</t>
  </si>
  <si>
    <t>01/20/2020 07:25:55</t>
  </si>
  <si>
    <t>01/20/2020 07:25:56</t>
  </si>
  <si>
    <t>01/20/2020 07:25:57</t>
  </si>
  <si>
    <t>01/20/2020 07:25:58</t>
  </si>
  <si>
    <t>01/20/2020 07:25:59</t>
  </si>
  <si>
    <t>0474dce6-f3c2-4a7c-b77c-e503b53172a4.tmp</t>
  </si>
  <si>
    <t>\\acsfs\profiles$\claudiajca\Downloads\0474dce6-f3c2-4a7c-b77c-e503b53172a4.tmp</t>
  </si>
  <si>
    <t>b524abe5-7a31-4e79-8e27-45b181fe3f28.tmp</t>
  </si>
  <si>
    <t>\\acsfs\profiles$\claudiajca\Downloads\b524abe5-7a31-4e79-8e27-45b181fe3f28.tmp</t>
  </si>
  <si>
    <t>01/20/2020 07:28:19</t>
  </si>
  <si>
    <t>01/20/2020 07:29:17</t>
  </si>
  <si>
    <t>01/20/2020 07:26:07</t>
  </si>
  <si>
    <t>01/20/2020 07:30:17</t>
  </si>
  <si>
    <t>3b215dd9-45b0-4811-8700-c086f8756491.tmp</t>
  </si>
  <si>
    <t>\\acsfs\profiles$\dhiulliananads\Downloads\3b215dd9-45b0-4811-8700-c086f8756491.tmp</t>
  </si>
  <si>
    <t>01/20/2020 07:26:53</t>
  </si>
  <si>
    <t>01/20/2020 07:27:07</t>
  </si>
  <si>
    <t>bf07989f-0c0e-4da3-afdb-4e2f0e3ae6f5.tmp</t>
  </si>
  <si>
    <t>\\acsfs\profiles$\dhiulliananads\Downloads\bf07989f-0c0e-4da3-afdb-4e2f0e3ae6f5.tmp</t>
  </si>
  <si>
    <t>01/20/2020 07:29:32</t>
  </si>
  <si>
    <t>01/20/2020 07:30:05</t>
  </si>
  <si>
    <t>01/20/2020 07:31:18</t>
  </si>
  <si>
    <t>484d15e0-b18b-445c-91bf-fb65d34db3f8.tmp</t>
  </si>
  <si>
    <t>\\acsfs\profiles$\sarahbal\Downloads\484d15e0-b18b-445c-91bf-fb65d34db3f8.tmp</t>
  </si>
  <si>
    <t>01/20/2020 07:28:29</t>
  </si>
  <si>
    <t>3f01df2c-3f42-488f-96ba-2f68ac5d5938.tmp</t>
  </si>
  <si>
    <t>\\acsfs\profiles$\sarahbal\Downloads\3f01df2c-3f42-488f-96ba-2f68ac5d5938.tmp</t>
  </si>
  <si>
    <t>51f74ec7-3337-4f55-bdc1-12f72678948c.tmp</t>
  </si>
  <si>
    <t>\\acsfs\profiles$\sarahbal\Downloads\51f74ec7-3337-4f55-bdc1-12f72678948c.tmp</t>
  </si>
  <si>
    <t>01/20/2020 07:30:00</t>
  </si>
  <si>
    <t>25b14571-fb62-4536-9ad5-000de05df111.tmp</t>
  </si>
  <si>
    <t>\\acsfs\profiles$\sarahbal\Downloads\25b14571-fb62-4536-9ad5-000de05df111.tmp</t>
  </si>
  <si>
    <t>01/20/2020 07:32:18</t>
  </si>
  <si>
    <t>01/20/2020 07:30:59</t>
  </si>
  <si>
    <t>01/20/2020 07:33:17</t>
  </si>
  <si>
    <t>01/20/2020 07:28:48</t>
  </si>
  <si>
    <t>01/20/2020 07:29:19</t>
  </si>
  <si>
    <t>9023cac7-e89a-4420-af7b-bb8fe40ac596.tmp</t>
  </si>
  <si>
    <t>\\acsfs\profiles$\rafaelamsv\Downloads\9023cac7-e89a-4420-af7b-bb8fe40ac596.tmp</t>
  </si>
  <si>
    <t>e90f7841-1d9d-460f-b9b5-3c20e9491062.tmp</t>
  </si>
  <si>
    <t>\\acsfs\profiles$\rafaelamsv\Downloads\e90f7841-1d9d-460f-b9b5-3c20e9491062.tmp</t>
  </si>
  <si>
    <t>01/20/2020 07:32:24</t>
  </si>
  <si>
    <t>01/20/2020 07:29:59</t>
  </si>
  <si>
    <t>01/20/2020 07:34:18</t>
  </si>
  <si>
    <t>01/20/2020 07:35:17</t>
  </si>
  <si>
    <t>01/20/2020 07:29:57</t>
  </si>
  <si>
    <t>01/20/2020 07:33:59</t>
  </si>
  <si>
    <t>eb876e88-7c3e-496d-a74a-fa9e9ba46a88.tmp</t>
  </si>
  <si>
    <t>\\acsfs\profiles$\marcosvnds\Downloads\eb876e88-7c3e-496d-a74a-fa9e9ba46a88.tmp</t>
  </si>
  <si>
    <t>a9861074-78a2-43a6-8c55-fc0273e2c062.tmp</t>
  </si>
  <si>
    <t>\\acsfs\profiles$\marcosvnds\Downloads\a9861074-78a2-43a6-8c55-fc0273e2c062.tmp</t>
  </si>
  <si>
    <t>01/20/2020 07:34:25</t>
  </si>
  <si>
    <t>b65dead3-0c30-4ed7-aa5d-e56e625f5334.tmp</t>
  </si>
  <si>
    <t>\\acsfs\profiles$\marcosvnds\Downloads\b65dead3-0c30-4ed7-aa5d-e56e625f5334.tmp</t>
  </si>
  <si>
    <t>01/20/2020 07:36:18</t>
  </si>
  <si>
    <t>01/20/2020 07:32:44</t>
  </si>
  <si>
    <t>01/20/2020 07:37:17</t>
  </si>
  <si>
    <t>01/20/2020 07:32:45</t>
  </si>
  <si>
    <t>01/20/2020 07:32:46</t>
  </si>
  <si>
    <t>01/20/2020 07:32:47</t>
  </si>
  <si>
    <t>01/20/2020 07:32:48</t>
  </si>
  <si>
    <t>01/20/2020 07:32:49</t>
  </si>
  <si>
    <t>01/20/2020 07:32:50</t>
  </si>
  <si>
    <t>01/20/2020 07:32:51</t>
  </si>
  <si>
    <t>01/20/2020 07:32:52</t>
  </si>
  <si>
    <t>01/20/2020 07:32:53</t>
  </si>
  <si>
    <t>01/20/2020 07:32:54</t>
  </si>
  <si>
    <t>01/20/2020 07:32:55</t>
  </si>
  <si>
    <t>01/20/2020 07:32:56</t>
  </si>
  <si>
    <t>01/20/2020 07:32:57</t>
  </si>
  <si>
    <t>01/20/2020 07:32:58</t>
  </si>
  <si>
    <t>01/20/2020 07:32:59</t>
  </si>
  <si>
    <t>01/20/2020 07:33:00</t>
  </si>
  <si>
    <t>01/20/2020 07:33:01</t>
  </si>
  <si>
    <t>01/20/2020 07:33:02</t>
  </si>
  <si>
    <t>01/20/2020 07:33:03</t>
  </si>
  <si>
    <t>01/20/2020 07:33:04</t>
  </si>
  <si>
    <t>01/20/2020 07:33:05</t>
  </si>
  <si>
    <t>01/20/2020 07:33:06</t>
  </si>
  <si>
    <t>01/20/2020 07:33:07</t>
  </si>
  <si>
    <t>01/20/2020 07:33:08</t>
  </si>
  <si>
    <t>01/20/2020 07:33:09</t>
  </si>
  <si>
    <t>01/20/2020 07:33:10</t>
  </si>
  <si>
    <t>01/20/2020 07:33:11</t>
  </si>
  <si>
    <t>01/20/2020 07:33:24</t>
  </si>
  <si>
    <t>01/20/2020 07:33:54</t>
  </si>
  <si>
    <t>01/20/2020 07:36:28</t>
  </si>
  <si>
    <t>2798088f-1d1c-4cc3-8bee-36e2c92bb8ef.tmp</t>
  </si>
  <si>
    <t>\\acsfs\profiles$\vivianalds\Downloads\2798088f-1d1c-4cc3-8bee-36e2c92bb8ef.tmp</t>
  </si>
  <si>
    <t>01/20/2020 07:35:50</t>
  </si>
  <si>
    <t>01/20/2020 07:40:18</t>
  </si>
  <si>
    <t>d737c422-95c6-4460-b694-29bd9b7e894e.tmp</t>
  </si>
  <si>
    <t>\\acsfs\profiles$\marcosvnds\Downloads\d737c422-95c6-4460-b694-29bd9b7e894e.tmp</t>
  </si>
  <si>
    <t>01/20/2020 07:36:10</t>
  </si>
  <si>
    <t>eb3d405a-873a-4044-aca4-02854d6a3b49.tmp</t>
  </si>
  <si>
    <t>\\acsfs\profiles$\marcosvnds\Downloads\eb3d405a-873a-4044-aca4-02854d6a3b49.tmp</t>
  </si>
  <si>
    <t>01/20/2020 07:41:17</t>
  </si>
  <si>
    <t>01/20/2020 07:39:54</t>
  </si>
  <si>
    <t>01/20/2020 07:42:18</t>
  </si>
  <si>
    <t>01/20/2020 07:40:24</t>
  </si>
  <si>
    <t>01/20/2020 07:40:54</t>
  </si>
  <si>
    <t>01/20/2020 07:41:24</t>
  </si>
  <si>
    <t>01/20/2020 07:37:56</t>
  </si>
  <si>
    <t>dd4bc632-fdf7-449f-bdf4-fb6882bf6190.tmp</t>
  </si>
  <si>
    <t>\\acsfs\profiles$\vivianalds\Downloads\dd4bc632-fdf7-449f-bdf4-fb6882bf6190.tmp</t>
  </si>
  <si>
    <t>01/20/2020 07:40:06</t>
  </si>
  <si>
    <t>01/20/2020 07:40:08</t>
  </si>
  <si>
    <t>lu10556ftvj.tmp</t>
  </si>
  <si>
    <t>\\acsfs\profiles$\VIVIANALDS\My Documents\lu10556ftvj.tmp</t>
  </si>
  <si>
    <t>\\acsfs\profiles$\VIVIANALDS\My Documents\lu10556ftvj.tmp\</t>
  </si>
  <si>
    <t>\\acsfs\profiles$\VIVIANALDS\My Documents\lu10556ftvj.tmp\META-INF\</t>
  </si>
  <si>
    <t>\\acsfs\profiles$\VIVIANALDS\My Documents\lu10556ftvj.tmp\Thumbnails\</t>
  </si>
  <si>
    <t>01/20/2020 07:38:52</t>
  </si>
  <si>
    <t>01/20/2020 07:43:18</t>
  </si>
  <si>
    <t>01/20/2020 07:39:14</t>
  </si>
  <si>
    <t>01/20/2020 07:44:18</t>
  </si>
  <si>
    <t>01/20/2020 07:38:42</t>
  </si>
  <si>
    <t>01/20/2020 07:41:37</t>
  </si>
  <si>
    <t>01/20/2020 07:39:37</t>
  </si>
  <si>
    <t>01/20/2020 07:45:17</t>
  </si>
  <si>
    <t>01/20/2020 07:43:27</t>
  </si>
  <si>
    <t>01/20/2020 07:46:18</t>
  </si>
  <si>
    <t>01/20/2020 07:43:54</t>
  </si>
  <si>
    <t>01/20/2020 07:47:18</t>
  </si>
  <si>
    <t>01/20/2020 07:44:24</t>
  </si>
  <si>
    <t>01/20/2020 07:45:54</t>
  </si>
  <si>
    <t>01/20/2020 07:46:10</t>
  </si>
  <si>
    <t>01/20/2020 07:46:50</t>
  </si>
  <si>
    <t>c0f1accd-a006-40bd-85f1-4420dc411242.tmp</t>
  </si>
  <si>
    <t>\\acsfs\profiles$\wenderbnm\Downloads\c0f1accd-a006-40bd-85f1-4420dc411242.tmp</t>
  </si>
  <si>
    <t>01/20/2020 07:49:17</t>
  </si>
  <si>
    <t>01/20/2020 07:47:27</t>
  </si>
  <si>
    <t>255f5807-f512-4b17-b7c5-7f2f6637b57a.tmp</t>
  </si>
  <si>
    <t>\\acsfs\profiles$\anafsb\Downloads\255f5807-f512-4b17-b7c5-7f2f6637b57a.tmp</t>
  </si>
  <si>
    <t>01/20/2020 07:47:44</t>
  </si>
  <si>
    <t>01/20/2020 07:50:18</t>
  </si>
  <si>
    <t>01/20/2020 07:47:49</t>
  </si>
  <si>
    <t>01/20/2020 07:47:52</t>
  </si>
  <si>
    <t>01/20/2020 07:46:32</t>
  </si>
  <si>
    <t>01/20/2020 07:51:17</t>
  </si>
  <si>
    <t>01/20/2020 07:51:11</t>
  </si>
  <si>
    <t>01/20/2020 07:51:34</t>
  </si>
  <si>
    <t>01/20/2020 07:52:17</t>
  </si>
  <si>
    <t>45a0169b-60ea-40c3-9021-839407620928.tmp</t>
  </si>
  <si>
    <t>\\acsfs\profiles$\lorrainerdl\Downloads\45a0169b-60ea-40c3-9021-839407620928.tmp</t>
  </si>
  <si>
    <t>01/20/2020 07:48:02</t>
  </si>
  <si>
    <t>7d86c9a7-85e7-44ba-83ef-16796c7be382.tmp</t>
  </si>
  <si>
    <t>\\acsfs\profiles$\wenderbnm\Downloads\7d86c9a7-85e7-44ba-83ef-16796c7be382.tmp</t>
  </si>
  <si>
    <t>01/20/2020 07:52:08</t>
  </si>
  <si>
    <t>01/20/2020 07:49:11</t>
  </si>
  <si>
    <t>01/20/2020 07:54:17</t>
  </si>
  <si>
    <t>e1173df0-d51c-4124-946d-7b2b4b709274.tmp</t>
  </si>
  <si>
    <t>\\acsfs\profiles$\felipetds\Downloads\e1173df0-d51c-4124-946d-7b2b4b709274.tmp</t>
  </si>
  <si>
    <t>01/20/2020 07:50:07</t>
  </si>
  <si>
    <t>1025edeb-4892-4ee6-ab3b-17097919bd7f.tmp</t>
  </si>
  <si>
    <t>\\acsfs\profiles$\felipetds\Downloads\1025edeb-4892-4ee6-ab3b-17097919bd7f.tmp</t>
  </si>
  <si>
    <t>01/20/2020 07:49:01</t>
  </si>
  <si>
    <t>\\acsfs\profiles$\valeriasda\My Documents\My Pictures\</t>
  </si>
  <si>
    <t>\\acsfs\profiles$\valeriasda\My Documents\My Videos\desktop.ini</t>
  </si>
  <si>
    <t>01/20/2020 07:49:20</t>
  </si>
  <si>
    <t>\\acsfs\profiles$\valeriasda\My Documents\My Videos\</t>
  </si>
  <si>
    <t>01/20/2020 07:49:21</t>
  </si>
  <si>
    <t>01/20/2020 07:49:22</t>
  </si>
  <si>
    <t>01/20/2020 07:49:23</t>
  </si>
  <si>
    <t>01/20/2020 07:49:24</t>
  </si>
  <si>
    <t>\\acsfs\profiles$\valeriasda\My Documents\My Music\</t>
  </si>
  <si>
    <t>\\acsfs\profiles$\valeriasda\My Documents\My Pictures\desktop.ini</t>
  </si>
  <si>
    <t>01/20/2020 07:49:25</t>
  </si>
  <si>
    <t>01/20/2020 07:49:26</t>
  </si>
  <si>
    <t>01/20/2020 07:49:27</t>
  </si>
  <si>
    <t>\\acsfs\profiles$\valeriasda\Contacts\</t>
  </si>
  <si>
    <t>\\acsfs\profiles$\valeriasda\Contacts\desktop.ini</t>
  </si>
  <si>
    <t>01/20/2020 07:49:28</t>
  </si>
  <si>
    <t>01/20/2020 07:49:30</t>
  </si>
  <si>
    <t>01/20/2020 07:49:31</t>
  </si>
  <si>
    <t>01/20/2020 07:49:32</t>
  </si>
  <si>
    <t>01/20/2020 07:49:33</t>
  </si>
  <si>
    <t>01/20/2020 07:49:34</t>
  </si>
  <si>
    <t>\\acsfs\profiles$\valeriasda\Favorites\desktop.ini</t>
  </si>
  <si>
    <t>01/20/2020 07:49:35</t>
  </si>
  <si>
    <t>01/20/2020 07:49:37</t>
  </si>
  <si>
    <t>01/20/2020 07:49:39</t>
  </si>
  <si>
    <t>01/20/2020 07:49:42</t>
  </si>
  <si>
    <t>01/20/2020 07:49:43</t>
  </si>
  <si>
    <t>01/20/2020 07:49:44</t>
  </si>
  <si>
    <t>\\acsfs\profiles$\valeriasda\My Documents\My Music\desktop.ini</t>
  </si>
  <si>
    <t>01/20/2020 07:49:46</t>
  </si>
  <si>
    <t>01/20/2020 07:49:47</t>
  </si>
  <si>
    <t>01/20/2020 07:49:48</t>
  </si>
  <si>
    <t>01/20/2020 07:49:50</t>
  </si>
  <si>
    <t>\\acsfs\profiles$\valeriasda\Searches\</t>
  </si>
  <si>
    <t>\\acsfs\profiles$\valeriasda\Searches\desktop.ini</t>
  </si>
  <si>
    <t>01/20/2020 07:49:51</t>
  </si>
  <si>
    <t>01/20/2020 07:49:52</t>
  </si>
  <si>
    <t>01/20/2020 07:49:53</t>
  </si>
  <si>
    <t>01/20/2020 07:49:54</t>
  </si>
  <si>
    <t>\\acsfs\profiles$\valeriasda\Downloads\desktop.ini</t>
  </si>
  <si>
    <t>01/20/2020 07:49:55</t>
  </si>
  <si>
    <t>01/20/2020 07:49:56</t>
  </si>
  <si>
    <t>\\acsfs\profiles$\valeriasda\Favorites\</t>
  </si>
  <si>
    <t>\\acsfs\profiles$\valeriasda\My Documents\desktop.ini</t>
  </si>
  <si>
    <t>01/20/2020 07:49:57</t>
  </si>
  <si>
    <t>01/20/2020 07:49:58</t>
  </si>
  <si>
    <t>01/20/2020 07:50:00</t>
  </si>
  <si>
    <t>01/20/2020 07:50:02</t>
  </si>
  <si>
    <t>01/20/2020 07:50:03</t>
  </si>
  <si>
    <t>\\acsfs\profiles$\valeriasda\Saved Games\desktop.ini</t>
  </si>
  <si>
    <t>01/20/2020 07:50:05</t>
  </si>
  <si>
    <t>01/20/2020 07:50:22</t>
  </si>
  <si>
    <t>winrt--{S-1-5-21-602162358-764733703-839522115-352947}-.searchconnector-ms</t>
  </si>
  <si>
    <t>\\acsfs\profiles$\valeriasda\Searches\winrt--{S-1-5-21-602162358-764733703-839522115-352947}-.searchconnector-ms</t>
  </si>
  <si>
    <t>01/20/2020 07:52:15</t>
  </si>
  <si>
    <t>01/20/2020 07:55:18</t>
  </si>
  <si>
    <t>1f54eb7b-8195-4f17-af94-fb30d2fa6b8f.tmp</t>
  </si>
  <si>
    <t>\\acsfs\profiles$\dhiulliananads\Downloads\1f54eb7b-8195-4f17-af94-fb30d2fa6b8f.tmp</t>
  </si>
  <si>
    <t>01/20/2020 07:50:24</t>
  </si>
  <si>
    <t>01/20/2020 07:50:41</t>
  </si>
  <si>
    <t>01/20/2020 07:51:27</t>
  </si>
  <si>
    <t>01/20/2020 07:53:10</t>
  </si>
  <si>
    <t>01/20/2020 07:53:12</t>
  </si>
  <si>
    <t>01/20/2020 07:53:26</t>
  </si>
  <si>
    <t>01/20/2020 07:54:43</t>
  </si>
  <si>
    <t>01/20/2020 07:50:13</t>
  </si>
  <si>
    <t>01/20/2020 07:50:28</t>
  </si>
  <si>
    <t>mail.google.com/sync/u/0/i/s?hl=pt-BR&amp;c=1346</t>
  </si>
  <si>
    <t>01/20/2020 07:50:38</t>
  </si>
  <si>
    <t>01/20/2020 07:53:09</t>
  </si>
  <si>
    <t>cceb97ea-2220-4f62-949c-fbac5f358414.tmp</t>
  </si>
  <si>
    <t>\\acsfs\profiles$\nayarasds\Downloads\cceb97ea-2220-4f62-949c-fbac5f358414.tmp</t>
  </si>
  <si>
    <t>01/20/2020 07:54:20</t>
  </si>
  <si>
    <t>efb1dfe6-dd97-4f92-9844-c6449b924e27.tmp</t>
  </si>
  <si>
    <t>\\acsfs\profiles$\nayarasds\Downloads\efb1dfe6-dd97-4f92-9844-c6449b924e27.tmp</t>
  </si>
  <si>
    <t>01/20/2020 07:54:26</t>
  </si>
  <si>
    <t>376465ff-9184-4b3a-bd1d-f2ce117a0374.tmp</t>
  </si>
  <si>
    <t>\\acsfs\profiles$\nayarasds\Downloads\376465ff-9184-4b3a-bd1d-f2ce117a0374.tmp</t>
  </si>
  <si>
    <t>01/20/2020 07:56:17</t>
  </si>
  <si>
    <t>01/20/2020 07:51:36</t>
  </si>
  <si>
    <t>01/20/2020 07:51:37</t>
  </si>
  <si>
    <t>01/20/2020 07:51:38</t>
  </si>
  <si>
    <t>01/20/2020 07:51:39</t>
  </si>
  <si>
    <t>01/20/2020 07:51:40</t>
  </si>
  <si>
    <t>01/20/2020 07:51:41</t>
  </si>
  <si>
    <t>01/20/2020 07:51:42</t>
  </si>
  <si>
    <t>01/20/2020 07:51:43</t>
  </si>
  <si>
    <t>01/20/2020 07:51:44</t>
  </si>
  <si>
    <t>01/20/2020 07:51:45</t>
  </si>
  <si>
    <t>01/20/2020 07:51:46</t>
  </si>
  <si>
    <t>01/20/2020 07:51:47</t>
  </si>
  <si>
    <t>01/20/2020 07:51:48</t>
  </si>
  <si>
    <t>01/20/2020 07:51:49</t>
  </si>
  <si>
    <t>01/20/2020 07:51:50</t>
  </si>
  <si>
    <t>01/20/2020 07:51:51</t>
  </si>
  <si>
    <t>01/20/2020 07:51:52</t>
  </si>
  <si>
    <t>01/20/2020 07:51:53</t>
  </si>
  <si>
    <t>01/20/2020 07:51:54</t>
  </si>
  <si>
    <t>01/20/2020 07:51:55</t>
  </si>
  <si>
    <t>01/20/2020 07:51:56</t>
  </si>
  <si>
    <t>01/20/2020 07:51:57</t>
  </si>
  <si>
    <t>01/20/2020 07:51:58</t>
  </si>
  <si>
    <t>ff78a31d-404f-45c9-a3fc-531f276c5911.tmp</t>
  </si>
  <si>
    <t>\\acsfs\profiles$\ERICALSR\Downloads\ff78a31d-404f-45c9-a3fc-531f276c5911.tmp</t>
  </si>
  <si>
    <t>01/20/2020 07:52:51</t>
  </si>
  <si>
    <t>37527893-d8ee-4f14-bcfd-13594c828575.tmp</t>
  </si>
  <si>
    <t>\\acsfs\profiles$\ERICALSR\Downloads\37527893-d8ee-4f14-bcfd-13594c828575.tmp</t>
  </si>
  <si>
    <t>01/20/2020 07:54:24</t>
  </si>
  <si>
    <t>01/20/2020 07:57:18</t>
  </si>
  <si>
    <t>01/20/2020 07:54:07</t>
  </si>
  <si>
    <t>01/20/2020 07:58:17</t>
  </si>
  <si>
    <t>01/20/2020 07:54:09</t>
  </si>
  <si>
    <t>01/20/2020 07:55:09</t>
  </si>
  <si>
    <t>01/20/2020 08:00:17</t>
  </si>
  <si>
    <t>01/20/2020 07:55:13</t>
  </si>
  <si>
    <t>01/20/2020 07:55:16</t>
  </si>
  <si>
    <t>01/20/2020 07:55:40</t>
  </si>
  <si>
    <t>01/20/2020 07:55:46</t>
  </si>
  <si>
    <t>01/20/2020 07:55:52</t>
  </si>
  <si>
    <t>01/20/2020 07:55:34</t>
  </si>
  <si>
    <t>a6dd7378-5c4d-4868-a388-fdaa95848d95.tmp</t>
  </si>
  <si>
    <t>\\acsfs\profiles$\marcosvnds\Downloads\a6dd7378-5c4d-4868-a388-fdaa95848d95.tmp</t>
  </si>
  <si>
    <t>01/20/2020 07:56:08</t>
  </si>
  <si>
    <t>cb965a43-5782-42c9-8f6f-bd6f0826e7c0.tmp</t>
  </si>
  <si>
    <t>\\acsfs\profiles$\nayarasds\Downloads\cb965a43-5782-42c9-8f6f-bd6f0826e7c0.tmp</t>
  </si>
  <si>
    <t>01/20/2020 07:55:50</t>
  </si>
  <si>
    <t>01/20/2020 08:01:18</t>
  </si>
  <si>
    <t>01/20/2020 08:00:10</t>
  </si>
  <si>
    <t>01/20/2020 07:57:57</t>
  </si>
  <si>
    <t>01/20/2020 08:02:17</t>
  </si>
  <si>
    <t>0f691ce9-69b6-4eb8-a734-3a1c0e64442d.tmp</t>
  </si>
  <si>
    <t>\\acsfs\profiles$\ANAPDSB\Downloads\0f691ce9-69b6-4eb8-a734-3a1c0e64442d.tmp</t>
  </si>
  <si>
    <t>01/20/2020 07:58:03</t>
  </si>
  <si>
    <t>01/20/2020 08:00:40</t>
  </si>
  <si>
    <t>01/20/2020 08:00:54</t>
  </si>
  <si>
    <t>c7d70825-084f-4f6e-9d77-828152a85438.tmp</t>
  </si>
  <si>
    <t>\\acsfs\profiles$\ANAPDSB\Downloads\c7d70825-084f-4f6e-9d77-828152a85438.tmp</t>
  </si>
  <si>
    <t>01/20/2020 08:01:05</t>
  </si>
  <si>
    <t>01/20/2020 07:59:57</t>
  </si>
  <si>
    <t>01/20/2020 08:00:29</t>
  </si>
  <si>
    <t>01/20/2020 08:03:17</t>
  </si>
  <si>
    <t>ulog_AcroARM2_Reader_22bb18ef-a0cc-4985-b2f1-d8449a05e1d0_3c36c16b-1fdb-4ff7-9b00-fe6752ca3ac9_0.log</t>
  </si>
  <si>
    <t>C:\Users\Jordanarb\AppData\Roaming\Adobe\LogTransport2\Logs\ulog_AcroARM2_Reader_22bb18ef-a0cc-4985-b2f1-d8449a05e1d0_3c36c16b-1fdb-4ff7-9b00-fe6752ca3ac9_0.log\</t>
  </si>
  <si>
    <t>01/20/2020 07:59:34</t>
  </si>
  <si>
    <t>01/20/2020 08:01:48</t>
  </si>
  <si>
    <t>bc2b3584-2947-4a93-ae26-7e1c2443ecd1.tmp</t>
  </si>
  <si>
    <t>\\acsfs\profiles$\maxmillianosv\Downloads\bc2b3584-2947-4a93-ae26-7e1c2443ecd1.tmp</t>
  </si>
  <si>
    <t>01/20/2020 07:58:27</t>
  </si>
  <si>
    <t>82c73928-4fd4-4112-a1a4-f1d6a44627fe.tmp</t>
  </si>
  <si>
    <t>\\acsfs\profiles$\paulovadc\Downloads\82c73928-4fd4-4112-a1a4-f1d6a44627fe.tmp</t>
  </si>
  <si>
    <t>01/20/2020 08:00:06</t>
  </si>
  <si>
    <t>134de75a-ed4f-4840-b9ab-cc3d4638f8f7.tmp</t>
  </si>
  <si>
    <t>\\acsfs\profiles$\paulovadc\Downloads\134de75a-ed4f-4840-b9ab-cc3d4638f8f7.tmp</t>
  </si>
  <si>
    <t>01/20/2020 07:59:07</t>
  </si>
  <si>
    <t>01/20/2020 08:04:17</t>
  </si>
  <si>
    <t>dbc20727-8fee-4f39-bdb4-d8368584c2fd.tmp</t>
  </si>
  <si>
    <t>\\acsfs\profiles$\luanarda\Downloads\dbc20727-8fee-4f39-bdb4-d8368584c2fd.tmp</t>
  </si>
  <si>
    <t>01/20/2020 08:01:24</t>
  </si>
  <si>
    <t>e5386b28-7829-437e-825d-c51943b56c3f.tmp</t>
  </si>
  <si>
    <t>\\acsfs\profiles$\luanarda\Downloads\e5386b28-7829-437e-825d-c51943b56c3f.tmp</t>
  </si>
  <si>
    <t>01/20/2020 08:02:35</t>
  </si>
  <si>
    <t>7b5f63d4-ed1a-4355-bf3e-ce0f6922b585.tmp</t>
  </si>
  <si>
    <t>\\acsfs\profiles$\geovannasm\Downloads\7b5f63d4-ed1a-4355-bf3e-ce0f6922b585.tmp</t>
  </si>
  <si>
    <t>01/20/2020 07:59:14</t>
  </si>
  <si>
    <t>f1c4e12e-94a0-45ea-bc09-bf909ff79f05.tmp</t>
  </si>
  <si>
    <t>\\acsfs\profiles$\geovannasm\Downloads\f1c4e12e-94a0-45ea-bc09-bf909ff79f05.tmp</t>
  </si>
  <si>
    <t>8bac4cdf-1d22-4e65-8592-a0bf9651db06.tmp</t>
  </si>
  <si>
    <t>\\acsfs\profiles$\geovannasm\Downloads\8bac4cdf-1d22-4e65-8592-a0bf9651db06.tmp</t>
  </si>
  <si>
    <t>01/20/2020 07:59:39</t>
  </si>
  <si>
    <t>79bb7745-2ffe-485e-9d58-6fa69fd3239d.tmp</t>
  </si>
  <si>
    <t>\\acsfs\profiles$\geovannasm\Downloads\79bb7745-2ffe-485e-9d58-6fa69fd3239d.tmp</t>
  </si>
  <si>
    <t>01/20/2020 07:59:45</t>
  </si>
  <si>
    <t>f17b50d8-56cf-49b5-a596-741ee56af94c.tmp</t>
  </si>
  <si>
    <t>\\acsfs\profiles$\geovannasm\Downloads\f17b50d8-56cf-49b5-a596-741ee56af94c.tmp</t>
  </si>
  <si>
    <t>01/20/2020 07:59:51</t>
  </si>
  <si>
    <t>cbd1eb72-8417-4e25-9fb7-0c5b599e7742.tmp</t>
  </si>
  <si>
    <t>\\acsfs\profiles$\geovannasm\Downloads\cbd1eb72-8417-4e25-9fb7-0c5b599e7742.tmp</t>
  </si>
  <si>
    <t>01/20/2020 07:59:13</t>
  </si>
  <si>
    <t>c7125c44-21f6-4da6-a6f1-5085533a0ad2.tmp</t>
  </si>
  <si>
    <t>\\acsfs\profiles$\RAFAELRF\Downloads\c7125c44-21f6-4da6-a6f1-5085533a0ad2.tmp</t>
  </si>
  <si>
    <t>01/20/2020 08:00:03</t>
  </si>
  <si>
    <t>dc175817-aef3-4d1a-9ae5-56a0d60d7163.tmp</t>
  </si>
  <si>
    <t>\\acsfs\profiles$\RAFAELRF\Downloads\dc175817-aef3-4d1a-9ae5-56a0d60d7163.tmp</t>
  </si>
  <si>
    <t>01/20/2020 08:01:00</t>
  </si>
  <si>
    <t>fc8a01be-0408-4fe9-8dac-6d132653975b.tmp</t>
  </si>
  <si>
    <t>\\acsfs\profiles$\RAFAELRF\Downloads\fc8a01be-0408-4fe9-8dac-6d132653975b.tmp</t>
  </si>
  <si>
    <t>01/20/2020 08:03:15</t>
  </si>
  <si>
    <t>01/20/2020 08:05:17</t>
  </si>
  <si>
    <t>e9039a84-071a-4dd4-ad3b-e24f092bf422.tmp</t>
  </si>
  <si>
    <t>\\acsfs\profiles$\wedersonbadr\My Documents\My Music\e9039a84-071a-4dd4-ad3b-e24f092bf422.tmp</t>
  </si>
  <si>
    <t>01/20/2020 08:02:19</t>
  </si>
  <si>
    <t>01/20/2020 08:02:31</t>
  </si>
  <si>
    <t>joaogvc@algartech.com;katia.cardoso@bv.com.br;marianadjc@algartech.com;planejamentodeoperacoesetrafego@bv.com.br;rafaelggs@algartech.com;raphaelmco@algartech.com.br;ricardodfm@algartech.com.br;taysdss@algartech.com;viniciussg@algartech.com;</t>
  </si>
  <si>
    <t>joaogvc@algartech.com,katia.cardoso@bv.com.br,marianadjc@algartech.com,planejamentodeoperacoesetrafego@bv.com.br,rafaelggs@algartech.com,raphaelmco@algartech.com.br,ricardodfm@algartech.com.br,taysdss@algartech.com,viniciussg@algartech.com</t>
  </si>
  <si>
    <t>01/20/2020 08:02:37</t>
  </si>
  <si>
    <t>01/20/2020 08:03:06</t>
  </si>
  <si>
    <t>01/20/2020 08:03:08</t>
  </si>
  <si>
    <t>01/20/2020 08:03:13</t>
  </si>
  <si>
    <t>01/20/2020 08:03:58</t>
  </si>
  <si>
    <t>01/20/2020 08:04:02</t>
  </si>
  <si>
    <t>01/20/2020 08:01:16</t>
  </si>
  <si>
    <t>01/20/2020 08:01:31</t>
  </si>
  <si>
    <t>01/20/2020 08:06:18</t>
  </si>
  <si>
    <t>5f315c6c-a08b-4831-8783-597f3c70ff2b.tmp</t>
  </si>
  <si>
    <t>\\acsfs\profiles$\DALVADFB\Downloads\5f315c6c-a08b-4831-8783-597f3c70ff2b.tmp</t>
  </si>
  <si>
    <t>01/20/2020 08:02:51</t>
  </si>
  <si>
    <t>50e1044c-9a6b-4cca-80ae-5d6c77ad8f82.tmp</t>
  </si>
  <si>
    <t>\\acsfs\profiles$\DALVADFB\Downloads\50e1044c-9a6b-4cca-80ae-5d6c77ad8f82.tmp</t>
  </si>
  <si>
    <t>01/20/2020 08:03:59</t>
  </si>
  <si>
    <t>01/20/2020 08:05:24</t>
  </si>
  <si>
    <t>01/20/2020 08:07:17</t>
  </si>
  <si>
    <t>01/20/2020 08:05:54</t>
  </si>
  <si>
    <t>01/20/2020 08:02:43</t>
  </si>
  <si>
    <t>01/20/2020 08:03:22</t>
  </si>
  <si>
    <t>lu10556ftxe.tmp</t>
  </si>
  <si>
    <t>\\acsfs\profiles$\VIVIANALDS\My Documents\lu10556ftxe.tmp</t>
  </si>
  <si>
    <t>\\acsfs\profiles$\VIVIANALDS\My Documents\lu10556ftxe.tmp\</t>
  </si>
  <si>
    <t>\\acsfs\profiles$\VIVIANALDS\My Documents\lu10556ftxe.tmp\META-INF\</t>
  </si>
  <si>
    <t>\\acsfs\profiles$\VIVIANALDS\My Documents\lu10556ftxe.tmp\Thumbnails\</t>
  </si>
  <si>
    <t>01/20/2020 08:03:24</t>
  </si>
  <si>
    <t>01/20/2020 08:03:25</t>
  </si>
  <si>
    <t>lu10556ftxi.tmp</t>
  </si>
  <si>
    <t>\\acsfs\profiles$\VIVIANALDS\My Documents\lu10556ftxi.tmp</t>
  </si>
  <si>
    <t>\\acsfs\profiles$\VIVIANALDS\My Documents\lu10556ftxi.tmp\</t>
  </si>
  <si>
    <t>\\acsfs\profiles$\VIVIANALDS\My Documents\lu10556ftxi.tmp\META-INF\</t>
  </si>
  <si>
    <t>\\acsfs\profiles$\VIVIANALDS\My Documents\lu10556ftxi.tmp\Thumbnails\</t>
  </si>
  <si>
    <t>01/20/2020 08:06:53</t>
  </si>
  <si>
    <t>01/20/2020 08:08:18</t>
  </si>
  <si>
    <t>01/20/2020 08:04:08</t>
  </si>
  <si>
    <t>01/20/2020 08:06:37</t>
  </si>
  <si>
    <t>01/20/2020 08:05:42</t>
  </si>
  <si>
    <t>01/20/2020 08:09:17</t>
  </si>
  <si>
    <t>01/20/2020 08:07:24</t>
  </si>
  <si>
    <t>01/20/2020 08:10:18</t>
  </si>
  <si>
    <t>01/20/2020 08:07:45</t>
  </si>
  <si>
    <t>01/20/2020 08:07:50</t>
  </si>
  <si>
    <t>01/20/2020 08:07:51</t>
  </si>
  <si>
    <t>01/20/2020 08:09:04</t>
  </si>
  <si>
    <t>01/20/2020 08:08:17</t>
  </si>
  <si>
    <t>\\acsfs\DEPTOS\Operacao\Banco_Votorantim\Supervisao\SUPERS BV CARTÕES\ADILSON\Reneg\</t>
  </si>
  <si>
    <t>Modelo Funil - Consolidado Reneg Jan.xlsx</t>
  </si>
  <si>
    <t>\\acsfs\DEPTOS\Operacao\Banco_Votorantim\Supervisao\SUPERS BV CARTÕES\ADILSON\Reneg\Modelo Funil - Consolidado Reneg Jan.xlsx</t>
  </si>
  <si>
    <t>01/20/2020 08:06:24</t>
  </si>
  <si>
    <t>69b4e861-cf47-4b68-bfa1-991048da2af5.tmp</t>
  </si>
  <si>
    <t>\\acsfs\profiles$\gabrielaff\Downloads\69b4e861-cf47-4b68-bfa1-991048da2af5.tmp</t>
  </si>
  <si>
    <t>01/20/2020 08:06:33</t>
  </si>
  <si>
    <t>f029b425-6e34-4f42-9d26-f34f31a8c5da.tmp</t>
  </si>
  <si>
    <t>\\acsfs\profiles$\gabrielaff\Downloads\f029b425-6e34-4f42-9d26-f34f31a8c5da.tmp</t>
  </si>
  <si>
    <t>01/20/2020 08:09:28</t>
  </si>
  <si>
    <t>4e282c41-7eae-4dc4-af2e-eef4292519e3.tmp</t>
  </si>
  <si>
    <t>\\acsfs\profiles$\gabrielaff\Downloads\4e282c41-7eae-4dc4-af2e-eef4292519e3.tmp</t>
  </si>
  <si>
    <t>01/20/2020 08:11:18</t>
  </si>
  <si>
    <t>01/20/2020 08:06:54</t>
  </si>
  <si>
    <t>01/20/2020 08:12:18</t>
  </si>
  <si>
    <t>01/20/2020 08:07:54</t>
  </si>
  <si>
    <t>01/20/2020 08:10:24</t>
  </si>
  <si>
    <t>01/20/2020 08:10:54</t>
  </si>
  <si>
    <t>01/20/2020 08:11:24</t>
  </si>
  <si>
    <t>01/20/2020 08:10:35</t>
  </si>
  <si>
    <t>01/20/2020 08:11:30</t>
  </si>
  <si>
    <t>01/20/2020 08:12:26</t>
  </si>
  <si>
    <t>01/20/2020 08:13:17</t>
  </si>
  <si>
    <t>01/20/2020 08:11:14</t>
  </si>
  <si>
    <t>01/20/2020 08:11:45</t>
  </si>
  <si>
    <t>01/20/2020 08:14:18</t>
  </si>
  <si>
    <t>http:///batch/drive/v2internal?%24ct=multipart%2Fmixed%3B%20boundary%3D%22%3D%3D%3D%3D%3Dp5rcl031fo96%3D%3D%3D%3D%3D%22&amp;key=AIzaSyAy9VVXHSpS2IJpptzYtGbLP3-3_l0aBk4</t>
  </si>
  <si>
    <t>01/20/2020 08:11:50</t>
  </si>
  <si>
    <t>http:///batch/drive/v2internal?%24ct=multipart%2Fmixed%3B%20boundary%3D%22%3D%3D%3D%3D%3D9r06ky2anc4r%3D%3D%3D%3D%3D%22&amp;key=AIzaSyAy9VVXHSpS2IJpptzYtGbLP3-3_l0aBk4</t>
  </si>
  <si>
    <t>01/20/2020 08:11:51</t>
  </si>
  <si>
    <t>http:///batch/drive/v2internal?%24ct=multipart%2Fmixed%3B%20boundary%3D%22%3D%3D%3D%3D%3Di3txv2juvxa5%3D%3D%3D%3D%3D%22&amp;key=AIzaSyAy9VVXHSpS2IJpptzYtGbLP3-3_l0aBk4</t>
  </si>
  <si>
    <t>01/20/2020 08:12:00</t>
  </si>
  <si>
    <t>http:///batch/drive/v2internal?%24ct=multipart%2Fmixed%3B%20boundary%3D%22%3D%3D%3D%3D%3Dw68jqnf5xenw%3D%3D%3D%3D%3D%22&amp;key=AIzaSyAy9VVXHSpS2IJpptzYtGbLP3-3_l0aBk4</t>
  </si>
  <si>
    <t>01/20/2020 08:12:01</t>
  </si>
  <si>
    <t>http:///batch/drive/v2internal?%24ct=multipart%2Fmixed%3B%20boundary%3D%22%3D%3D%3D%3D%3Dpshft5j5h6xc%3D%3D%3D%3D%3D%22&amp;key=AIzaSyAy9VVXHSpS2IJpptzYtGbLP3-3_l0aBk4</t>
  </si>
  <si>
    <t>01/20/2020 08:12:49</t>
  </si>
  <si>
    <t>0;0.371;0.371];0.668;0];1119934;1119994;1133789;11c5m9ycfufsc7krihjn5d9wg8jcyqlqk;12.854];1311374;1344469;1349384;135.741;1388000;1458239;1490604;15.344;15.344];15.552;15.552];1566309;1579518707089000];1579518710252000;1585419;16.82499999878928;1600];1600]];1635744;1904154;1];1ipcp90zh3bnlq_lev_j3ygnaupez3lrz;1jbixp8hst49gqxoi4tlhbh6bjz3hip_e;2.7649999829009175;2.764999��_x0019_�;200];21.464;21.464];21.7;21.7];2152494;2303034;2570084;27.77777777777778];2];3;33.212;33.212];36.380000005010515;37.100000015925616;39.80099502487562;3992744;4;4.515000007813796;4.6950000105425715;4.843;5.179999978281558;5.180000007385388;5.380000016884878;5.9849999961443245;576.7249999917112;589.8999999917578;6.009];6.105000007664785;6.275000021560118;642.7899999835063;655.4199999955017;655.6999999738764;655.8999999833759;655.9649999835528;682.249999983469;683.5599999758415;684.1499999864027;684.5999999786727;685.5299999879207;7;7.195000012870878;7.559999998193234;700";7114769;7117869;717.4299999896903;744.829999981448;745.2399999892805;7</t>
  </si>
  <si>
    <t>http://0,0.371,0.371],0.668,0],1119934,1119994,1133789,11c5m9ycfufsc7krihjn5d9wg8jcyqlqk,12.854],1311374,1344469,1349384,135.741,1388000,1458239,1490604,15.344,15.344],15.552,15.552],1566309,1579518707089000],1579518710252000,1585419,16.82499999878928,1600],1600]],1635744,1904154,1],1ipcp90zh3bnlq_lev_j3ygnaupez3lrz,1jbixp8hst49gqxoi4tlhbh6bjz3hip_e,2.7649999829009175,2.764999��_x0019_�,200],21.464,21.464],21.7,21.7],2152494,2303034,2570084,27.77777777777778],2],3,33.212,33.212],36.380000005010515,37.100000015925616,39.80099502487562,3992744,4,4.515000007813796,4.6950000105425715,4.843,5.179999978281558,5.180000007385388,5.380000016884878,5.9849999961443245,576.7249999917112,589.8999999917578,6.009],6.105000007664785,6.275000021560118,642.7899999835063,655.4199999955017,655.6999999738764,655.8999999833759,655.9649999835528,682.249999983469,683.5599999758415,684.1499999864027,684.5999999786727,685.5299999879207,7,7.195000012870878,7.559999998193234,700",7114769,7117869,717.4299999896903,744.829999981448,745.23999998</t>
  </si>
  <si>
    <t>0;0.371;0.371];0.668;0];104.93000000133179;1044.724999985192;1101.7899999860674;1119934;1119994;1133789;1159.734999993816;11c5m9ycfufsc7krihjn5d9wg8jcyqlqk;12.854];13.568;1311374;1316.9699999853037;1344469;1349384;135.741;1388000;1427.624999982072;1458239;1490604;15.344;15.344];15.552;15.552];1566309;1579518707089000];1579518710252000;1582.777];1585419;16.82499999878928;1600];1600]];1635744;1904154;1];1ipcp90zh3bnlq_lev_j3ygnaupez3lrz;1jbixp8hst49gqxoi4tlhbh6bjz3hip_e;2.7649999829009175;2.764999��_x0019_�;200];21.464;21.464];21.7;21.7];2152494;2303034;248.23999998625368;2570084;27.77777777777778];297.42499999701977;2];3;33.212;33.212];34.940000012284145;36.380000005010515;37.100000015925616;38.459];39.80099502487562;3992744;4;4.515000007813796;4.6950000105425715;4.714999988209456;4.843;5;5.179999978281558;5.180000007385388;5.380000016884878;5.9849999961443245;505.241;576.7249999917112;589.8999999917578;6.009];6.105000007664785;6.275000021560118;642.7899999835063;655.4199999955017;655.6999999738764;655.8999999833759</t>
  </si>
  <si>
    <t>http://0,0.371,0.371],0.668,0],104.93000000133179,1044.724999985192,1101.7899999860674,1119934,1119994,1133789,1159.734999993816,11c5m9ycfufsc7krihjn5d9wg8jcyqlqk,12.854],13.568,1311374,1316.9699999853037,1344469,1349384,135.741,1388000,1427.624999982072,1458239,1490604,15.344,15.344],15.552,15.552],1566309,1579518707089000],1579518710252000,1582.777],1585419,16.82499999878928,1600],1600]],1635744,1904154,1],1ipcp90zh3bnlq_lev_j3ygnaupez3lrz,1jbixp8hst49gqxoi4tlhbh6bjz3hip_e,2.7649999829009175,2.764999��_x0019_�,200],21.464,21.464],21.7,21.7],2152494,2303034,248.23999998625368,2570084,27.77777777777778],297.42499999701977,2],3,33.212,33.212],34.940000012284145,36.380000005010515,37.100000015925616,38.459],39.80099502487562,3992744,4,4.515000007813796,4.6950000105425715,4.714999988209456,4.843,5,5.179999978281558,5.180000007385388,5.380000016884878,5.9849999961443245,505.241,576.7249999917112,589.8999999917578,6.009],6.105000007664785,6.275000021560118,642.7899999835063,655.4199999955017,655.6999999738764,655.899999</t>
  </si>
  <si>
    <t>01/20/2020 08:11:09</t>
  </si>
  <si>
    <t>01/20/2020 08:12:12</t>
  </si>
  <si>
    <t>b483a777-01fd-442d-894e-f99690812b46.tmp</t>
  </si>
  <si>
    <t>\\acsfs\profiles$\geovannasm\Downloads\b483a777-01fd-442d-894e-f99690812b46.tmp</t>
  </si>
  <si>
    <t>01/20/2020 08:13:34</t>
  </si>
  <si>
    <t>01/20/2020 08:15:17</t>
  </si>
  <si>
    <t>01/20/2020 08:10:16</t>
  </si>
  <si>
    <t>0f368d3b-78b0-4df4-8cdf-5d7ae60993c5.tmp</t>
  </si>
  <si>
    <t>\\acsfs\profiles$\quindaizaagds\Downloads\0f368d3b-78b0-4df4-8cdf-5d7ae60993c5.tmp</t>
  </si>
  <si>
    <t>01/20/2020 08:11:28</t>
  </si>
  <si>
    <t>b539a808-b4d6-4000-9736-9d85744c25e1.tmp</t>
  </si>
  <si>
    <t>\\acsfs\profiles$\quindaizaagds\Downloads\b539a808-b4d6-4000-9736-9d85744c25e1.tmp</t>
  </si>
  <si>
    <t>01/20/2020 08:14:42</t>
  </si>
  <si>
    <t>01/20/2020 08:14:44</t>
  </si>
  <si>
    <t>01/20/2020 08:10:15</t>
  </si>
  <si>
    <t>80e65cb9-cc47-4db7-a702-f408e4fcc9ba.tmp</t>
  </si>
  <si>
    <t>\\acsfs\profiles$\nayarasds\Downloads\80e65cb9-cc47-4db7-a702-f408e4fcc9ba.tmp</t>
  </si>
  <si>
    <t>01/20/2020 08:16:18</t>
  </si>
  <si>
    <t>01/20/2020 08:12:03</t>
  </si>
  <si>
    <t>b57541d0-4dfb-4172-803c-fcaee020e76e.tmp</t>
  </si>
  <si>
    <t>\\acsfs\profiles$\ERICALSR\Downloads\b57541d0-4dfb-4172-803c-fcaee020e76e.tmp</t>
  </si>
  <si>
    <t>01/20/2020 08:12:34</t>
  </si>
  <si>
    <t>67be4d21-43d7-49db-bc31-e36bf2fcbea8.tmp</t>
  </si>
  <si>
    <t>\\acsfs\profiles$\sarahbal\Downloads\67be4d21-43d7-49db-bc31-e36bf2fcbea8.tmp</t>
  </si>
  <si>
    <t>01/20/2020 08:11:54</t>
  </si>
  <si>
    <t>01/20/2020 08:17:18</t>
  </si>
  <si>
    <t>01/20/2020 08:12:24</t>
  </si>
  <si>
    <t>01/20/2020 08:15:24</t>
  </si>
  <si>
    <t>01/20/2020 08:15:54</t>
  </si>
  <si>
    <t>01/20/2020 08:16:24</t>
  </si>
  <si>
    <t>01/20/2020 08:12:06</t>
  </si>
  <si>
    <t>e53c7f2c-ef33-415e-8ae9-5fac75fc59dc.tmp</t>
  </si>
  <si>
    <t>\\acsfs\profiles$\Angelicacldr\Downloads\e53c7f2c-ef33-415e-8ae9-5fac75fc59dc.tmp</t>
  </si>
  <si>
    <t>01/20/2020 08:12:15</t>
  </si>
  <si>
    <t>16a20472-3737-4c65-92df-a13894b35901.tmp</t>
  </si>
  <si>
    <t>\\acsfs\profiles$\Angelicacldr\Downloads\16a20472-3737-4c65-92df-a13894b35901.tmp</t>
  </si>
  <si>
    <t>01/20/2020 08:14:56</t>
  </si>
  <si>
    <t>67060039-cd40-4caf-9992-5f40da3e8735.tmp</t>
  </si>
  <si>
    <t>\\acsfs\profiles$\Angelicacldr\Downloads\67060039-cd40-4caf-9992-5f40da3e8735.tmp</t>
  </si>
  <si>
    <t>01/20/2020 08:15:27</t>
  </si>
  <si>
    <t>579ccd62-872e-4a44-89dd-0a9f4cf6ef63.tmp</t>
  </si>
  <si>
    <t>\\acsfs\profiles$\Angelicacldr\Downloads\579ccd62-872e-4a44-89dd-0a9f4cf6ef63.tmp</t>
  </si>
  <si>
    <t>01/20/2020 08:13:43</t>
  </si>
  <si>
    <t>23cf49e2-6c9a-4dc6-84f3-f5244a542850.tmp</t>
  </si>
  <si>
    <t>\\acsfs\profiles$\antoniosva\Downloads\23cf49e2-6c9a-4dc6-84f3-f5244a542850.tmp</t>
  </si>
  <si>
    <t>01/20/2020 08:14:41</t>
  </si>
  <si>
    <t>1d5ba815-6446-40c5-9512-15327b661d4e.tmp</t>
  </si>
  <si>
    <t>\\acsfs\profiles$\antoniosva\Downloads\1d5ba815-6446-40c5-9512-15327b661d4e.tmp</t>
  </si>
  <si>
    <t>01/20/2020 08:15:12</t>
  </si>
  <si>
    <t>98da4335-e18f-4052-9b2f-030d5d75271c.tmp</t>
  </si>
  <si>
    <t>\\acsfs\profiles$\antoniosva\Downloads\98da4335-e18f-4052-9b2f-030d5d75271c.tmp</t>
  </si>
  <si>
    <t>01/20/2020 08:16:19</t>
  </si>
  <si>
    <t>d518cc6a-4a6d-4d8d-9836-2a386ee5c33a.tmp</t>
  </si>
  <si>
    <t>\\acsfs\profiles$\antoniosva\Downloads\d518cc6a-4a6d-4d8d-9836-2a386ee5c33a.tmp</t>
  </si>
  <si>
    <t>01/20/2020 08:14:12</t>
  </si>
  <si>
    <t>01/20/2020 08:18:19</t>
  </si>
  <si>
    <t>c86c0def-97d0-49d5-846f-a5a33a45bfc1.tmp</t>
  </si>
  <si>
    <t>\\acsfs\profiles$\nathaliarmr\Downloads\c86c0def-97d0-49d5-846f-a5a33a45bfc1.tmp</t>
  </si>
  <si>
    <t>01/20/2020 08:15:19</t>
  </si>
  <si>
    <t>e10517ae-1391-4cb3-a72c-9fc5661ed9c8.tmp</t>
  </si>
  <si>
    <t>\\acsfs\profiles$\nathaliarmr\Downloads\e10517ae-1391-4cb3-a72c-9fc5661ed9c8.tmp</t>
  </si>
  <si>
    <t>01/20/2020 08:16:08</t>
  </si>
  <si>
    <t>01/20/2020 08:15:40</t>
  </si>
  <si>
    <t>01/20/2020 08:19:18</t>
  </si>
  <si>
    <t>01/20/2020 08:16:03</t>
  </si>
  <si>
    <t>01/20/2020 08:16:07</t>
  </si>
  <si>
    <t>01/20/2020 08:16:10</t>
  </si>
  <si>
    <t>01/20/2020 08:16:45</t>
  </si>
  <si>
    <t>01/20/2020 08:17:05</t>
  </si>
  <si>
    <t>01/20/2020 08:17:10</t>
  </si>
  <si>
    <t>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01/20/2020 08:17:12</t>
  </si>
  <si>
    <t>01/20/2020 08:17:58</t>
  </si>
  <si>
    <t>01/20/2020 08:18:02</t>
  </si>
  <si>
    <t>01/20/2020 08:18:07</t>
  </si>
  <si>
    <t>01/20/2020 08:18:11</t>
  </si>
  <si>
    <t>01/20/2020 08:18:21</t>
  </si>
  <si>
    <t>http:///batch/drive/v2internal?%24ct=multipart%2Fmixed%3B%20boundary%3D%22%3D%3D%3D%3D%3Dk7tevn9lhtdo%3D%3D%3D%3D%3D%22&amp;key=AIzaSyAy9VVXHSpS2IJpptzYtGbLP3-3_l0aBk4</t>
  </si>
  <si>
    <t>01/20/2020 08:18:22</t>
  </si>
  <si>
    <t>http:///batch/drive/v2internal?%24ct=multipart%2Fmixed%3B%20boundary%3D%22%3D%3D%3D%3D%3Dd2xe7eu3gdvp%3D%3D%3D%3D%3D%22&amp;key=AIzaSyAy9VVXHSpS2IJpptzYtGbLP3-3_l0aBk4</t>
  </si>
  <si>
    <t>01/20/2020 08:18:23</t>
  </si>
  <si>
    <t>http:///batch/drive/v2internal?%24ct=multipart%2Fmixed%3B%20boundary%3D%22%3D%3D%3D%3D%3Dtdwd9ryj6qss%3D%3D%3D%3D%3D%22&amp;key=AIzaSyAy9VVXHSpS2IJpptzYtGbLP3-3_l0aBk4</t>
  </si>
  <si>
    <t>01/20/2020 08:18:29</t>
  </si>
  <si>
    <t>01/20/2020 08:15:35</t>
  </si>
  <si>
    <t>f0f63809-4b3d-4e96-9c46-bc2081019d00.tmp</t>
  </si>
  <si>
    <t>\\acsfs\profiles$\milenaas\Downloads\f0f63809-4b3d-4e96-9c46-bc2081019d00.tmp</t>
  </si>
  <si>
    <t>01/20/2020 08:17:06</t>
  </si>
  <si>
    <t>d099cd0f-dc35-4f1f-90c4-07c2c22380e5.tmp</t>
  </si>
  <si>
    <t>\\acsfs\profiles$\milenaas\Downloads\d099cd0f-dc35-4f1f-90c4-07c2c22380e5.tmp</t>
  </si>
  <si>
    <t>01/20/2020 08:17:28</t>
  </si>
  <si>
    <t>31f79dd1-e388-4d8d-a58b-2d5443f3afb4.tmp</t>
  </si>
  <si>
    <t>\\acsfs\profiles$\milenaas\Downloads\31f79dd1-e388-4d8d-a58b-2d5443f3afb4.tmp</t>
  </si>
  <si>
    <t>01/20/2020 08:17:42</t>
  </si>
  <si>
    <t>7fa3154d-2873-45e5-b88d-989509752dbf.tmp</t>
  </si>
  <si>
    <t>\\acsfs\profiles$\milenaas\Downloads\7fa3154d-2873-45e5-b88d-989509752dbf.tmp</t>
  </si>
  <si>
    <t>01/20/2020 08:16:00</t>
  </si>
  <si>
    <t>01/20/2020 08:20:19</t>
  </si>
  <si>
    <t>d651d501-3715-4172-ac37-48a78a5f9f61.tmp</t>
  </si>
  <si>
    <t>\\acsfs\profiles$\THYAGOSP\Downloads\d651d501-3715-4172-ac37-48a78a5f9f61.tmp</t>
  </si>
  <si>
    <t>f95be828-58cc-4379-9b21-54f5c80eb8fd.tmp</t>
  </si>
  <si>
    <t>\\acsfs\profiles$\THYAGOSP\Downloads\f95be828-58cc-4379-9b21-54f5c80eb8fd.tmp</t>
  </si>
  <si>
    <t>01/20/2020 08:16:57</t>
  </si>
  <si>
    <t>01/20/2020 08:14:51</t>
  </si>
  <si>
    <t>01/20/2020 08:15:03</t>
  </si>
  <si>
    <t>01/20/2020 08:15:11</t>
  </si>
  <si>
    <t>01/20/2020 08:15:23</t>
  </si>
  <si>
    <t>01/20/2020 08:15:31</t>
  </si>
  <si>
    <t>01/20/2020 08:15:37</t>
  </si>
  <si>
    <t>mail.google.com/_/upload?authuser=0&amp;dcp=asu-n&amp;upload_id=AEnB2Ur8O1hClvHkcfRrokDRENim8_hQAawkQ31gEGrH2OIF4Tp2vq93sjwb5rW9emXgVsg2IaxgT524JDbIpYr9p1VHQ_IamwqY0hh0lAYzY4RCHhUZj5w&amp;upload_protocol=resumable</t>
  </si>
  <si>
    <t>01/20/2020 08:15:44</t>
  </si>
  <si>
    <t>01/20/2020 08:17:45</t>
  </si>
  <si>
    <t>01/20/2020 08:17:30</t>
  </si>
  <si>
    <t>38761091-9345-4602-be35-a59a446a2b13.tmp</t>
  </si>
  <si>
    <t>\\acsfs\profiles$\marcosvnds\Downloads\38761091-9345-4602-be35-a59a446a2b13.tmp</t>
  </si>
  <si>
    <t>01/20/2020 08:18:28</t>
  </si>
  <si>
    <t>01/20/2020 08:18:33</t>
  </si>
  <si>
    <t>mail.google.com/sync/u/0/i/s?hl=pt-BR&amp;c=1445</t>
  </si>
  <si>
    <t>01/20/2020 08:18:46</t>
  </si>
  <si>
    <t>mail.google.com/sync/u/0/i/s?hl=pt-BR&amp;c=1447</t>
  </si>
  <si>
    <t>01/20/2020 08:18:50</t>
  </si>
  <si>
    <t>01/20/2020 08:19:09</t>
  </si>
  <si>
    <t>mail.google.com/sync/u/0/i/s?hl=pt-BR&amp;c=1451</t>
  </si>
  <si>
    <t>01/20/2020 08:19:23</t>
  </si>
  <si>
    <t>mail.google.com/sync/u/0/i/s?hl=pt-BR&amp;c=1453</t>
  </si>
  <si>
    <t>01/20/2020 08:19:26</t>
  </si>
  <si>
    <t>01/20/2020 08:19:30</t>
  </si>
  <si>
    <t>01/20/2020 08:19:36</t>
  </si>
  <si>
    <t>mail.google.com/sync/u/0/i/s?hl=pt-BR&amp;c=1460</t>
  </si>
  <si>
    <t>01/20/2020 08:19:42</t>
  </si>
  <si>
    <t>mail.google.com/sync/u/0/i/s?hl=pt-BR&amp;c=1462</t>
  </si>
  <si>
    <t>01/20/2020 08:21:19</t>
  </si>
  <si>
    <t>01/20/2020 08:19:24</t>
  </si>
  <si>
    <t>01/20/2020 08:22:19</t>
  </si>
  <si>
    <t>01/20/2020 08:19:54</t>
  </si>
  <si>
    <t>01/20/2020 08:20:24</t>
  </si>
  <si>
    <t>01/20/2020 08:20:54</t>
  </si>
  <si>
    <t>01/20/2020 08:21:24</t>
  </si>
  <si>
    <t>01/20/2020 08:17:11</t>
  </si>
  <si>
    <t>aa78905c-45b5-4a1f-9420-9c1fc3adee94.tmp</t>
  </si>
  <si>
    <t>\\acsfs\profiles$\Angelicacldr\Downloads\aa78905c-45b5-4a1f-9420-9c1fc3adee94.tmp</t>
  </si>
  <si>
    <t>01/20/2020 08:17:37</t>
  </si>
  <si>
    <t>36323316-383e-457d-98d0-19f4f4eca25d.tmp</t>
  </si>
  <si>
    <t>\\acsfs\profiles$\Angelicacldr\Downloads\36323316-383e-457d-98d0-19f4f4eca25d.tmp</t>
  </si>
  <si>
    <t>01/20/2020 08:18:15</t>
  </si>
  <si>
    <t>25b20a4b-01bf-4f29-a16e-c522d89d4ed2.tmp</t>
  </si>
  <si>
    <t>\\acsfs\profiles$\Angelicacldr\Downloads\25b20a4b-01bf-4f29-a16e-c522d89d4ed2.tmp</t>
  </si>
  <si>
    <t>01/20/2020 08:17:20</t>
  </si>
  <si>
    <t>6857a1dd-f3c2-4b67-bf48-63c8701177cd.tmp</t>
  </si>
  <si>
    <t>\\acsfs\profiles$\antoniosva\Downloads\6857a1dd-f3c2-4b67-bf48-63c8701177cd.tmp</t>
  </si>
  <si>
    <t>01/20/2020 08:17:21</t>
  </si>
  <si>
    <t>af907b57-a092-43a7-b2a7-1b1499bfc132.tmp</t>
  </si>
  <si>
    <t>\\acsfs\profiles$\antoniosva\Downloads\af907b57-a092-43a7-b2a7-1b1499bfc132.tmp</t>
  </si>
  <si>
    <t>01/20/2020 08:19:06</t>
  </si>
  <si>
    <t>c148316a-9c8c-4768-97ab-f69e31238079.tmp</t>
  </si>
  <si>
    <t>\\acsfs\profiles$\lorrainerdl\Downloads\c148316a-9c8c-4768-97ab-f69e31238079.tmp</t>
  </si>
  <si>
    <t>01/20/2020 08:22:17</t>
  </si>
  <si>
    <t>01/20/2020 08:23:18</t>
  </si>
  <si>
    <t>bd37e7c9-25c5-496c-8b89-900e1e6b3bf1.tmp</t>
  </si>
  <si>
    <t>\\acsfs\profiles$\maxmillianosv\Downloads\bd37e7c9-25c5-496c-8b89-900e1e6b3bf1.tmp</t>
  </si>
  <si>
    <t>01/20/2020 08:22:25</t>
  </si>
  <si>
    <t>56016da1-fd0b-4f4c-82e8-4d4d0cd5af6e.tmp</t>
  </si>
  <si>
    <t>\\acsfs\profiles$\maxmillianosv\Downloads\56016da1-fd0b-4f4c-82e8-4d4d0cd5af6e.tmp</t>
  </si>
  <si>
    <t>01/20/2020 08:22:30</t>
  </si>
  <si>
    <t>be801b80-ab70-486c-b8b1-6edf2571c583.tmp</t>
  </si>
  <si>
    <t>\\acsfs\profiles$\maxmillianosv\Downloads\be801b80-ab70-486c-b8b1-6edf2571c583.tmp</t>
  </si>
  <si>
    <t>01/20/2020 08:22:55</t>
  </si>
  <si>
    <t>a157adca-177e-430d-98ec-1accddcba156.tmp</t>
  </si>
  <si>
    <t>\\acsfs\profiles$\maxmillianosv\Downloads\a157adca-177e-430d-98ec-1accddcba156.tmp</t>
  </si>
  <si>
    <t>01/20/2020 08:19:16</t>
  </si>
  <si>
    <t>8eb60710-c922-4099-a13c-e13a3e8475d9.tmp</t>
  </si>
  <si>
    <t>\\acsfs\profiles$\LUCASNS\Downloads\8eb60710-c922-4099-a13c-e13a3e8475d9.tmp</t>
  </si>
  <si>
    <t>01/20/2020 08:19:39</t>
  </si>
  <si>
    <t>ca8d53cf-f45d-4951-9c39-f19106d1953a.tmp</t>
  </si>
  <si>
    <t>\\acsfs\profiles$\LUCASNS\Downloads\ca8d53cf-f45d-4951-9c39-f19106d1953a.tmp</t>
  </si>
  <si>
    <t>01/20/2020 08:18:44</t>
  </si>
  <si>
    <t>01/20/2020 08:24:19</t>
  </si>
  <si>
    <t>01/20/2020 08:19:03</t>
  </si>
  <si>
    <t>341510534;[];false;null;r6d97aokybtwhdqacj3ip89znnffchmkcxnabppcfodygpskitaqhiszpzxxflftmoa1bfxaphld-brv3llasy0sc8iphsyew-em-pjq2_bpnlfv0jdga7h96gbi4ryjndxjpl_iet_es7dsdrieebavnuu7yr1z3j_yieo40yyfdn9dxq-vl4xtn3isbiistdfvc0vmv-sil9b4hdoe4-k0vgd_nippbnqhfbzq2w6b8iunw5viqvcnl-tb-sq4rmp0scidsm6-uhbwts5k7iuummkrkajh0ugpnir03z40g\";true]";</t>
  </si>
  <si>
    <t>341510534,[],false,null,r6d97aokybtwhdqacj3ip89znnffchmkcxnabppcfodygpskitaqhiszpzxxflftmoa1bfxaphld-brv3llasy0sc8iphsyew-em-pjq2_bpnlfv0jdga7h96gbi4ryjndxjpl_iet_es7dsdrieebavnuu7yr1z3j_yieo40yyfdn9dxq-vl4xtn3isbiistdfvc0vmv-sil9b4hdoe4-k0vgd_nippbnqhfbzq2w6b8iunw5viqvcnl-tb-sq4rmp0scidsm6-uhbwts5k7iuummkrkajh0ugpnir03z40g\",true]"</t>
  </si>
  <si>
    <t>01/20/2020 08:23:17</t>
  </si>
  <si>
    <t>756551bd-244b-4e78-924b-5ff12ebac9fe.tmp</t>
  </si>
  <si>
    <t>\\acsfs\profiles$\valeriasda\Downloads\756551bd-244b-4e78-924b-5ff12ebac9fe.tmp</t>
  </si>
  <si>
    <t>01/20/2020 08:23:26</t>
  </si>
  <si>
    <t>Unconfirmed 676266.crdownload</t>
  </si>
  <si>
    <t>\\acsfs\profiles$\valeriasda\Downloads\Unconfirmed 676266.crdownload</t>
  </si>
  <si>
    <t>01/20/2020 08:23:33</t>
  </si>
  <si>
    <t>6c94ef9b-3c99-4e89-a00b-4a2bcceeb2b1.tmp</t>
  </si>
  <si>
    <t>\\acsfs\profiles$\valeriasda\Downloads\6c94ef9b-3c99-4e89-a00b-4a2bcceeb2b1.tmp</t>
  </si>
  <si>
    <t>ef94854b-4192-41c5-a2e3-61689ca54b54.tmp</t>
  </si>
  <si>
    <t>\\acsfs\profiles$\larissaad\Downloads\ef94854b-4192-41c5-a2e3-61689ca54b54.tmp</t>
  </si>
  <si>
    <t>01/20/2020 08:23:23</t>
  </si>
  <si>
    <t>32e89c4e-c1ff-48f0-acd2-cbaa18c90594.tmp</t>
  </si>
  <si>
    <t>\\acsfs\profiles$\larissaad\Downloads\32e89c4e-c1ff-48f0-acd2-cbaa18c90594.tmp</t>
  </si>
  <si>
    <t>01/20/2020 08:22:09</t>
  </si>
  <si>
    <t>01/20/2020 08:23:44</t>
  </si>
  <si>
    <t>01/20/2020 08:25:19</t>
  </si>
  <si>
    <t>01/20/2020 08:23:45</t>
  </si>
  <si>
    <t>01/20/2020 08:20:26</t>
  </si>
  <si>
    <t>01/20/2020 08:20:51</t>
  </si>
  <si>
    <t>01/20/2020 08:20:53</t>
  </si>
  <si>
    <t>01/20/2020 08:23:03</t>
  </si>
  <si>
    <t>01/20/2020 08:23:09</t>
  </si>
  <si>
    <t>01/20/2020 08:23:54</t>
  </si>
  <si>
    <t>bvcartes-supervisores@algarnet.onmicrosoft.com;joaogvc@algartech.com;leonardoao@algartech.com;marianadjc@algartech.com;paulacn@algartech.com;planejamentodeoperacoesetrafego@bv.com.br;rafaelggs@algartech.com;raphaelmco@algartech.com.br;ricardodfm@algartech.com.br;taysdss@algartech.com;thiagordu@algartech.com;viniciussg@algartech.com;</t>
  </si>
  <si>
    <t>bvcartes-supervisores@algarnet.onmicrosoft.com,joaogvc@algartech.com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20/2020 08:24:01</t>
  </si>
  <si>
    <t>01/20/2020 08:24:06</t>
  </si>
  <si>
    <t>01/20/2020 08:24:15</t>
  </si>
  <si>
    <t>01/20/2020 08:24:18</t>
  </si>
  <si>
    <t>01/20/2020 08:24:23</t>
  </si>
  <si>
    <t>01/20/2020 08:24:36</t>
  </si>
  <si>
    <t>01/20/2020 08:24:40</t>
  </si>
  <si>
    <t>01/20/2020 08:22:52</t>
  </si>
  <si>
    <t>01/20/2020 08:22:53</t>
  </si>
  <si>
    <t>01/20/2020 08:22:54</t>
  </si>
  <si>
    <t>01/20/2020 08:19:59</t>
  </si>
  <si>
    <t>01/20/2020 08:20:11</t>
  </si>
  <si>
    <t>01/20/2020 08:20:13</t>
  </si>
  <si>
    <t>01/20/2020 08:22:12</t>
  </si>
  <si>
    <t>01/20/2020 08:22:51</t>
  </si>
  <si>
    <t>mail.google.com/sync/u/0/i/s?hl=pt-BR&amp;c=1491</t>
  </si>
  <si>
    <t>01/20/2020 08:23:15</t>
  </si>
  <si>
    <t>mail.google.com/sync/u/0/i/s?hl=pt-BR&amp;c=1493</t>
  </si>
  <si>
    <t>mail.google.com/sync/u/0/i/s?hl=pt-BR&amp;c=1495</t>
  </si>
  <si>
    <t>01/20/2020 08:23:38</t>
  </si>
  <si>
    <t>mail.google.com/sync/u/0/i/s?hl=pt-BR&amp;c=1498</t>
  </si>
  <si>
    <t>01/20/2020 08:22:56</t>
  </si>
  <si>
    <t>01/20/2020 08:22:57</t>
  </si>
  <si>
    <t>01/20/2020 08:22:58</t>
  </si>
  <si>
    <t>01/20/2020 08:20:27</t>
  </si>
  <si>
    <t>vitoriadco</t>
  </si>
  <si>
    <t>https://udpwfmniceap02/pt_br/web/guest/home?p_auth=jyimxd7q&amp;p_p_id=58&amp;p_p_lifecycle=1&amp;p_p_state=maximized&amp;p_p_mode=view&amp;savelastpath=0&amp;_58_struts_action=/login/forgot_password</t>
  </si>
  <si>
    <t>01/20/2020 08:21:31</t>
  </si>
  <si>
    <t>01/20/2020 08:21:40</t>
  </si>
  <si>
    <t>01/20/2020 08:22:59</t>
  </si>
  <si>
    <t>01/20/2020 08:23:00</t>
  </si>
  <si>
    <t>01/20/2020 08:23:01</t>
  </si>
  <si>
    <t>01/20/2020 08:23:02</t>
  </si>
  <si>
    <t>01/20/2020 08:23:04</t>
  </si>
  <si>
    <t>01/20/2020 08:23:05</t>
  </si>
  <si>
    <t>01/20/2020 08:23:06</t>
  </si>
  <si>
    <t>01/20/2020 08:23:07</t>
  </si>
  <si>
    <t>01/20/2020 08:23:08</t>
  </si>
  <si>
    <t>01/20/2020 08:23:10</t>
  </si>
  <si>
    <t>01/20/2020 08:23:11</t>
  </si>
  <si>
    <t>01/20/2020 08:23:12</t>
  </si>
  <si>
    <t>01/20/2020 08:23:13</t>
  </si>
  <si>
    <t>01/20/2020 08:23:14</t>
  </si>
  <si>
    <t>01/20/2020 08:23:16</t>
  </si>
  <si>
    <t>01/20/2020 08:23:19</t>
  </si>
  <si>
    <t>01/20/2020 08:23:20</t>
  </si>
  <si>
    <t>01/20/2020 08:23:21</t>
  </si>
  <si>
    <t>01/20/2020 08:23:22</t>
  </si>
  <si>
    <t>01/20/2020 08:23:24</t>
  </si>
  <si>
    <t>01/20/2020 08:26:19</t>
  </si>
  <si>
    <t>01/20/2020 08:24:12</t>
  </si>
  <si>
    <t>01/20/2020 08:27:18</t>
  </si>
  <si>
    <t>01/20/2020 08:24:14</t>
  </si>
  <si>
    <t>01/20/2020 08:22:24</t>
  </si>
  <si>
    <t>01/20/2020 08:24:54</t>
  </si>
  <si>
    <t>01/20/2020 08:24:37</t>
  </si>
  <si>
    <t>01/20/2020 08:28:19</t>
  </si>
  <si>
    <t>35e78a6e-d699-4fd7-aa24-688b5883bc9f.tmp</t>
  </si>
  <si>
    <t>\\acsfs\profiles$\maxmillianosv\Downloads\35e78a6e-d699-4fd7-aa24-688b5883bc9f.tmp</t>
  </si>
  <si>
    <t>01/20/2020 08:28:02</t>
  </si>
  <si>
    <t>01/20/2020 08:29:18</t>
  </si>
  <si>
    <t>01/20/2020 08:24:33</t>
  </si>
  <si>
    <t>bf9edee0-2dde-4352-b4d1-24435a5470b3.tmp</t>
  </si>
  <si>
    <t>\\acsfs\profiles$\valeriasda\Downloads\bf9edee0-2dde-4352-b4d1-24435a5470b3.tmp</t>
  </si>
  <si>
    <t>01/20/2020 08:25:48</t>
  </si>
  <si>
    <t>01/20/2020 08:26:21</t>
  </si>
  <si>
    <t>01/20/2020 08:25:39</t>
  </si>
  <si>
    <t>ba6780de-d910-48a9-a074-b39c34d60642.tmp</t>
  </si>
  <si>
    <t>\\acsfs\profiles$\danielac\Downloads\ba6780de-d910-48a9-a074-b39c34d60642.tmp</t>
  </si>
  <si>
    <t>01/20/2020 08:26:36</t>
  </si>
  <si>
    <t>7970467b-5f90-4777-8010-3d3a838a5a8c.tmp</t>
  </si>
  <si>
    <t>\\acsfs\profiles$\danielac\Downloads\7970467b-5f90-4777-8010-3d3a838a5a8c.tmp</t>
  </si>
  <si>
    <t>01/20/2020 08:27:43</t>
  </si>
  <si>
    <t>87139f24-8329-46c9-a4d1-5ddf1e68aebb.tmp</t>
  </si>
  <si>
    <t>\\acsfs\profiles$\KARENDSR\Downloads\87139f24-8329-46c9-a4d1-5ddf1e68aebb.tmp</t>
  </si>
  <si>
    <t>01/20/2020 08:28:39</t>
  </si>
  <si>
    <t>dbecce41-2024-4e62-90bb-4b721b513ebf.tmp</t>
  </si>
  <si>
    <t>\\acsfs\profiles$\KARENDSR\Downloads\dbecce41-2024-4e62-90bb-4b721b513ebf.tmp</t>
  </si>
  <si>
    <t>01/20/2020 08:27:46</t>
  </si>
  <si>
    <t>01/20/2020 08:30:19</t>
  </si>
  <si>
    <t>01/20/2020 08:25:18</t>
  </si>
  <si>
    <t>01/20/2020 08:26:09</t>
  </si>
  <si>
    <t>01/20/2020 08:28:43</t>
  </si>
  <si>
    <t>01/20/2020 08:28:16</t>
  </si>
  <si>
    <t>7c2137aa-7ea8-4014-be96-88d524e1ca61.tmp</t>
  </si>
  <si>
    <t>\\acsfs\profiles$\nayarasds\Downloads\7c2137aa-7ea8-4014-be96-88d524e1ca61.tmp</t>
  </si>
  <si>
    <t>01/20/2020 08:25:59</t>
  </si>
  <si>
    <t>\\acsfs\Deptos\EDUCACAO EMPRESARIAL\FERNANDA MONIT\Fernanda\MONITORIA JANEIRO\CONTROLE DE RECEBIMENTO DE RECLAMAÇÕES.xlsx</t>
  </si>
  <si>
    <t>01/20/2020 08:29:38</t>
  </si>
  <si>
    <t>01/20/2020 08:31:18</t>
  </si>
  <si>
    <t>01/20/2020 08:27:29</t>
  </si>
  <si>
    <t>01/20/2020 08:32:19</t>
  </si>
  <si>
    <t>01/20/2020 08:27:30</t>
  </si>
  <si>
    <t>01/20/2020 08:27:24</t>
  </si>
  <si>
    <t>01/20/2020 08:27:54</t>
  </si>
  <si>
    <t>01/20/2020 08:30:54</t>
  </si>
  <si>
    <t>01/20/2020 08:31:24</t>
  </si>
  <si>
    <t>01/20/2020 08:31:23</t>
  </si>
  <si>
    <t>973a583e-58ec-417b-8a34-6af1e04f3c40.tmp</t>
  </si>
  <si>
    <t>\\acsfs\profiles$\lorrainerdl\Downloads\973a583e-58ec-417b-8a34-6af1e04f3c40.tmp</t>
  </si>
  <si>
    <t>01/20/2020 08:29:28</t>
  </si>
  <si>
    <t>lu10556ftxm.tmp</t>
  </si>
  <si>
    <t>\\acsfs\profiles$\VIVIANALDS\My Documents\lu10556ftxm.tmp</t>
  </si>
  <si>
    <t>\\acsfs\profiles$\VIVIANALDS\My Documents\lu10556ftxm.tmp\</t>
  </si>
  <si>
    <t>\\acsfs\profiles$\VIVIANALDS\My Documents\lu10556ftxm.tmp\META-INF\</t>
  </si>
  <si>
    <t>\\acsfs\profiles$\VIVIANALDS\My Documents\lu10556ftxm.tmp\Thumbnails\</t>
  </si>
  <si>
    <t>01/20/2020 08:29:31</t>
  </si>
  <si>
    <t>lu10556ftxq.tmp</t>
  </si>
  <si>
    <t>\\acsfs\profiles$\VIVIANALDS\My Documents\lu10556ftxq.tmp</t>
  </si>
  <si>
    <t>\\acsfs\profiles$\VIVIANALDS\My Documents\lu10556ftxq.tmp\</t>
  </si>
  <si>
    <t>\\acsfs\profiles$\VIVIANALDS\My Documents\lu10556ftxq.tmp\META-INF\</t>
  </si>
  <si>
    <t>\\acsfs\profiles$\VIVIANALDS\My Documents\lu10556ftxq.tmp\Thumbnails\</t>
  </si>
  <si>
    <t>01/20/2020 08:30:47</t>
  </si>
  <si>
    <t>01/20/2020 08:33:19</t>
  </si>
  <si>
    <t>01/20/2020 08:27:52</t>
  </si>
  <si>
    <t>Acompanhamento Filas.xlsx</t>
  </si>
  <si>
    <t>\\acsfs\Deptos\EDUCACAO EMPRESARIAL\KÉSIA\Acompanhamento Filas.xlsx</t>
  </si>
  <si>
    <t>01/20/2020 08:27:53</t>
  </si>
  <si>
    <t>\\acsfs\Deptos\EDUCACAO EMPRESARIAL\KÉSIA\Acompanhamento Filas.xlsx\</t>
  </si>
  <si>
    <t>\\acsfs\Deptos\EDUCACAO EMPRESARIAL\KÉSIA\Acompanhamento Filas.xlsx\:Zone.Identifier:$DATA</t>
  </si>
  <si>
    <t>01/20/2020 08:33:29</t>
  </si>
  <si>
    <t>01/20/2020 08:34:19</t>
  </si>
  <si>
    <t>01/20/2020 08:28:59</t>
  </si>
  <si>
    <t>bf6285fa-e215-43b3-9449-94f8301f1fb8.tmp</t>
  </si>
  <si>
    <t>\\acsfs\profiles$\larissaad\Downloads\bf6285fa-e215-43b3-9449-94f8301f1fb8.tmp</t>
  </si>
  <si>
    <t>01/20/2020 08:29:20</t>
  </si>
  <si>
    <t>86b91df8-41b7-4bb7-8b65-9642ce68e6ff.tmp</t>
  </si>
  <si>
    <t>\\acsfs\profiles$\larissaad\Downloads\86b91df8-41b7-4bb7-8b65-9642ce68e6ff.tmp</t>
  </si>
  <si>
    <t>a5e9f462-2991-4e04-b229-655c2aecde8b.tmp</t>
  </si>
  <si>
    <t>\\acsfs\profiles$\larissaad\Downloads\a5e9f462-2991-4e04-b229-655c2aecde8b.tmp</t>
  </si>
  <si>
    <t>01/20/2020 08:29:55</t>
  </si>
  <si>
    <t>af391f79-83b7-4daf-add6-3d06023d73f0.tmp</t>
  </si>
  <si>
    <t>\\acsfs\profiles$\KARENDSR\Downloads\af391f79-83b7-4daf-add6-3d06023d73f0.tmp</t>
  </si>
  <si>
    <t>01/20/2020 08:33:45</t>
  </si>
  <si>
    <t>01/20/2020 08:35:18</t>
  </si>
  <si>
    <t>01/20/2020 08:32:49</t>
  </si>
  <si>
    <t>3103943d-cf88-413c-a17a-1d906577919c.tmp</t>
  </si>
  <si>
    <t>\\acsfs\profiles$\wedersonbadr\My Documents\My Music\3103943d-cf88-413c-a17a-1d906577919c.tmp</t>
  </si>
  <si>
    <t>01/20/2020 08:34:03</t>
  </si>
  <si>
    <t>926693f2-6e17-459d-96e8-27f5a72c09ba.tmp</t>
  </si>
  <si>
    <t>\\acsfs\profiles$\wedersonbadr\My Documents\My Music\926693f2-6e17-459d-96e8-27f5a72c09ba.tmp</t>
  </si>
  <si>
    <t>01/20/2020 08:30:08</t>
  </si>
  <si>
    <t>01/20/2020 08:33:06</t>
  </si>
  <si>
    <t>01/20/2020 00:01:38</t>
  </si>
  <si>
    <t>01/20/2020 08:36:19</t>
  </si>
  <si>
    <t>01/20/2020 08:34:54</t>
  </si>
  <si>
    <t>49e16370-3445-4712-8f6e-c77f06a26c56.tmp</t>
  </si>
  <si>
    <t>\\acsfs\profiles$\nataliacsl\Downloads\49e16370-3445-4712-8f6e-c77f06a26c56.tmp</t>
  </si>
  <si>
    <t>01/20/2020 08:34:55</t>
  </si>
  <si>
    <t>cfceb284-4c14-4b29-aae0-81e4f05ef632.tmp</t>
  </si>
  <si>
    <t>\\acsfs\profiles$\nataliacsl\Downloads\cfceb284-4c14-4b29-aae0-81e4f05ef632.tmp</t>
  </si>
  <si>
    <t>01/20/2020 08:35:01</t>
  </si>
  <si>
    <t>01/20/2020 08:35:04</t>
  </si>
  <si>
    <t>01/20/2020 08:35:07</t>
  </si>
  <si>
    <t>01/20/2020 08:37:19</t>
  </si>
  <si>
    <t>01/20/2020 08:35:08</t>
  </si>
  <si>
    <t>01/20/2020 08:35:30</t>
  </si>
  <si>
    <t>01/20/2020 08:35:31</t>
  </si>
  <si>
    <t>01/20/2020 08:33:24</t>
  </si>
  <si>
    <t>01/20/2020 08:33:54</t>
  </si>
  <si>
    <t>01/20/2020 08:35:24</t>
  </si>
  <si>
    <t>01/20/2020 08:32:10</t>
  </si>
  <si>
    <t>01/20/2020 08:38:19</t>
  </si>
  <si>
    <t>01/20/2020 08:34:57</t>
  </si>
  <si>
    <t>01/20/2020 08:39:19</t>
  </si>
  <si>
    <t>01/20/2020 08:38:15</t>
  </si>
  <si>
    <t>f8759a2f-799f-427e-b1ce-d78d0e11c72b.tmp</t>
  </si>
  <si>
    <t>\\acsfs\profiles$\KARENDSR\Downloads\f8759a2f-799f-427e-b1ce-d78d0e11c72b.tmp</t>
  </si>
  <si>
    <t>01/20/2020 08:39:13</t>
  </si>
  <si>
    <t>01/20/2020 08:40:19</t>
  </si>
  <si>
    <t>LOG CHAMADAS DETALHADO - BV CARTÕES JAN.xlsx</t>
  </si>
  <si>
    <t>\\acsfs\Deptos\EDUCACAO EMPRESARIAL\FERNANDA MONIT\Fernanda\MONITORIA JANEIRO\LOG CHAMADAS DETALHADO - BV CARTÕES JAN.xlsx</t>
  </si>
  <si>
    <t>01/20/2020 08:35:25</t>
  </si>
  <si>
    <t>\\acsfs\Deptos\EDUCACAO EMPRESARIAL\FERNANDA MONIT\Fernanda\MONITORIA JANEIRO\LOG CHAMADAS DETALHADO - BV CARTÕES JAN.xlsx\</t>
  </si>
  <si>
    <t>\\acsfs\Deptos\EDUCACAO EMPRESARIAL\FERNANDA MONIT\Fernanda\MONITORIA JANEIRO\LOG CHAMADAS DETALHADO - BV CARTÕES JAN.xlsx\:Zone.Identifier:$DATA</t>
  </si>
  <si>
    <t>\\acsfs\Deptos\EDUCACAO EMPRESARIAL\Atalhos\</t>
  </si>
  <si>
    <t>\\acsfs\Deptos\EDUCACAO EMPRESARIAL\Atalhos\Thumbs.db</t>
  </si>
  <si>
    <t>01/20/2020 08:37:53</t>
  </si>
  <si>
    <t>01/20/2020 08:41:19</t>
  </si>
  <si>
    <t>bfd9a990-3f1f-4c4f-9b74-7a19ae77d46e.tmp</t>
  </si>
  <si>
    <t>\\acsfs\profiles$\mariajra\Downloads\bfd9a990-3f1f-4c4f-9b74-7a19ae77d46e.tmp</t>
  </si>
  <si>
    <t>01/20/2020 08:37:46</t>
  </si>
  <si>
    <t>01/20/2020 08:36:38</t>
  </si>
  <si>
    <t>be95d270-7382-4504-9b1c-229a20123061.tmp</t>
  </si>
  <si>
    <t>\\acsfs\profiles$\victoriaksr\Downloads\be95d270-7382-4504-9b1c-229a20123061.tmp</t>
  </si>
  <si>
    <t>01/20/2020 08:36:51</t>
  </si>
  <si>
    <t>.~lock.1.xlsx#</t>
  </si>
  <si>
    <t>\\acsfs\profiles$\victoriaksr\Downloads\.~lock.1.xlsx#</t>
  </si>
  <si>
    <t>01/20/2020 08:37:23</t>
  </si>
  <si>
    <t>51103eaf-54a1-42cd-a803-c903a661e5a6.tmp</t>
  </si>
  <si>
    <t>\\acsfs\profiles$\victoriaksr\Downloads\51103eaf-54a1-42cd-a803-c903a661e5a6.tmp</t>
  </si>
  <si>
    <t>01/20/2020 08:38:10</t>
  </si>
  <si>
    <t>01/20/2020 08:39:02</t>
  </si>
  <si>
    <t>4566fa6a-2471-4645-861d-426bc28f0f77.tmp</t>
  </si>
  <si>
    <t>\\acsfs\profiles$\victoriaksr\Downloads\4566fa6a-2471-4645-861d-426bc28f0f77.tmp</t>
  </si>
  <si>
    <t>01/20/2020 08:40:15</t>
  </si>
  <si>
    <t>41fb4305-ff54-484f-8553-0459ff4cff17.tmp</t>
  </si>
  <si>
    <t>\\acsfs\profiles$\websondsa\Downloads\41fb4305-ff54-484f-8553-0459ff4cff17.tmp</t>
  </si>
  <si>
    <t>01/20/2020 08:39:21</t>
  </si>
  <si>
    <t>01/20/2020 08:42:19</t>
  </si>
  <si>
    <t>01/20/2020 08:39:22</t>
  </si>
  <si>
    <t>01/20/2020 08:41:25</t>
  </si>
  <si>
    <t>01/20/2020 08:43:04</t>
  </si>
  <si>
    <t>01/20/2020 08:44:19</t>
  </si>
  <si>
    <t>01/20/2020 08:40:25</t>
  </si>
  <si>
    <t>01/20/2020 08:42:13</t>
  </si>
  <si>
    <t>01/20/2020 08:42:29</t>
  </si>
  <si>
    <t>\\acsfs\profiles$\larissaad\My Documents\$RECYCLE.BIN\</t>
  </si>
  <si>
    <t>$I7TA6R2.txt</t>
  </si>
  <si>
    <t>\\acsfs\profiles$\larissaad\My Documents\$RECYCLE.BIN\$I7TA6R2.txt</t>
  </si>
  <si>
    <t>01/20/2020 08:42:36</t>
  </si>
  <si>
    <t>$I020NDN.txt</t>
  </si>
  <si>
    <t>\\acsfs\profiles$\larissaad\My Documents\$RECYCLE.BIN\$I020NDN.txt</t>
  </si>
  <si>
    <t>01/20/2020 08:42:53</t>
  </si>
  <si>
    <t>$IAAZGFQ.txt</t>
  </si>
  <si>
    <t>\\acsfs\profiles$\larissaad\My Documents\$RECYCLE.BIN\$IAAZGFQ.txt</t>
  </si>
  <si>
    <t>01/20/2020 08:43:03</t>
  </si>
  <si>
    <t>ca9e75f7-1fd5-4d42-8ce2-e9b43eb23652.tmp</t>
  </si>
  <si>
    <t>\\acsfs\profiles$\geovannasm\Downloads\ca9e75f7-1fd5-4d42-8ce2-e9b43eb23652.tmp</t>
  </si>
  <si>
    <t>01/20/2020 08:43:27</t>
  </si>
  <si>
    <t>01/20/2020 08:43:22</t>
  </si>
  <si>
    <t>01/20/2020 08:45:19</t>
  </si>
  <si>
    <t>01/20/2020 08:42:04</t>
  </si>
  <si>
    <t>01/20/2020 08:44:20</t>
  </si>
  <si>
    <t>01/20/2020 08:44:51</t>
  </si>
  <si>
    <t>c62d4ee5-5ff4-4aed-9a51-d908e3593250.tmp</t>
  </si>
  <si>
    <t>\\acsfs\profiles$\ayalabfi\Downloads\c62d4ee5-5ff4-4aed-9a51-d908e3593250.tmp</t>
  </si>
  <si>
    <t>01/20/2020 08:45:02</t>
  </si>
  <si>
    <t>48b7bd61-ce42-4ba2-acaa-47c7d2ee16d7.tmp</t>
  </si>
  <si>
    <t>\\acsfs\profiles$\ayalabfi\Downloads\48b7bd61-ce42-4ba2-acaa-47c7d2ee16d7.tmp</t>
  </si>
  <si>
    <t>01/20/2020 08:43:52</t>
  </si>
  <si>
    <t>01/20/2020 08:46:19</t>
  </si>
  <si>
    <t>9d4c1247-6b42-429e-8b1f-a698eed7169e.tmp</t>
  </si>
  <si>
    <t>\\acsfs\profiles$\mariajra\Downloads\9d4c1247-6b42-429e-8b1f-a698eed7169e.tmp</t>
  </si>
  <si>
    <t>01/20/2020 08:42:15</t>
  </si>
  <si>
    <t>8b1841e8-5a07-48c5-a531-4b2409e04e57.tmp</t>
  </si>
  <si>
    <t>\\acsfs\profiles$\websondsa\Downloads\8b1841e8-5a07-48c5-a531-4b2409e04e57.tmp</t>
  </si>
  <si>
    <t>01/20/2020 08:46:33</t>
  </si>
  <si>
    <t>01/20/2020 08:47:20</t>
  </si>
  <si>
    <t>01/20/2020 08:41:55</t>
  </si>
  <si>
    <t>01/20/2020 08:43:25</t>
  </si>
  <si>
    <t>01/20/2020 08:43:55</t>
  </si>
  <si>
    <t>01/20/2020 08:45:08</t>
  </si>
  <si>
    <t>01/20/2020 08:48:19</t>
  </si>
  <si>
    <t>01/20/2020 08:43:48</t>
  </si>
  <si>
    <t>01/20/2020 08:43:49</t>
  </si>
  <si>
    <t>01/20/2020 08:43:53</t>
  </si>
  <si>
    <t>01/20/2020 08:43:58</t>
  </si>
  <si>
    <t>01/20/2020 08:44:34</t>
  </si>
  <si>
    <t>01/20/2020 08:44:50</t>
  </si>
  <si>
    <t>01/20/2020 08:45:09</t>
  </si>
  <si>
    <t>01/20/2020 08:45:39</t>
  </si>
  <si>
    <t>01/20/2020 08:45:44</t>
  </si>
  <si>
    <t>01/20/2020 08:45:51</t>
  </si>
  <si>
    <t>01/20/2020 08:45:55</t>
  </si>
  <si>
    <t>01/20/2020 08:46:02</t>
  </si>
  <si>
    <t>01/20/2020 08:46:05</t>
  </si>
  <si>
    <t>01/20/2020 08:46:09</t>
  </si>
  <si>
    <t>01/20/2020 08:46:26</t>
  </si>
  <si>
    <t>01/20/2020 08:46:39</t>
  </si>
  <si>
    <t>01/20/2020 08:46:54</t>
  </si>
  <si>
    <t>01/20/2020 08:47:31</t>
  </si>
  <si>
    <t>01/20/2020 08:43:23</t>
  </si>
  <si>
    <t>7ee928f8-6a22-45d7-87b6-0e19cb1225de.tmp</t>
  </si>
  <si>
    <t>\\acsfs\profiles$\lucasgpe\Downloads\7ee928f8-6a22-45d7-87b6-0e19cb1225de.tmp</t>
  </si>
  <si>
    <t>01/20/2020 08:47:33</t>
  </si>
  <si>
    <t>84664d56-0799-46f3-8ba7-9cb9841675a0.tmp</t>
  </si>
  <si>
    <t>\\acsfs\profiles$\lucasgpe\Downloads\84664d56-0799-46f3-8ba7-9cb9841675a0.tmp</t>
  </si>
  <si>
    <t>01/20/2020 08:46:36</t>
  </si>
  <si>
    <t>01/20/2020 08:49:20</t>
  </si>
  <si>
    <t>1a37b177-5e32-48dd-b74b-ee8138c88fee.tmp</t>
  </si>
  <si>
    <t>\\acsfs\profiles$\inarajst\Downloads\1a37b177-5e32-48dd-b74b-ee8138c88fee.tmp</t>
  </si>
  <si>
    <t>01/20/2020 08:48:27</t>
  </si>
  <si>
    <t>http:///batch/drive/v2internal?%24ct=multipart%2Fmixed%3B%20boundary%3D%22%3D%3D%3D%3D%3Ddailm54azgdp%3D%3D%3D%3D%3D%22&amp;key=AIzaSyAy9VVXHSpS2IJpptzYtGbLP3-3_l0aBk4</t>
  </si>
  <si>
    <t>01/20/2020 08:48:29</t>
  </si>
  <si>
    <t>http:///batch/drive/v2internal?%24ct=multipart%2Fmixed%3B%20boundary%3D%22%3D%3D%3D%3D%3Dk4wsybj51ej7%3D%3D%3D%3D%3D%22&amp;key=AIzaSyAy9VVXHSpS2IJpptzYtGbLP3-3_l0aBk4</t>
  </si>
  <si>
    <t>01/20/2020 08:48:30</t>
  </si>
  <si>
    <t>http:///batch/drive/v2internal?%24ct=multipart%2Fmixed%3B%20boundary%3D%22%3D%3D%3D%3D%3Dbao5rnv6lrof%3D%3D%3D%3D%3D%22&amp;key=AIzaSyAy9VVXHSpS2IJpptzYtGbLP3-3_l0aBk4</t>
  </si>
  <si>
    <t>9576ab22-132a-4d13-be19-fbf9f40337cf.tmp</t>
  </si>
  <si>
    <t>\\acsfs\profiles$\larissaad\Downloads\9576ab22-132a-4d13-be19-fbf9f40337cf.tmp</t>
  </si>
  <si>
    <t>01/20/2020 08:47:51</t>
  </si>
  <si>
    <t>01/20/2020 08:49:15</t>
  </si>
  <si>
    <t>01/20/2020 08:50:19</t>
  </si>
  <si>
    <t>08e5c1f1-00b7-4951-8ab4-183098c3a88f.tmp</t>
  </si>
  <si>
    <t>\\acsfs\profiles$\yurics\Downloads\08e5c1f1-00b7-4951-8ab4-183098c3a88f.tmp</t>
  </si>
  <si>
    <t>01/20/2020 08:46:42</t>
  </si>
  <si>
    <t>01/20/2020 08:45:34</t>
  </si>
  <si>
    <t>f31b14ef-7f9d-4c14-8bef-ad52b5fc90df.tmp</t>
  </si>
  <si>
    <t>\\acsfs\profiles$\ayalabfi\Downloads\f31b14ef-7f9d-4c14-8bef-ad52b5fc90df.tmp</t>
  </si>
  <si>
    <t>01/20/2020 08:46:00</t>
  </si>
  <si>
    <t>92037930-875d-4f75-9526-970558c816ea.tmp</t>
  </si>
  <si>
    <t>\\acsfs\profiles$\ayalabfi\Downloads\92037930-875d-4f75-9526-970558c816ea.tmp</t>
  </si>
  <si>
    <t>01/20/2020 08:47:43</t>
  </si>
  <si>
    <t>c84ef19c-0c47-4ab2-bb04-3d7406e0a2f8.tmp</t>
  </si>
  <si>
    <t>\\acsfs\profiles$\ayalabfi\Downloads\c84ef19c-0c47-4ab2-bb04-3d7406e0a2f8.tmp</t>
  </si>
  <si>
    <t>01/20/2020 08:48:07</t>
  </si>
  <si>
    <t>01/20/2020 08:51:20</t>
  </si>
  <si>
    <t>01/20/2020 08:49:29</t>
  </si>
  <si>
    <t>01/20/2020 08:47:55</t>
  </si>
  <si>
    <t>01/20/2020 08:52:19</t>
  </si>
  <si>
    <t>01/20/2020 08:48:25</t>
  </si>
  <si>
    <t>01/20/2020 08:52:13</t>
  </si>
  <si>
    <t>01/20/2020 08:53:19</t>
  </si>
  <si>
    <t>01/20/2020 08:49:25</t>
  </si>
  <si>
    <t>01/20/2020 08:54:19</t>
  </si>
  <si>
    <t>8a03cf90-8694-461a-ba71-552c094b3b88.tmp</t>
  </si>
  <si>
    <t>\\acsfs\profiles$\isabellegtds\Downloads\8a03cf90-8694-461a-ba71-552c094b3b88.tmp</t>
  </si>
  <si>
    <t>01/20/2020 08:50:39</t>
  </si>
  <si>
    <t>f0b55534-c48e-4dc8-be38-7f465ec94a3b.tmp</t>
  </si>
  <si>
    <t>\\acsfs\profiles$\isabellegtds\Downloads\f0b55534-c48e-4dc8-be38-7f465ec94a3b.tmp</t>
  </si>
  <si>
    <t>01/20/2020 08:48:43</t>
  </si>
  <si>
    <t>http:///batch/drive/v2internal?%24ct=multipart%2Fmixed%3B%20boundary%3D%22%3D%3D%3D%3D%3Duch8zyizmfqj%3D%3D%3D%3D%3D%22&amp;key=AIzaSyAy9VVXHSpS2IJpptzYtGbLP3-3_l0aBk4</t>
  </si>
  <si>
    <t>01/20/2020 08:48:44</t>
  </si>
  <si>
    <t>http:///batch/drive/v2internal?%24ct=multipart%2Fmixed%3B%20boundary%3D%22%3D%3D%3D%3D%3Dnnwtc2j93r4i%3D%3D%3D%3D%3D%22&amp;key=AIzaSyAy9VVXHSpS2IJpptzYtGbLP3-3_l0aBk4</t>
  </si>
  <si>
    <t>01/20/2020 08:50:53</t>
  </si>
  <si>
    <t>01/20/2020 08:55:19</t>
  </si>
  <si>
    <t>01/20/2020 08:53:48</t>
  </si>
  <si>
    <t>andrelpsa@algartech.com;joaogvc@algartech.com;katia.cardoso@bv.com.br;leonardoao@algartech.com;marianadjc@algartech.com;maristelavodq@bv.algartech.com;paulacn@algartech.com;planejamentodeoperacoesetrafego@bv.com.br;rafaelggs@algartech.com;raphaelmco@algartech.com.br;ricardodfm@algartech.com.br;taysdss@algartech.com;viniciussg@algartech.com;</t>
  </si>
  <si>
    <t>andrelpsa@algartech.com,joaogvc@algartech.com,katia.cardoso@bv.com.br,leonardoao@algartech.com,marianadjc@algartech.com,maristelavodq@bv.algartech.com,paulacn@algartech.com,planejamentodeoperacoesetrafego@bv.com.br,rafaelggs@algartech.com,raphaelmco@algartech.com.br,ricardodfm@algartech.com.br,taysdss@algartech.com,viniciussg@algartech.com</t>
  </si>
  <si>
    <t>01/20/2020 08:53:54</t>
  </si>
  <si>
    <t>01/20/2020 08:54:04</t>
  </si>
  <si>
    <t>01/20/2020 08:54:10</t>
  </si>
  <si>
    <t>01/20/2020 08:54:16</t>
  </si>
  <si>
    <t>01/20/2020 08:54:23</t>
  </si>
  <si>
    <t>01/20/2020 08:54:31</t>
  </si>
  <si>
    <t>01/20/2020 08:54:39</t>
  </si>
  <si>
    <t>01/20/2020 08:52:27</t>
  </si>
  <si>
    <t>kesiadof@algartech.com;lilianls@algartech.com;mirianppb@algartech.com;talmaiardo@algartech.com;</t>
  </si>
  <si>
    <t>kesiadof@algartech.com,lilianls@algartech.com,mirianppb@algartech.com,talmaiardo@algartech.com</t>
  </si>
  <si>
    <t>01/20/2020 08:51:44</t>
  </si>
  <si>
    <t>01/20/2020 08:56:19</t>
  </si>
  <si>
    <t>01/20/2020 08:54:48</t>
  </si>
  <si>
    <t>01/20/2020 08:54:49</t>
  </si>
  <si>
    <t>01/20/2020 08:54:50</t>
  </si>
  <si>
    <t>01/20/2020 08:54:51</t>
  </si>
  <si>
    <t>01/20/2020 08:54:52</t>
  </si>
  <si>
    <t>01/20/2020 08:54:53</t>
  </si>
  <si>
    <t>01/20/2020 08:54:54</t>
  </si>
  <si>
    <t>01/20/2020 08:54:55</t>
  </si>
  <si>
    <t>01/20/2020 08:54:56</t>
  </si>
  <si>
    <t>01/20/2020 08:54:03</t>
  </si>
  <si>
    <t>01/20/2020 08:55:20</t>
  </si>
  <si>
    <t>87c79457-d044-4d98-bd30-123565e128b8.tmp</t>
  </si>
  <si>
    <t>\\acsfs\profiles$\PEDROHAB\Downloads\87c79457-d044-4d98-bd30-123565e128b8.tmp</t>
  </si>
  <si>
    <t>01/20/2020 08:55:23</t>
  </si>
  <si>
    <t>106b5c64-64d3-409c-ace0-69be206b1294.tmp</t>
  </si>
  <si>
    <t>\\acsfs\profiles$\PEDROHAB\Downloads\106b5c64-64d3-409c-ace0-69be206b1294.tmp</t>
  </si>
  <si>
    <t>01/20/2020 08:54:57</t>
  </si>
  <si>
    <t>01/20/2020 08:54:58</t>
  </si>
  <si>
    <t>01/20/2020 08:54:59</t>
  </si>
  <si>
    <t>01/20/2020 08:55:00</t>
  </si>
  <si>
    <t>01/20/2020 08:55:01</t>
  </si>
  <si>
    <t>01/20/2020 08:55:02</t>
  </si>
  <si>
    <t>01/20/2020 08:55:03</t>
  </si>
  <si>
    <t>01/20/2020 08:55:04</t>
  </si>
  <si>
    <t>01/20/2020 08:57:01</t>
  </si>
  <si>
    <t>01/20/2020 08:57:19</t>
  </si>
  <si>
    <t>29129cb5-4eda-4d2b-9a34-344924f91a7b.tmp</t>
  </si>
  <si>
    <t>\\acsfs\profiles$\gabriellalpr\Downloads\29129cb5-4eda-4d2b-9a34-344924f91a7b.tmp</t>
  </si>
  <si>
    <t>01/20/2020 08:56:31</t>
  </si>
  <si>
    <t>01/20/2020 08:58:19</t>
  </si>
  <si>
    <t>a512c3c0-f031-43c8-97a3-cabce314cdd8.tmp</t>
  </si>
  <si>
    <t>\\acsfs\profiles$\danielmlds\Downloads\a512c3c0-f031-43c8-97a3-cabce314cdd8.tmp</t>
  </si>
  <si>
    <t>a56a36a6-fc86-44e0-8622-accfaaf20521.tmp</t>
  </si>
  <si>
    <t>\\acsfs\profiles$\claudiajca\Downloads\a56a36a6-fc86-44e0-8622-accfaaf20521.tmp</t>
  </si>
  <si>
    <t>23e513af-7a25-4f6a-a273-6788bbd52478.tmp</t>
  </si>
  <si>
    <t>\\acsfs\profiles$\nathaliarmr\Downloads\23e513af-7a25-4f6a-a273-6788bbd52478.tmp</t>
  </si>
  <si>
    <t>01/20/2020 08:54:46</t>
  </si>
  <si>
    <t>94db161e-edb8-4dc3-ae7e-9c20ea2b3a33.tmp</t>
  </si>
  <si>
    <t>\\acsfs\profiles$\nathaliarmr\Downloads\94db161e-edb8-4dc3-ae7e-9c20ea2b3a33.tmp</t>
  </si>
  <si>
    <t>01/20/2020 08:55:48</t>
  </si>
  <si>
    <t>01/20/2020 08:59:19</t>
  </si>
  <si>
    <t>fcd5d924-f667-4f42-b1fb-d15f519397e1.tmp</t>
  </si>
  <si>
    <t>\\acsfs\profiles$\inarajst\Downloads\fcd5d924-f667-4f42-b1fb-d15f519397e1.tmp</t>
  </si>
  <si>
    <t>01/20/2020 08:54:30</t>
  </si>
  <si>
    <t>01/20/2020 08:58:27</t>
  </si>
  <si>
    <t>01/20/2020 08:54:20</t>
  </si>
  <si>
    <t>de46c4fe-bf95-4a3c-8938-f242df729a01.tmp</t>
  </si>
  <si>
    <t>\\acsfs\profiles$\valeriasda\Downloads\de46c4fe-bf95-4a3c-8938-f242df729a01.tmp</t>
  </si>
  <si>
    <t>01/20/2020 08:57:43</t>
  </si>
  <si>
    <t>01/20/2020 08:57:05</t>
  </si>
  <si>
    <t>01/20/2020 08:54:45</t>
  </si>
  <si>
    <t>01/20/2020 09:00:20</t>
  </si>
  <si>
    <t>bcbbc41a-0f12-45bc-b8aa-23a3330654b5.tmp</t>
  </si>
  <si>
    <t>\\acsfs\profiles$\THYAGOSP\Downloads\bcbbc41a-0f12-45bc-b8aa-23a3330654b5.tmp</t>
  </si>
  <si>
    <t>01/20/2020 08:59:31</t>
  </si>
  <si>
    <t>aeab673f-efd7-4543-8ca9-fed2cd74b881.tmp</t>
  </si>
  <si>
    <t>\\acsfs\profiles$\yurics\Downloads\aeab673f-efd7-4543-8ca9-fed2cd74b881.tmp</t>
  </si>
  <si>
    <t>01/20/2020 08:59:33</t>
  </si>
  <si>
    <t>adrielyas</t>
  </si>
  <si>
    <t>\\acsfs\profiles$\adrielyas\My Documents\My Pictures\</t>
  </si>
  <si>
    <t>\\acsfs\profiles$\adrielyas\My Documents\My Videos\desktop.ini</t>
  </si>
  <si>
    <t>01/20/2020 08:59:35</t>
  </si>
  <si>
    <t>\\acsfs\profiles$\adrielyas\My Documents\My Videos\</t>
  </si>
  <si>
    <t>01/20/2020 08:59:37</t>
  </si>
  <si>
    <t>01/20/2020 08:55:12</t>
  </si>
  <si>
    <t>mail.google.com/_/upload?authuser=0&amp;dcp=asu-n&amp;upload_id=AEnB2Up6UfhtbfLVppkl8OK4fIaS2jq47UgNpu-pkogqEhH-A0LiG9FUBJBpaFCXGUIA5C9_5398yyij5EJfcVy1Nsn4V0D93EixWBabE8G0v6tlLe8i3_w&amp;upload_protocol=resumable</t>
  </si>
  <si>
    <t>01/20/2020 08:55:36</t>
  </si>
  <si>
    <t>01/20/2020 08:55:38</t>
  </si>
  <si>
    <t>01/20/2020 08:55:43</t>
  </si>
  <si>
    <t>01/20/2020 08:55:58</t>
  </si>
  <si>
    <t>01/20/2020 08:56:02</t>
  </si>
  <si>
    <t>01/20/2020 08:56:30</t>
  </si>
  <si>
    <t>01/20/2020 08:56:36</t>
  </si>
  <si>
    <t>01/20/2020 08:56:44</t>
  </si>
  <si>
    <t>01/20/2020 08:57:03</t>
  </si>
  <si>
    <t>01/20/2020 08:57:11</t>
  </si>
  <si>
    <t>01/20/2020 08:57:14</t>
  </si>
  <si>
    <t>01/20/2020 08:57:28</t>
  </si>
  <si>
    <t>01/20/2020 08:57:35</t>
  </si>
  <si>
    <t>01/20/2020 08:57:39</t>
  </si>
  <si>
    <t>01/20/2020 08:57:44</t>
  </si>
  <si>
    <t>01/20/2020 08:57:55</t>
  </si>
  <si>
    <t>01/20/2020 08:58:01</t>
  </si>
  <si>
    <t>01/20/2020 08:58:04</t>
  </si>
  <si>
    <t>01/20/2020 08:58:06</t>
  </si>
  <si>
    <t>01/20/2020 08:58:30</t>
  </si>
  <si>
    <t>01/20/2020 08:58:38</t>
  </si>
  <si>
    <t>01/20/2020 08:58:47</t>
  </si>
  <si>
    <t>01/20/2020 08:58:54</t>
  </si>
  <si>
    <t>01/20/2020 08:59:02</t>
  </si>
  <si>
    <t>01/20/2020 08:59:11</t>
  </si>
  <si>
    <t>01/20/2020 08:59:23</t>
  </si>
  <si>
    <t>01/20/2020 08:59:42</t>
  </si>
  <si>
    <t>01/20/2020 08:59:48</t>
  </si>
  <si>
    <t>01/20/2020 08:57:00</t>
  </si>
  <si>
    <t>01/20/2020 09:00:19</t>
  </si>
  <si>
    <t>01/20/2020 09:01:19</t>
  </si>
  <si>
    <t>de4830c3-09ee-4535-a39c-29d6747bf3e0.tmp</t>
  </si>
  <si>
    <t>\\acsfs\profiles$\esterasg\Downloads\de4830c3-09ee-4535-a39c-29d6747bf3e0.tmp</t>
  </si>
  <si>
    <t>01/20/2020 09:00:21</t>
  </si>
  <si>
    <t>24f0de7b-911e-4f17-983f-7a0d417fdfc5.tmp</t>
  </si>
  <si>
    <t>\\acsfs\profiles$\esterasg\Downloads\24f0de7b-911e-4f17-983f-7a0d417fdfc5.tmp</t>
  </si>
  <si>
    <t>01/20/2020 09:00:29</t>
  </si>
  <si>
    <t>795cad38-afe3-4efe-a3d5-484c37031236.tmp</t>
  </si>
  <si>
    <t>\\acsfs\profiles$\esterasg\Downloads\795cad38-afe3-4efe-a3d5-484c37031236.tmp</t>
  </si>
  <si>
    <t>01/20/2020 08:59:41</t>
  </si>
  <si>
    <t>01/20/2020 08:57:33</t>
  </si>
  <si>
    <t>8137d8b4-9431-4dad-b074-00b4ed478953.tmp</t>
  </si>
  <si>
    <t>\\acsfs\profiles$\talitafdc\Downloads\8137d8b4-9431-4dad-b074-00b4ed478953.tmp</t>
  </si>
  <si>
    <t>01/20/2020 08:58:32</t>
  </si>
  <si>
    <t>bee04574-ca9f-411d-92d8-28880bcaa550.tmp</t>
  </si>
  <si>
    <t>\\acsfs\profiles$\talitafdc\Downloads\bee04574-ca9f-411d-92d8-28880bcaa550.tmp</t>
  </si>
  <si>
    <t>01/20/2020 08:59:04</t>
  </si>
  <si>
    <t>5bac5a08-c5de-415a-89d9-83ab185f7990.tmp</t>
  </si>
  <si>
    <t>\\acsfs\profiles$\talitafdc\Downloads\5bac5a08-c5de-415a-89d9-83ab185f7990.tmp</t>
  </si>
  <si>
    <t>01/20/2020 08:56:28</t>
  </si>
  <si>
    <t>ee3d16cc-c3ca-4278-bcfe-54c7b61295ce.tmp</t>
  </si>
  <si>
    <t>\\acsfs\profiles$\PEDROHAB\Downloads\ee3d16cc-c3ca-4278-bcfe-54c7b61295ce.tmp</t>
  </si>
  <si>
    <t>01/20/2020 08:58:16</t>
  </si>
  <si>
    <t>01/20/2020 08:59:09</t>
  </si>
  <si>
    <t>01/20/2020 08:58:55</t>
  </si>
  <si>
    <t>01/20/2020 09:02:19</t>
  </si>
  <si>
    <t>01/20/2020 08:58:09</t>
  </si>
  <si>
    <t>162a9e4f-356f-489c-a304-8f96d10137be.tmp</t>
  </si>
  <si>
    <t>\\acsfs\profiles$\gabriellalpr\Downloads\162a9e4f-356f-489c-a304-8f96d10137be.tmp</t>
  </si>
  <si>
    <t>01/20/2020 08:58:35</t>
  </si>
  <si>
    <t>0e415ece-7df3-4fd9-9be0-82471b126059.tmp</t>
  </si>
  <si>
    <t>\\acsfs\profiles$\gabriellalpr\Downloads\0e415ece-7df3-4fd9-9be0-82471b126059.tmp</t>
  </si>
  <si>
    <t>01/20/2020 09:01:39</t>
  </si>
  <si>
    <t>5f768ba8-c7a2-447a-bc96-c79b391e54a0.tmp</t>
  </si>
  <si>
    <t>\\acsfs\profiles$\gabriellalpr\Downloads\5f768ba8-c7a2-447a-bc96-c79b391e54a0.tmp</t>
  </si>
  <si>
    <t>01/20/2020 08:57:58</t>
  </si>
  <si>
    <t>01/20/2020 09:03:19</t>
  </si>
  <si>
    <t>a6556a7d-e82c-48ed-90b1-580f4c4ebaf4.tmp</t>
  </si>
  <si>
    <t>\\acsfs\profiles$\danielmlds\Downloads\a6556a7d-e82c-48ed-90b1-580f4c4ebaf4.tmp</t>
  </si>
  <si>
    <t>01/20/2020 09:00:48</t>
  </si>
  <si>
    <t>01/20/2020 08:58:23</t>
  </si>
  <si>
    <t>c7737f79-0627-4774-a1b6-5e8c6a584b76.tmp</t>
  </si>
  <si>
    <t>\\acsfs\profiles$\Flaviojmm\Downloads\c7737f79-0627-4774-a1b6-5e8c6a584b76.tmp</t>
  </si>
  <si>
    <t>01/20/2020 08:59:21</t>
  </si>
  <si>
    <t>4e795d49-ef22-4552-a4ae-a968586296bc.tmp</t>
  </si>
  <si>
    <t>\\acsfs\profiles$\Flaviojmm\Downloads\4e795d49-ef22-4552-a4ae-a968586296bc.tmp</t>
  </si>
  <si>
    <t>01/17/2020 09:25:57</t>
  </si>
  <si>
    <t>01/20/2020 09:04:19</t>
  </si>
  <si>
    <t>ba3c5fdd-a6ca-471e-9f36-cb2f09ceed2e.tmp</t>
  </si>
  <si>
    <t>\\acsfs\profiles$\geovannasm\Downloads\ba3c5fdd-a6ca-471e-9f36-cb2f09ceed2e.tmp</t>
  </si>
  <si>
    <t>01/17/2020 09:26:06</t>
  </si>
  <si>
    <t>aed36cd0-d492-4b3a-810e-6fdf9e3d2811.tmp</t>
  </si>
  <si>
    <t>\\acsfs\profiles$\geovannasm\Downloads\aed36cd0-d492-4b3a-810e-6fdf9e3d2811.tmp</t>
  </si>
  <si>
    <t>01/20/2020 08:59:36</t>
  </si>
  <si>
    <t>39853152-f37b-4dd0-a92c-ee615c706f47.tmp</t>
  </si>
  <si>
    <t>\\acsfs\profiles$\isabellegtds\Downloads\39853152-f37b-4dd0-a92c-ee615c706f47.tmp</t>
  </si>
  <si>
    <t>27383b2b-bb9c-44ea-9621-802ba61f9656.tmp</t>
  </si>
  <si>
    <t>\\acsfs\profiles$\LUCASBS\Downloads\27383b2b-bb9c-44ea-9621-802ba61f9656.tmp</t>
  </si>
  <si>
    <t>01/20/2020 08:59:43</t>
  </si>
  <si>
    <t>4454d65a-c53a-417c-ba98-a24d1691b3a7.tmp</t>
  </si>
  <si>
    <t>\\acsfs\profiles$\LUCASBS\Downloads\4454d65a-c53a-417c-ba98-a24d1691b3a7.tmp</t>
  </si>
  <si>
    <t>01/20/2020 09:00:22</t>
  </si>
  <si>
    <t>01/20/2020 08:59:05</t>
  </si>
  <si>
    <t>515c5758-c914-4702-a961-262949058cdb.tmp</t>
  </si>
  <si>
    <t>\\acsfs\profiles$\larissaad\Downloads\515c5758-c914-4702-a961-262949058cdb.tmp</t>
  </si>
  <si>
    <t>01/20/2020 09:01:56</t>
  </si>
  <si>
    <t>01/20/2020 09:05:18</t>
  </si>
  <si>
    <t>01/20/2020 09:01:57</t>
  </si>
  <si>
    <t>8f52afee-3d88-4eb5-aece-4c51200d2b53.tmp</t>
  </si>
  <si>
    <t>\\acsfs\profiles$\yurics\Downloads\8f52afee-3d88-4eb5-aece-4c51200d2b53.tmp</t>
  </si>
  <si>
    <t>01/20/2020 08:59:52</t>
  </si>
  <si>
    <t>85fa8058-1ea3-4419-9fe3-d0aa14052cdf.tmp</t>
  </si>
  <si>
    <t>\\acsfs\profiles$\yurics\Downloads\85fa8058-1ea3-4419-9fe3-d0aa14052cdf.tmp</t>
  </si>
  <si>
    <t>01/20/2020 09:00:06</t>
  </si>
  <si>
    <t>466f5e0a-1a5a-4703-93e9-d90d2940c1d6.tmp</t>
  </si>
  <si>
    <t>\\acsfs\profiles$\yurics\Downloads\466f5e0a-1a5a-4703-93e9-d90d2940c1d6.tmp</t>
  </si>
  <si>
    <t>01/20/2020 09:00:41</t>
  </si>
  <si>
    <t>01/20/2020 09:00:42</t>
  </si>
  <si>
    <t>01/20/2020 09:00:43</t>
  </si>
  <si>
    <t>01/20/2020 09:00:44</t>
  </si>
  <si>
    <t>01/20/2020 09:00:45</t>
  </si>
  <si>
    <t>01/20/2020 09:00:47</t>
  </si>
  <si>
    <t>01/20/2020 09:00:49</t>
  </si>
  <si>
    <t>01/20/2020 09:00:50</t>
  </si>
  <si>
    <t>01/20/2020 09:00:51</t>
  </si>
  <si>
    <t>01/20/2020 09:00:52</t>
  </si>
  <si>
    <t>01/20/2020 09:00:53</t>
  </si>
  <si>
    <t>01/20/2020 09:00:54</t>
  </si>
  <si>
    <t>01/20/2020 08:59:40</t>
  </si>
  <si>
    <t>01/20/2020 09:00:55</t>
  </si>
  <si>
    <t>01/20/2020 09:00:56</t>
  </si>
  <si>
    <t>\\acsfs\profiles$\adrielyas\My Documents\My Music\</t>
  </si>
  <si>
    <t>\\acsfs\profiles$\adrielyas\My Documents\My Pictures\desktop.ini</t>
  </si>
  <si>
    <t>01/20/2020 08:59:44</t>
  </si>
  <si>
    <t>01/20/2020 09:00:57</t>
  </si>
  <si>
    <t>01/20/2020 08:59:45</t>
  </si>
  <si>
    <t>01/20/2020 08:59:46</t>
  </si>
  <si>
    <t>\\acsfs\profiles$\adrielyas\Contacts\</t>
  </si>
  <si>
    <t>\\acsfs\profiles$\adrielyas\Contacts\desktop.ini</t>
  </si>
  <si>
    <t>01/20/2020 08:59:47</t>
  </si>
  <si>
    <t>01/20/2020 08:59:49</t>
  </si>
  <si>
    <t>01/20/2020 08:59:50</t>
  </si>
  <si>
    <t>\\acsfs\profiles$\adrielyas\My Documents\</t>
  </si>
  <si>
    <t>\\acsfs\profiles$\adrielyas\Favorites\desktop.ini</t>
  </si>
  <si>
    <t>01/20/2020 09:00:58</t>
  </si>
  <si>
    <t>01/20/2020 08:59:51</t>
  </si>
  <si>
    <t>01/20/2020 08:59:53</t>
  </si>
  <si>
    <t>01/20/2020 08:59:55</t>
  </si>
  <si>
    <t>01/20/2020 08:59:56</t>
  </si>
  <si>
    <t>01/20/2020 09:00:00</t>
  </si>
  <si>
    <t>\\acsfs\profiles$\adrielyas\My Documents\My Music\desktop.ini</t>
  </si>
  <si>
    <t>01/20/2020 09:00:01</t>
  </si>
  <si>
    <t>01/20/2020 09:00:03</t>
  </si>
  <si>
    <t>01/20/2020 09:00:59</t>
  </si>
  <si>
    <t>01/20/2020 09:00:04</t>
  </si>
  <si>
    <t>\\acsfs\profiles$\adrielyas\Searches\</t>
  </si>
  <si>
    <t>\\acsfs\profiles$\adrielyas\Searches\desktop.ini</t>
  </si>
  <si>
    <t>01/20/2020 09:00:08</t>
  </si>
  <si>
    <t>01/20/2020 09:01:00</t>
  </si>
  <si>
    <t>01/20/2020 09:00:09</t>
  </si>
  <si>
    <t>01/20/2020 09:00:10</t>
  </si>
  <si>
    <t>01/20/2020 09:00:11</t>
  </si>
  <si>
    <t>\\acsfs\profiles$\adrielyas\Downloads\</t>
  </si>
  <si>
    <t>\\acsfs\profiles$\adrielyas\Downloads\desktop.ini</t>
  </si>
  <si>
    <t>01/20/2020 09:00:13</t>
  </si>
  <si>
    <t>01/20/2020 09:00:16</t>
  </si>
  <si>
    <t>\\acsfs\profiles$\adrielyas\Favorites\</t>
  </si>
  <si>
    <t>\\acsfs\profiles$\adrielyas\My Documents\desktop.ini</t>
  </si>
  <si>
    <t>01/20/2020 09:00:18</t>
  </si>
  <si>
    <t>01/20/2020 09:01:01</t>
  </si>
  <si>
    <t>\\acsfs\profiles$\adrielyas\Saved Games\desktop.ini</t>
  </si>
  <si>
    <t>01/20/2020 09:00:23</t>
  </si>
  <si>
    <t>01/20/2020 09:01:33</t>
  </si>
  <si>
    <t>01/20/2020 09:01:02</t>
  </si>
  <si>
    <t>01/20/2020 09:01:03</t>
  </si>
  <si>
    <t>01/20/2020 09:01:04</t>
  </si>
  <si>
    <t>01/20/2020 09:01:05</t>
  </si>
  <si>
    <t>01/20/2020 09:01:06</t>
  </si>
  <si>
    <t>01/20/2020 09:01:07</t>
  </si>
  <si>
    <t>01/20/2020 09:01:08</t>
  </si>
  <si>
    <t>01/20/2020 09:01:09</t>
  </si>
  <si>
    <t>01/20/2020 09:01:10</t>
  </si>
  <si>
    <t>01/20/2020 09:01:11</t>
  </si>
  <si>
    <t>01/20/2020 08:59:57</t>
  </si>
  <si>
    <t>andrelpsa@algartech.com;joaogvc@algartech.com;katia.cardoso@bv.com.br;leonardoao@algartech.com;marianadjc@algartech.com;maristelavodq@bv.algartech.com;paulacn@algartech.com;rafaelggs@algartech.com;ricardodfm@algartech.com.br;taysdss@algartech.com;thiagordu@algartech.com;viniciussg@algartech.com;</t>
  </si>
  <si>
    <t>andrelpsa@algartech.com,joaogvc@algartech.com,katia.cardoso@bv.com.br,leonardoao@algartech.com,marianadjc@algartech.com,maristelavodq@bv.algartech.com,paulacn@algartech.com,rafaelggs@algartech.com,ricardodfm@algartech.com.br,taysdss@algartech.com,thiagordu@algartech.com,viniciussg@algartech.com</t>
  </si>
  <si>
    <t>01/20/2020 09:00:30</t>
  </si>
  <si>
    <t>01/20/2020 09:00:36</t>
  </si>
  <si>
    <t>01/20/2020 09:02:40</t>
  </si>
  <si>
    <t>01/20/2020 09:03:04</t>
  </si>
  <si>
    <t>01/20/2020 09:03:17</t>
  </si>
  <si>
    <t>andrelpsa@algartech.com;bvcartes-supervisores@algarnet.onmicrosoft.com;joaogvc@algartech.com;leonardoao@algartech.com;marianadjc@algartech.com;maristelavodq@bv.algartech.com;paulacn@algartech.com;planejamentodeoperacoesetrafego@bv.com.br;rafaelggs@algartech.com;raphaelmco@algartech.com.br;ricardodfm@algartech.com.br;taysdss@algartech.com;thiagordu@algartech.com;viniciussg@algartech.com;</t>
  </si>
  <si>
    <t>andrelpsa@algartech.com,bvcartes-supervisores@algarnet.onmicrosoft.com,joaogvc@algartech.com,leonardoao@algartech.com,marianadjc@algartech.com,maristelavodq@bv.algartech.com,paulacn@algartech.com,planejamentodeoperacoesetrafego@bv.com.br,rafaelggs@algartech.com,raphaelmco@algartech.com.br,ricardodfm@algartech.com.br,taysdss@algartech.com,thiagordu@algartech.com,viniciussg@algartech.com</t>
  </si>
  <si>
    <t>01/20/2020 09:03:20</t>
  </si>
  <si>
    <t>01/20/2020 09:03:30</t>
  </si>
  <si>
    <t>andrelpsa@algartech.com;bvcartes-supervisores@algarnet.onmicrosoft.com;joaogvc@algartech.com;leonardoao@algartech.com;marianadjc@algartech.com;maristelavodq@bv.algartech.com;paulacn@algartech.com;rafaelggs@algartech.com;ricardodfm@algartech.com.br;taysdss@algartech.com;thiagordu@algartech.com;viniciussg@algartech.com;</t>
  </si>
  <si>
    <t>andrelpsa@algartech.com,bvcartes-supervisores@algarnet.onmicrosoft.com,joaogvc@algartech.com,leonardoao@algartech.com,marianadjc@algartech.com,maristelavodq@bv.algartech.com,paulacn@algartech.com,rafaelggs@algartech.com,ricardodfm@algartech.com.br,taysdss@algartech.com,thiagordu@algartech.com,viniciussg@algartech.com</t>
  </si>
  <si>
    <t>01/20/2020 09:03:37</t>
  </si>
  <si>
    <t>01/20/2020 09:03:57</t>
  </si>
  <si>
    <t>01/20/2020 09:04:00</t>
  </si>
  <si>
    <t>01/20/2020 09:04:22</t>
  </si>
  <si>
    <t>01/20/2020 09:04:36</t>
  </si>
  <si>
    <t>01/20/2020 09:04:51</t>
  </si>
  <si>
    <t>01/20/2020 09:02:01</t>
  </si>
  <si>
    <t>01/20/2020 09:01:15</t>
  </si>
  <si>
    <t>01/20/2020 09:00:46</t>
  </si>
  <si>
    <t>01/20/2020 09:06:19</t>
  </si>
  <si>
    <t>892fb24c-6666-4677-959d-ad55fe97c9ac.tmp</t>
  </si>
  <si>
    <t>\\acsfs\profiles$\esterasg\Downloads\892fb24c-6666-4677-959d-ad55fe97c9ac.tmp</t>
  </si>
  <si>
    <t>01/20/2020 09:01:50</t>
  </si>
  <si>
    <t>e3c41698-f941-44bd-99ac-cd73268d208d.tmp</t>
  </si>
  <si>
    <t>\\acsfs\profiles$\esterasg\Downloads\e3c41698-f941-44bd-99ac-cd73268d208d.tmp</t>
  </si>
  <si>
    <t>01/20/2020 09:01:43</t>
  </si>
  <si>
    <t>0ad22b4f-531f-484d-93b2-a98c34eb8991.tmp</t>
  </si>
  <si>
    <t>\\acsfs\profiles$\gabrielhca\Downloads\0ad22b4f-531f-484d-93b2-a98c34eb8991.tmp</t>
  </si>
  <si>
    <t>01/20/2020 09:02:06</t>
  </si>
  <si>
    <t>bf5aca04-15d3-4337-83a0-54c0de3c6222.tmp</t>
  </si>
  <si>
    <t>\\acsfs\profiles$\gabrielhca\Downloads\bf5aca04-15d3-4337-83a0-54c0de3c6222.tmp</t>
  </si>
  <si>
    <t>5012a13d-79d0-4f41-bbe0-87cc6a339233.tmp</t>
  </si>
  <si>
    <t>\\acsfs\profiles$\gabrielhca\Downloads\5012a13d-79d0-4f41-bbe0-87cc6a339233.tmp</t>
  </si>
  <si>
    <t>01/20/2020 09:04:07</t>
  </si>
  <si>
    <t>e1c855d4-4f74-491d-934c-a53fd12a81fb.tmp</t>
  </si>
  <si>
    <t>\\acsfs\profiles$\gabrielhca\Downloads\e1c855d4-4f74-491d-934c-a53fd12a81fb.tmp</t>
  </si>
  <si>
    <t>01/20/2020 09:04:16</t>
  </si>
  <si>
    <t>9524701a-541d-47a3-833f-6b6d68626d9d.tmp</t>
  </si>
  <si>
    <t>\\acsfs\profiles$\gabrielhca\Downloads\9524701a-541d-47a3-833f-6b6d68626d9d.tmp</t>
  </si>
  <si>
    <t>01/20/2020 09:02:50</t>
  </si>
  <si>
    <t>01/20/2020 09:02:59</t>
  </si>
  <si>
    <t>01/20/2020 09:07:18</t>
  </si>
  <si>
    <t>10.200.67.161</t>
  </si>
  <si>
    <t>ingridrd</t>
  </si>
  <si>
    <t>https://udpwfmniceap02/web/guest/home?p_auth=nypa09ks&amp;p_p_id=58&amp;p_p_lifecycle=1&amp;p_p_state=maximized&amp;p_p_mode=view&amp;savelastpath=0&amp;_58_struts_action=/login/forgot_password</t>
  </si>
  <si>
    <t>01/20/2020 09:03:05</t>
  </si>
  <si>
    <t>01/20/2020 09:03:41</t>
  </si>
  <si>
    <t>01/20/2020 09:05:50</t>
  </si>
  <si>
    <t>01/20/2020 09:06:25</t>
  </si>
  <si>
    <t>01/20/2020 09:06:26</t>
  </si>
  <si>
    <t>01/20/2020 09:02:56</t>
  </si>
  <si>
    <t>01/20/2020 09:03:26</t>
  </si>
  <si>
    <t>01/20/2020 09:05:56</t>
  </si>
  <si>
    <t>01/20/2020 09:06:24</t>
  </si>
  <si>
    <t>lu16924ga5w.tmp</t>
  </si>
  <si>
    <t>\\acsfs\profiles$\jonathanwap\lu16924ga5w.tmp</t>
  </si>
  <si>
    <t>\\acsfs\profiles$\jonathanwap\lu16924ga5w.tmp\</t>
  </si>
  <si>
    <t>\\acsfs\profiles$\jonathanwap\lu16924ga5w.tmp\META-INF\</t>
  </si>
  <si>
    <t>\\acsfs\profiles$\jonathanwap\lu16924ga5w.tmp\Thumbnails\</t>
  </si>
  <si>
    <t>01/20/2020 09:06:42</t>
  </si>
  <si>
    <t>1fe572fd-f72f-4596-8f42-4e89358b6470.tmp</t>
  </si>
  <si>
    <t>\\acsfs\profiles$\gabriellalpr\Downloads\1fe572fd-f72f-4596-8f42-4e89358b6470.tmp</t>
  </si>
  <si>
    <t>01/20/2020 09:05:15</t>
  </si>
  <si>
    <t>01/20/2020 09:08:19</t>
  </si>
  <si>
    <t>f738d15e-d21f-47b4-aada-ecbe132c7c36.tmp</t>
  </si>
  <si>
    <t>\\acsfs\profiles$\nathaliarmr\Downloads\f738d15e-d21f-47b4-aada-ecbe132c7c36.tmp</t>
  </si>
  <si>
    <t>01/20/2020 09:05:52</t>
  </si>
  <si>
    <t>01/20/2020 09:04:28</t>
  </si>
  <si>
    <t>01/20/2020 09:05:38</t>
  </si>
  <si>
    <t>01/20/2020 09:07:08</t>
  </si>
  <si>
    <t>01/20/2020 09:05:03</t>
  </si>
  <si>
    <t>Erro fatal KAMILA MARCELA ROCHA COSTA2.PNG</t>
  </si>
  <si>
    <t>\\acsfs\ACS\001 - Qualidade Lilian\PAULO\Pasta Tainara\Erro fatal KAMILA MARCELA ROCHA COSTA2.PNG</t>
  </si>
  <si>
    <t>01/20/2020 09:03:40</t>
  </si>
  <si>
    <t>01/20/2020 09:09:18</t>
  </si>
  <si>
    <t>01/20/2020 09:04:48</t>
  </si>
  <si>
    <t>1296e245-af45-431f-ba8b-dc7ab0d2dd01.tmp</t>
  </si>
  <si>
    <t>\\acsfs\profiles$\LUCASBS\Downloads\1296e245-af45-431f-ba8b-dc7ab0d2dd01.tmp</t>
  </si>
  <si>
    <t>01/20/2020 09:04:55</t>
  </si>
  <si>
    <t>01/20/2020 09:05:04</t>
  </si>
  <si>
    <t>01/20/2020 09:06:10</t>
  </si>
  <si>
    <t>01/20/2020 09:03:58</t>
  </si>
  <si>
    <t>01/20/2020 09:08:56</t>
  </si>
  <si>
    <t>01/20/2020 09:10:19</t>
  </si>
  <si>
    <t>01/20/2020 09:05:05</t>
  </si>
  <si>
    <t>01/20/2020 09:05:10</t>
  </si>
  <si>
    <t>01/20/2020 09:05:19</t>
  </si>
  <si>
    <t>andrelpsa@algartech.com;bvcartes-supervisores@algarnet.onmicrosoft.com;joaogvc@algartech.com;leonardoao@algartech.com;marianadjc@algartech.com;maristelavodq@bv.algartech.com;paulacn@algartech.com;ricardodfm@algartech.com.br;taysdss@algartech.com;viniciussg@algartech.com;</t>
  </si>
  <si>
    <t>andrelpsa@algartech.com,bvcartes-supervisores@algarnet.onmicrosoft.com,joaogvc@algartech.com,leonardoao@algartech.com,marianadjc@algartech.com,maristelavodq@bv.algartech.com,paulacn@algartech.com,ricardodfm@algartech.com.br,taysdss@algartech.com,viniciussg@algartech.com</t>
  </si>
  <si>
    <t>01/20/2020 09:05:24</t>
  </si>
  <si>
    <t>01/20/2020 09:05:42</t>
  </si>
  <si>
    <t>01/20/2020 09:05:44</t>
  </si>
  <si>
    <t>01/20/2020 09:05:48</t>
  </si>
  <si>
    <t>01/20/2020 09:06:09</t>
  </si>
  <si>
    <t>01/20/2020 09:06:17</t>
  </si>
  <si>
    <t>01/20/2020 09:06:23</t>
  </si>
  <si>
    <t>01/20/2020 09:06:49</t>
  </si>
  <si>
    <t>01/20/2020 09:06:56</t>
  </si>
  <si>
    <t>01/20/2020 09:07:01</t>
  </si>
  <si>
    <t>01/20/2020 09:07:28</t>
  </si>
  <si>
    <t>01/20/2020 09:07:39</t>
  </si>
  <si>
    <t>01/20/2020 09:07:42</t>
  </si>
  <si>
    <t>01/20/2020 09:07:47</t>
  </si>
  <si>
    <t>01/20/2020 09:07:50</t>
  </si>
  <si>
    <t>01/20/2020 09:08:02</t>
  </si>
  <si>
    <t>01/20/2020 09:08:12</t>
  </si>
  <si>
    <t>01/20/2020 09:08:20</t>
  </si>
  <si>
    <t>01/20/2020 09:08:23</t>
  </si>
  <si>
    <t>01/20/2020 09:08:25</t>
  </si>
  <si>
    <t>01/20/2020 09:08:26</t>
  </si>
  <si>
    <t>01/20/2020 09:08:31</t>
  </si>
  <si>
    <t>01/20/2020 09:08:40</t>
  </si>
  <si>
    <t>01/20/2020 09:08:44</t>
  </si>
  <si>
    <t>01/20/2020 09:08:52</t>
  </si>
  <si>
    <t>01/20/2020 09:09:13</t>
  </si>
  <si>
    <t>01/20/2020 09:09:24</t>
  </si>
  <si>
    <t>01/20/2020 09:09:32</t>
  </si>
  <si>
    <t>01/20/2020 09:09:39</t>
  </si>
  <si>
    <t>01/20/2020 09:09:52</t>
  </si>
  <si>
    <t>andrelpsa@algartech.com;bvcartes-supervisores@algarnet.onmicrosoft.com;joaogvc@algartech.com;katia.cardoso@bv.com.br;leonardoao@algartech.com;marianadjc@algartech.com;maristelavodq@bv.algartech.com;paulacn@algartech.com;ricardodfm@algartech.com.br;taysdss@algartech.com;viniciussg@algartech.com;</t>
  </si>
  <si>
    <t>andrelpsa@algartech.com,bvcartes-supervisores@algarnet.onmicrosoft.com,joaogvc@algartech.com,katia.cardoso@bv.com.br,leonardoao@algartech.com,marianadjc@algartech.com,maristelavodq@bv.algartech.com,paulacn@algartech.com,ricardodfm@algartech.com.br,taysdss@algartech.com,viniciussg@algartech.com</t>
  </si>
  <si>
    <t>01/20/2020 09:09:10</t>
  </si>
  <si>
    <t>01/20/2020 09:11:19</t>
  </si>
  <si>
    <t>01/20/2020 09:07:37</t>
  </si>
  <si>
    <t>c4e08bc7-c3f1-464e-a086-a7a49a1e84c4.tmp</t>
  </si>
  <si>
    <t>\\acsfs\profiles$\esterasg\Downloads\c4e08bc7-c3f1-464e-a086-a7a49a1e84c4.tmp</t>
  </si>
  <si>
    <t>01/20/2020 09:06:04</t>
  </si>
  <si>
    <t>fb381d1f-a1dd-4419-a5f2-b8c15dc6a097.tmp</t>
  </si>
  <si>
    <t>\\acsfs\profiles$\gabrielhca\Downloads\fb381d1f-a1dd-4419-a5f2-b8c15dc6a097.tmp</t>
  </si>
  <si>
    <t>01/20/2020 09:12:19</t>
  </si>
  <si>
    <t>01/20/2020 09:08:11</t>
  </si>
  <si>
    <t>01/20/2020 09:13:18</t>
  </si>
  <si>
    <t>01/20/2020 09:08:27</t>
  </si>
  <si>
    <t>01/20/2020 09:08:38</t>
  </si>
  <si>
    <t>01/20/2020 09:09:16</t>
  </si>
  <si>
    <t>01/20/2020 09:09:46</t>
  </si>
  <si>
    <t>01/20/2020 09:09:56</t>
  </si>
  <si>
    <t>01/20/2020 09:10:15</t>
  </si>
  <si>
    <t>01/20/2020 09:10:39</t>
  </si>
  <si>
    <t>01/20/2020 09:10:44</t>
  </si>
  <si>
    <t>01/20/2020 09:11:01</t>
  </si>
  <si>
    <t>01/20/2020 09:11:23</t>
  </si>
  <si>
    <t>01/20/2020 09:11:33</t>
  </si>
  <si>
    <t>01/20/2020 09:11:38</t>
  </si>
  <si>
    <t>01/20/2020 09:12:27</t>
  </si>
  <si>
    <t>01/20/2020 09:12:33</t>
  </si>
  <si>
    <t>01/20/2020 09:11:18</t>
  </si>
  <si>
    <t>01/20/2020 09:14:19</t>
  </si>
  <si>
    <t>01/20/2020 09:09:36</t>
  </si>
  <si>
    <t>https://341510534,[],false,null,r6d97aokybtwhdqacj3ip89znnffchmkcxnabppcfodygpskitaqhiszpzxxflftmoa1bfxaphld-brv3llasy0sc8iphsyew-em-pjq2_bpnlfv0jdga7h96gbi4ryjndxjpl_iet_es7dsdrieebavnuu7yr1z3j_yieo40yyfdn9dxq-vl4xtn3isbiistdfvc0vmv-sil9b4hdoe4-k0vgd_nippbnqhfbzq2w6b8iunw5viqvcnl-tb-sq4rmp0scidsm6-uhbwts5k7iuummkrkajh0ugpnir03z40g\",true]"</t>
  </si>
  <si>
    <t>01/20/2020 09:10:30</t>
  </si>
  <si>
    <t>01/20/2020 09:10:32</t>
  </si>
  <si>
    <t>01/20/2020 09:10:40</t>
  </si>
  <si>
    <t>01/20/2020 09:12:34</t>
  </si>
  <si>
    <t>01/20/2020 09:10:01</t>
  </si>
  <si>
    <t>01/20/2020 09:15:19</t>
  </si>
  <si>
    <t>01/20/2020 09:10:04</t>
  </si>
  <si>
    <t>01/20/2020 09:10:08</t>
  </si>
  <si>
    <t>01/20/2020 09:10:17</t>
  </si>
  <si>
    <t>01/20/2020 09:10:20</t>
  </si>
  <si>
    <t>01/20/2020 09:10:24</t>
  </si>
  <si>
    <t>01/20/2020 09:11:30</t>
  </si>
  <si>
    <t>01/20/2020 09:11:32</t>
  </si>
  <si>
    <t>01/20/2020 09:11:42</t>
  </si>
  <si>
    <t>01/20/2020 09:11:48</t>
  </si>
  <si>
    <t>01/20/2020 09:11:55</t>
  </si>
  <si>
    <t>01/20/2020 09:12:04</t>
  </si>
  <si>
    <t>01/20/2020 09:12:11</t>
  </si>
  <si>
    <t>01/20/2020 09:12:17</t>
  </si>
  <si>
    <t>01/20/2020 09:12:45</t>
  </si>
  <si>
    <t>01/20/2020 09:12:55</t>
  </si>
  <si>
    <t>01/20/2020 09:13:00</t>
  </si>
  <si>
    <t>01/20/2020 09:13:04</t>
  </si>
  <si>
    <t>01/20/2020 09:13:17</t>
  </si>
  <si>
    <t>01/20/2020 09:13:26</t>
  </si>
  <si>
    <t>01/20/2020 09:13:38</t>
  </si>
  <si>
    <t>01/20/2020 09:13:53</t>
  </si>
  <si>
    <t>01/20/2020 09:14:12</t>
  </si>
  <si>
    <t>01/20/2020 09:14:23</t>
  </si>
  <si>
    <t>01/20/2020 09:14:28</t>
  </si>
  <si>
    <t>01/20/2020 09:14:32</t>
  </si>
  <si>
    <t>01/20/2020 09:15:17</t>
  </si>
  <si>
    <t>01/20/2020 09:16:19</t>
  </si>
  <si>
    <t>6e191b24-f85e-428c-938f-69745c13b760.tmp</t>
  </si>
  <si>
    <t>\\acsfs\profiles$\ALYNYA\Downloads\6e191b24-f85e-428c-938f-69745c13b760.tmp</t>
  </si>
  <si>
    <t>01/20/2020 09:15:34</t>
  </si>
  <si>
    <t>ec9b323a-8d4c-4371-9354-950f2b307a61.tmp</t>
  </si>
  <si>
    <t>\\acsfs\profiles$\sarahbal\Downloads\ec9b323a-8d4c-4371-9354-950f2b307a61.tmp</t>
  </si>
  <si>
    <t>01/20/2020 09:17:20</t>
  </si>
  <si>
    <t>01/20/2020 09:13:56</t>
  </si>
  <si>
    <t>01/20/2020 09:13:31</t>
  </si>
  <si>
    <t>01/20/2020 09:18:21</t>
  </si>
  <si>
    <t>01/20/2020 09:12:35</t>
  </si>
  <si>
    <t>01/20/2020 09:12:46</t>
  </si>
  <si>
    <t>01/20/2020 09:12:50</t>
  </si>
  <si>
    <t>01/20/2020 09:12:57</t>
  </si>
  <si>
    <t>01/20/2020 09:13:05</t>
  </si>
  <si>
    <t>01/20/2020 09:13:06</t>
  </si>
  <si>
    <t>01/20/2020 09:13:12</t>
  </si>
  <si>
    <t>2169ae17-3059-4868-a640-8f2b4080f446.tmp</t>
  </si>
  <si>
    <t>\\acsfs\profiles$\rafaelamsv\Downloads\2169ae17-3059-4868-a640-8f2b4080f446.tmp</t>
  </si>
  <si>
    <t>01/20/2020 09:14:25</t>
  </si>
  <si>
    <t>01/20/2020 09:16:23</t>
  </si>
  <si>
    <t>01/20/2020 09:17:33</t>
  </si>
  <si>
    <t>01/20/2020 09:19:21</t>
  </si>
  <si>
    <t>01/20/2020 09:17:05</t>
  </si>
  <si>
    <t>01/20/2020 09:14:45</t>
  </si>
  <si>
    <t>01/20/2020 09:15:44</t>
  </si>
  <si>
    <t>01/20/2020 09:18:18</t>
  </si>
  <si>
    <t>01/20/2020 09:20:21</t>
  </si>
  <si>
    <t>01/20/2020 09:18:19</t>
  </si>
  <si>
    <t>lu240763wrvi8.tmp</t>
  </si>
  <si>
    <t>\\acsfs\profiles$\dhiulliananads\My Documents\lu240763wrvi8.tmp</t>
  </si>
  <si>
    <t>\\acsfs\profiles$\dhiulliananads\My Documents\lu240763wrvi8.tmp\</t>
  </si>
  <si>
    <t>\\acsfs\profiles$\dhiulliananads\My Documents\lu240763wrvi8.tmp\META-INF\</t>
  </si>
  <si>
    <t>\\acsfs\profiles$\dhiulliananads\My Documents\lu240763wrvi8.tmp\Thumbnails\</t>
  </si>
  <si>
    <t>01/20/2020 09:18:26</t>
  </si>
  <si>
    <t>lu240763wrvid.tmp</t>
  </si>
  <si>
    <t>\\acsfs\profiles$\dhiulliananads\My Documents\lu240763wrvid.tmp</t>
  </si>
  <si>
    <t>\\acsfs\profiles$\dhiulliananads\My Documents\lu240763wrvid.tmp\</t>
  </si>
  <si>
    <t>\\acsfs\profiles$\dhiulliananads\My Documents\lu240763wrvid.tmp\META-INF\</t>
  </si>
  <si>
    <t>\\acsfs\profiles$\dhiulliananads\My Documents\lu240763wrvid.tmp\Thumbnails\</t>
  </si>
  <si>
    <t>01/20/2020 09:14:59</t>
  </si>
  <si>
    <t>01/20/2020 09:15:33</t>
  </si>
  <si>
    <t>01/20/2020 09:15:40</t>
  </si>
  <si>
    <t>Pausas - FINANCEIRA - Cópia.xlsb</t>
  </si>
  <si>
    <t>\\acsfs\DEPTOS\Operacao\PCP\5 - Comum\PLANEJAMENTO BV\14 - ACOMPANHAMENTO\1 - REPORT ACOMPANHAMENTO\2020\1 - JANEIRO\FINANCEIRA\Pausas - FINANCEIRA - Cópia.xlsb</t>
  </si>
  <si>
    <t>01/20/2020 09:16:29</t>
  </si>
  <si>
    <t>Pausas - FINANCEIRA -Enviar.xlsb</t>
  </si>
  <si>
    <t>\\acsfs\DEPTOS\Operacao\PCP\5 - Comum\PLANEJAMENTO BV\14 - ACOMPANHAMENTO\1 - REPORT ACOMPANHAMENTO\2020\1 - JANEIRO\FINANCEIRA\Pausas - FINANCEIRA -Enviar.xlsb</t>
  </si>
  <si>
    <t>01/20/2020 09:16:34</t>
  </si>
  <si>
    <t>01/20/2020 09:16:40</t>
  </si>
  <si>
    <t>mail.google.com/_/upload?authuser=0&amp;dcp=asu-n&amp;upload_id=AEnB2UpHIfjo1FuFPvuKJZqXUqx1TeHkxuIhSFNvindMeRWygfMcKw8ljfFDawTRKzvVKDmyK8rV5UvZyy3CaCZdNQw6Dt00Kw&amp;upload_protocol=resumable</t>
  </si>
  <si>
    <t>01/20/2020 09:17:38</t>
  </si>
  <si>
    <t>01/20/2020 09:21:22</t>
  </si>
  <si>
    <t>81820ae5-b5ca-48d6-9d84-7b79a4dbcf40.tmp</t>
  </si>
  <si>
    <t>\\acsfs\profiles$\esterasg\Downloads\81820ae5-b5ca-48d6-9d84-7b79a4dbcf40.tmp</t>
  </si>
  <si>
    <t>01/20/2020 09:19:43</t>
  </si>
  <si>
    <t>01/20/2020 09:18:00</t>
  </si>
  <si>
    <t>01/20/2020 09:18:29</t>
  </si>
  <si>
    <t>01/20/2020 09:16:56</t>
  </si>
  <si>
    <t>01/20/2020 09:22:22</t>
  </si>
  <si>
    <t>01/20/2020 09:17:26</t>
  </si>
  <si>
    <t>01/20/2020 09:18:56</t>
  </si>
  <si>
    <t>01/20/2020 09:19:27</t>
  </si>
  <si>
    <t>01/20/2020 09:19:57</t>
  </si>
  <si>
    <t>01/20/2020 09:19:55</t>
  </si>
  <si>
    <t>1fd5ebdb-5ed6-486c-9c23-3bcfdb61efb4.tmp</t>
  </si>
  <si>
    <t>\\acsfs\profiles$\wenderbnm\Downloads\1fd5ebdb-5ed6-486c-9c23-3bcfdb61efb4.tmp</t>
  </si>
  <si>
    <t>01/20/2020 09:18:08</t>
  </si>
  <si>
    <t>01/20/2020 09:18:09</t>
  </si>
  <si>
    <t>01/20/2020 09:18:38</t>
  </si>
  <si>
    <t>01/20/2020 09:19:01</t>
  </si>
  <si>
    <t>01/20/2020 09:19:02</t>
  </si>
  <si>
    <t>01/20/2020 09:19:03</t>
  </si>
  <si>
    <t>01/20/2020 09:19:04</t>
  </si>
  <si>
    <t>01/20/2020 09:19:05</t>
  </si>
  <si>
    <t>01/20/2020 09:19:44</t>
  </si>
  <si>
    <t>01/20/2020 09:23:22</t>
  </si>
  <si>
    <t>01/20/2020 09:17:54</t>
  </si>
  <si>
    <t>lu691285q20g4.tmp</t>
  </si>
  <si>
    <t>\\acsfs\profiles$\ALEXANDREMM\lu691285q20g4.tmp</t>
  </si>
  <si>
    <t>\\acsfs\profiles$\ALEXANDREMM\lu691285q20g4.tmp\</t>
  </si>
  <si>
    <t>\\acsfs\profiles$\ALEXANDREMM\lu691285q20g4.tmp\META-INF\</t>
  </si>
  <si>
    <t>\\acsfs\profiles$\ALEXANDREMM\lu691285q20g4.tmp\Thumbnails\</t>
  </si>
  <si>
    <t>01/20/2020 09:18:54</t>
  </si>
  <si>
    <t>01/20/2020 09:21:38</t>
  </si>
  <si>
    <t>01/20/2020 09:21:40</t>
  </si>
  <si>
    <t>01/20/2020 09:21:43</t>
  </si>
  <si>
    <t>01/20/2020 09:21:44</t>
  </si>
  <si>
    <t>01/20/2020 09:21:47</t>
  </si>
  <si>
    <t>01/20/2020 09:21:48</t>
  </si>
  <si>
    <t>01/20/2020 09:22:00</t>
  </si>
  <si>
    <t>01/20/2020 09:22:02</t>
  </si>
  <si>
    <t>01/20/2020 09:22:05</t>
  </si>
  <si>
    <t>01/20/2020 09:22:06</t>
  </si>
  <si>
    <t>01/20/2020 09:22:07</t>
  </si>
  <si>
    <t>01/20/2020 09:22:08</t>
  </si>
  <si>
    <t>01/20/2020 09:22:09</t>
  </si>
  <si>
    <t>01/20/2020 09:22:10</t>
  </si>
  <si>
    <t>01/20/2020 09:22:11</t>
  </si>
  <si>
    <t>01/20/2020 09:22:12</t>
  </si>
  <si>
    <t>01/20/2020 09:22:15</t>
  </si>
  <si>
    <t>01/20/2020 09:22:16</t>
  </si>
  <si>
    <t>01/20/2020 09:22:19</t>
  </si>
  <si>
    <t>01/20/2020 09:22:20</t>
  </si>
  <si>
    <t>01/20/2020 09:22:21</t>
  </si>
  <si>
    <t>01/20/2020 09:22:24</t>
  </si>
  <si>
    <t>01/20/2020 09:22:25</t>
  </si>
  <si>
    <t>01/20/2020 09:22:26</t>
  </si>
  <si>
    <t>01/20/2020 09:22:28</t>
  </si>
  <si>
    <t>01/20/2020 09:22:29</t>
  </si>
  <si>
    <t>01/20/2020 09:22:30</t>
  </si>
  <si>
    <t>01/20/2020 09:22:31</t>
  </si>
  <si>
    <t>01/20/2020 09:22:32</t>
  </si>
  <si>
    <t>01/20/2020 09:22:33</t>
  </si>
  <si>
    <t>01/20/2020 09:22:35</t>
  </si>
  <si>
    <t>01/20/2020 09:22:37</t>
  </si>
  <si>
    <t>01/20/2020 09:22:39</t>
  </si>
  <si>
    <t>01/20/2020 09:22:40</t>
  </si>
  <si>
    <t>01/20/2020 09:22:42</t>
  </si>
  <si>
    <t>01/20/2020 09:22:44</t>
  </si>
  <si>
    <t>01/20/2020 09:22:45</t>
  </si>
  <si>
    <t>01/20/2020 09:22:48</t>
  </si>
  <si>
    <t>01/20/2020 09:22:49</t>
  </si>
  <si>
    <t>cca9d00f-3193-495a-ac83-579ced1850de.tmp</t>
  </si>
  <si>
    <t>\\acsfs\profiles$\felipetds\Downloads\cca9d00f-3193-495a-ac83-579ced1850de.tmp</t>
  </si>
  <si>
    <t>01/20/2020 09:21:29</t>
  </si>
  <si>
    <t>01/20/2020 09:24:22</t>
  </si>
  <si>
    <t>01/20/2020 09:20:50</t>
  </si>
  <si>
    <t>1 advertencia - baixa produtividade.doc</t>
  </si>
  <si>
    <t>01/20/2020 09:22:18</t>
  </si>
  <si>
    <t>01/20/2020 09:23:30</t>
  </si>
  <si>
    <t>http:///batch/drive/v2internal?%24ct=multipart%2Fmixed%3B%20boundary%3D%22%3D%3D%3D%3D%3Dv2tni8gaxbao%3D%3D%3D%3D%3D%22&amp;key=AIzaSyAy9VVXHSpS2IJpptzYtGbLP3-3_l0aBk4</t>
  </si>
  <si>
    <t>01/20/2020 09:23:31</t>
  </si>
  <si>
    <t>http:///batch/drive/v2internal?%24ct=multipart%2Fmixed%3B%20boundary%3D%22%3D%3D%3D%3D%3Dim8f8gch97k8%3D%3D%3D%3D%3D%22&amp;key=AIzaSyAy9VVXHSpS2IJpptzYtGbLP3-3_l0aBk4</t>
  </si>
  <si>
    <t>http:///batch/drive/v2internal?%24ct=multipart%2Fmixed%3B%20boundary%3D%22%3D%3D%3D%3D%3D4ezj5mivnml%3D%3D%3D%3D%3D%22&amp;key=AIzaSyAy9VVXHSpS2IJpptzYtGbLP3-3_l0aBk4</t>
  </si>
  <si>
    <t>01/20/2020 09:21:39</t>
  </si>
  <si>
    <t>Link De Acesso.txt</t>
  </si>
  <si>
    <t>\\acsfs\profiles$\jessicanes\My Documents\Link De Acesso.txt</t>
  </si>
  <si>
    <t>01/20/2020 09:25:22</t>
  </si>
  <si>
    <t>01/20/2020 09:22:55</t>
  </si>
  <si>
    <t>01/20/2020 09:23:00</t>
  </si>
  <si>
    <t>01/20/2020 09:26:22</t>
  </si>
  <si>
    <t>01/20/2020 09:25:50</t>
  </si>
  <si>
    <t>01/20/2020 09:21:57</t>
  </si>
  <si>
    <t>01/20/2020 09:27:22</t>
  </si>
  <si>
    <t>01/20/2020 09:22:57</t>
  </si>
  <si>
    <t>01/20/2020 09:24:27</t>
  </si>
  <si>
    <t>01/20/2020 09:24:57</t>
  </si>
  <si>
    <t>01/20/2020 09:25:27</t>
  </si>
  <si>
    <t>01/20/2020 09:24:33</t>
  </si>
  <si>
    <t>01/20/2020 09:24:40</t>
  </si>
  <si>
    <t>1e7b3f24-339b-45c4-80fc-5ebcbdcc6e2e.tmp</t>
  </si>
  <si>
    <t>\\acsfs\profiles$\LAISLG\Downloads\1e7b3f24-339b-45c4-80fc-5ebcbdcc6e2e.tmp</t>
  </si>
  <si>
    <t>01/20/2020 09:26:09</t>
  </si>
  <si>
    <t>1cc824b1-d5d1-4aa8-a071-72a09d7a3ddb.tmp</t>
  </si>
  <si>
    <t>\\acsfs\profiles$\LAISLG\Downloads\1cc824b1-d5d1-4aa8-a071-72a09d7a3ddb.tmp</t>
  </si>
  <si>
    <t>01/20/2020 09:23:11</t>
  </si>
  <si>
    <t>01/20/2020 09:28:22</t>
  </si>
  <si>
    <t>01/20/2020 09:22:59</t>
  </si>
  <si>
    <t>01/20/2020 09:26:55</t>
  </si>
  <si>
    <t>0ed07ffc-35e4-4847-aebf-080d4c61a163.tmp</t>
  </si>
  <si>
    <t>\\acsfs\profiles$\gabrielsma\Downloads\0ed07ffc-35e4-4847-aebf-080d4c61a163.tmp</t>
  </si>
  <si>
    <t>01/20/2020 09:27:00</t>
  </si>
  <si>
    <t>Não confirmado 75903.crdownload</t>
  </si>
  <si>
    <t>\\acsfs\ACS\Gabriel da Silva\Contemporânea\Acessos\Não confirmado 75903.crdownload</t>
  </si>
  <si>
    <t>01/20/2020 09:27:31</t>
  </si>
  <si>
    <t>988fc41c-5ee5-477a-8d50-58df7ee71e3d.tmp</t>
  </si>
  <si>
    <t>\\acsfs\profiles$\gabrielsma\Downloads\988fc41c-5ee5-477a-8d50-58df7ee71e3d.tmp</t>
  </si>
  <si>
    <t>01/20/2020 09:23:13</t>
  </si>
  <si>
    <t>01/20/2020 09:25:03</t>
  </si>
  <si>
    <t>35f833f1-b339-4ffb-bb19-207bc991c824.tmp</t>
  </si>
  <si>
    <t>\\acsfs\profiles$\kellzylenneasr\Downloads\35f833f1-b339-4ffb-bb19-207bc991c824.tmp</t>
  </si>
  <si>
    <t>01/20/2020 09:26:00</t>
  </si>
  <si>
    <t>2e5316bf-9c04-4e9b-8bd1-533f5c39eab7.tmp</t>
  </si>
  <si>
    <t>\\acsfs\profiles$\kellzylenneasr\Downloads\2e5316bf-9c04-4e9b-8bd1-533f5c39eab7.tmp</t>
  </si>
  <si>
    <t>01/20/2020 09:24:46</t>
  </si>
  <si>
    <t>01/20/2020 09:29:21</t>
  </si>
  <si>
    <t>f1d3cac7-a91a-4da5-8245-231e07b9882d.tmp</t>
  </si>
  <si>
    <t>\\acsfs\profiles$\valeriasda\Downloads\f1d3cac7-a91a-4da5-8245-231e07b9882d.tmp</t>
  </si>
  <si>
    <t>01/20/2020 09:24:52</t>
  </si>
  <si>
    <t>75b5e63f-2c1e-4d99-83af-ddb5e068b945.tmp</t>
  </si>
  <si>
    <t>\\acsfs\profiles$\valeriasda\Downloads\75b5e63f-2c1e-4d99-83af-ddb5e068b945.tmp</t>
  </si>
  <si>
    <t>01/20/2020 09:25:09</t>
  </si>
  <si>
    <t>71cfb4d0-6296-43bc-ba57-d9e075378fa8.tmp</t>
  </si>
  <si>
    <t>\\acsfs\profiles$\valeriasda\Downloads\71cfb4d0-6296-43bc-ba57-d9e075378fa8.tmp</t>
  </si>
  <si>
    <t>01/20/2020 09:25:16</t>
  </si>
  <si>
    <t>dd9bde48-0178-4ccc-8e0f-0cf13e503c82.tmp</t>
  </si>
  <si>
    <t>\\acsfs\profiles$\valeriasda\Downloads\dd9bde48-0178-4ccc-8e0f-0cf13e503c82.tmp</t>
  </si>
  <si>
    <t>01/20/2020 09:26:56</t>
  </si>
  <si>
    <t>kit_pre_deslig_pedido_demissao_trabalhado_104692_estella lilian azevedo rosa.pdf</t>
  </si>
  <si>
    <t>01/20/2020 09:26:10</t>
  </si>
  <si>
    <t>01/20/2020 09:30:22</t>
  </si>
  <si>
    <t>01/20/2020 09:27:51</t>
  </si>
  <si>
    <t>01/20/2020 09:27:55</t>
  </si>
  <si>
    <t>01/20/2020 09:28:14</t>
  </si>
  <si>
    <t>01/20/2020 09:28:58</t>
  </si>
  <si>
    <t>01/20/2020 09:31:21</t>
  </si>
  <si>
    <t>f995b38d-f607-4d2e-be79-136fd05a4cf5.tmp</t>
  </si>
  <si>
    <t>\\acsfs\profiles$\jhonatadss\Downloads\f995b38d-f607-4d2e-be79-136fd05a4cf5.tmp</t>
  </si>
  <si>
    <t>01/20/2020 09:29:00</t>
  </si>
  <si>
    <t>88d466ed-86a5-448d-bd56-6497c0e028a3.tmp</t>
  </si>
  <si>
    <t>\\acsfs\profiles$\jhonatadss\Downloads\88d466ed-86a5-448d-bd56-6497c0e028a3.tmp</t>
  </si>
  <si>
    <t>01/20/2020 09:30:12</t>
  </si>
  <si>
    <t>9c560474-ff7a-4679-8768-ca37173dae84.tmp</t>
  </si>
  <si>
    <t>\\acsfs\profiles$\jhonatadss\Downloads\9c560474-ff7a-4679-8768-ca37173dae84.tmp</t>
  </si>
  <si>
    <t>01/20/2020 09:30:14</t>
  </si>
  <si>
    <t>21cb7c0a-0cb4-4997-b1bc-a0a463a7d2e7.tmp</t>
  </si>
  <si>
    <t>\\acsfs\profiles$\jhonatadss\Downloads\21cb7c0a-0cb4-4997-b1bc-a0a463a7d2e7.tmp</t>
  </si>
  <si>
    <t>01/20/2020 09:26:21</t>
  </si>
  <si>
    <t>01/20/2020 09:26:30</t>
  </si>
  <si>
    <t>01/20/2020 09:26:45</t>
  </si>
  <si>
    <t>01/20/2020 09:26:54</t>
  </si>
  <si>
    <t>01/20/2020 09:27:35</t>
  </si>
  <si>
    <t>01/20/2020 09:27:38</t>
  </si>
  <si>
    <t>01/20/2020 09:27:42</t>
  </si>
  <si>
    <t>01/20/2020 09:27:43</t>
  </si>
  <si>
    <t>01/20/2020 09:27:50</t>
  </si>
  <si>
    <t>01/20/2020 09:28:13</t>
  </si>
  <si>
    <t>01/20/2020 09:28:23</t>
  </si>
  <si>
    <t>01/20/2020 09:28:57</t>
  </si>
  <si>
    <t>01/20/2020 09:29:15</t>
  </si>
  <si>
    <t>01/20/2020 09:29:32</t>
  </si>
  <si>
    <t>01/20/2020 09:29:54</t>
  </si>
  <si>
    <t>01/20/2020 09:30:02</t>
  </si>
  <si>
    <t>01/20/2020 09:30:04</t>
  </si>
  <si>
    <t>01/20/2020 09:30:07</t>
  </si>
  <si>
    <t>01/20/2020 09:30:25</t>
  </si>
  <si>
    <t>01/20/2020 09:30:28</t>
  </si>
  <si>
    <t>01/20/2020 09:30:31</t>
  </si>
  <si>
    <t>01/20/2020 09:30:43</t>
  </si>
  <si>
    <t>01/20/2020 09:30:52</t>
  </si>
  <si>
    <t>01/20/2020 09:32:22</t>
  </si>
  <si>
    <t>01/20/2020 09:27:56</t>
  </si>
  <si>
    <t>01/20/2020 09:27:16</t>
  </si>
  <si>
    <t>d2c4ae06-b402-49ca-8235-20ee0402e2fd.tmp</t>
  </si>
  <si>
    <t>\\acsfs\profiles$\lorrainerdl\Downloads\d2c4ae06-b402-49ca-8235-20ee0402e2fd.tmp</t>
  </si>
  <si>
    <t>01/20/2020 09:32:20</t>
  </si>
  <si>
    <t>01/20/2020 09:33:21</t>
  </si>
  <si>
    <t>100016016412308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16016412308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09:27:53</t>
  </si>
  <si>
    <t>01/20/2020 09:30:06</t>
  </si>
  <si>
    <t>01/20/2020 09:34:22</t>
  </si>
  <si>
    <t>01/20/2020 09:33:27</t>
  </si>
  <si>
    <t>3933217e-85f8-447c-b56f-80abc76bd7f8.tmp</t>
  </si>
  <si>
    <t>\\acsfs\profiles$\larissaad\Downloads\3933217e-85f8-447c-b56f-80abc76bd7f8.tmp</t>
  </si>
  <si>
    <t>01/20/2020 09:35:21</t>
  </si>
  <si>
    <t>01/20/2020 09:30:11</t>
  </si>
  <si>
    <t>01/20/2020 09:34:00</t>
  </si>
  <si>
    <t>andrelpsa@algartech.com;joaogvc@algartech.com;leonardoao@algartech.com;marianadjc@algartech.com;maristelavodq@bv.algartech.com;paulacn@algartech.com;ricardodfm@algartech.com.br;sofiamses@algartech.com;taysdss@algartech.com;viniciussg@algartech.com;</t>
  </si>
  <si>
    <t>andrelpsa@algartech.com,joaogvc@algartech.com,leonardoao@algartech.com,marianadjc@algartech.com,maristelavodq@bv.algartech.com,paulacn@algartech.com,ricardodfm@algartech.com.br,sofiamses@algartech.com,taysdss@algartech.com,viniciussg@algartech.com</t>
  </si>
  <si>
    <t>01/20/2020 09:35:24</t>
  </si>
  <si>
    <t>01/20/2020 09:36:22</t>
  </si>
  <si>
    <t>01/20/2020 09:35:50</t>
  </si>
  <si>
    <t>01/20/2020 09:31:40</t>
  </si>
  <si>
    <t>01/20/2020 09:31:47</t>
  </si>
  <si>
    <t>01/20/2020 09:31:57</t>
  </si>
  <si>
    <t>01/20/2020 09:32:08</t>
  </si>
  <si>
    <t>01/20/2020 09:34:58</t>
  </si>
  <si>
    <t>01/20/2020 09:37:21</t>
  </si>
  <si>
    <t>01/20/2020 09:35:28</t>
  </si>
  <si>
    <t>01/20/2020 09:35:58</t>
  </si>
  <si>
    <t>01/20/2020 09:36:01</t>
  </si>
  <si>
    <t>01/20/2020 09:38:22</t>
  </si>
  <si>
    <t>284f1a93-cb88-47ea-b319-76db039c27d3.tmp</t>
  </si>
  <si>
    <t>\\acsfs\profiles$\jessicafc\Downloads\284f1a93-cb88-47ea-b319-76db039c27d3.tmp</t>
  </si>
  <si>
    <t>01/20/2020 09:34:52</t>
  </si>
  <si>
    <t>01/20/2020 09:32:47</t>
  </si>
  <si>
    <t>01/20/2020 09:32:51</t>
  </si>
  <si>
    <t>01/20/2020 09:33:14</t>
  </si>
  <si>
    <t>01/20/2020 09:33:33</t>
  </si>
  <si>
    <t>01/20/2020 09:33:54</t>
  </si>
  <si>
    <t>01/20/2020 09:34:01</t>
  </si>
  <si>
    <t>01/20/2020 09:34:05</t>
  </si>
  <si>
    <t>01/20/2020 09:34:08</t>
  </si>
  <si>
    <t>01/20/2020 09:34:11</t>
  </si>
  <si>
    <t>01/20/2020 09:34:13</t>
  </si>
  <si>
    <t>01/20/2020 09:34:19</t>
  </si>
  <si>
    <t>01/20/2020 09:34:23</t>
  </si>
  <si>
    <t>01/20/2020 09:34:46</t>
  </si>
  <si>
    <t>01/20/2020 09:35:16</t>
  </si>
  <si>
    <t>71d1198a-4f78-42a3-95a7-ab03ae498abb.tmp</t>
  </si>
  <si>
    <t>\\acsfs\profiles$\claudiajca\Downloads\71d1198a-4f78-42a3-95a7-ab03ae498abb.tmp</t>
  </si>
  <si>
    <t>01/20/2020 09:35:34</t>
  </si>
  <si>
    <t>0907817f-f9f1-4f89-b014-51bd3a276ef3.tmp</t>
  </si>
  <si>
    <t>\\acsfs\profiles$\nathaliarmr\Downloads\0907817f-f9f1-4f89-b014-51bd3a276ef3.tmp</t>
  </si>
  <si>
    <t>01/20/2020 09:36:11</t>
  </si>
  <si>
    <t>01/20/2020 09:36:24</t>
  </si>
  <si>
    <t>01/20/2020 09:39:21</t>
  </si>
  <si>
    <t>01/20/2020 09:34:36</t>
  </si>
  <si>
    <t>01/20/2020 09:34:51</t>
  </si>
  <si>
    <t>01/20/2020 09:34:56</t>
  </si>
  <si>
    <t>01/20/2020 09:34:59</t>
  </si>
  <si>
    <t>01/20/2020 09:35:25</t>
  </si>
  <si>
    <t>01/20/2020 09:35:35</t>
  </si>
  <si>
    <t>01/20/2020 09:35:47</t>
  </si>
  <si>
    <t>01/20/2020 09:36:56</t>
  </si>
  <si>
    <t>01/20/2020 09:37:00</t>
  </si>
  <si>
    <t>01/20/2020 09:37:20</t>
  </si>
  <si>
    <t>01/20/2020 09:37:24</t>
  </si>
  <si>
    <t>01/20/2020 09:37:26</t>
  </si>
  <si>
    <t>01/20/2020 09:37:32</t>
  </si>
  <si>
    <t>01/20/2020 09:37:44</t>
  </si>
  <si>
    <t>01/20/2020 09:38:06</t>
  </si>
  <si>
    <t>01/20/2020 09:38:13</t>
  </si>
  <si>
    <t>01/20/2020 09:38:36</t>
  </si>
  <si>
    <t>01/20/2020 09:38:40</t>
  </si>
  <si>
    <t>http:///batch/drive/v2internal?%24ct=multipart%2Fmixed%3B%20boundary%3D%22%3D%3D%3D%3D%3D3cwzt47tgrcm%3D%3D%3D%3D%3D%22&amp;key=AIzaSyAy9VVXHSpS2IJpptzYtGbLP3-3_l0aBk4</t>
  </si>
  <si>
    <t>http:///batch/drive/v2internal?%24ct=multipart%2Fmixed%3B%20boundary%3D%22%3D%3D%3D%3D%3Dflqfcatth9oq%3D%3D%3D%3D%3D%22&amp;key=AIzaSyAy9VVXHSpS2IJpptzYtGbLP3-3_l0aBk4</t>
  </si>
  <si>
    <t>01/20/2020 09:38:41</t>
  </si>
  <si>
    <t>01/20/2020 09:38:42</t>
  </si>
  <si>
    <t>http:///batch/drive/v2internal?%24ct=multipart%2Fmixed%3B%20boundary%3D%22%3D%3D%3D%3D%3Dlu76f5nc82z8%3D%3D%3D%3D%3D%22&amp;key=AIzaSyAy9VVXHSpS2IJpptzYtGbLP3-3_l0aBk4</t>
  </si>
  <si>
    <t>01/20/2020 09:37:38</t>
  </si>
  <si>
    <t>01/20/2020 09:40:22</t>
  </si>
  <si>
    <t>298cd0b2-6ed0-431d-a0d6-3a5a7911f599.tmp</t>
  </si>
  <si>
    <t>\\acsfs\profiles$\gabrielaff\Downloads\298cd0b2-6ed0-431d-a0d6-3a5a7911f599.tmp</t>
  </si>
  <si>
    <t>01/20/2020 09:35:36</t>
  </si>
  <si>
    <t>\\acsfs\Deptos\EDUCACAO EMPRESARIAL\FERNANDA MONIT\Acompanhamento Filas.xlsx</t>
  </si>
  <si>
    <t>01/20/2020 09:35:37</t>
  </si>
  <si>
    <t>\\acsfs\Deptos\EDUCACAO EMPRESARIAL\FERNANDA MONIT\Acompanhamento Filas.xlsx\</t>
  </si>
  <si>
    <t>\\acsfs\Deptos\EDUCACAO EMPRESARIAL\FERNANDA MONIT\Acompanhamento Filas.xlsx\:Zone.Identifier:$DATA</t>
  </si>
  <si>
    <t>01/20/2020 09:39:17</t>
  </si>
  <si>
    <t>01/20/2020 09:41:21</t>
  </si>
  <si>
    <t>01/20/2020 09:36:58</t>
  </si>
  <si>
    <t>01/20/2020 09:42:21</t>
  </si>
  <si>
    <t>01/20/2020 09:39:58</t>
  </si>
  <si>
    <t>01/20/2020 09:40:28</t>
  </si>
  <si>
    <t>01/20/2020 09:41:28</t>
  </si>
  <si>
    <t>01/20/2020 09:37:34</t>
  </si>
  <si>
    <t>01/20/2020 09:38:00</t>
  </si>
  <si>
    <t>01/20/2020 09:38:19</t>
  </si>
  <si>
    <t>855d4e54-5c33-40b3-948e-f061e2deb711.tmp</t>
  </si>
  <si>
    <t>\\acsfs\profiles$\rafaelacdoc\Downloads\855d4e54-5c33-40b3-948e-f061e2deb711.tmp</t>
  </si>
  <si>
    <t>01/20/2020 09:40:32</t>
  </si>
  <si>
    <t>db86bd6c-b96a-453f-800e-99f4a3bdbe9b.tmp</t>
  </si>
  <si>
    <t>\\acsfs\profiles$\rafaelacdoc\Downloads\db86bd6c-b96a-453f-800e-99f4a3bdbe9b.tmp</t>
  </si>
  <si>
    <t>01/20/2020 09:38:09</t>
  </si>
  <si>
    <t>01/20/2020 09:43:21</t>
  </si>
  <si>
    <t>62c05abf-2d79-497b-9641-c9925f40114a.tmp</t>
  </si>
  <si>
    <t>\\acsfs\profiles$\jessicafc\Downloads\62c05abf-2d79-497b-9641-c9925f40114a.tmp</t>
  </si>
  <si>
    <t>01/20/2020 09:38:30</t>
  </si>
  <si>
    <t>https://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09:40:35</t>
  </si>
  <si>
    <t>01/20/2020 09:38:52</t>
  </si>
  <si>
    <t>01/20/2020 09:41:08</t>
  </si>
  <si>
    <t>f9e1bdf4-c0ef-426e-a33b-ab0836d716cc.tmp</t>
  </si>
  <si>
    <t>\\acsfs\profiles$\adelvinsonle\Downloads\f9e1bdf4-c0ef-426e-a33b-ab0836d716cc.tmp</t>
  </si>
  <si>
    <t>01/20/2020 09:41:13</t>
  </si>
  <si>
    <t>01/20/2020 09:41:43</t>
  </si>
  <si>
    <t>01/20/2020 09:42:19</t>
  </si>
  <si>
    <t>c26f4853-3e32-4088-87f1-f02c1bba3f18.tmp</t>
  </si>
  <si>
    <t>\\acsfs\profiles$\adelvinsonle\Downloads\c26f4853-3e32-4088-87f1-f02c1bba3f18.tmp</t>
  </si>
  <si>
    <t>01/20/2020 09:42:50</t>
  </si>
  <si>
    <t>01/20/2020 09:41:48</t>
  </si>
  <si>
    <t>01/20/2020 09:44:21</t>
  </si>
  <si>
    <t>luanaldsi</t>
  </si>
  <si>
    <t>\\acsfs\profiles$\luanaldsi\Contacts\</t>
  </si>
  <si>
    <t>LUANA LOPES DA SILVA (8320).contact</t>
  </si>
  <si>
    <t>\\acsfs\profiles$\luanaldsi\Contacts\LUANA LOPES DA SILVA (8320).contact</t>
  </si>
  <si>
    <t>01/20/2020 09:42:09</t>
  </si>
  <si>
    <t>\\acsfs\profiles$\luanaldsi\My Documents\My Videos\</t>
  </si>
  <si>
    <t>\\acsfs\profiles$\luanaldsi\My Documents\My Videos\desktop.ini</t>
  </si>
  <si>
    <t>01/20/2020 09:42:47</t>
  </si>
  <si>
    <t>f0ada983-cd30-421b-b150-fe1ef1c76ddd.tmp</t>
  </si>
  <si>
    <t>\\acsfs\profiles$\isabellegtds\Downloads\f0ada983-cd30-421b-b150-fe1ef1c76ddd.tmp</t>
  </si>
  <si>
    <t>01/20/2020 09:42:10</t>
  </si>
  <si>
    <t>\\acsfs\profiles$\luanaldsi\My Documents\My Pictures\</t>
  </si>
  <si>
    <t>\\acsfs\profiles$\luanaldsi\My Documents\My Pictures\desktop.ini</t>
  </si>
  <si>
    <t>\\acsfs\profiles$\luanaldsi\Contacts\desktop.ini</t>
  </si>
  <si>
    <t>\\acsfs\profiles$\luanaldsi\Favorites\</t>
  </si>
  <si>
    <t>\\acsfs\profiles$\luanaldsi\Favorites\desktop.ini</t>
  </si>
  <si>
    <t>01/20/2020 09:42:11</t>
  </si>
  <si>
    <t>\\acsfs\profiles$\luanaldsi\My Documents\My Music\</t>
  </si>
  <si>
    <t>\\acsfs\profiles$\luanaldsi\My Documents\My Music\desktop.ini</t>
  </si>
  <si>
    <t>01/20/2020 09:42:12</t>
  </si>
  <si>
    <t>01/20/2020 09:42:13</t>
  </si>
  <si>
    <t>\\acsfs\profiles$\luanaldsi\Searches\</t>
  </si>
  <si>
    <t>\\acsfs\profiles$\luanaldsi\Searches\desktop.ini</t>
  </si>
  <si>
    <t>\\acsfs\profiles$\luanaldsi\Downloads\</t>
  </si>
  <si>
    <t>\\acsfs\profiles$\luanaldsi\Downloads\desktop.ini</t>
  </si>
  <si>
    <t>01/20/2020 09:42:14</t>
  </si>
  <si>
    <t>\\acsfs\profiles$\luanaldsi\My Documents\</t>
  </si>
  <si>
    <t>\\acsfs\profiles$\luanaldsi\My Documents\desktop.ini</t>
  </si>
  <si>
    <t>\\acsfs\profiles$\luanaldsi\Saved Games\</t>
  </si>
  <si>
    <t>\\acsfs\profiles$\luanaldsi\Saved Games\desktop.ini</t>
  </si>
  <si>
    <t>01/20/2020 09:42:15</t>
  </si>
  <si>
    <t>01/20/2020 09:42:38</t>
  </si>
  <si>
    <t>\\acsfs\profiles$\luanaldsi\Favorites\Links for Brasil\</t>
  </si>
  <si>
    <t>\\acsfs\profiles$\luanaldsi\Favorites\Links for Brasil\desktop.ini</t>
  </si>
  <si>
    <t>01/20/2020 09:42:41</t>
  </si>
  <si>
    <t>\\acsfs\profiles$\luanaldsi\Favorites\Links for Brasil\Microsoft Brasil.url</t>
  </si>
  <si>
    <t>\\acsfs\profiles$\luanaldsi\Favorites\Links for Brasil\Windows Brasil.url</t>
  </si>
  <si>
    <t>\\acsfs\profiles$\luanaldsi\Favorites\Links for Brasil\MSN Brasil.url</t>
  </si>
  <si>
    <t>01/20/2020 09:38:54</t>
  </si>
  <si>
    <t>01/20/2020 09:38:58</t>
  </si>
  <si>
    <t>01/20/2020 09:39:08</t>
  </si>
  <si>
    <t>01/20/2020 09:39:22</t>
  </si>
  <si>
    <t>01/20/2020 09:40:36</t>
  </si>
  <si>
    <t>f689516e-ac4f-488e-9bb6-63fd1c59a477.tmp</t>
  </si>
  <si>
    <t>\\acsfs\profiles$\larissaad\Downloads\f689516e-ac4f-488e-9bb6-63fd1c59a477.tmp</t>
  </si>
  <si>
    <t>01/20/2020 09:42:03</t>
  </si>
  <si>
    <t>01/20/2020 09:45:22</t>
  </si>
  <si>
    <t>0588f19f-825e-4644-bca2-6f45a1be397a.tmp</t>
  </si>
  <si>
    <t>\\acsfs\profiles$\dhiulliananads\Downloads\0588f19f-825e-4644-bca2-6f45a1be397a.tmp</t>
  </si>
  <si>
    <t>01/20/2020 09:42:25</t>
  </si>
  <si>
    <t>2dd596d8-7924-4c1e-84f2-639f352b23fa.tmp</t>
  </si>
  <si>
    <t>\\acsfs\profiles$\adrielyas\Downloads\2dd596d8-7924-4c1e-84f2-639f352b23fa.tmp</t>
  </si>
  <si>
    <t>01/20/2020 09:42:57</t>
  </si>
  <si>
    <t>fa3f65ae-0e22-482a-a5f9-66b41152bfe0.tmp</t>
  </si>
  <si>
    <t>\\acsfs\profiles$\adrielyas\Downloads\fa3f65ae-0e22-482a-a5f9-66b41152bfe0.tmp</t>
  </si>
  <si>
    <t>01/20/2020 09:40:51</t>
  </si>
  <si>
    <t>01/20/2020 09:40:54</t>
  </si>
  <si>
    <t>01/20/2020 09:41:00</t>
  </si>
  <si>
    <t>01/20/2020 09:41:01</t>
  </si>
  <si>
    <t>01/20/2020 09:40:40</t>
  </si>
  <si>
    <t>01/20/2020 09:44:57</t>
  </si>
  <si>
    <t>RELATORIO DE LOGIN - FINANCEIRA - 16-01 - Cópia.xlsm</t>
  </si>
  <si>
    <t>\\acsfs\DEPTOS\Operacao\PCP\5 - Comum\PLANEJAMENTO BV\14 - ACOMPANHAMENTO\1 - REPORT ACOMPANHAMENTO\2020\1 - JANEIRO\FINANCEIRA\Login Logout Financeira\RELATORIO DE LOGIN - FINANCEIRA - 16-01 - Cópia.xlsm</t>
  </si>
  <si>
    <t>01/20/2020 09:41:25</t>
  </si>
  <si>
    <t>01/20/2020 09:42:17</t>
  </si>
  <si>
    <t>c40e3cdd-6347-47be-b380-428f24b99ff5.tmp</t>
  </si>
  <si>
    <t>\\acsfs\profiles$\marcosvnds\Downloads\c40e3cdd-6347-47be-b380-428f24b99ff5.tmp</t>
  </si>
  <si>
    <t>01/20/2020 09:42:51</t>
  </si>
  <si>
    <t>01/20/2020 09:46:21</t>
  </si>
  <si>
    <t>9daa7321-842b-4e35-b827-3f3ce68c8f17.tmp</t>
  </si>
  <si>
    <t>\\acsfs\profiles$\henriquehmdo\Downloads\9daa7321-842b-4e35-b827-3f3ce68c8f17.tmp</t>
  </si>
  <si>
    <t>01/20/2020 09:42:53</t>
  </si>
  <si>
    <t>91202db6-3c75-455b-b2e6-356f3076cb2b.tmp</t>
  </si>
  <si>
    <t>\\acsfs\profiles$\henriquehmdo\Downloads\91202db6-3c75-455b-b2e6-356f3076cb2b.tmp</t>
  </si>
  <si>
    <t>01/20/2020 09:43:08</t>
  </si>
  <si>
    <t>01/20/2020 09:44:05</t>
  </si>
  <si>
    <t>adc3ec50-77e6-4f21-9486-e5f5f166d666.tmp</t>
  </si>
  <si>
    <t>\\acsfs\profiles$\henriquehmdo\Downloads\adc3ec50-77e6-4f21-9486-e5f5f166d666.tmp</t>
  </si>
  <si>
    <t>01/20/2020 09:45:16</t>
  </si>
  <si>
    <t>01/20/2020 09:41:58</t>
  </si>
  <si>
    <t>01/20/2020 09:47:21</t>
  </si>
  <si>
    <t>01/20/2020 09:42:58</t>
  </si>
  <si>
    <t>01/20/2020 09:43:58</t>
  </si>
  <si>
    <t>01/20/2020 09:44:58</t>
  </si>
  <si>
    <t>01/20/2020 09:45:28</t>
  </si>
  <si>
    <t>01/20/2020 09:45:59</t>
  </si>
  <si>
    <t>01/20/2020 09:45:19</t>
  </si>
  <si>
    <t>01/20/2020 09:43:22</t>
  </si>
  <si>
    <t>01/20/2020 09:45:04</t>
  </si>
  <si>
    <t>01/20/2020 09:48:21</t>
  </si>
  <si>
    <t>01/20/2020 09:45:49</t>
  </si>
  <si>
    <t>outlook.office.com/owa/service.svc?action=CreateItem&amp;app=Mail&amp;n=140</t>
  </si>
  <si>
    <t>01/20/2020 09:45:52</t>
  </si>
  <si>
    <t>01/20/2020 09:49:22</t>
  </si>
  <si>
    <t>01/20/2020 09:44:14</t>
  </si>
  <si>
    <t>01/20/2020 09:48:52</t>
  </si>
  <si>
    <t>Campanha chamadas atendidas.pptx</t>
  </si>
  <si>
    <t>\\acsfs\Deptos\Operacao\Banco_Votorantim\Comum\Campanha chamadas atendidas.pptx</t>
  </si>
  <si>
    <t>01/20/2020 09:44:10</t>
  </si>
  <si>
    <t>01/20/2020 09:48:01</t>
  </si>
  <si>
    <t>01/20/2020 09:50:21</t>
  </si>
  <si>
    <t>01/20/2020 09:46:35</t>
  </si>
  <si>
    <t>https://andrelpsa@algartech.com,bvcartes-supervisores@algarnet.onmicrosoft.com,joaogvc@algartech.com,leonardoao@algartech.com,marianadjc@algartech.com,maristelavodq@bv.algartech.com,paulacn@algartech.com,rafaelggs@algartech.com,ricardodfm@algartech.com.br,taysdss@algartech.com,thiagordu@algartech.com,viniciussg@algartech.com</t>
  </si>
  <si>
    <t>01/20/2020 09:46:39</t>
  </si>
  <si>
    <t>https://andrelpsa@algartech.com,bvcartes-supervisores@algarnet.onmicrosoft.com,joaogvc@algartech.com,leonardoao@algartech.com,marianadjc@algartech.com,maristelavodq@bv.algartech.com,paulacn@algartech.com,planejamentodeoperacoesetrafego@bv.com.br,rafaelggs@algartech.com,raphaelmco@algartech.com.br,ricardodfm@algartech.com.br,taysdss@algartech.com,thiagordu@algartech.com,viniciussg@algartech.com</t>
  </si>
  <si>
    <t>01/20/2020 09:48:35</t>
  </si>
  <si>
    <t>01/20/2020 09:47:17</t>
  </si>
  <si>
    <t>01/20/2020 09:51:21</t>
  </si>
  <si>
    <t>01/20/2020 09:46:57</t>
  </si>
  <si>
    <t>011380ff-7251-43b5-8ff0-ff6dfd82d53b.tmp</t>
  </si>
  <si>
    <t>\\acsfs\profiles$\talitafdc\Downloads\011380ff-7251-43b5-8ff0-ff6dfd82d53b.tmp</t>
  </si>
  <si>
    <t>01/20/2020 09:47:56</t>
  </si>
  <si>
    <t>01/20/2020 09:48:03</t>
  </si>
  <si>
    <t>01/20/2020 09:47:59</t>
  </si>
  <si>
    <t>01/20/2020 09:52:21</t>
  </si>
  <si>
    <t>01/20/2020 09:48:29</t>
  </si>
  <si>
    <t>01/20/2020 09:49:29</t>
  </si>
  <si>
    <t>01/20/2020 09:50:29</t>
  </si>
  <si>
    <t>01/20/2020 09:50:59</t>
  </si>
  <si>
    <t>01/20/2020 09:51:29</t>
  </si>
  <si>
    <t>01/20/2020 09:49:17</t>
  </si>
  <si>
    <t>01/20/2020 09:52:08</t>
  </si>
  <si>
    <t>01/20/2020 09:53:21</t>
  </si>
  <si>
    <t>01/20/2020 09:49:30</t>
  </si>
  <si>
    <t>Não confirmado 974441.crdownload</t>
  </si>
  <si>
    <t>\\acsfs\ACS\Gabriel da Silva\Contemporânea\NPS\NPS_Voz\Janeiro.20\Não confirmado 974441.crdownload</t>
  </si>
  <si>
    <t>01/20/2020 09:50:22</t>
  </si>
  <si>
    <t>01/20/2020 09:50:19</t>
  </si>
  <si>
    <t>41ae4042-48e1-4dfc-9a1e-b8cea6d324c9.tmp</t>
  </si>
  <si>
    <t>\\acsfs\profiles$\felipetds\Downloads\41ae4042-48e1-4dfc-9a1e-b8cea6d324c9.tmp</t>
  </si>
  <si>
    <t>01/20/2020 09:51:11</t>
  </si>
  <si>
    <t>01/20/2020 09:54:21</t>
  </si>
  <si>
    <t>01/20/2020 09:50:06</t>
  </si>
  <si>
    <t>01/20/2020 09:55:21</t>
  </si>
  <si>
    <t>01/20/2020 09:51:34</t>
  </si>
  <si>
    <t>01/20/2020 09:52:52</t>
  </si>
  <si>
    <t>01/20/2020 09:54:56</t>
  </si>
  <si>
    <t>01/20/2020 09:54:10</t>
  </si>
  <si>
    <t>01/20/2020 09:56:21</t>
  </si>
  <si>
    <t>5994966c-c857-41ea-b1f1-033e5d39c62f.tmp</t>
  </si>
  <si>
    <t>\\acsfs\profiles$\mariagsg\Downloads\5994966c-c857-41ea-b1f1-033e5d39c62f.tmp</t>
  </si>
  <si>
    <t>01/20/2020 09:54:11</t>
  </si>
  <si>
    <t>01/20/2020 09:56:22</t>
  </si>
  <si>
    <t>db91c109-6cb0-497f-8427-0c19beb2c461.tmp</t>
  </si>
  <si>
    <t>\\acsfs\profiles$\mariagsg\Downloads\db91c109-6cb0-497f-8427-0c19beb2c461.tmp</t>
  </si>
  <si>
    <t>01/20/2020 09:54:18</t>
  </si>
  <si>
    <t>01/20/2020 09:54:44</t>
  </si>
  <si>
    <t>01/20/2020 09:56:18</t>
  </si>
  <si>
    <t>01/20/2020 09:57:21</t>
  </si>
  <si>
    <t>2d2b5f78-e76d-4997-89c2-9c04ab77351d.tmp</t>
  </si>
  <si>
    <t>\\acsfs\profiles$\matheushds\Downloads\2d2b5f78-e76d-4997-89c2-9c04ab77351d.tmp</t>
  </si>
  <si>
    <t>01/20/2020 09:56:00</t>
  </si>
  <si>
    <t>01/20/2020 09:56:30</t>
  </si>
  <si>
    <t>01/20/2020 09:54:00</t>
  </si>
  <si>
    <t>13d38d9c-53e3-4959-a15b-6eb7349a9597.tmp</t>
  </si>
  <si>
    <t>\\acsfs\profiles$\lorenabmc\Downloads\13d38d9c-53e3-4959-a15b-6eb7349a9597.tmp</t>
  </si>
  <si>
    <t>222feec8-3fc9-4947-b3a2-7b16908424cd.tmp</t>
  </si>
  <si>
    <t>\\acsfs\profiles$\lorenabmc\Downloads\222feec8-3fc9-4947-b3a2-7b16908424cd.tmp</t>
  </si>
  <si>
    <t>01/20/2020 09:55:16</t>
  </si>
  <si>
    <t>01/20/2020 09:53:45</t>
  </si>
  <si>
    <t>01/20/2020 09:58:22</t>
  </si>
  <si>
    <t>01/20/2020 09:53:46</t>
  </si>
  <si>
    <t>01/20/2020 09:53:47</t>
  </si>
  <si>
    <t>01/20/2020 09:55:54</t>
  </si>
  <si>
    <t>01/20/2020 09:55:42</t>
  </si>
  <si>
    <t>01/20/2020 09:53:39</t>
  </si>
  <si>
    <t>01/20/2020 09:59:21</t>
  </si>
  <si>
    <t>d73a7c17-4b05-410a-bb4c-d97c95175e74.tmp</t>
  </si>
  <si>
    <t>\\acsfs\profiles$\LUCASBS\Downloads\d73a7c17-4b05-410a-bb4c-d97c95175e74.tmp</t>
  </si>
  <si>
    <t>01/20/2020 09:57:31</t>
  </si>
  <si>
    <t>01/20/2020 10:00:22</t>
  </si>
  <si>
    <t>01/20/2020 09:55:29</t>
  </si>
  <si>
    <t>https://andrelpsa@algartech.com,joaogvc@algartech.com,leonardoao@algartech.com,marianadjc@algartech.com,maristelavodq@bv.algartech.com,paulacn@algartech.com,planejamentodeoperacoesetrafego@bv.com.br,raphaelmco@algartech.com.br,ricardodfm@algartech.com.br,taysdss@algartech.com,viniciussg@algartech.com</t>
  </si>
  <si>
    <t>01/20/2020 09:57:53</t>
  </si>
  <si>
    <t>01/20/2020 09:59:51</t>
  </si>
  <si>
    <t>01/20/2020 10:01:22</t>
  </si>
  <si>
    <t>01/20/2020 09:58:33</t>
  </si>
  <si>
    <t>01/20/2020 09:56:52</t>
  </si>
  <si>
    <t>01/20/2020 10:02:21</t>
  </si>
  <si>
    <t>0a3950bd-8b0a-4936-ac51-ea185ab29a70.tmp</t>
  </si>
  <si>
    <t>\\acsfs\profiles$\matheushds\Downloads\0a3950bd-8b0a-4936-ac51-ea185ab29a70.tmp</t>
  </si>
  <si>
    <t>01/20/2020 09:57:29</t>
  </si>
  <si>
    <t>a5fd0847-2a0d-4b17-b770-bdeb2caae53c.tmp</t>
  </si>
  <si>
    <t>\\acsfs\profiles$\matheushds\Downloads\a5fd0847-2a0d-4b17-b770-bdeb2caae53c.tmp</t>
  </si>
  <si>
    <t>a03de97e-467e-4a48-ab1a-14ca8b765732.tmp</t>
  </si>
  <si>
    <t>\\acsfs\profiles$\matheushds\Downloads\a03de97e-467e-4a48-ab1a-14ca8b765732.tmp</t>
  </si>
  <si>
    <t>01/20/2020 10:00:37</t>
  </si>
  <si>
    <t>01/20/2020 10:00:38</t>
  </si>
  <si>
    <t>01/20/2020 09:59:00</t>
  </si>
  <si>
    <t>01/20/2020 09:59:30</t>
  </si>
  <si>
    <t>01/20/2020 10:01:30</t>
  </si>
  <si>
    <t>01/20/2020 09:59:56</t>
  </si>
  <si>
    <t>9e71bf13-3ed7-4400-adc9-da5192536811.tmp</t>
  </si>
  <si>
    <t>\\acsfs\profiles$\gabrielafs\Downloads\9e71bf13-3ed7-4400-adc9-da5192536811.tmp</t>
  </si>
  <si>
    <t>721bed8f-700c-48b6-93ad-576c22de6adb.tmp</t>
  </si>
  <si>
    <t>\\acsfs\profiles$\gabrielafs\Downloads\721bed8f-700c-48b6-93ad-576c22de6adb.tmp</t>
  </si>
  <si>
    <t>7ef205d5-ba40-4d44-a576-04c924b36094.tmp</t>
  </si>
  <si>
    <t>\\acsfs\profiles$\gabrielafs\Downloads\7ef205d5-ba40-4d44-a576-04c924b36094.tmp</t>
  </si>
  <si>
    <t>01/20/2020 09:59:59</t>
  </si>
  <si>
    <t>03f4f352-7472-4028-bc28-5f06e3a02a34.tmp</t>
  </si>
  <si>
    <t>\\acsfs\profiles$\gabrielafs\Downloads\03f4f352-7472-4028-bc28-5f06e3a02a34.tmp</t>
  </si>
  <si>
    <t>01/20/2020 10:01:15</t>
  </si>
  <si>
    <t>3d44a878-5371-4568-a3c1-cfc37889924a.tmp</t>
  </si>
  <si>
    <t>\\acsfs\profiles$\gabrielafs\Downloads\3d44a878-5371-4568-a3c1-cfc37889924a.tmp</t>
  </si>
  <si>
    <t>01/20/2020 09:59:23</t>
  </si>
  <si>
    <t>01/20/2020 10:03:22</t>
  </si>
  <si>
    <t>01/20/2020 09:58:39</t>
  </si>
  <si>
    <t>01/20/2020 10:04:21</t>
  </si>
  <si>
    <t>01/20/2020 10:04:03</t>
  </si>
  <si>
    <t>d035b7ba-bd31-412d-bf87-7f6d19378338.tmp</t>
  </si>
  <si>
    <t>\\acsfs\profiles$\danielac\Downloads\d035b7ba-bd31-412d-bf87-7f6d19378338.tmp</t>
  </si>
  <si>
    <t>01/20/2020 10:00:53</t>
  </si>
  <si>
    <t>01/20/2020 10:05:22</t>
  </si>
  <si>
    <t>5fb28e2a-23ff-429b-bfae-5412dd8a5820.tmp</t>
  </si>
  <si>
    <t>\\acsfs\profiles$\wedersonbadr\My Documents\My Music\5fb28e2a-23ff-429b-bfae-5412dd8a5820.tmp</t>
  </si>
  <si>
    <t>01/20/2020 10:00:59</t>
  </si>
  <si>
    <t>ccb70088-631a-46d8-8db2-a5cc6a970b8d.tmp</t>
  </si>
  <si>
    <t>\\acsfs\profiles$\wedersonbadr\My Documents\My Music\ccb70088-631a-46d8-8db2-a5cc6a970b8d.tmp</t>
  </si>
  <si>
    <t>01/20/2020 10:01:00</t>
  </si>
  <si>
    <t>Não confirmado 436610.crdownload</t>
  </si>
  <si>
    <t>\\acsfs\profiles$\wedersonbadr\My Documents\My Music\Não confirmado 436610.crdownload</t>
  </si>
  <si>
    <t>Não confirmado 873324.crdownload</t>
  </si>
  <si>
    <t>\\acsfs\profiles$\wedersonbadr\My Documents\My Music\Não confirmado 873324.crdownload</t>
  </si>
  <si>
    <t>01/20/2020 10:01:24</t>
  </si>
  <si>
    <t>mail.google.com/mail/u/0/jserror?script=https://mail.google.com/mail/u/0/#inbox/fmfcgxwgctdlkmfdfgfdzmrmkbthlgct&amp;error=class$obf_1010: [/sync/u/0/el2] qg: unsupported http status: 503&amp;line=not available&amp;txz=p</t>
  </si>
  <si>
    <t>01/20/2020 10:04:49</t>
  </si>
  <si>
    <t>01/20/2020 10:03:39</t>
  </si>
  <si>
    <t>01/20/2020 10:06:22</t>
  </si>
  <si>
    <t>01/20/2020 10:01:12</t>
  </si>
  <si>
    <t>10.200.61.160</t>
  </si>
  <si>
    <t>01/20/2020 10:02:00</t>
  </si>
  <si>
    <t>01/20/2020 10:07:22</t>
  </si>
  <si>
    <t>01/20/2020 10:02:31</t>
  </si>
  <si>
    <t>01/20/2020 10:03:01</t>
  </si>
  <si>
    <t>01/20/2020 10:04:01</t>
  </si>
  <si>
    <t>01/20/2020 10:04:31</t>
  </si>
  <si>
    <t>01/20/2020 10:05:31</t>
  </si>
  <si>
    <t>01/20/2020 10:06:01</t>
  </si>
  <si>
    <t>01/20/2020 10:06:31</t>
  </si>
  <si>
    <t>01/20/2020 10:04:30</t>
  </si>
  <si>
    <t>01/20/2020 10:05:45</t>
  </si>
  <si>
    <t>eacf349c-03fc-4be7-a764-6225820d8fe7.tmp</t>
  </si>
  <si>
    <t>\\acsfs\profiles$\lorenabmc\Downloads\eacf349c-03fc-4be7-a764-6225820d8fe7.tmp</t>
  </si>
  <si>
    <t>01/20/2020 10:08:22</t>
  </si>
  <si>
    <t>01/20/2020 10:05:24</t>
  </si>
  <si>
    <t>01/20/2020 10:04:25</t>
  </si>
  <si>
    <t>\\acsfs\ACS\Gabriel da Silva\Contemporânea\NPS\FC3920B2.tmp\</t>
  </si>
  <si>
    <t>\\acsfs\ACS\Gabriel da Silva\Contemporânea\NPS\FC3920B2.tmp\:Zone.Identifier:$DATA</t>
  </si>
  <si>
    <t>01/20/2020 10:04:32</t>
  </si>
  <si>
    <t>\\acsfs\ACS\Gabriel da Silva\Contemporânea\NPS\209ABE51.tmp\</t>
  </si>
  <si>
    <t>\\acsfs\ACS\Gabriel da Silva\Contemporânea\NPS\209ABE51.tmp\:Zone.Identifier:$DATA</t>
  </si>
  <si>
    <t>01/20/2020 10:04:28</t>
  </si>
  <si>
    <t>01/20/2020 10:04:37</t>
  </si>
  <si>
    <t>01/20/2020 10:04:29</t>
  </si>
  <si>
    <t>lu691285q20g8.tmp</t>
  </si>
  <si>
    <t>\\acsfs\profiles$\ALEXANDREMM\lu691285q20g8.tmp</t>
  </si>
  <si>
    <t>\\acsfs\profiles$\ALEXANDREMM\lu691285q20g8.tmp\</t>
  </si>
  <si>
    <t>\\acsfs\profiles$\ALEXANDREMM\lu691285q20g8.tmp\META-INF\</t>
  </si>
  <si>
    <t>\\acsfs\profiles$\ALEXANDREMM\lu691285q20g8.tmp\Thumbnails\</t>
  </si>
  <si>
    <t>01/20/2020 10:04:35</t>
  </si>
  <si>
    <t>01/20/2020 10:03:59</t>
  </si>
  <si>
    <t>01/20/2020 10:07:27</t>
  </si>
  <si>
    <t>01/20/2020 10:07:28</t>
  </si>
  <si>
    <t>01/20/2020 10:04:56</t>
  </si>
  <si>
    <t>01/20/2020 10:09:22</t>
  </si>
  <si>
    <t>01/20/2020 10:07:13</t>
  </si>
  <si>
    <t>f2bbd622-e65c-4658-972c-5e3447c2720a.tmp</t>
  </si>
  <si>
    <t>\\acsfs\profiles$\luanaldsi\Downloads\f2bbd622-e65c-4658-972c-5e3447c2720a.tmp</t>
  </si>
  <si>
    <t>01/20/2020 10:07:14</t>
  </si>
  <si>
    <t>0a5a52ee-33d4-4b11-bed1-22e50b8a3ef7.tmp</t>
  </si>
  <si>
    <t>\\acsfs\profiles$\luanaldsi\Downloads\0a5a52ee-33d4-4b11-bed1-22e50b8a3ef7.tmp</t>
  </si>
  <si>
    <t>01/20/2020 10:07:18</t>
  </si>
  <si>
    <t>abae0b68-890d-47e8-9220-d73ff01bd4a9.tmp</t>
  </si>
  <si>
    <t>\\acsfs\profiles$\luanaldsi\Downloads\abae0b68-890d-47e8-9220-d73ff01bd4a9.tmp</t>
  </si>
  <si>
    <t>01/20/2020 10:08:02</t>
  </si>
  <si>
    <t>2ba8c1ee-3536-4d5a-92a7-c1a12ebb34e4.tmp</t>
  </si>
  <si>
    <t>\\acsfs\profiles$\luanaldsi\Downloads\2ba8c1ee-3536-4d5a-92a7-c1a12ebb34e4.tmp</t>
  </si>
  <si>
    <t>01/20/2020 10:04:11</t>
  </si>
  <si>
    <t>4d3ecc93-3875-4568-ab81-6ed1a226bc7b.tmp</t>
  </si>
  <si>
    <t>\\acsfs\profiles$\danielac\Downloads\4d3ecc93-3875-4568-ab81-6ed1a226bc7b.tmp</t>
  </si>
  <si>
    <t>01/20/2020 10:06:21</t>
  </si>
  <si>
    <t>01/20/2020 10:10:22</t>
  </si>
  <si>
    <t>01/20/2020 10:07:40</t>
  </si>
  <si>
    <t>01/20/2020 10:11:22</t>
  </si>
  <si>
    <t>01/20/2020 10:07:36</t>
  </si>
  <si>
    <t>01/20/2020 10:07:01</t>
  </si>
  <si>
    <t>01/20/2020 10:12:22</t>
  </si>
  <si>
    <t>01/20/2020 10:07:31</t>
  </si>
  <si>
    <t>01/20/2020 10:08:01</t>
  </si>
  <si>
    <t>01/20/2020 10:08:31</t>
  </si>
  <si>
    <t>01/20/2020 10:10:02</t>
  </si>
  <si>
    <t>01/20/2020 10:10:32</t>
  </si>
  <si>
    <t>01/20/2020 10:10:05</t>
  </si>
  <si>
    <t>d2552459-05a2-4f42-b285-19562ac58e5c.tmp</t>
  </si>
  <si>
    <t>\\acsfs\profiles$\ROZENCAM\Downloads\d2552459-05a2-4f42-b285-19562ac58e5c.tmp</t>
  </si>
  <si>
    <t>01/20/2020 10:09:53</t>
  </si>
  <si>
    <t>01/20/2020 10:13:22</t>
  </si>
  <si>
    <t>01/20/2020 10:11:47</t>
  </si>
  <si>
    <t>100044252113717;andrelpsa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44252113717,andrelpsa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10:12:11</t>
  </si>
  <si>
    <t>01/20/2020 10:12:30</t>
  </si>
  <si>
    <t>andrelpsa@algartech.com;fernandaab@algartech.com;joaogvc@algartech.com;josiascdsj@algartech.com;kesiadof@algartech.com;leonardoao@algartech.com;lilianls@algartech.com;marianadjc@algartech.com;maristelavodq@bv.algartech.com;paulacn@algartech.com;qualidadealgarbv@algartech.com;supervisaobancovotorantim@algartech.com;talmaiardo@algartech.com;taysdss@algartech.com;thiagolrc@bv.algartech.com;</t>
  </si>
  <si>
    <t>andrelpsa@algartech.com,fernandaab@algartech.com,joaogvc@algartech.com,josiascdsj@algartech.com,kesiadof@algartech.com,leonardoao@algartech.com,lilianls@algartech.com,marianadjc@algartech.com,maristelavodq@bv.algartech.com,paulacn@algartech.com,qualidadealgarbv@algartech.com,supervisaobancovotorantim@algartech.com,talmaiardo@algartech.com,taysdss@algartech.com,thiagolrc@bv.algartech.com</t>
  </si>
  <si>
    <t>01/20/2020 10:12:37</t>
  </si>
  <si>
    <t>01/20/2020 10:07:43</t>
  </si>
  <si>
    <t>\\acsfs\ACS\Gabriel da Silva\Contemporânea\NPS\9AD67FBF.tmp\</t>
  </si>
  <si>
    <t>\\acsfs\ACS\Gabriel da Silva\Contemporânea\NPS\9AD67FBF.tmp\:Zone.Identifier:$DATA</t>
  </si>
  <si>
    <t>01/20/2020 10:07:47</t>
  </si>
  <si>
    <t>01/20/2020 10:07:50</t>
  </si>
  <si>
    <t>\\acsfs\ACS\Gabriel da Silva\Contemporânea\NPS\959E92E2.tmp\</t>
  </si>
  <si>
    <t>\\acsfs\ACS\Gabriel da Silva\Contemporânea\NPS\959E92E2.tmp\:Zone.Identifier:$DATA</t>
  </si>
  <si>
    <t>01/20/2020 10:07:54</t>
  </si>
  <si>
    <t>01/20/2020 10:12:38</t>
  </si>
  <si>
    <t>01/20/2020 10:12:10</t>
  </si>
  <si>
    <t>01/20/2020 10:11:27</t>
  </si>
  <si>
    <t>01/20/2020 10:10:52</t>
  </si>
  <si>
    <t>01/20/2020 10:14:22</t>
  </si>
  <si>
    <t>81db4f69-9dd1-4b3a-8e2f-1fa9a3b462bb.tmp</t>
  </si>
  <si>
    <t>\\acsfs\profiles$\inarajst\Downloads\81db4f69-9dd1-4b3a-8e2f-1fa9a3b462bb.tmp</t>
  </si>
  <si>
    <t>01/20/2020 10:10:44</t>
  </si>
  <si>
    <t>37faca6c-12c3-49c4-8915-21f44c1c6f86.tmp</t>
  </si>
  <si>
    <t>\\acsfs\profiles$\luanaldsi\Downloads\37faca6c-12c3-49c4-8915-21f44c1c6f86.tmp</t>
  </si>
  <si>
    <t>01/20/2020 10:10:25</t>
  </si>
  <si>
    <t>01/20/2020 10:10:29</t>
  </si>
  <si>
    <t>01/20/2020 10:10:51</t>
  </si>
  <si>
    <t>01/20/2020 10:11:28</t>
  </si>
  <si>
    <t>01/20/2020 10:11:36</t>
  </si>
  <si>
    <t>01/20/2020 10:12:55</t>
  </si>
  <si>
    <t>01/20/2020 10:13:02</t>
  </si>
  <si>
    <t>01/20/2020 10:13:07</t>
  </si>
  <si>
    <t>01/20/2020 10:15:21</t>
  </si>
  <si>
    <t>01/20/2020 10:13:18</t>
  </si>
  <si>
    <t>01/20/2020 10:14:46</t>
  </si>
  <si>
    <t>01/20/2020 10:14:55</t>
  </si>
  <si>
    <t>100014123564284;joaogvc@algartech.com;leonardoao@algartech.com;paulacn@algartech.com;ricardodfm@algartech.com.br;robsonams@algartech.com;taysdss@algartech.com;viniciussg@algartech.com;</t>
  </si>
  <si>
    <t>100014123564284,joaogvc@algartech.com,leonardoao@algartech.com,paulacn@algartech.com,ricardodfm@algartech.com.br,robsonams@algartech.com,taysdss@algartech.com,viniciussg@algartech.com</t>
  </si>
  <si>
    <t>01/20/2020 10:12:31</t>
  </si>
  <si>
    <t>01/20/2020 10:16:22</t>
  </si>
  <si>
    <t>01/20/2020 10:11:08</t>
  </si>
  <si>
    <t>bdd285ff-7b2c-4fd6-9e71-23f8f0aefb25.tmp</t>
  </si>
  <si>
    <t>\\acsfs\profiles$\mariagsg\Downloads\bdd285ff-7b2c-4fd6-9e71-23f8f0aefb25.tmp</t>
  </si>
  <si>
    <t>01/20/2020 10:11:10</t>
  </si>
  <si>
    <t>6f67cb61-4236-49c2-8cc3-e3c89da56490.tmp</t>
  </si>
  <si>
    <t>\\acsfs\profiles$\mariagsg\Downloads\6f67cb61-4236-49c2-8cc3-e3c89da56490.tmp</t>
  </si>
  <si>
    <t>fba764de-e21e-4c31-9ac9-cb314fd9e3db.tmp</t>
  </si>
  <si>
    <t>\\acsfs\profiles$\sarahbal\Downloads\fba764de-e21e-4c31-9ac9-cb314fd9e3db.tmp</t>
  </si>
  <si>
    <t>01/20/2020 10:17:22</t>
  </si>
  <si>
    <t>01/20/2020 10:13:32</t>
  </si>
  <si>
    <t>01/20/2020 10:14:02</t>
  </si>
  <si>
    <t>01/20/2020 10:15:33</t>
  </si>
  <si>
    <t>01/20/2020 10:16:33</t>
  </si>
  <si>
    <t>01/20/2020 10:12:54</t>
  </si>
  <si>
    <t>01/20/2020 10:12:43</t>
  </si>
  <si>
    <t>01/20/2020 10:18:22</t>
  </si>
  <si>
    <t>01/20/2020 10:14:07</t>
  </si>
  <si>
    <t>01/20/2020 10:14:08</t>
  </si>
  <si>
    <t>01/20/2020 10:14:40</t>
  </si>
  <si>
    <t>01/20/2020 10:15:03</t>
  </si>
  <si>
    <t>01/20/2020 10:17:04</t>
  </si>
  <si>
    <t>Não confirmado 782836.crdownload</t>
  </si>
  <si>
    <t>\\acsfs\ACS\Gabriel da Silva\Contemporânea\Gen\Não confirmado 782836.crdownload</t>
  </si>
  <si>
    <t>XLOG_vanessacgs_20012020_085426.log</t>
  </si>
  <si>
    <t>\\acsfs\profiles$\vanessacgs\My Documents\xworkcenter\logs\XLOG_vanessacgs_20012020_085426.log</t>
  </si>
  <si>
    <t>01/20/2020 10:19:22</t>
  </si>
  <si>
    <t>fbdcccb8-5b59-4e70-bf33-1253c97908dc.tmp</t>
  </si>
  <si>
    <t>\\acsfs\profiles$\luanaldsi\Downloads\fbdcccb8-5b59-4e70-bf33-1253c97908dc.tmp</t>
  </si>
  <si>
    <t>01/20/2020 10:16:51</t>
  </si>
  <si>
    <t>12;1579521807978;1579524214946;4;621969351;[];[]]];false;l-ckacf_7r3zozh1hhizn88xwetaapoebcpjm5ey2zyse1nt3xmnhcr-rz9s-zdg-5-xx2v8f_tzsvcfibwrle5qaq53vh6r8m19mnq0rhk68ibitnjgrsmrdalihic4l1lxyqga8ovr5etkjjbkmsgw0htomrw0ftovchx76kgoyskqvpqzuqo0mrsk-nevtbmaqaleloorbdq4mjvgtmunagardgcvqomsjf2dfmbefzskm2b2sgehmip1;mrw0ftovchx76kgoyskqvpqzuqo0mrsk-nevtbmaqaleloorbdq4mjvgtmunagardgcvqomsjf2dfmbefzskm2b2sgehmip1t4cvexbtpssk2sdjt6951wlkaev-qbpxn2strgesn6t0wc7ahptj_e6akbt7rpykdguoorotjjojr2vprr4zefrh7i8ekftw_f_-u1emtiy6u1k09ydghmcnooax7ywi6zi1slntaw8yjfsj3irhbwglxld5n00pvjlw9mg0fi11mso\";mrw0ftovchx76kgoyskqvpqzuqo0mrsk-nevtbmaqaleloorbdq4mjvgtmunagardgcvqomsjf2dfmbefzskm2b2sgehmip1t4cvexbtpssk2sdjt6951wlkaev-qbpxn2strgesn6t0wc7ahptj_e6akbt7rpykdguoorotjjojr2vprr4zefrh7i8ekftw_f_-u1emtiy6u1k09ydghmcnooax7ywi6zi1ulntaw9pal1qy_hizdiakeijpjsuk1xxhkqrdstbhpe\";null;true]";vchx76kgoyskqvpqzuqo0mrsk-nevtbmaqaleloorbdq4mjvgtmunagardgcvqomsjf2dfmbefzskm2b2sgehmip1t4cvexbtpssk2sdjt6951wlkaev-qbpxn2strgesn6t0wc7ahptj_e6akbt7rpykd</t>
  </si>
  <si>
    <t>12,1579521807978,1579524214946,4,621969351,[],[]]],false,l-ckacf_7r3zozh1hhizn88xwetaapoebcpjm5ey2zyse1nt3xmnhcr-rz9s-zdg-5-xx2v8f_tzsvcfibwrle5qaq53vh6r8m19mnq0rhk68ibitnjgrsmrdalihic4l1lxyqga8ovr5etkjjbkmsgw0htomrw0ftovchx76kgoyskqvpqzuqo0mrsk-nevtbmaqaleloorbdq4mjvgtmunagardgcvqomsjf2dfmbefzskm2b2sgehmip1,mrw0ftovchx76kgoyskqvpqzuqo0mrsk-nevtbmaqaleloorbdq4mjvgtmunagardgcvqomsjf2dfmbefzskm2b2sgehmip1t4cvexbtpssk2sdjt6951wlkaev-qbpxn2strgesn6t0wc7ahptj_e6akbt7rpykdguoorotjjojr2vprr4zefrh7i8ekftw_f_-u1emtiy6u1k09ydghmcnooax7ywi6zi1slntaw8yjfsj3irhbwglxld5n00pvjlw9mg0fi11mso\",mrw0ftovchx76kgoyskqvpqzuqo0mrsk-nevtbmaqaleloorbdq4mjvgtmunagardgcvqomsjf2dfmbefzskm2b2sgehmip1t4cvexbtpssk2sdjt6951wlkaev-qbpxn2strgesn6t0wc7ahptj_e6akbt7rpykdguoorotjjojr2vprr4zefrh7i8ekftw_f_-u1emtiy6u1k09ydghmcnooax7ywi6zi1ulntaw9pal1qy_hizdiakeijpjsuk1xxhkqrdstbhpe\",null,true]",vchx76kgoyskqvpqzuqo0mrsk-nevtbmaqaleloorbdq4mjvgtmunagardgcvqomsjf2dfmbefzskm2b2sgehmip1t4cvexbtpssk2sdjt6951wlkaev-qbpxn2strgesn6t0wc7ahptj_e6akbt7rpykd</t>
  </si>
  <si>
    <t>01/20/2020 10:16:57</t>
  </si>
  <si>
    <t>01/20/2020 10:17:00</t>
  </si>
  <si>
    <t>01/20/2020 10:17:01</t>
  </si>
  <si>
    <t>01/20/2020 10:17:08</t>
  </si>
  <si>
    <t>10;1579523612956;621969351;[];[]]];false;l-ckacf_7r3zozh1hhizn88xwetaapoebcpjm5ey2zyse1nt3xmnhcr-rz9s-zdg-5-xx2v8f_tzsvcfibwrle5qaq53vh6r8m19mnq0rhk68ibitnjgrsmrdalihic4l1lxyqga8ovr5etkjjbkmsgw0htomrw0ftovchx76kgoyskqvpqzuqo0mrsk-nevtbmaqaleloorbdq4mjvgtmunagardgcvqomsjf2dfmbefzskm2b2sgehmip1;mrw0ftovchx76kgoyskqvpqzuqo0mrsk-nevtbmaqaleloorbdq4mjvgtmunagardgcvqomsjf2dfmbefzskm2b2sgehmip1t4cvexbtpssk2sdjt6951wlkaev-qbpxn2strgesn6t0wc7ahptj_e6akbt7rpykdguoorotjjojr2vprr4zefrh7i8ekftw_f_-u1emtiy6u1k09ydghmcnooax7ywi6zi1vrntaw8jxjwoftxs5wueusjeeb1nzqopr7eenerevxi\";null;true]";vchx76kgoyskqvpqzuqo0mrsk-nevtbmaqaleloorbdq4mjvgtmunagardgcvqomsjf2dfmbefzskm2b2sgehmip1t4cvexbtpssk2sdjt6951wlkaev-qbpxn2strgesn6t0wc7ahptj_e6akbt7rpykdguoorotjjojr2vprr4zefrh7i8ekftw_f_-u1emtiy6u1k09ydghmcnooax7ywi6zi1vrntaw8jxjwoftxs5wueusjeeb1nzqopr7eenerevxi\";</t>
  </si>
  <si>
    <t>10,1579523612956,621969351,[],[]]],false,l-ckacf_7r3zozh1hhizn88xwetaapoebcpjm5ey2zyse1nt3xmnhcr-rz9s-zdg-5-xx2v8f_tzsvcfibwrle5qaq53vh6r8m19mnq0rhk68ibitnjgrsmrdalihic4l1lxyqga8ovr5etkjjbkmsgw0htomrw0ftovchx76kgoyskqvpqzuqo0mrsk-nevtbmaqaleloorbdq4mjvgtmunagardgcvqomsjf2dfmbefzskm2b2sgehmip1,mrw0ftovchx76kgoyskqvpqzuqo0mrsk-nevtbmaqaleloorbdq4mjvgtmunagardgcvqomsjf2dfmbefzskm2b2sgehmip1t4cvexbtpssk2sdjt6951wlkaev-qbpxn2strgesn6t0wc7ahptj_e6akbt7rpykdguoorotjjojr2vprr4zefrh7i8ekftw_f_-u1emtiy6u1k09ydghmcnooax7ywi6zi1vrntaw8jxjwoftxs5wueusjeeb1nzqopr7eenerevxi\",null,true]",vchx76kgoyskqvpqzuqo0mrsk-nevtbmaqaleloorbdq4mjvgtmunagardgcvqomsjf2dfmbefzskm2b2sgehmip1t4cvexbtpssk2sdjt6951wlkaev-qbpxn2strgesn6t0wc7ahptj_e6akbt7rpykdguoorotjjojr2vprr4zefrh7i8ekftw_f_-u1emtiy6u1k09ydghmcnooax7ywi6zi1vrntaw8jxjwoftxs5wueusjeeb1nzqopr7eenerevxi\"</t>
  </si>
  <si>
    <t>01/20/2020 10:15:35</t>
  </si>
  <si>
    <t>01/20/2020 10:18:11</t>
  </si>
  <si>
    <t>01/20/2020 10:20:22</t>
  </si>
  <si>
    <t>6040786b-3021-4983-b13a-5e725aca0181.tmp</t>
  </si>
  <si>
    <t>\\acsfs\profiles$\adrielyas\Downloads\6040786b-3021-4983-b13a-5e725aca0181.tmp</t>
  </si>
  <si>
    <t>01/20/2020 10:17:32</t>
  </si>
  <si>
    <t>mail.google.com/mail/u/0/jserror?script=https://mail.google.com/mail/u/0/#inbox/fmfcgxwgctdlkmfdfgfdzmrmkbthlgct&amp;error=class$obf_1010: [/sync/u/0/i/bv] qg: unsupported http status: 503&amp;line=not available&amp;txz=p</t>
  </si>
  <si>
    <t>01/20/2020 10:18:27</t>
  </si>
  <si>
    <t>mail.google.com/mail/u/0/jserror?script=https://mail.google.com/mail/u/0/#inbox/fmfcgxwgctdlkmfdfgfdzmrmkbthlgct&amp;error=vba&amp;line=not available&amp;txz=p</t>
  </si>
  <si>
    <t>01/20/2020 10:18:28</t>
  </si>
  <si>
    <t>01/20/2020 10:18:35</t>
  </si>
  <si>
    <t>1861&amp;i=10&amp;mn=cs:1&amp;ai=mail:f.91ac.2.0</t>
  </si>
  <si>
    <t>01/20/2020 10:18:37</t>
  </si>
  <si>
    <t>b6547d61-efb0-4a53-8a2f-87f0145c23d7; __requestverificationtoken=a0blutric3c2ftjitq1hp6poqcb_no7n0hy2gqnqlg310kb8ypjwhjwxm6zwm-ypne7uq5b3jwirk2hnadnoo_qrgjmdzftjbbarezto8ki1; tp_stylesheet=light_blue; tp_layout_mode=wide; footer_bg=dark; _gid=ga1.3.1908422</t>
  </si>
  <si>
    <t>01/20/2020 10:18:40</t>
  </si>
  <si>
    <t>mail.google.com/sync/u/0/i/s?hl=pt-br&amp;c=16</t>
  </si>
  <si>
    <t>01/20/2020 10:18:52</t>
  </si>
  <si>
    <t>mail.google.com/sync/u/0/i/s?hl=pt-br&amp;c=17</t>
  </si>
  <si>
    <t>01/20/2020 10:19:10</t>
  </si>
  <si>
    <t>01/20/2020 10:19:12</t>
  </si>
  <si>
    <t>01/20/2020 10:19:26</t>
  </si>
  <si>
    <t>01/20/2020 10:19:28</t>
  </si>
  <si>
    <t>01/20/2020 10:15:09</t>
  </si>
  <si>
    <t>01/20/2020 10:16:00</t>
  </si>
  <si>
    <t>01/20/2020 10:16:14</t>
  </si>
  <si>
    <t>01/20/2020 10:16:30</t>
  </si>
  <si>
    <t>01/20/2020 10:16:32</t>
  </si>
  <si>
    <t>01/20/2020 10:16:41</t>
  </si>
  <si>
    <t>01/20/2020 10:16:47</t>
  </si>
  <si>
    <t>01/20/2020 10:16:52</t>
  </si>
  <si>
    <t>01/20/2020 10:17:02</t>
  </si>
  <si>
    <t>01/20/2020 10:17:03</t>
  </si>
  <si>
    <t>01/20/2020 10:17:16</t>
  </si>
  <si>
    <t>01/20/2020 10:17:26</t>
  </si>
  <si>
    <t>01/20/2020 10:17:35</t>
  </si>
  <si>
    <t>01/20/2020 10:17:45</t>
  </si>
  <si>
    <t>RELATORIO DE LOGIN - FINANCEIRA - 17-01 -.xlsm</t>
  </si>
  <si>
    <t>\\acsfs\DEPTOS\Operacao\PCP\5 - Comum\PLANEJAMENTO BV\14 - ACOMPANHAMENTO\1 - REPORT ACOMPANHAMENTO\2020\1 - JANEIRO\FINANCEIRA\Login Logout Financeira\RELATORIO DE LOGIN - FINANCEIRA - 17-01 -.xlsm</t>
  </si>
  <si>
    <t>01/20/2020 10:17:57</t>
  </si>
  <si>
    <t>mail.google.com/_/upload?authuser=0&amp;dcp=asu-n&amp;upload_id=AEnB2UqzD8zSHlCtf6crwQXXcqWc26NN6qoLDCO4kHVGKacYmDbSGYjvbv_RqPgu0Th8h-FYOaGHCsK1B5NMO2caO6bfXF7U4A&amp;upload_protocol=resumable</t>
  </si>
  <si>
    <t>01/20/2020 10:19:47</t>
  </si>
  <si>
    <t>01/20/2020 10:16:16</t>
  </si>
  <si>
    <t>01/20/2020 10:21:22</t>
  </si>
  <si>
    <t>01/20/2020 10:20:29</t>
  </si>
  <si>
    <t>01/20/2020 10:17:33</t>
  </si>
  <si>
    <t>01/20/2020 10:22:22</t>
  </si>
  <si>
    <t>01/20/2020 10:18:03</t>
  </si>
  <si>
    <t>01/20/2020 10:18:33</t>
  </si>
  <si>
    <t>01/20/2020 10:19:34</t>
  </si>
  <si>
    <t>01/20/2020 10:20:04</t>
  </si>
  <si>
    <t>01/20/2020 10:21:34</t>
  </si>
  <si>
    <t>01/20/2020 10:17:38</t>
  </si>
  <si>
    <t>01/20/2020 10:18:25</t>
  </si>
  <si>
    <t>01/20/2020 10:23:22</t>
  </si>
  <si>
    <t>01/20/2020 10:19:11</t>
  </si>
  <si>
    <t>01/20/2020 10:21:05</t>
  </si>
  <si>
    <t>01/20/2020 10:22:07</t>
  </si>
  <si>
    <t>01/20/2020 10:24:22</t>
  </si>
  <si>
    <t>01/20/2020 10:20:30</t>
  </si>
  <si>
    <t>01/20/2020 10:20:43</t>
  </si>
  <si>
    <t>01/20/2020 10:25:22</t>
  </si>
  <si>
    <t>f46568f8-273d-4cc9-9bb8-d9acb7fae5bb.tmp</t>
  </si>
  <si>
    <t>\\acsfs\profiles$\quindaizaagds\Downloads\f46568f8-273d-4cc9-9bb8-d9acb7fae5bb.tmp</t>
  </si>
  <si>
    <t>576f3c31-b45a-4a5f-bda8-6099c40c464c.tmp</t>
  </si>
  <si>
    <t>\\acsfs\profiles$\adrielyas\Downloads\576f3c31-b45a-4a5f-bda8-6099c40c464c.tmp</t>
  </si>
  <si>
    <t>01/20/2020 10:20:09</t>
  </si>
  <si>
    <t>01/20/2020 10:20:10</t>
  </si>
  <si>
    <t>1861&amp;i=10&amp;mn=cs:1&amp;ai=mail:f.91ac.2.0/s:v=2&amp;a=lc&amp;sv=cv&amp;ev=di&amp;t=139.955078125&amp;i=27.955078125&amp;ai=mail:lc.91ac.3.0/s:v=2&amp;a=o&amp;sv=di&amp;ev=cv&amp;t=139&amp;i=3&amp;ai=mail:o.91ac.4.0</t>
  </si>
  <si>
    <t>01/20/2020 10:20:25</t>
  </si>
  <si>
    <t>mail.google.com/mail/u/0/jserror?script=https://mail.google.com/mail/u/0/#inbox/fmfcgxwgctdlkmfdfgfdzmrmkbthlgct?projector=1&amp;messagepartid=0.0&amp;error=did not receive drive#about kind when fetching import map:undefined&amp;line=not available&amp;txz=p</t>
  </si>
  <si>
    <t>1861&amp;i=10&amp;mn=cs:1&amp;ai=mail:f.91ac.2.0;</t>
  </si>
  <si>
    <t>01/20/2020 10:20:28</t>
  </si>
  <si>
    <t>01/20/2020 10:20:46</t>
  </si>
  <si>
    <t>01/20/2020 10:23:31</t>
  </si>
  <si>
    <t>RELATORIO DE LOGIN - BV CARTÕES 16-01 - Cópia.xlsm</t>
  </si>
  <si>
    <t>\\acsfs\DEPTOS\Operacao\PCP\5 - Comum\PLANEJAMENTO BV\14 - ACOMPANHAMENTO\1 - REPORT ACOMPANHAMENTO\2020\1 - JANEIRO\CARTÕES\Login Logout Cartões\RELATORIO DE LOGIN - BV CARTÕES 16-01 - Cópia.xlsm</t>
  </si>
  <si>
    <t>01/20/2020 10:26:22</t>
  </si>
  <si>
    <t>01/20/2020 10:23:02</t>
  </si>
  <si>
    <t>4ac7fe28-e607-4f73-a6c3-62cfa0e406c1.tmp</t>
  </si>
  <si>
    <t>\\acsfs\profiles$\sarahbal\Downloads\4ac7fe28-e607-4f73-a6c3-62cfa0e406c1.tmp</t>
  </si>
  <si>
    <t>01/20/2020 10:22:04</t>
  </si>
  <si>
    <t>01/20/2020 10:27:22</t>
  </si>
  <si>
    <t>01/20/2020 10:22:34</t>
  </si>
  <si>
    <t>01/20/2020 10:23:04</t>
  </si>
  <si>
    <t>01/20/2020 10:23:34</t>
  </si>
  <si>
    <t>01/20/2020 10:24:04</t>
  </si>
  <si>
    <t>01/20/2020 10:25:05</t>
  </si>
  <si>
    <t>01/20/2020 10:25:35</t>
  </si>
  <si>
    <t>01/20/2020 10:26:00</t>
  </si>
  <si>
    <t>ac30e92b-7f94-40b3-a14f-8e3f12896259.tmp</t>
  </si>
  <si>
    <t>\\acsfs\profiles$\antoniosva\Downloads\ac30e92b-7f94-40b3-a14f-8e3f12896259.tmp</t>
  </si>
  <si>
    <t>01/20/2020 10:22:18</t>
  </si>
  <si>
    <t>fdbee4c0-bb1d-48a8-bf01-6c9d677e7dab.tmp</t>
  </si>
  <si>
    <t>\\acsfs\profiles$\kamilamrc\Downloads\fdbee4c0-bb1d-48a8-bf01-6c9d677e7dab.tmp</t>
  </si>
  <si>
    <t>01/20/2020 10:24:36</t>
  </si>
  <si>
    <t>13a5cdb1-d5e1-4d33-b769-60fcd1df5626.tmp</t>
  </si>
  <si>
    <t>\\acsfs\profiles$\kamilamrc\Downloads\13a5cdb1-d5e1-4d33-b769-60fcd1df5626.tmp</t>
  </si>
  <si>
    <t>01/20/2020 10:25:03</t>
  </si>
  <si>
    <t>20f2e264-7722-4da8-a0f6-ef8beae4d36f.tmp</t>
  </si>
  <si>
    <t>\\acsfs\profiles$\kamilamrc\Downloads\20f2e264-7722-4da8-a0f6-ef8beae4d36f.tmp</t>
  </si>
  <si>
    <t>01/20/2020 10:25:26</t>
  </si>
  <si>
    <t>5ac6b239-95a7-41c0-b7e0-677eb21d3932.tmp</t>
  </si>
  <si>
    <t>\\acsfs\profiles$\kamilamrc\Downloads\5ac6b239-95a7-41c0-b7e0-677eb21d3932.tmp</t>
  </si>
  <si>
    <t>01/20/2020 10:25:30</t>
  </si>
  <si>
    <t>d87c4f58-f356-4d77-92d7-7f3016c06e64.tmp</t>
  </si>
  <si>
    <t>\\acsfs\profiles$\kamilamrc\Downloads\d87c4f58-f356-4d77-92d7-7f3016c06e64.tmp</t>
  </si>
  <si>
    <t>01/20/2020 10:25:39</t>
  </si>
  <si>
    <t>1dba25e7-d7f3-4f5b-a20f-23d40a2516fb.tmp</t>
  </si>
  <si>
    <t>\\acsfs\profiles$\kamilamrc\Downloads\1dba25e7-d7f3-4f5b-a20f-23d40a2516fb.tmp</t>
  </si>
  <si>
    <t>01/20/2020 10:26:28</t>
  </si>
  <si>
    <t>01/20/2020 10:27:03</t>
  </si>
  <si>
    <t>01/20/2020 10:28:22</t>
  </si>
  <si>
    <t>01/20/2020 10:27:33</t>
  </si>
  <si>
    <t>01/20/2020 10:25:38</t>
  </si>
  <si>
    <t>01/20/2020 10:29:21</t>
  </si>
  <si>
    <t>01/20/2020 10:27:54</t>
  </si>
  <si>
    <t>01/20/2020 10:28:25</t>
  </si>
  <si>
    <t>01/20/2020 10:30:22</t>
  </si>
  <si>
    <t>01/20/2020 10:29:26</t>
  </si>
  <si>
    <t>01/20/2020 10:26:23</t>
  </si>
  <si>
    <t>01/20/2020 10:31:22</t>
  </si>
  <si>
    <t>01/20/2020 10:28:06</t>
  </si>
  <si>
    <t>01/20/2020 10:27:28</t>
  </si>
  <si>
    <t>01/20/2020 10:29:30</t>
  </si>
  <si>
    <t>01/20/2020 10:32:22</t>
  </si>
  <si>
    <t>01/20/2020 10:29:31</t>
  </si>
  <si>
    <t>01/20/2020 10:27:05</t>
  </si>
  <si>
    <t>01/20/2020 10:27:35</t>
  </si>
  <si>
    <t>01/20/2020 10:29:36</t>
  </si>
  <si>
    <t>01/20/2020 10:30:32</t>
  </si>
  <si>
    <t>https://udpmailboxap01.acs.com.br:8443/h/search;jsessionid=n9a94jp1r4t92j56sdxobmmb?si=0&amp;so=0&amp;sc=78613&amp;st=conversation&amp;action=compose</t>
  </si>
  <si>
    <t>tiagosno@bv.algartech.com;</t>
  </si>
  <si>
    <t>https://tiagosno@bv.algartech.com</t>
  </si>
  <si>
    <t>01/20/2020 10:31:02</t>
  </si>
  <si>
    <t>01/20/2020 10:31:16</t>
  </si>
  <si>
    <t>01/20/2020 10:31:36</t>
  </si>
  <si>
    <t>01/20/2020 10:30:57</t>
  </si>
  <si>
    <t>01/20/2020 10:29:44</t>
  </si>
  <si>
    <t>05b61aee-b476-4608-868f-9f8d965ed992.tmp</t>
  </si>
  <si>
    <t>\\acsfs\profiles$\lorrainerdl\Downloads\05b61aee-b476-4608-868f-9f8d965ed992.tmp</t>
  </si>
  <si>
    <t>01/20/2020 10:31:25</t>
  </si>
  <si>
    <t>98aabf23-a52d-4c7a-992c-7ffd91b8039c.tmp</t>
  </si>
  <si>
    <t>\\acsfs\profiles$\kamilamrc\Downloads\98aabf23-a52d-4c7a-992c-7ffd91b8039c.tmp</t>
  </si>
  <si>
    <t>01/20/2020 10:33:22</t>
  </si>
  <si>
    <t>01/20/2020 10:28:27</t>
  </si>
  <si>
    <t>01/20/2020 10:28:30</t>
  </si>
  <si>
    <t>01/20/2020 10:28:33</t>
  </si>
  <si>
    <t>01/20/2020 10:28:50</t>
  </si>
  <si>
    <t>01/20/2020 10:28:59</t>
  </si>
  <si>
    <t>01/20/2020 10:29:19</t>
  </si>
  <si>
    <t>01/20/2020 10:29:27</t>
  </si>
  <si>
    <t>01/20/2020 10:29:29</t>
  </si>
  <si>
    <t>01/20/2020 10:29:32</t>
  </si>
  <si>
    <t>01/20/2020 10:29:33</t>
  </si>
  <si>
    <t>01/20/2020 10:29:37</t>
  </si>
  <si>
    <t>01/20/2020 10:29:41</t>
  </si>
  <si>
    <t>01/20/2020 10:29:45</t>
  </si>
  <si>
    <t>01/20/2020 10:30:06</t>
  </si>
  <si>
    <t>01/20/2020 10:30:25</t>
  </si>
  <si>
    <t>01/20/2020 10:29:18</t>
  </si>
  <si>
    <t>01/20/2020 10:32:02</t>
  </si>
  <si>
    <t>01/20/2020 10:34:22</t>
  </si>
  <si>
    <t>01/20/2020 10:31:42</t>
  </si>
  <si>
    <t>01/20/2020 10:32:03</t>
  </si>
  <si>
    <t>01/20/2020 10:32:16</t>
  </si>
  <si>
    <t>01/20/2020 10:32:57</t>
  </si>
  <si>
    <t>01/20/2020 10:33:23</t>
  </si>
  <si>
    <t>01/20/2020 10:32:42</t>
  </si>
  <si>
    <t>01/20/2020 10:35:22</t>
  </si>
  <si>
    <t>01/20/2020 10:32:43</t>
  </si>
  <si>
    <t>lu216162ur7qs.tmp</t>
  </si>
  <si>
    <t>\\acsfs\profiles$\BRUNAAR\Numero\lu216162ur7qs.tmp</t>
  </si>
  <si>
    <t>01/20/2020 10:36:22</t>
  </si>
  <si>
    <t>01/20/2020 10:31:43</t>
  </si>
  <si>
    <t>01/20/2020 10:31:45</t>
  </si>
  <si>
    <t>01/20/2020 10:31:50</t>
  </si>
  <si>
    <t>01/20/2020 10:31:58</t>
  </si>
  <si>
    <t>01/20/2020 10:33:01</t>
  </si>
  <si>
    <t>01/20/2020 10:37:22</t>
  </si>
  <si>
    <t>01/20/2020 10:32:06</t>
  </si>
  <si>
    <t>01/20/2020 10:33:37</t>
  </si>
  <si>
    <t>01/20/2020 10:34:07</t>
  </si>
  <si>
    <t>01/20/2020 10:34:37</t>
  </si>
  <si>
    <t>01/20/2020 10:35:07</t>
  </si>
  <si>
    <t>01/20/2020 10:35:37</t>
  </si>
  <si>
    <t>01/20/2020 10:31:53</t>
  </si>
  <si>
    <t>01/20/2020 10:31:59</t>
  </si>
  <si>
    <t>01/20/2020 10:32:15</t>
  </si>
  <si>
    <t>01/20/2020 10:32:38</t>
  </si>
  <si>
    <t>01/20/2020 10:32:47</t>
  </si>
  <si>
    <t>01/20/2020 10:32:51</t>
  </si>
  <si>
    <t>01/20/2020 10:32:55</t>
  </si>
  <si>
    <t>01/20/2020 10:33:03</t>
  </si>
  <si>
    <t>01/20/2020 10:33:34</t>
  </si>
  <si>
    <t>01/20/2020 10:36:27</t>
  </si>
  <si>
    <t>01/20/2020 10:35:51</t>
  </si>
  <si>
    <t>eec6ee76-1126-4a75-8a38-5d49abcfadeb.tmp</t>
  </si>
  <si>
    <t>\\acsfs\profiles$\vivianalds\Downloads\eec6ee76-1126-4a75-8a38-5d49abcfadeb.tmp</t>
  </si>
  <si>
    <t>01/20/2020 10:36:41</t>
  </si>
  <si>
    <t>01/20/2020 10:38:22</t>
  </si>
  <si>
    <t>01/20/2020 10:33:47</t>
  </si>
  <si>
    <t>Vendas e Ofertas_novo.xlsm</t>
  </si>
  <si>
    <t>\\acsfs\ACS\Gabriel da Silva\Contemporânea\Vendas e Ofertas_novo.xlsm</t>
  </si>
  <si>
    <t>01/20/2020 10:34:14</t>
  </si>
  <si>
    <t>andrelpsa@algartech.com;gabrielsma@bv.algartech.com;karinefg@algartech.com;luizffn@algartech.com;mirianppb@algartech.com;qualidadealgarbv@algartech.com;robsonams@algartech.com;talmaiardo@algartech.com;</t>
  </si>
  <si>
    <t>andrelpsa@algartech.com,gabrielsma@bv.algartech.com,karinefg@algartech.com,luizffn@algartech.com,mirianppb@algartech.com,qualidadealgarbv@algartech.com,robsonams@algartech.com,talmaiardo@algartech.com</t>
  </si>
  <si>
    <t>01/20/2020 10:34:47</t>
  </si>
  <si>
    <t>outlook.office.com/owa/service.svc?action=UpdateItem&amp;app=Mail&amp;n=240</t>
  </si>
  <si>
    <t>01/20/2020 10:36:17</t>
  </si>
  <si>
    <t>outlook.office.com/owa/service.svc?action=UpdateItem&amp;app=Mail&amp;n=251</t>
  </si>
  <si>
    <t>01/20/2020 10:36:47</t>
  </si>
  <si>
    <t>outlook.office.com/owa/service.svc?action=UpdateItem&amp;app=Mail&amp;n=269</t>
  </si>
  <si>
    <t>01/20/2020 10:37:17</t>
  </si>
  <si>
    <t>outlook.office.com/owa/service.svc?action=UpdateItem&amp;app=Mail&amp;n=276</t>
  </si>
  <si>
    <t>01/20/2020 10:39:22</t>
  </si>
  <si>
    <t>01/20/2020 10:37:42</t>
  </si>
  <si>
    <t>4791e523-91c7-4e37-a6a6-a69c3efcc509.tmp</t>
  </si>
  <si>
    <t>\\acsfs\profiles$\valeriasda\Downloads\4791e523-91c7-4e37-a6a6-a69c3efcc509.tmp</t>
  </si>
  <si>
    <t>01/20/2020 10:37:38</t>
  </si>
  <si>
    <t>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robsonams@algartech.com,shared,sharedwithmedate,thumbnailversion,title,userpermission(role),workspaceids</t>
  </si>
  <si>
    <t>01/20/2020 10:35:42</t>
  </si>
  <si>
    <t>01/20/2020 10:35:52</t>
  </si>
  <si>
    <t>01/20/2020 10:36:06</t>
  </si>
  <si>
    <t>01/20/2020 10:38:40</t>
  </si>
  <si>
    <t>a91d3a79-4747-4adf-9294-9072d24af79f.tmp</t>
  </si>
  <si>
    <t>\\acsfs\profiles$\lucasqdss\Downloads\a91d3a79-4747-4adf-9294-9072d24af79f.tmp</t>
  </si>
  <si>
    <t>01/20/2020 10:38:42</t>
  </si>
  <si>
    <t>01/20/2020 10:41:22</t>
  </si>
  <si>
    <t>01/20/2020 10:36:58</t>
  </si>
  <si>
    <t>de74feba-fdc3-41a1-84cd-c9049d09fb69.tmp</t>
  </si>
  <si>
    <t>\\acsfs\profiles$\sarahbal\Downloads\de74feba-fdc3-41a1-84cd-c9049d09fb69.tmp</t>
  </si>
  <si>
    <t>01/20/2020 10:41:09</t>
  </si>
  <si>
    <t>cace469d-bb90-4fa9-8bdd-9ab6386a3e59.tmp</t>
  </si>
  <si>
    <t>\\acsfs\profiles$\sarahbal\Downloads\cace469d-bb90-4fa9-8bdd-9ab6386a3e59.tmp</t>
  </si>
  <si>
    <t>01/20/2020 10:39:08</t>
  </si>
  <si>
    <t>01/20/2020 10:42:22</t>
  </si>
  <si>
    <t>01/20/2020 10:39:09</t>
  </si>
  <si>
    <t>01/20/2020 10:39:38</t>
  </si>
  <si>
    <t>01/20/2020 10:39:43</t>
  </si>
  <si>
    <t>30e1df0a-5e49-40cb-9d9f-4085c84c05f7.tmp</t>
  </si>
  <si>
    <t>\\acsfs\profiles$\lorrainerdl\Downloads\30e1df0a-5e49-40cb-9d9f-4085c84c05f7.tmp</t>
  </si>
  <si>
    <t>01/20/2020 10:39:29</t>
  </si>
  <si>
    <t>d43cd14d-ea12-40e2-8127-7c90e30ecb53.tmp</t>
  </si>
  <si>
    <t>\\acsfs\profiles$\kamilamrc\Downloads\d43cd14d-ea12-40e2-8127-7c90e30ecb53.tmp</t>
  </si>
  <si>
    <t>01/20/2020 10:38:10</t>
  </si>
  <si>
    <t>01/20/2020 10:37:47</t>
  </si>
  <si>
    <t>01/20/2020 10:43:22</t>
  </si>
  <si>
    <t>outlook.office.com/owa/service.svc?action=UpdateItem&amp;app=Mail&amp;n=283</t>
  </si>
  <si>
    <t>01/20/2020 10:38:17</t>
  </si>
  <si>
    <t>outlook.office.com/owa/service.svc?action=UpdateItem&amp;app=Mail&amp;n=293</t>
  </si>
  <si>
    <t>01/20/2020 10:38:47</t>
  </si>
  <si>
    <t>outlook.office.com/owa/service.svc?action=UpdateItem&amp;app=Mail&amp;n=303</t>
  </si>
  <si>
    <t>01/20/2020 10:38:53</t>
  </si>
  <si>
    <t>\\acsfs\ACS\Gabriel da Silva\Contemporânea\NPS\8D2D99F8.tmp\</t>
  </si>
  <si>
    <t>\\acsfs\ACS\Gabriel da Silva\Contemporânea\NPS\8D2D99F8.tmp\:Zone.Identifier:$DATA</t>
  </si>
  <si>
    <t>01/20/2020 10:38:57</t>
  </si>
  <si>
    <t>01/20/2020 10:39:26</t>
  </si>
  <si>
    <t>01/20/2020 10:39:52</t>
  </si>
  <si>
    <t>outlook.office.com/owa/service.svc?action=UpdateItem&amp;app=Mail&amp;n=316</t>
  </si>
  <si>
    <t>01/20/2020 10:40:35</t>
  </si>
  <si>
    <t>outlook.office.com/owa/service.svc?action=CreateItem&amp;app=Mail&amp;n=340</t>
  </si>
  <si>
    <t>andrelpsa@algartech.com;gabrielsma@bv.algartech.com;karinefg@algartech.com;luizffn@algartech.com;mirianppb@algartech.com;qualidadealgarbv@algartech.com;robsonams@algartech.com;talmaiardo@algartech.com;thiagolrc@bv.algartech.com;</t>
  </si>
  <si>
    <t>andrelpsa@algartech.com,gabrielsma@bv.algartech.com,karinefg@algartech.com,luizffn@algartech.com,mirianppb@algartech.com,qualidadealgarbv@algartech.com,robsonams@algartech.com,talmaiardo@algartech.com,thiagolrc@bv.algartech.com</t>
  </si>
  <si>
    <t>01/20/2020 10:41:06</t>
  </si>
  <si>
    <t>outlook.office.com/owa/service.svc?action=UpdateItem&amp;app=Mail&amp;n=356</t>
  </si>
  <si>
    <t>01/20/2020 10:41:36</t>
  </si>
  <si>
    <t>outlook.office.com/owa/service.svc?action=UpdateItem&amp;app=Mail&amp;n=365</t>
  </si>
  <si>
    <t>01/20/2020 10:38:55</t>
  </si>
  <si>
    <t>01/20/2020 10:39:42</t>
  </si>
  <si>
    <t>307fb3df-9066-4194-9b83-178ae1b327b7.tmp</t>
  </si>
  <si>
    <t>\\acsfs\profiles$\paulovadc\Downloads\307fb3df-9066-4194-9b83-178ae1b327b7.tmp</t>
  </si>
  <si>
    <t>01/20/2020 10:40:00</t>
  </si>
  <si>
    <t>01/20/2020 10:43:02</t>
  </si>
  <si>
    <t>01/20/2020 10:44:22</t>
  </si>
  <si>
    <t>Não confirmado 142046.crdownload</t>
  </si>
  <si>
    <t>\\acsfs\Deptos\Operacao\Banco_Votorantim\Supervisao\Maristela\CRBV vendas\Desligamento\Não confirmado 142046.crdownload</t>
  </si>
  <si>
    <t>01/20/2020 10:43:37</t>
  </si>
  <si>
    <t>01/20/2020 10:39:34</t>
  </si>
  <si>
    <t>http:///batch/drive/v2internal?%24ct=multipart%2Fmixed%3B%20boundary%3D%22%3D%3D%3D%3D%3Ddg5di5szizne%3D%3D%3D%3D%3D%22&amp;key=AIzaSyAy9VVXHSpS2IJpptzYtGbLP3-3_l0aBk4</t>
  </si>
  <si>
    <t>01/20/2020 10:39:35</t>
  </si>
  <si>
    <t>http:///batch/drive/v2internal?%24ct=multipart%2Fmixed%3B%20boundary%3D%22%3D%3D%3D%3D%3Dl7uqtts2igj1%3D%3D%3D%3D%3D%22&amp;key=AIzaSyAy9VVXHSpS2IJpptzYtGbLP3-3_l0aBk4</t>
  </si>
  <si>
    <t>01/20/2020 10:39:36</t>
  </si>
  <si>
    <t>http:///batch/drive/v2internal?%24ct=multipart%2Fmixed%3B%20boundary%3D%22%3D%3D%3D%3D%3D3cat6boc9cqq%3D%3D%3D%3D%3D%22&amp;key=AIzaSyAy9VVXHSpS2IJpptzYtGbLP3-3_l0aBk4</t>
  </si>
  <si>
    <t>01/20/2020 10:40:46</t>
  </si>
  <si>
    <t>aefb494c-343e-4bbd-a8d1-c17039ced3b6.tmp</t>
  </si>
  <si>
    <t>\\acsfs\profiles$\geovannasm\Downloads\aefb494c-343e-4bbd-a8d1-c17039ced3b6.tmp</t>
  </si>
  <si>
    <t>01/20/2020 10:40:54</t>
  </si>
  <si>
    <t>d47672e0-d760-4852-8fa7-b25cbec85f34.tmp</t>
  </si>
  <si>
    <t>\\acsfs\profiles$\geovannasm\Downloads\d47672e0-d760-4852-8fa7-b25cbec85f34.tmp</t>
  </si>
  <si>
    <t>01/20/2020 10:41:07</t>
  </si>
  <si>
    <t>bacf5c4c-4987-4627-829d-7af80d18e12a.tmp</t>
  </si>
  <si>
    <t>\\acsfs\profiles$\geovannasm\Downloads\bacf5c4c-4987-4627-829d-7af80d18e12a.tmp</t>
  </si>
  <si>
    <t>01/20/2020 10:41:19</t>
  </si>
  <si>
    <t>2dd3363d-c6ab-49ea-a5ca-9041dab14e14.tmp</t>
  </si>
  <si>
    <t>\\acsfs\profiles$\geovannasm\Downloads\2dd3363d-c6ab-49ea-a5ca-9041dab14e14.tmp</t>
  </si>
  <si>
    <t>01/20/2020 10:41:44</t>
  </si>
  <si>
    <t>01/20/2020 10:44:27</t>
  </si>
  <si>
    <t>01/20/2020 10:45:22</t>
  </si>
  <si>
    <t>01/20/2020 10:41:46</t>
  </si>
  <si>
    <t>andrelpsa@algartech.com;joaogvc@algartech.com;katia.cardoso@bv.com.br;leonardoao@algartech.com;marianacds@algartech.com;marianadjc@algartech.com;maristelavodq@bv.algartech.com;paulacn@algartech.com;rafaelggs@algartech.com;ricardodfm@algartech.com.br;taysdss@algartech.com;thiagordu@algartech.com;viniciussg@algartech.com;</t>
  </si>
  <si>
    <t>andrelpsa@algartech.com,joaogvc@algartech.com,katia.cardoso@bv.com.br,leonardoao@algartech.com,marianacds@algartech.com,marianadjc@algartech.com,maristelavodq@bv.algartech.com,paulacn@algartech.com,rafaelggs@algartech.com,ricardodfm@algartech.com.br,taysdss@algartech.com,thiagordu@algartech.com,viniciussg@algartech.com</t>
  </si>
  <si>
    <t>01/20/2020 10:41:51</t>
  </si>
  <si>
    <t>andrelpsa@algartech.com;bvcartes-supervisores@algarnet.onmicrosoft.com;joaogvc@algartech.com;leonardoao@algartech.com;marianacds@algartech.com;marianadjc@algartech.com;maristelavodq@bv.algartech.com;paulacn@algartech.com;rafaelggs@algartech.com;ricardodfm@algartech.com.br;taysdss@algartech.com;thiagordu@algartech.com;viniciussg@algartech.com;</t>
  </si>
  <si>
    <t>andrelpsa@algartech.com,bvcartes-supervisores@algarnet.onmicrosoft.com,joaogvc@algartech.com,leonardoao@algartech.com,marianacds@algartech.com,marianadjc@algartech.com,maristelavodq@bv.algartech.com,paulacn@algartech.com,rafaelggs@algartech.com,ricardodfm@algartech.com.br,taysdss@algartech.com,thiagordu@algartech.com,viniciussg@algartech.com</t>
  </si>
  <si>
    <t>01/20/2020 10:41:54</t>
  </si>
  <si>
    <t>01/20/2020 10:41:57</t>
  </si>
  <si>
    <t>andrelpsa@algartech.com;antoniocoj@algartech.com;bvcartes-supervisores@algarnet.onmicrosoft.com;joaogvc@algartech.com;leonardoao@algartech.com;marianacds@algartech.com;marianadjc@algartech.com;maristelavodq@bv.algartech.com;paulacn@algartech.com;rafaelggs@algartech.com;ricardodfm@algartech.com.br;taysdss@algartech.com;thiagordu@algartech.com;viniciussg@algartech.com;</t>
  </si>
  <si>
    <t>andrelpsa@algartech.com,antoniocoj@algartech.com,bvcartes-supervisores@algarnet.onmicrosoft.com,joaogvc@algartech.com,leonardoao@algartech.com,marianacds@algartech.com,marianadjc@algartech.com,maristelavodq@bv.algartech.com,paulacn@algartech.com,rafaelggs@algartech.com,ricardodfm@algartech.com.br,taysdss@algartech.com,thiagordu@algartech.com,viniciussg@algartech.com</t>
  </si>
  <si>
    <t>01/20/2020 10:42:08</t>
  </si>
  <si>
    <t>antoniocoj@algartech.com;joaogvc@algartech.com;leonardoao@algartech.com;marianacds@algartech.com;marianadjc@algartech.com;paulacn@algartech.com;ricardodfm@algartech.com.br;taysdss@algartech.com;thiagordu@algartech.com;</t>
  </si>
  <si>
    <t>antoniocoj@algartech.com,joaogvc@algartech.com,leonardoao@algartech.com,marianacds@algartech.com,marianadjc@algartech.com,paulacn@algartech.com,ricardodfm@algartech.com.br,taysdss@algartech.com,thiagordu@algartech.com</t>
  </si>
  <si>
    <t>01/20/2020 10:42:13</t>
  </si>
  <si>
    <t>01/20/2020 10:42:20</t>
  </si>
  <si>
    <t>01/20/2020 10:42:27</t>
  </si>
  <si>
    <t>01/20/2020 10:42:34</t>
  </si>
  <si>
    <t>01/20/2020 10:42:42</t>
  </si>
  <si>
    <t>01/20/2020 10:42:47</t>
  </si>
  <si>
    <t>01/20/2020 10:42:55</t>
  </si>
  <si>
    <t>01/20/2020 10:43:03</t>
  </si>
  <si>
    <t>andrelpsa@algartech.com;antoniocoj@algartech.com;joaogvc@algartech.com;leonardoao@algartech.com;marianacds@algartech.com;marianadjc@algartech.com;maristelavodq@bv.algartech.com;paulacn@algartech.com;ricardodfm@algartech.com.br;taysdss@algartech.com;thiagordu@algartech.com;viniciussg@algartech.com;</t>
  </si>
  <si>
    <t>andrelpsa@algartech.com,antoniocoj@algartech.com,joaogvc@algartech.com,leonardoao@algartech.com,marianacds@algartech.com,marianadjc@algartech.com,maristelavodq@bv.algartech.com,paulacn@algartech.com,ricardodfm@algartech.com.br,taysdss@algartech.com,thiagordu@algartech.com,viniciussg@algartech.com</t>
  </si>
  <si>
    <t>01/20/2020 10:40:44</t>
  </si>
  <si>
    <t>01/20/2020 10:43:12</t>
  </si>
  <si>
    <t>01/20/2020 10:43:28</t>
  </si>
  <si>
    <t>01/20/2020 10:43:31</t>
  </si>
  <si>
    <t>01/20/2020 10:43:34</t>
  </si>
  <si>
    <t>01/20/2020 10:43:57</t>
  </si>
  <si>
    <t>RELATORIO DE LOGIN - BV CARTÕES 17-01.xlsm</t>
  </si>
  <si>
    <t>\\acsfs\DEPTOS\Operacao\PCP\5 - Comum\PLANEJAMENTO BV\14 - ACOMPANHAMENTO\1 - REPORT ACOMPANHAMENTO\2020\1 - JANEIRO\CARTÕES\Login Logout Cartões\RELATORIO DE LOGIN - BV CARTÕES 17-01.xlsm</t>
  </si>
  <si>
    <t>01/20/2020 10:44:15</t>
  </si>
  <si>
    <t>mail.google.com/_/upload?authuser=0&amp;dcp=asu-n&amp;upload_id=AEnB2UpFKajTkLykHMMH_2vMyZs6OWpaIf99kLpRqznM1j-fV2z5keqsYLV7l0X8C2X_0VYTAQjDOP4alrfkgCY_IUB4uQWhUodGpHCBtKYJwQma-kvqZtk&amp;upload_protocol=resumable</t>
  </si>
  <si>
    <t>01/20/2020 10:44:21</t>
  </si>
  <si>
    <t>01/20/2020 10:44:53</t>
  </si>
  <si>
    <t>01/20/2020 10:43:10</t>
  </si>
  <si>
    <t>01/20/2020 10:46:22</t>
  </si>
  <si>
    <t>2ac16fbe-5bcc-4475-9d27-d28833c30411.tmp</t>
  </si>
  <si>
    <t>\\acsfs\profiles$\esterasg\Downloads\2ac16fbe-5bcc-4475-9d27-d28833c30411.tmp</t>
  </si>
  <si>
    <t>01/20/2020 10:47:22</t>
  </si>
  <si>
    <t>01/20/2020 10:45:59</t>
  </si>
  <si>
    <t>01/20/2020 10:46:00</t>
  </si>
  <si>
    <t>01/20/2020 10:45:40</t>
  </si>
  <si>
    <t>01/20/2020 10:46:10</t>
  </si>
  <si>
    <t>01/20/2020 10:46:41</t>
  </si>
  <si>
    <t>01/20/2020 10:44:24</t>
  </si>
  <si>
    <t>f0512f94-f916-4ac2-80b2-139f662a0853.tmp</t>
  </si>
  <si>
    <t>\\acsfs\profiles$\gabriellalpr\Downloads\f0512f94-f916-4ac2-80b2-139f662a0853.tmp</t>
  </si>
  <si>
    <t>01/20/2020 10:48:22</t>
  </si>
  <si>
    <t>01/20/2020 10:43:46</t>
  </si>
  <si>
    <t>\\acsfs\ACS\Gabriel da Silva\Contemporânea\NPS\AE592CDE.tmp\</t>
  </si>
  <si>
    <t>\\acsfs\ACS\Gabriel da Silva\Contemporânea\NPS\AE592CDE.tmp\:Zone.Identifier:$DATA</t>
  </si>
  <si>
    <t>01/20/2020 10:43:51</t>
  </si>
  <si>
    <t>01/20/2020 10:45:45</t>
  </si>
  <si>
    <t>8f71a010-c6e9-4bdf-8053-87e1203255be.tmp</t>
  </si>
  <si>
    <t>\\acsfs\profiles$\LUCASNS\Downloads\8f71a010-c6e9-4bdf-8053-87e1203255be.tmp</t>
  </si>
  <si>
    <t>01/20/2020 10:45:24</t>
  </si>
  <si>
    <t>01/20/2020 10:49:22</t>
  </si>
  <si>
    <t>01/20/2020 10:45:38</t>
  </si>
  <si>
    <t>01/20/2020 10:45:39</t>
  </si>
  <si>
    <t>01/20/2020 10:45:42</t>
  </si>
  <si>
    <t>01/20/2020 10:47:55</t>
  </si>
  <si>
    <t>01/20/2020 10:47:56</t>
  </si>
  <si>
    <t>lu2733221pjyv.tmp</t>
  </si>
  <si>
    <t>\\acsfs\profiles$\RAFAELRF\meu\lu2733221pjyv.tmp</t>
  </si>
  <si>
    <t>01/20/2020 10:48:53</t>
  </si>
  <si>
    <t>01/20/2020 10:50:22</t>
  </si>
  <si>
    <t>01/20/2020 10:49:24</t>
  </si>
  <si>
    <t>d8255900-f7fd-442d-a233-3ac97318f341.tmp</t>
  </si>
  <si>
    <t>\\acsfs\profiles$\dhiulliananads\Downloads\d8255900-f7fd-442d-a233-3ac97318f341.tmp</t>
  </si>
  <si>
    <t>01/20/2020 10:47:39</t>
  </si>
  <si>
    <t>01/20/2020 10:51:22</t>
  </si>
  <si>
    <t>01/20/2020 10:47:59</t>
  </si>
  <si>
    <t>01/20/2020 10:46:56</t>
  </si>
  <si>
    <t>01/20/2020 10:47:31</t>
  </si>
  <si>
    <t>bae0003d-e77a-4aa2-800b-16b6383895c8.tmp</t>
  </si>
  <si>
    <t>\\acsfs\profiles$\sarahbal\Downloads\bae0003d-e77a-4aa2-800b-16b6383895c8.tmp</t>
  </si>
  <si>
    <t>01/20/2020 10:49:37</t>
  </si>
  <si>
    <t>01/20/2020 10:47:11</t>
  </si>
  <si>
    <t>01/20/2020 10:52:23</t>
  </si>
  <si>
    <t>01/20/2020 10:48:11</t>
  </si>
  <si>
    <t>01/20/2020 10:48:12</t>
  </si>
  <si>
    <t>01/20/2020 10:48:41</t>
  </si>
  <si>
    <t>01/20/2020 10:49:12</t>
  </si>
  <si>
    <t>01/20/2020 10:49:42</t>
  </si>
  <si>
    <t>01/20/2020 10:53:22</t>
  </si>
  <si>
    <t>01/20/2020 10:50:48</t>
  </si>
  <si>
    <t>01/20/2020 10:49:29</t>
  </si>
  <si>
    <t>6bcf17b7-a1dc-4a94-802c-da4db1cde0e2.tmp</t>
  </si>
  <si>
    <t>\\acsfs\profiles$\nathaliarmr\Downloads\6bcf17b7-a1dc-4a94-802c-da4db1cde0e2.tmp</t>
  </si>
  <si>
    <t>01/20/2020 10:52:22</t>
  </si>
  <si>
    <t>01/20/2020 10:52:32</t>
  </si>
  <si>
    <t>01/20/2020 10:54:22</t>
  </si>
  <si>
    <t>156dc9d9-20f3-4e09-ae66-0c1f8c48a25e.tmp</t>
  </si>
  <si>
    <t>\\acsfs\profiles$\valeriasda\Downloads\156dc9d9-20f3-4e09-ae66-0c1f8c48a25e.tmp</t>
  </si>
  <si>
    <t>01/20/2020 10:54:32</t>
  </si>
  <si>
    <t>01/20/2020 10:55:22</t>
  </si>
  <si>
    <t>01/20/2020 10:56:22</t>
  </si>
  <si>
    <t>01/20/2020 10:53:28</t>
  </si>
  <si>
    <t>01/20/2020 10:54:50</t>
  </si>
  <si>
    <t>3de80115-fbd2-4582-8744-6a2615211713.tmp</t>
  </si>
  <si>
    <t>\\acsfs\profiles$\larissaad\Downloads\3de80115-fbd2-4582-8744-6a2615211713.tmp</t>
  </si>
  <si>
    <t>01/20/2020 10:56:05</t>
  </si>
  <si>
    <t>01/20/2020 10:57:22</t>
  </si>
  <si>
    <t>01/20/2020 10:56:06</t>
  </si>
  <si>
    <t>01/20/2020 10:53:31</t>
  </si>
  <si>
    <t>01/20/2020 10:58:22</t>
  </si>
  <si>
    <t>222ac2d1-3077-4f79-bb12-13a60d65b591.tmp</t>
  </si>
  <si>
    <t>\\acsfs\profiles$\gabrielsma\Downloads\222ac2d1-3077-4f79-bb12-13a60d65b591.tmp</t>
  </si>
  <si>
    <t>01/20/2020 10:53:34</t>
  </si>
  <si>
    <t>01/20/2020 10:54:06</t>
  </si>
  <si>
    <t>ERRO FATAL TIAGO SANTOS NOGUEIRA.PNG</t>
  </si>
  <si>
    <t>\\acsfs\ACS\001 - Qualidade Lilian\PAULO\Pasta Tainara\ERRO FATAL TIAGO SANTOS NOGUEIRA.PNG</t>
  </si>
  <si>
    <t>01/20/2020 10:57:24</t>
  </si>
  <si>
    <t>01/20/2020 10:55:32</t>
  </si>
  <si>
    <t>01/20/2020 10:59:22</t>
  </si>
  <si>
    <t>09316184-63bb-48de-8f8c-9344db847ead.tmp</t>
  </si>
  <si>
    <t>\\acsfs\profiles$\KARENDSR\Downloads\09316184-63bb-48de-8f8c-9344db847ead.tmp</t>
  </si>
  <si>
    <t>01/20/2020 10:55:20</t>
  </si>
  <si>
    <t>01/20/2020 11:00:22</t>
  </si>
  <si>
    <t>01/20/2020 11:00:02</t>
  </si>
  <si>
    <t>01/20/2020 11:01:22</t>
  </si>
  <si>
    <t>f08f5d38-8245-4b15-a360-80005c095336.tmp</t>
  </si>
  <si>
    <t>\\acsfs\profiles$\ALYNYA\Downloads\f08f5d38-8245-4b15-a360-80005c095336.tmp</t>
  </si>
  <si>
    <t>01/20/2020 11:00:08</t>
  </si>
  <si>
    <t>479f82ff-f54e-467b-b5e5-d979dbccacf0.tmp</t>
  </si>
  <si>
    <t>\\acsfs\profiles$\ALYNYA\Downloads\479f82ff-f54e-467b-b5e5-d979dbccacf0.tmp</t>
  </si>
  <si>
    <t>01/20/2020 11:00:51</t>
  </si>
  <si>
    <t>01/20/2020 11:01:08</t>
  </si>
  <si>
    <t>01/20/2020 11:02:22</t>
  </si>
  <si>
    <t>b8e66ecd-3a05-4112-9378-c2873ee5573f.tmp</t>
  </si>
  <si>
    <t>\\acsfs\profiles$\joselrb\Downloads\b8e66ecd-3a05-4112-9378-c2873ee5573f.tmp</t>
  </si>
  <si>
    <t>01/20/2020 10:57:26</t>
  </si>
  <si>
    <t>01/20/2020 10:57:27</t>
  </si>
  <si>
    <t>01/20/2020 11:01:19</t>
  </si>
  <si>
    <t>01/20/2020 11:01:20</t>
  </si>
  <si>
    <t>01/20/2020 10:58:02</t>
  </si>
  <si>
    <t>01/20/2020 11:03:22</t>
  </si>
  <si>
    <t>5730616B.tmp</t>
  </si>
  <si>
    <t>\\acsfs\ACS\Gabriel da Silva\Contemporânea\Erros Operacionais\5730616B.tmp</t>
  </si>
  <si>
    <t>01/20/2020 10:59:40</t>
  </si>
  <si>
    <t>8fe88324-13e4-47dc-bba2-4f70e7925e26.tmp</t>
  </si>
  <si>
    <t>\\acsfs\profiles$\nathaliarmr\Downloads\8fe88324-13e4-47dc-bba2-4f70e7925e26.tmp</t>
  </si>
  <si>
    <t>01/20/2020 10:58:23</t>
  </si>
  <si>
    <t>4654e8ed-1d77-49a7-bb82-562f4e4180e3.tmp</t>
  </si>
  <si>
    <t>\\acsfs\profiles$\monicargds\Downloads\4654e8ed-1d77-49a7-bb82-562f4e4180e3.tmp</t>
  </si>
  <si>
    <t>01/20/2020 11:03:16</t>
  </si>
  <si>
    <t>01/20/2020 11:04:22</t>
  </si>
  <si>
    <t>01/20/2020 11:02:09</t>
  </si>
  <si>
    <t>01/20/2020 11:05:22</t>
  </si>
  <si>
    <t>01/20/2020 11:02:10</t>
  </si>
  <si>
    <t>lu240763wrvim.tmp</t>
  </si>
  <si>
    <t>\\acsfs\profiles$\dhiulliananads\My Documents\lu240763wrvim.tmp</t>
  </si>
  <si>
    <t>\\acsfs\profiles$\dhiulliananads\My Documents\lu240763wrvim.tmp\</t>
  </si>
  <si>
    <t>\\acsfs\profiles$\dhiulliananads\My Documents\lu240763wrvim.tmp\META-INF\</t>
  </si>
  <si>
    <t>\\acsfs\profiles$\dhiulliananads\My Documents\lu240763wrvim.tmp\Thumbnails\</t>
  </si>
  <si>
    <t>01/20/2020 11:02:11</t>
  </si>
  <si>
    <t>01/20/2020 11:02:12</t>
  </si>
  <si>
    <t>lu240763wrvir.tmp</t>
  </si>
  <si>
    <t>\\acsfs\profiles$\dhiulliananads\My Documents\lu240763wrvir.tmp</t>
  </si>
  <si>
    <t>\\acsfs\profiles$\dhiulliananads\My Documents\lu240763wrvir.tmp\</t>
  </si>
  <si>
    <t>\\acsfs\profiles$\dhiulliananads\My Documents\lu240763wrvir.tmp\META-INF\</t>
  </si>
  <si>
    <t>\\acsfs\profiles$\dhiulliananads\My Documents\lu240763wrvir.tmp\Thumbnails\</t>
  </si>
  <si>
    <t>01/20/2020 11:00:34</t>
  </si>
  <si>
    <t>01/20/2020 11:03:56</t>
  </si>
  <si>
    <t>01/20/2020 11:06:22</t>
  </si>
  <si>
    <t>Fernanda Aparecida Borges</t>
  </si>
  <si>
    <t>01/20/2020 11:04:47</t>
  </si>
  <si>
    <t>01/20/2020 11:03:25</t>
  </si>
  <si>
    <t>01/20/2020 11:03:26</t>
  </si>
  <si>
    <t>01/20/2020 11:02:06</t>
  </si>
  <si>
    <t>01/20/2020 11:07:22</t>
  </si>
  <si>
    <t>c8c9289a-d3de-4df9-990c-8f9033341766.tmp</t>
  </si>
  <si>
    <t>\\acsfs\profiles$\joselrb\Downloads\c8c9289a-d3de-4df9-990c-8f9033341766.tmp</t>
  </si>
  <si>
    <t>01/20/2020 11:02:45</t>
  </si>
  <si>
    <t>c47b5bc8-635c-40c7-8a8a-b691b3c3348f.tmp</t>
  </si>
  <si>
    <t>\\acsfs\profiles$\joselrb\Downloads\c47b5bc8-635c-40c7-8a8a-b691b3c3348f.tmp</t>
  </si>
  <si>
    <t>01/20/2020 11:06:56</t>
  </si>
  <si>
    <t>01/20/2020 11:08:22</t>
  </si>
  <si>
    <t>01/20/2020 11:07:36</t>
  </si>
  <si>
    <t>01/20/2020 11:09:22</t>
  </si>
  <si>
    <t>01/20/2020 11:04:10</t>
  </si>
  <si>
    <t>01/20/2020 11:04:16</t>
  </si>
  <si>
    <t>01/20/2020 11:06:27</t>
  </si>
  <si>
    <t>01/20/2020 11:05:20</t>
  </si>
  <si>
    <t>147606bf-6e2c-4644-a01a-ab71e44a972a.tmp</t>
  </si>
  <si>
    <t>\\acsfs\profiles$\anafsb\Downloads\147606bf-6e2c-4644-a01a-ab71e44a972a.tmp</t>
  </si>
  <si>
    <t>01/20/2020 11:06:36</t>
  </si>
  <si>
    <t>01/20/2020 11:06:40</t>
  </si>
  <si>
    <t>01/20/2020 11:08:36</t>
  </si>
  <si>
    <t>01/20/2020 11:06:53</t>
  </si>
  <si>
    <t>01/20/2020 11:07:12</t>
  </si>
  <si>
    <t>\\acsfs\Deptos\Operacao\Banco_Votorantim\Supervisao\Maristela\CRBV vendas\Desligamento\Não confirmado 703257.crdownload\</t>
  </si>
  <si>
    <t>\\acsfs\Deptos\Operacao\Banco_Votorantim\Supervisao\Maristela\CRBV vendas\Desligamento\Não confirmado 703257.crdownload</t>
  </si>
  <si>
    <t>Não confirmado 703257.crdownload</t>
  </si>
  <si>
    <t>01/20/2020 11:11:22</t>
  </si>
  <si>
    <t>01/20/2020 11:09:24</t>
  </si>
  <si>
    <t>f900bf69-c5d9-4aba-80bc-2941a1864409.tmp</t>
  </si>
  <si>
    <t>\\acsfs\profiles$\gabrielhca\Downloads\f900bf69-c5d9-4aba-80bc-2941a1864409.tmp</t>
  </si>
  <si>
    <t>01/20/2020 11:09:25</t>
  </si>
  <si>
    <t>ff223bad-6e7a-4ae6-bafd-4c862477338e.tmp</t>
  </si>
  <si>
    <t>\\acsfs\profiles$\larissaad\Downloads\ff223bad-6e7a-4ae6-bafd-4c862477338e.tmp</t>
  </si>
  <si>
    <t>01/20/2020 11:10:26</t>
  </si>
  <si>
    <t>01/20/2020 11:12:22</t>
  </si>
  <si>
    <t>01/20/2020 11:10:27</t>
  </si>
  <si>
    <t>01/20/2020 11:10:15</t>
  </si>
  <si>
    <t>01/20/2020 11:13:23</t>
  </si>
  <si>
    <t>01/20/2020 11:10:32</t>
  </si>
  <si>
    <t>0bf72af6-8fe5-43e8-8068-537b57e75a60.tmp</t>
  </si>
  <si>
    <t>\\acsfs\profiles$\claudiajca\Downloads\0bf72af6-8fe5-43e8-8068-537b57e75a60.tmp</t>
  </si>
  <si>
    <t>01/20/2020 11:12:14</t>
  </si>
  <si>
    <t>2f11903d-7f33-4b9c-a4c7-0cd184943600.tmp</t>
  </si>
  <si>
    <t>\\acsfs\profiles$\lucasgpe\Downloads\2f11903d-7f33-4b9c-a4c7-0cd184943600.tmp</t>
  </si>
  <si>
    <t>01/20/2020 11:10:55</t>
  </si>
  <si>
    <t>01/20/2020 11:14:22</t>
  </si>
  <si>
    <t>01/20/2020 11:09:00</t>
  </si>
  <si>
    <t>01/20/2020 11:09:43</t>
  </si>
  <si>
    <t>01/20/2020 11:10:47</t>
  </si>
  <si>
    <t>01/20/2020 11:11:19</t>
  </si>
  <si>
    <t>01/20/2020 11:12:16</t>
  </si>
  <si>
    <t>01/20/2020 11:13:42</t>
  </si>
  <si>
    <t>01/20/2020 11:13:05</t>
  </si>
  <si>
    <t>ancestorhasaugmentedpermissions;andrelpsa@algartech.com;containsunsubscribedchildren;displayname;domain;emailaddress;file(kind;fileid;filesize;hasthumbnail;hasvisitorpermissions;id;id);items(deleted;ken;kind;lastmodifyinguser(kind;lastviewedbymedate;maristelavodq@bv.algartech.com;modifiedbymedate;modifieddate;ontainsunsubscribedchildren;owners(kind;per;permissionid;picture;shared;sharedwithmedate;supervisaobancovotorantim@algartech.com;thiagolrc@bv.algartech.com;thumbnailversion;title;userpermission(role);workspaceids;</t>
  </si>
  <si>
    <t>ancestorhasaugmentedpermissions,andrelpsa@algartech.com,containsunsubscribedchildren,displayname,domain,emailaddress,file(kind,fileid,filesize,hasthumbnail,hasvisitorpermissions,id,id),items(deleted,ken,kind,lastmodifyinguser(kind,lastviewedbymedate,maristelavodq@bv.algartech.com,modifiedbymedate,modifieddate,ontainsunsubscribedchildren,owners(kind,per,permissionid,picture,shared,sharedwithmedate,supervisaobancovotorantim@algartech.com,thiagolrc@bv.algartech.com,thumbnailversion,title,userpermission(role),workspaceids</t>
  </si>
  <si>
    <t>01/20/2020 11:13:14</t>
  </si>
  <si>
    <t>13;14;15;1579524515938;1579524816942;1579525117930;1579525418929;1579525719926;1579526020923;1579526321925;1579526622918;1579526923914;16;17;18;19;20;21;341510534;621969351;[];[]]];andrelpsa@algartech.com;false;l-ckacf_7r3zozh1hhizn88xwetaapoebcpjm5ey2zyse1nt3xmnhcr-rz9s-zdg-5-xx2v8f_tzsvcfibwrle5qaq53vh6r8m19mnq0rhk68ibitnjgrsmrdalihic4l1lxyqga8ovr5etkjjbkmsgw0htomrw0ftovchx76kgoyskqvpqzuqo0mrsk-nevtbmaqaleloorbdq4mjvgtmunagardgcvqomsjf2dfmbefzskm2b2sgehmip1;maristelavodq@bv.algartech.com;mrw0ftovchx76kgoyskqvpqzuqo0mrsk-nevtbmaqaleloorbdq4mjvgtmunagardgcvqomsjf2dfmbefzskm2b2sgehmip1t4cvexbtpssk2sdjt6951wlkaev-qbpxn2strgesn6t0wc7ahptj_e6akbt7rpykdguoorotjjojr2vprr4zefrh7i8ekftw_f_-u1emtiy6u1k09ydghmcnooax7ywi6zi1obntaw8axlvl_rn3rgy5fzojvgxc5qhvrinhhylgt8q\";mrw0ftovchx76kgoyskqvpqzuqo0mrsk-nevtbmaqaleloorbdq4mjvgtmunagardgcvqomsjf2dfmbefzskm2b2sgehmip1t4cvexbtpssk2sdjt6951wlkaev-qbpxn2strgesn6t0wc7ahptj_e6akbt7rpykdguoorotjjojr2vprr4zefrh7i8ekftw_f_-u1emtiy6u1k09ydghmcnooax7ywi6zi1olntaw9vo3ced0h61sefo780dic</t>
  </si>
  <si>
    <t>13,14,15,1579524515938,1579524816942,1579525117930,1579525418929,1579525719926,1579526020923,1579526321925,1579526622918,1579526923914,16,17,18,19,20,21,341510534,621969351,[],[]]],andrelpsa@algartech.com,false,l-ckacf_7r3zozh1hhizn88xwetaapoebcpjm5ey2zyse1nt3xmnhcr-rz9s-zdg-5-xx2v8f_tzsvcfibwrle5qaq53vh6r8m19mnq0rhk68ibitnjgrsmrdalihic4l1lxyqga8ovr5etkjjbkmsgw0htomrw0ftovchx76kgoyskqvpqzuqo0mrsk-nevtbmaqaleloorbdq4mjvgtmunagardgcvqomsjf2dfmbefzskm2b2sgehmip1,maristelavodq@bv.algartech.com,mrw0ftovchx76kgoyskqvpqzuqo0mrsk-nevtbmaqaleloorbdq4mjvgtmunagardgcvqomsjf2dfmbefzskm2b2sgehmip1t4cvexbtpssk2sdjt6951wlkaev-qbpxn2strgesn6t0wc7ahptj_e6akbt7rpykdguoorotjjojr2vprr4zefrh7i8ekftw_f_-u1emtiy6u1k09ydghmcnooax7ywi6zi1obntaw8axlvl_rn3rgy5fzojvgxc5qhvrinhhylgt8q\",mrw0ftovchx76kgoyskqvpqzuqo0mrsk-nevtbmaqaleloorbdq4mjvgtmunagardgcvqomsjf2dfmbefzskm2b2sgehmip1t4cvexbtpssk2sdjt6951wlkaev-qbpxn2strgesn6t0wc7ahptj_e6akbt7rpykdguoorotjjojr2vprr4zefrh7i8ekftw_f_-u1emtiy6u1k09ydghmcnooax7ywi6zi1olntaw9vo3ced0h61sefo780dic</t>
  </si>
  <si>
    <t>01/20/2020 11:13:32</t>
  </si>
  <si>
    <t>"mozilla/5.0 (windows nt 6.1) applewebkit/537.36 (khtml;1;12;13;137;13700607;13700883;13701139;13701214;13701298;13701577;13701589;13701613;13701625;13701825;13701901;13701921;13701949;13701969;13702064;13702088;1579520900840000;1579520901989000;1579521807978;1579524214946;1579529030884;28;4;621969351;[[13701450;[];[]]];adfn-csyrvwqermfbxam1mkavsrzjlg0rundo9gysmvmlrxxhlhfmqhcw7_ynhcatkqscdyldsiy;false;false];fedb0gqdtuqawg";ken=ac4w5vi0ka-sxkbznvlqg8lj5-wvx_fz5a:1579520900837&amp;buildlabel=drive.web-frontend_20200108.00_p21;l-ckacf_7r3zozh1hhizn88xwetaapoebcpjm5ey2zyse1nt3xmnhcr-rz9s-zdg-5-xx2v8f_tzsvcfibwrle5qaq53vh6r8m19mnq0rhk68ibitnjgrsmrdalihic4l1lxyqga8ovr5etkjjbkmsgw0htomrw0ftovchx76kgoyskqvpqzuqo0mrsk-nevtbmaqaleloorbdq4mjvgtmunagardgcvqomsjf2dfmbefzskm2b2sgehmip1;like gecko) chrome/79.0.3945.130 safari/537.36";maristelavodq@bv.algartech.com;mrw0ftovchx76kgoyskqvpqzuqo0mrsk-nevtbmaqaleloorbdq4mjvgtmunagardgcvqomsjf2dfmbefzskm2b2sgehmip1t4cvexbtpssk2sdjt6951wlkaev-qbpxn2strgesn6t0wc7ahptj_e6akbt7rpykdguoo</t>
  </si>
  <si>
    <t>"mozilla/5.0 (windows nt 6.1) applewebkit/537.36 (khtml,1,12,13,137,13700607,13700883,13701139,13701214,13701298,13701577,13701589,13701613,13701625,13701825,13701901,13701921,13701949,13701969,13702064,13702088,1579520900840000,1579520901989000,1579521807978,1579524214946,1579529030884,28,4,621969351,[[13701450,[],[]]],adfn-csyrvwqermfbxam1mkavsrzjlg0rundo9gysmvmlrxxhlhfmqhcw7_ynhcatkqscdyldsiy,false,false],fedb0gqdtuqawg",ken=ac4w5vi0ka-sxkbznvlqg8lj5-wvx_fz5a:1579520900837&amp;buildlabel=drive.web-frontend_20200108.00_p21,l-ckacf_7r3zozh1hhizn88xwetaapoebcpjm5ey2zyse1nt3xmnhcr-rz9s-zdg-5-xx2v8f_tzsvcfibwrle5qaq53vh6r8m19mnq0rhk68ibitnjgrsmrdalihic4l1lxyqga8ovr5etkjjbkmsgw0htomrw0ftovchx76kgoyskqvpqzuqo0mrsk-nevtbmaqaleloorbdq4mjvgtmunagardgcvqomsjf2dfmbefzskm2b2sgehmip1,like gecko) chrome/79.0.3945.130 safari/537.36",maristelavodq@bv.algartech.com,mrw0ftovchx76kgoyskqvpqzuqo0mrsk-nevtbmaqaleloorbdq4mjvgtmunagardgcvqomsjf2dfmbefzskm2b2sgehmip1t4cvexbtpssk2sdjt6951wlkaev-qbpxn2strgesn6t0wc7ahptj_e6akbt7rpykdguoo</t>
  </si>
  <si>
    <t>01/20/2020 11:13:43</t>
  </si>
  <si>
    <t>01/20/2020 11:13:46</t>
  </si>
  <si>
    <t>"mozilla/5.0 (windows nt 6.1) applewebkit/537.36 (khtml;1;12;13;137;13700607;13700883;13701139;13701214;13701298;13701577;13701589;13701613;13701625;13701825;13701901;13701921;13701949;13701969;13702064;13702088;1579520900840000;1579520901989000;1579521807978;1579524214946;1579529030884;28;4;621969351;[[13701450;[];[]]];adfn-csyrvwqermfbxam1mkavsrzjlg0rundo9gysmvmlrxxhlhfmqhcw7_ynhcatkqscdyldsiy;andrelpsa@algartech.com;false;false];fedb0gqdtuqawg";ken=ac4w5vi0ka-sxkbznvlqg8lj5-wvx_fz5a:1579520900837&amp;buildlabel=drive.web-frontend_20200108.00_p21;l-ckacf_7r3zozh1hhizn88xwetaapoebcpjm5ey2zyse1nt3xmnhcr-rz9s-zdg-5-xx2v8f_tzsvcfibwrle5qaq53vh6r8m19mnq0rhk68ibitnjgrsmrdalihic4l1lxyqga8ovr5etkjjbkmsgw0htomrw0ftovchx76kgoyskqvpqzuqo0mrsk-nevtbmaqaleloorbdq4mjvgtmunagardgcvqomsjf2dfmbefzskm2b2sgehmip1;like gecko) chrome/79.0.3945.130 safari/537.36";maristelavodq@bv.algartech.com;mrw0ftovchx76kgoyskqvpqzuqo0mrsk-nevtbmaqaleloorbdq4mjvgtmunagardgcvqomsjf2dfmbefzskm2b2sgehmip1t4cvexbtpssk2sdjt6951wlkaev-qbpxn2strgesn6t0w</t>
  </si>
  <si>
    <t>"mozilla/5.0 (windows nt 6.1) applewebkit/537.36 (khtml,1,12,13,137,13700607,13700883,13701139,13701214,13701298,13701577,13701589,13701613,13701625,13701825,13701901,13701921,13701949,13701969,13702064,13702088,1579520900840000,1579520901989000,1579521807978,1579524214946,1579529030884,28,4,621969351,[[13701450,[],[]]],adfn-csyrvwqermfbxam1mkavsrzjlg0rundo9gysmvmlrxxhlhfmqhcw7_ynhcatkqscdyldsiy,andrelpsa@algartech.com,false,false],fedb0gqdtuqawg",ken=ac4w5vi0ka-sxkbznvlqg8lj5-wvx_fz5a:1579520900837&amp;buildlabel=drive.web-frontend_20200108.00_p21,l-ckacf_7r3zozh1hhizn88xwetaapoebcpjm5ey2zyse1nt3xmnhcr-rz9s-zdg-5-xx2v8f_tzsvcfibwrle5qaq53vh6r8m19mnq0rhk68ibitnjgrsmrdalihic4l1lxyqga8ovr5etkjjbkmsgw0htomrw0ftovchx76kgoyskqvpqzuqo0mrsk-nevtbmaqaleloorbdq4mjvgtmunagardgcvqomsjf2dfmbefzskm2b2sgehmip1,like gecko) chrome/79.0.3945.130 safari/537.36",maristelavodq@bv.algartech.com,mrw0ftovchx76kgoyskqvpqzuqo0mrsk-nevtbmaqaleloorbdq4mjvgtmunagardgcvqomsjf2dfmbefzskm2b2sgehmip1t4cvexbtpssk2sdjt6951wlkaev-qbpxn2strgesn6t0w</t>
  </si>
  <si>
    <t>01/20/2020 11:08:55</t>
  </si>
  <si>
    <t>\\acsfs\Deptos\Operacao\Banco_Votorantim\Supervisao\Maristela\CRBV vendas\Desligamento\Não confirmado 60305.crdownload\</t>
  </si>
  <si>
    <t>\\acsfs\Deptos\Operacao\Banco_Votorantim\Supervisao\Maristela\CRBV vendas\Desligamento\Não confirmado 60305.crdownload</t>
  </si>
  <si>
    <t>Não confirmado 60305.crdownload</t>
  </si>
  <si>
    <t>01/20/2020 11:16:23</t>
  </si>
  <si>
    <t>01/20/2020 11:11:45</t>
  </si>
  <si>
    <t>a7c36a10-d145-48e1-8b44-4f8479e2c47a.tmp</t>
  </si>
  <si>
    <t>\\acsfs\profiles$\lorraynevam\Downloads\a7c36a10-d145-48e1-8b44-4f8479e2c47a.tmp</t>
  </si>
  <si>
    <t>01/20/2020 11:18:21</t>
  </si>
  <si>
    <t>01/20/2020 11:15:26</t>
  </si>
  <si>
    <t>01/20/2020 11:15:36</t>
  </si>
  <si>
    <t>01/20/2020 11:15:57</t>
  </si>
  <si>
    <t>01/20/2020 11:16:01</t>
  </si>
  <si>
    <t>01/20/2020 11:16:14</t>
  </si>
  <si>
    <t>01/20/2020 11:16:18</t>
  </si>
  <si>
    <t>01/20/2020 11:16:28</t>
  </si>
  <si>
    <t>01/20/2020 11:16:32</t>
  </si>
  <si>
    <t>01/20/2020 11:16:38</t>
  </si>
  <si>
    <t>01/20/2020 11:16:42</t>
  </si>
  <si>
    <t>01/20/2020 11:16:45</t>
  </si>
  <si>
    <t>01/20/2020 11:16:49</t>
  </si>
  <si>
    <t>01/20/2020 11:16:52</t>
  </si>
  <si>
    <t>01/20/2020 11:17:04</t>
  </si>
  <si>
    <t>01/20/2020 11:17:10</t>
  </si>
  <si>
    <t>andrelpsa@algartech.com;antoniocoj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andrelpsa@algartech.com,antoniocoj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11:17:27</t>
  </si>
  <si>
    <t>01/20/2020 11:17:32</t>
  </si>
  <si>
    <t>01/20/2020 11:17:48</t>
  </si>
  <si>
    <t>01/20/2020 11:17:59</t>
  </si>
  <si>
    <t>100016016412308;andrelpsa@algartech.com;antoniocoj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16016412308,andrelpsa@algartech.com,antoniocoj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11:16:02</t>
  </si>
  <si>
    <t>01/20/2020 11:15:52</t>
  </si>
  <si>
    <t>01/20/2020 11:19:23</t>
  </si>
  <si>
    <t>9b8cb24a-a6e8-48c7-9222-ba33861d13d5.tmp</t>
  </si>
  <si>
    <t>\\acsfs\profiles$\luanaldsi\Downloads\9b8cb24a-a6e8-48c7-9222-ba33861d13d5.tmp</t>
  </si>
  <si>
    <t>01/20/2020 11:15:53</t>
  </si>
  <si>
    <t>55602594-c647-46cb-b57c-730820d19be7.tmp</t>
  </si>
  <si>
    <t>\\acsfs\profiles$\luanaldsi\Downloads\55602594-c647-46cb-b57c-730820d19be7.tmp</t>
  </si>
  <si>
    <t>01/20/2020 11:14:07</t>
  </si>
  <si>
    <t>01/20/2020 11:14:27</t>
  </si>
  <si>
    <t>01/20/2020 11:14:41</t>
  </si>
  <si>
    <t>01/20/2020 11:14:51</t>
  </si>
  <si>
    <t>01/20/2020 11:15:00</t>
  </si>
  <si>
    <t>01/20/2020 11:15:03</t>
  </si>
  <si>
    <t>01/20/2020 11:15:18</t>
  </si>
  <si>
    <t>01/20/2020 11:15:31</t>
  </si>
  <si>
    <t>01/20/2020 11:15:42</t>
  </si>
  <si>
    <t>01/20/2020 11:15:48</t>
  </si>
  <si>
    <t>01/20/2020 11:15:50</t>
  </si>
  <si>
    <t>01/20/2020 11:16:05</t>
  </si>
  <si>
    <t>01/20/2020 11:17:43</t>
  </si>
  <si>
    <t>01/20/2020 11:17:42</t>
  </si>
  <si>
    <t>01/20/2020 11:14:53</t>
  </si>
  <si>
    <t>b2ba99b2-0e3a-405f-9ca8-9f681c6b6214.tmp</t>
  </si>
  <si>
    <t>\\acsfs\profiles$\KARENDSR\Downloads\b2ba99b2-0e3a-405f-9ca8-9f681c6b6214.tmp</t>
  </si>
  <si>
    <t>01/20/2020 11:18:55</t>
  </si>
  <si>
    <t>01/20/2020 11:20:22</t>
  </si>
  <si>
    <t>01/20/2020 11:18:56</t>
  </si>
  <si>
    <t>01/20/2020 11:21:22</t>
  </si>
  <si>
    <t>01/20/2020 11:20:25</t>
  </si>
  <si>
    <t>01/20/2020 11:22:22</t>
  </si>
  <si>
    <t>01/20/2020 11:20:26</t>
  </si>
  <si>
    <t>01/20/2020 11:23:22</t>
  </si>
  <si>
    <t>01/20/2020 11:21:07</t>
  </si>
  <si>
    <t>01/20/2020 11:22:13</t>
  </si>
  <si>
    <t>01/20/2020 11:22:47</t>
  </si>
  <si>
    <t>01/20/2020 11:18:51</t>
  </si>
  <si>
    <t>01/20/2020 11:24:22</t>
  </si>
  <si>
    <t>01/20/2020 11:19:52</t>
  </si>
  <si>
    <t>01/20/2020 11:19:55</t>
  </si>
  <si>
    <t>01/20/2020 11:20:14</t>
  </si>
  <si>
    <t>01/20/2020 11:20:21</t>
  </si>
  <si>
    <t>01/20/2020 11:20:46</t>
  </si>
  <si>
    <t>01/20/2020 11:20:47</t>
  </si>
  <si>
    <t>01/20/2020 11:21:06</t>
  </si>
  <si>
    <t>01/20/2020 11:21:16</t>
  </si>
  <si>
    <t>01/20/2020 11:25:22</t>
  </si>
  <si>
    <t>01/20/2020 11:23:55</t>
  </si>
  <si>
    <t>Agent State Details 18.01.2020.xlsx</t>
  </si>
  <si>
    <t>\\acsfs\DEPTOS\Operacao\PCP\5 - Comum\PLANEJAMENTO BV\23 - EXTRAÇÕES\Agent State Details\2020\JANEIRO\Agent State Details 18.01.2020.xlsx</t>
  </si>
  <si>
    <t>01/20/2020 11:23:51</t>
  </si>
  <si>
    <t>01/20/2020 11:26:22</t>
  </si>
  <si>
    <t>01/20/2020 11:23:06</t>
  </si>
  <si>
    <t>04383d8e-d341-455d-995a-bcfb56be3b0f.tmp</t>
  </si>
  <si>
    <t>\\acsfs\profiles$\larissaad\Downloads\04383d8e-d341-455d-995a-bcfb56be3b0f.tmp</t>
  </si>
  <si>
    <t>01/20/2020 11:27:22</t>
  </si>
  <si>
    <t>01/20/2020 11:26:10</t>
  </si>
  <si>
    <t>8d0651e0-63bf-464a-b17a-6c2be123c907.tmp</t>
  </si>
  <si>
    <t>\\acsfs\profiles$\LAISLG\Downloads\8d0651e0-63bf-464a-b17a-6c2be123c907.tmp</t>
  </si>
  <si>
    <t>01/20/2020 11:25:15</t>
  </si>
  <si>
    <t>67c48432-ec12-4913-beaa-e10bbf54bcf1.tmp</t>
  </si>
  <si>
    <t>\\acsfs\profiles$\lorrainerdl\Downloads\67c48432-ec12-4913-beaa-e10bbf54bcf1.tmp</t>
  </si>
  <si>
    <t>01/20/2020 11:26:47</t>
  </si>
  <si>
    <t>bae0bf50-effd-4eed-8f0b-27f0e7203854.tmp</t>
  </si>
  <si>
    <t>\\acsfs\profiles$\wenderbnm\Downloads\bae0bf50-effd-4eed-8f0b-27f0e7203854.tmp</t>
  </si>
  <si>
    <t>01/20/2020 11:23:48</t>
  </si>
  <si>
    <t>01/20/2020 11:28:22</t>
  </si>
  <si>
    <t>f9e47fe4-527c-46fa-8398-ab972dd56baa.tmp</t>
  </si>
  <si>
    <t>\\acsfs\profiles$\nathaliarmr\Downloads\f9e47fe4-527c-46fa-8398-ab972dd56baa.tmp</t>
  </si>
  <si>
    <t>01/20/2020 11:25:19</t>
  </si>
  <si>
    <t>e65e779b-a847-4e2b-b488-067c5dd52f63.tmp</t>
  </si>
  <si>
    <t>\\acsfs\profiles$\nathaliarmr\Downloads\e65e779b-a847-4e2b-b488-067c5dd52f63.tmp</t>
  </si>
  <si>
    <t>01/20/2020 11:27:40</t>
  </si>
  <si>
    <t>01/20/2020 11:27:15</t>
  </si>
  <si>
    <t>01/20/2020 11:29:22</t>
  </si>
  <si>
    <t>f50cae81-c5a7-4bf2-8027-7a8af424ff36.tmp</t>
  </si>
  <si>
    <t>\\acsfs\profiles$\lucasqdss\Downloads\f50cae81-c5a7-4bf2-8027-7a8af424ff36.tmp</t>
  </si>
  <si>
    <t>01/20/2020 11:26:49</t>
  </si>
  <si>
    <t>01/20/2020 11:30:21</t>
  </si>
  <si>
    <t>Agent State Details 19.01.2020.xlsx</t>
  </si>
  <si>
    <t>\\acsfs\DEPTOS\Operacao\PCP\5 - Comum\PLANEJAMENTO BV\23 - EXTRAÇÕES\Agent State Details\2020\JANEIRO\Agent State Details 19.01.2020.xlsx</t>
  </si>
  <si>
    <t>01/20/2020 11:30:22</t>
  </si>
  <si>
    <t>01/20/2020 11:31:22</t>
  </si>
  <si>
    <t>01/20/2020 11:32:21</t>
  </si>
  <si>
    <t>01/20/2020 11:30:43</t>
  </si>
  <si>
    <t>01/20/2020 11:30:44</t>
  </si>
  <si>
    <t>01/20/2020 11:28:39</t>
  </si>
  <si>
    <t>6c1bd717-5c37-4f11-8c1c-94e122673ae7.tmp</t>
  </si>
  <si>
    <t>\\acsfs\profiles$\LAISLG\Downloads\6c1bd717-5c37-4f11-8c1c-94e122673ae7.tmp</t>
  </si>
  <si>
    <t>01/20/2020 11:30:04</t>
  </si>
  <si>
    <t>01/20/2020 11:31:28</t>
  </si>
  <si>
    <t>72892dc8-d306-4bbf-9966-050d26f11693.tmp</t>
  </si>
  <si>
    <t>\\acsfs\profiles$\rafaelacdoc\Downloads\72892dc8-d306-4bbf-9966-050d26f11693.tmp</t>
  </si>
  <si>
    <t>01/20/2020 11:27:45</t>
  </si>
  <si>
    <t>01/20/2020 11:33:22</t>
  </si>
  <si>
    <t>01/20/2020 11:29:05</t>
  </si>
  <si>
    <t>01/20/2020 11:29:04</t>
  </si>
  <si>
    <t>01/20/2020 11:29:06</t>
  </si>
  <si>
    <t>01/20/2020 11:29:07</t>
  </si>
  <si>
    <t>01/20/2020 11:29:08</t>
  </si>
  <si>
    <t>01/20/2020 11:29:09</t>
  </si>
  <si>
    <t>01/20/2020 11:29:10</t>
  </si>
  <si>
    <t>01/20/2020 11:29:11</t>
  </si>
  <si>
    <t>01/20/2020 11:29:12</t>
  </si>
  <si>
    <t>01/20/2020 11:29:13</t>
  </si>
  <si>
    <t>01/20/2020 11:29:14</t>
  </si>
  <si>
    <t>01/20/2020 11:29:15</t>
  </si>
  <si>
    <t>01/20/2020 11:29:16</t>
  </si>
  <si>
    <t>01/20/2020 11:29:17</t>
  </si>
  <si>
    <t>01/20/2020 11:29:18</t>
  </si>
  <si>
    <t>01/20/2020 11:29:19</t>
  </si>
  <si>
    <t>01/20/2020 11:28:48</t>
  </si>
  <si>
    <t>01/20/2020 11:34:21</t>
  </si>
  <si>
    <t>4468d6a0-9421-4f94-bb2e-9ed2a0770def.tmp</t>
  </si>
  <si>
    <t>\\acsfs\profiles$\inarajst\Downloads\4468d6a0-9421-4f94-bb2e-9ed2a0770def.tmp</t>
  </si>
  <si>
    <t>01/20/2020 11:32:14</t>
  </si>
  <si>
    <t>05f465aa-ef8d-4922-961a-cf3ebef58437.tmp</t>
  </si>
  <si>
    <t>\\acsfs\profiles$\KARENDSR\Downloads\05f465aa-ef8d-4922-961a-cf3ebef58437.tmp</t>
  </si>
  <si>
    <t>01/20/2020 11:34:44</t>
  </si>
  <si>
    <t>01/20/2020 11:36:22</t>
  </si>
  <si>
    <t>01/20/2020 11:33:34</t>
  </si>
  <si>
    <t>01/20/2020 11:37:22</t>
  </si>
  <si>
    <t>b08f57f6-58e5-4db0-9b7d-c7a07d61b152.tmp</t>
  </si>
  <si>
    <t>\\acsfs\profiles$\gabrielafs\Downloads\b08f57f6-58e5-4db0-9b7d-c7a07d61b152.tmp</t>
  </si>
  <si>
    <t>01/20/2020 11:33:35</t>
  </si>
  <si>
    <t>01/20/2020 11:37:00</t>
  </si>
  <si>
    <t>01/20/2020 11:40:23</t>
  </si>
  <si>
    <t>01/20/2020 11:37:13</t>
  </si>
  <si>
    <t>01/20/2020 11:39:37</t>
  </si>
  <si>
    <t>01/20/2020 11:39:48</t>
  </si>
  <si>
    <t>01/20/2020 11:37:07</t>
  </si>
  <si>
    <t>Agent utilization 01.01.2020 a 17.01.2020.xlsx</t>
  </si>
  <si>
    <t>\\acsfs\DEPTOS\Operacao\PCP\5 - Comum\PLANEJAMENTO BV\23 - EXTRAÇÕES\Agent utilization\2020\Agent utilization 01.01.2020 a 17.01.2020.xlsx</t>
  </si>
  <si>
    <t>01/20/2020 11:40:12</t>
  </si>
  <si>
    <t>626430f2-f27c-423d-917a-976d9d590db2.tmp</t>
  </si>
  <si>
    <t>\\acsfs\profiles$\marcosvnds\Downloads\626430f2-f27c-423d-917a-976d9d590db2.tmp</t>
  </si>
  <si>
    <t>01/20/2020 11:40:30</t>
  </si>
  <si>
    <t>01/20/2020 11:41:23</t>
  </si>
  <si>
    <t>01/20/2020 11:39:04</t>
  </si>
  <si>
    <t>01/20/2020 11:42:23</t>
  </si>
  <si>
    <t>c7751463-3580-4aff-9905-69c6719508a8.tmp</t>
  </si>
  <si>
    <t>\\acsfs\profiles$\joselrb\Downloads\c7751463-3580-4aff-9905-69c6719508a8.tmp</t>
  </si>
  <si>
    <t>01/20/2020 11:39:44</t>
  </si>
  <si>
    <t>01/20/2020 11:44:23</t>
  </si>
  <si>
    <t>0ea67f72-2c5c-4d06-a62b-6d98cf55529b.tmp</t>
  </si>
  <si>
    <t>\\acsfs\profiles$\anafsb\Downloads\0ea67f72-2c5c-4d06-a62b-6d98cf55529b.tmp</t>
  </si>
  <si>
    <t>01/20/2020 11:39:49</t>
  </si>
  <si>
    <t>01/20/2020 11:45:23</t>
  </si>
  <si>
    <t>01/20/2020 11:44:29</t>
  </si>
  <si>
    <t>AGENT LOGIN LOGOUT DETAILS REPORT 18.01.2020.xlsx</t>
  </si>
  <si>
    <t>\\acsfs\DEPTOS\Operacao\PCP\5 - Comum\PLANEJAMENTO BV\23 - EXTRAÇÕES\Agente Login Logout details report\2020\JANEIRO\AGENT LOGIN LOGOUT DETAILS REPORT 18.01.2020.xlsx</t>
  </si>
  <si>
    <t>01/20/2020 11:45:22</t>
  </si>
  <si>
    <t>01/20/2020 11:46:23</t>
  </si>
  <si>
    <t>01/20/2020 11:45:29</t>
  </si>
  <si>
    <t>2b43eadc-6620-4a2a-9b48-c1f71820623d.tmp</t>
  </si>
  <si>
    <t>\\acsfs\profiles$\cintiadjl\Downloads\2b43eadc-6620-4a2a-9b48-c1f71820623d.tmp</t>
  </si>
  <si>
    <t>01/20/2020 11:45:34</t>
  </si>
  <si>
    <t>98245b40-57ed-4705-9a14-3971581cc53b.tmp</t>
  </si>
  <si>
    <t>\\acsfs\profiles$\cintiadjl\Downloads\98245b40-57ed-4705-9a14-3971581cc53b.tmp</t>
  </si>
  <si>
    <t>01/20/2020 11:44:38</t>
  </si>
  <si>
    <t>51b9c967-8a02-4b02-ad86-ded692aeb520.tmp</t>
  </si>
  <si>
    <t>\\acsfs\profiles$\ALYNYA\Downloads\51b9c967-8a02-4b02-ad86-ded692aeb520.tmp</t>
  </si>
  <si>
    <t>01/20/2020 11:42:38</t>
  </si>
  <si>
    <t>01/20/2020 11:47:23</t>
  </si>
  <si>
    <t>https://udpmailboxap01.acs.com.br:8443/h/search?si=0&amp;so=0&amp;sc=78823&amp;sfi=2&amp;st=conversation&amp;action=compose</t>
  </si>
  <si>
    <t>01/20/2020 11:46:15</t>
  </si>
  <si>
    <t>01/20/2020 11:47:55</t>
  </si>
  <si>
    <t>01/20/2020 11:48:23</t>
  </si>
  <si>
    <t>01/20/2020 11:45:20</t>
  </si>
  <si>
    <t>01/20/2020 11:50:23</t>
  </si>
  <si>
    <t>01/20/2020 11:46:11</t>
  </si>
  <si>
    <t>AGENT LOGIN LOGOUT DETAILS REPORT 19.01.2020.xlsx</t>
  </si>
  <si>
    <t>\\acsfs\DEPTOS\Operacao\PCP\5 - Comum\PLANEJAMENTO BV\23 - EXTRAÇÕES\Agente Login Logout details report\2020\JANEIRO\AGENT LOGIN LOGOUT DETAILS REPORT 19.01.2020.xlsx</t>
  </si>
  <si>
    <t>01/20/2020 11:50:58</t>
  </si>
  <si>
    <t>01/20/2020 11:51:23</t>
  </si>
  <si>
    <t>16eb5d8d-fcd2-4904-b6d3-443b0089dab2.tmp</t>
  </si>
  <si>
    <t>\\acsfs\profiles$\sarahbal\Downloads\16eb5d8d-fcd2-4904-b6d3-443b0089dab2.tmp</t>
  </si>
  <si>
    <t>01/20/2020 11:47:08</t>
  </si>
  <si>
    <t>01/20/2020 11:52:23</t>
  </si>
  <si>
    <t>01/20/2020 11:53:23</t>
  </si>
  <si>
    <t>01/20/2020 11:53:04</t>
  </si>
  <si>
    <t>01/20/2020 11:53:06</t>
  </si>
  <si>
    <t>01/20/2020 11:50:17</t>
  </si>
  <si>
    <t>0d0a6b5a-cc5e-4f89-bf5f-3c2d1236e42d.tmp</t>
  </si>
  <si>
    <t>\\acsfs\profiles$\lucasgpe\Downloads\0d0a6b5a-cc5e-4f89-bf5f-3c2d1236e42d.tmp</t>
  </si>
  <si>
    <t>01/20/2020 11:53:27</t>
  </si>
  <si>
    <t>01/20/2020 11:55:23</t>
  </si>
  <si>
    <t>01/20/2020 11:51:18</t>
  </si>
  <si>
    <t>\\acsfs\DEPTOS\Operacao\PCP\5 - Comum\PLANEJAMENTO BV\23 - EXTRAÇÕES\Queue Summary Report\2020\</t>
  </si>
  <si>
    <t>Queue Summary Report 01.01.20 a 17.01.2020.xlsx</t>
  </si>
  <si>
    <t>\\acsfs\DEPTOS\Operacao\PCP\5 - Comum\PLANEJAMENTO BV\23 - EXTRAÇÕES\Queue Summary Report\2020\Queue Summary Report 01.01.20 a 17.01.2020.xlsx</t>
  </si>
  <si>
    <t>01/20/2020 11:51:42</t>
  </si>
  <si>
    <t>01/20/2020 11:56:23</t>
  </si>
  <si>
    <t>01/20/2020 11:56:14</t>
  </si>
  <si>
    <t>d81ed774-8d42-4932-ab70-437f19579c7a.tmp</t>
  </si>
  <si>
    <t>\\acsfs\profiles$\sarahbal\Downloads\d81ed774-8d42-4932-ab70-437f19579c7a.tmp</t>
  </si>
  <si>
    <t>01/20/2020 11:54:42</t>
  </si>
  <si>
    <t>01/20/2020 11:57:23</t>
  </si>
  <si>
    <t>2313f734-16ee-4855-9931-825b3d90f366.tmp</t>
  </si>
  <si>
    <t>\\acsfs\profiles$\gabrielafs\Downloads\2313f734-16ee-4855-9931-825b3d90f366.tmp</t>
  </si>
  <si>
    <t>01/20/2020 11:56:21</t>
  </si>
  <si>
    <t>01/20/2020 12:00:23</t>
  </si>
  <si>
    <t>01/20/2020 11:56:15</t>
  </si>
  <si>
    <t>01/20/2020 12:01:23</t>
  </si>
  <si>
    <t>01/20/2020 12:00:02</t>
  </si>
  <si>
    <t>01/20/2020 12:02:22</t>
  </si>
  <si>
    <t>01/20/2020 12:00:03</t>
  </si>
  <si>
    <t>01/20/2020 12:00:38</t>
  </si>
  <si>
    <t>01/20/2020 11:58:41</t>
  </si>
  <si>
    <t>01/20/2020 12:03:23</t>
  </si>
  <si>
    <t>01/20/2020 12:03:00</t>
  </si>
  <si>
    <t>01/20/2020 12:04:23</t>
  </si>
  <si>
    <t>01/20/2020 12:03:26</t>
  </si>
  <si>
    <t>01/20/2020 12:02:45</t>
  </si>
  <si>
    <t>01/20/2020 12:05:23</t>
  </si>
  <si>
    <t>3baace25-dd65-4aeb-8159-56eefbe832bc.tmp</t>
  </si>
  <si>
    <t>\\acsfs\profiles$\dhiulliananads\Downloads\3baace25-dd65-4aeb-8159-56eefbe832bc.tmp</t>
  </si>
  <si>
    <t>01/20/2020 12:02:58</t>
  </si>
  <si>
    <t>Unconfirmed 559833.crdownload</t>
  </si>
  <si>
    <t>\\acsfs\profiles$\dhiulliananads\Downloads\Unconfirmed 559833.crdownload</t>
  </si>
  <si>
    <t>01/20/2020 12:03:43</t>
  </si>
  <si>
    <t>c6b474ed-33cf-4588-b04c-5da0d44df335.tmp</t>
  </si>
  <si>
    <t>\\acsfs\profiles$\dhiulliananads\Downloads\c6b474ed-33cf-4588-b04c-5da0d44df335.tmp</t>
  </si>
  <si>
    <t>01/20/2020 12:04:19</t>
  </si>
  <si>
    <t>Unconfirmed 641297.crdownload</t>
  </si>
  <si>
    <t>\\acsfs\profiles$\dhiulliananads\Downloads\Unconfirmed 641297.crdownload</t>
  </si>
  <si>
    <t>01/20/2020 12:04:08</t>
  </si>
  <si>
    <t>9e4b1008-ce98-4df6-af9d-42c60f6d132c.tmp</t>
  </si>
  <si>
    <t>\\acsfs\profiles$\yurics\Downloads\9e4b1008-ce98-4df6-af9d-42c60f6d132c.tmp</t>
  </si>
  <si>
    <t>01/20/2020 12:06:23</t>
  </si>
  <si>
    <t>01/20/2020 12:07:23</t>
  </si>
  <si>
    <t>01/20/2020 12:01:50</t>
  </si>
  <si>
    <t>01/20/2020 12:01:51</t>
  </si>
  <si>
    <t>01/20/2020 12:02:08</t>
  </si>
  <si>
    <t>01/20/2020 12:02:38</t>
  </si>
  <si>
    <t>01/20/2020 12:05:08</t>
  </si>
  <si>
    <t>01/20/2020 12:05:38</t>
  </si>
  <si>
    <t>01/20/2020 12:08:23</t>
  </si>
  <si>
    <t>01/20/2020 12:06:39</t>
  </si>
  <si>
    <t>Não confirmado 916860.crdownload</t>
  </si>
  <si>
    <t>\\acsfs\ACS\Gabriel da Silva\Contemporânea\Gen\Não confirmado 916860.crdownload</t>
  </si>
  <si>
    <t>01/20/2020 12:09:23</t>
  </si>
  <si>
    <t>01/20/2020 12:08:13</t>
  </si>
  <si>
    <t>http:///batch/drive/v2internal?%24ct=multipart%2Fmixed%3B%20boundary%3D%22%3D%3D%3D%3D%3D7zmk4l1sfsgt%3D%3D%3D%3D%3D%22&amp;key=AIzaSyAy9VVXHSpS2IJpptzYtGbLP3-3_l0aBk4</t>
  </si>
  <si>
    <t>"languagecode":"pt-br";"requesttype":"background_request";"scenariotype;"timezone":"-03:00";0;0.382;0.675];0];0]]];0b75dogjxigafnxvncxjftujxsc1zvgthnhi3whzrexhgvjzr;1;10;103.717;103.717];10340.475000004517;107.17000000295229;10706.254999997327;10720.705000014277;10730.665000010049;10731.620000005933;10732.380000001285;10733.674999995856;1090.7650000008289;11;11.214;11.214];11125.2000000095;11272.889999992913;11688.3450000023;11c5m9ycfufsc7krihjn5d9wg8jcyqlqk;12.381;12593.365000007907;12686.264999996638;13440;13636.650000000373;1376699;1380;144.35499999672174;14512.335000006715;1468380;1468460;14818.440000002738;1511270;156.4700000162702;15687124;15694900;15699.190000013914;15700.505000015255;1579520908566000];1579520910984000;1579520915985000;1579520916452000;1579520918952000;1579520922984000;1579522409965;15];16.159;16.159];1600];1600]];16409;17.641;17.641];18.887;18.887];1920624;1];1epenm2sej9sexcv_grk0bzfqr6ozpra4;1ipcp90zh3bnlq_lev_j3ygnaupez3lrz;2.476;20.157;20.157];200];2244709;2249420;2293550;2293975;2</t>
  </si>
  <si>
    <t>http://"languagecode":"pt-br","requesttype":"background_request","scenariotype,"timezone":"-03:00",0,0.382,0.675],0],0]]],0b75dogjxigafnxvncxjftujxsc1zvgthnhi3whzrexhgvjzr,1,10,103.717,103.717],10340.475000004517,107.17000000295229,10706.254999997327,10720.705000014277,10730.665000010049,10731.620000005933,10732.380000001285,10733.674999995856,1090.7650000008289,11,11.214,11.214],11125.2000000095,11272.889999992913,11688.3450000023,11c5m9ycfufsc7krihjn5d9wg8jcyqlqk,12.381,12593.365000007907,12686.264999996638,13440,13636.650000000373,1376699,1380,144.35499999672174,14512.335000006715,1468380,1468460,14818.440000002738,1511270,156.4700000162702,15687124,15694900,15699.190000013914,15700.505000015255,1579520908566000],1579520910984000,1579520915985000,1579520916452000,1579520918952000,1579520922984000,1579522409965,15],16.159,16.159],1600],1600]],16409,17.641,17.641],18.887,18.887],1920624,1],1epenm2sej9sexcv_grk0bzfqr6ozpra4,1ipcp90zh3bnlq_lev_j3ygnaupez3lrz,2.476,20.157,20.157],200],2244709,2249420,2293550,22</t>
  </si>
  <si>
    <t>http:///batch/drive/v2internal?%24ct=multipart%2Fmixed%3B%20boundary%3D%22%3D%3D%3D%3D%3Dbxkjyym498p2%3D%3D%3D%3D%3D%22&amp;key=AIzaSyAy9VVXHSpS2IJpptzYtGbLP3-3_l0aBk4</t>
  </si>
  <si>
    <t>01/20/2020 12:08:14</t>
  </si>
  <si>
    <t>http:///batch/drive/v2internal?%24ct=multipart%2Fmixed%3B%20boundary%3D%22%3D%3D%3D%3D%3D1gm08q53qwbt%3D%3D%3D%3D%3D%22&amp;key=AIzaSyAy9VVXHSpS2IJpptzYtGbLP3-3_l0aBk4</t>
  </si>
  <si>
    <t>01/20/2020 12:04:50</t>
  </si>
  <si>
    <t>01/20/2020 12:10:23</t>
  </si>
  <si>
    <t>4ce414f1-acf0-4e45-94ec-e6fe54c690a9.tmp</t>
  </si>
  <si>
    <t>\\acsfs\profiles$\dhiulliananads\Downloads\4ce414f1-acf0-4e45-94ec-e6fe54c690a9.tmp</t>
  </si>
  <si>
    <t>57b73e6f-b3d1-430f-9aad-1159caad81d2.tmp</t>
  </si>
  <si>
    <t>\\acsfs\profiles$\dhiulliananads\Downloads\57b73e6f-b3d1-430f-9aad-1159caad81d2.tmp</t>
  </si>
  <si>
    <t>01/20/2020 12:08:42</t>
  </si>
  <si>
    <t>01/20/2020 12:08:58</t>
  </si>
  <si>
    <t>lu240763wrviz.tmp</t>
  </si>
  <si>
    <t>\\acsfs\profiles$\dhiulliananads\My Documents\lu240763wrviz.tmp</t>
  </si>
  <si>
    <t>\\acsfs\profiles$\dhiulliananads\My Documents\lu240763wrviz.tmp\</t>
  </si>
  <si>
    <t>\\acsfs\profiles$\dhiulliananads\My Documents\lu240763wrviz.tmp\META-INF\</t>
  </si>
  <si>
    <t>\\acsfs\profiles$\dhiulliananads\My Documents\lu240763wrviz.tmp\Thumbnails\</t>
  </si>
  <si>
    <t>01/20/2020 12:05:28</t>
  </si>
  <si>
    <t>01/20/2020 12:06:50</t>
  </si>
  <si>
    <t>01/20/2020 12:11:23</t>
  </si>
  <si>
    <t>01/20/2020 12:12:23</t>
  </si>
  <si>
    <t>01/20/2020 12:07:08</t>
  </si>
  <si>
    <t>01/20/2020 12:07:38</t>
  </si>
  <si>
    <t>01/20/2020 12:10:56</t>
  </si>
  <si>
    <t>01/20/2020 12:13:23</t>
  </si>
  <si>
    <t>01/20/2020 12:12:05</t>
  </si>
  <si>
    <t>01/20/2020 12:11:20</t>
  </si>
  <si>
    <t>01/20/2020 12:12:12</t>
  </si>
  <si>
    <t>24504d16-153d-46ee-9d0b-27b6d5ba2443.tmp</t>
  </si>
  <si>
    <t>\\acsfs\profiles$\nathaliarmr\Downloads\24504d16-153d-46ee-9d0b-27b6d5ba2443.tmp</t>
  </si>
  <si>
    <t>01/20/2020 12:10:31</t>
  </si>
  <si>
    <t>01/20/2020 12:10:35</t>
  </si>
  <si>
    <t>01/20/2020 12:10:53</t>
  </si>
  <si>
    <t>01/20/2020 12:10:59</t>
  </si>
  <si>
    <t>andrelpsa@algartech.com;antoniocoj@algartech.com;fernandaab@algartech.com;joaogvc@algartech.com;josiascdsj@algartech.com;kesiadof@algartech.com;leonardoao@algartech.com;lilianls@algartech.com;marianadjc@algartech.com;maristelavodq@bv.algartech.com;paulacn@algartech.com;qualidadealgarbv@algartech.com;supervisaobancovotorantim@algartech.com;talmaiardo@algartech.com;taysdss@algartech.com;thiagolrc@bv.algartech.com;</t>
  </si>
  <si>
    <t>andrelpsa@algartech.com,antoniocoj@algartech.com,fernandaab@algartech.com,joaogvc@algartech.com,josiascdsj@algartech.com,kesiadof@algartech.com,leonardoao@algartech.com,lilianls@algartech.com,marianadjc@algartech.com,maristelavodq@bv.algartech.com,paulacn@algartech.com,qualidadealgarbv@algartech.com,supervisaobancovotorantim@algartech.com,talmaiardo@algartech.com,taysdss@algartech.com,thiagolrc@bv.algartech.com</t>
  </si>
  <si>
    <t>01/20/2020 12:11:09</t>
  </si>
  <si>
    <t>01/20/2020 12:11:21</t>
  </si>
  <si>
    <t>01/20/2020 12:11:46</t>
  </si>
  <si>
    <t>01/20/2020 12:11:51</t>
  </si>
  <si>
    <t>01/20/2020 12:11:56</t>
  </si>
  <si>
    <t>01/20/2020 12:11:59</t>
  </si>
  <si>
    <t>01/20/2020 12:12:01</t>
  </si>
  <si>
    <t>01/20/2020 12:09:47</t>
  </si>
  <si>
    <t>01/20/2020 12:12:00</t>
  </si>
  <si>
    <t>01/20/2020 12:11:14</t>
  </si>
  <si>
    <t>01/20/2020 12:14:24</t>
  </si>
  <si>
    <t>http:///batch/drive/v2internal?%24ct=multipart%2Fmixed%3B%20boundary%3D%22%3D%3D%3D%3D%3Degrnrrwhe28j%3D%3D%3D%3D%3D%22&amp;key=AIzaSyAy9VVXHSpS2IJpptzYtGbLP3-3_l0aBk4</t>
  </si>
  <si>
    <t>1579521205985;1579521506979;2;3;621969351;[];[]]];ancestorhasaugmentedpermissions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t7ntaw-ohopmln6yo4wasvzzu2uprfzp3bdrem5qoee\";mrw0ftovchx76kgoyskqvpqzuqo0mrsk-nevtbmaqaleloorbdq4mjvgtmunagardgcvqomsjf2dfmbefzskm2b2sgehmip1t4cvexbtpssk2sdjt6951wlkaev-qbpxn2strgesn6t0wc7ahptj_e6akbt7rpykdguoorotjjojr2vprr4zefrh7</t>
  </si>
  <si>
    <t>http://1579521205985,1579521506979,2,3,621969351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t7ntaw-ohopmln6yo4wasvzzu2uprfzp3bdrem5qoee\",mrw0ftovchx76kgoyskqvpqzuqo0mrsk-nevtbmaqaleloorbdq4mjvgtmunagardgcvqomsjf2dfmbefzskm2b2sgehmip1t4cvexbtpssk2sdjt6951wlkaev-qbpxn2strgesn6t0wc7ahptj_e6akbt7rpykdguoorotjjojr2vprr</t>
  </si>
  <si>
    <t>http:///batch/drive/v2internal?%24ct=multipart%2Fmixed%3B%20boundary%3D%22%3D%3D%3D%3D%3Dvsntpbxsexs2%3D%3D%3D%3D%3D%22&amp;key=AIzaSyAy9VVXHSpS2IJpptzYtGbLP3-3_l0aBk4</t>
  </si>
  <si>
    <t>01/20/2020 12:11:16</t>
  </si>
  <si>
    <t>http:///batch/drive/v2internal?%24ct=multipart%2Fmixed%3B%20boundary%3D%22%3D%3D%3D%3D%3Dv5rl3iixl0b%3D%3D%3D%3D%3D%22&amp;key=AIzaSyAy9VVXHSpS2IJpptzYtGbLP3-3_l0aBk4</t>
  </si>
  <si>
    <t>01/20/2020 12:11:41</t>
  </si>
  <si>
    <t>"languagecode":"pt-br";"requesttype":"background_request";"scenariotype;"timezone":"-03:00";1579531137861;1579532889125000]]]p1;35;621969351;[];[]]];ess"}};false;gw5ndczmtg5odk4mdmrulwtnx5ezimycw==";l-ckacf_7r3zozh1hhizn88xwetaapoebcpjm5ey2zyse1nt3xmnhcr-rz9s-zdg-5-xx2v8f_tzsvcfibwrle5qaq53vh6r8m19mnq0rhk68ibitnjgrsmrdalihic4l1lxyqga8ovr5etkjjbkmsgw0htomrw0ftovchx76kgoyskqvpqzuqo0mrsk-nevtbmaqaleloorbdq4mjvgtmunagardgcvqomsjf2dfmbefzskm2b2sgehmip1;mrw0ftovchx76kgoyskqvpqzuqo0mrsk-nevtbmaqaleloorbdq4mjvgtmunagardgcvqomsjf2dfmbefzskm2b2sgehmip1t4cvexbtpssk2sdjt6951wlkaev-qbpxn2strgesn6t0wc7ahptj_e6akbt7rpykdguoorotjjojr2vprr4zefrh7i8ekftw_f_-u1emtiy6u1k09ydghmcnooax7ywi6zi1l7ntaw-ra5p4oyl6ywonifzqhwaowxs1yx6t8vwsfaa\";null;p";true]";vchx76kgoyskqvpqzuqo0mrsk-nevtbmaqaleloorbdq4mjvgtmunagardgcvqomsjf2dfmbefzskm2b2sgehmip1t4cvexbtpssk2sdjt6951wlkaev-qbpxn2strgesn6t0wc7ahptj_e6akbt7rpykdguoorotjjojr2vprr4zefrh7i8ekftw_f_-u1emtiy6u1k09ydghmcnooax7ywi6zi1l7ntaw-ra5p4oyl6ywonifzqhwaowxs1yx6t8vwsfaa\";</t>
  </si>
  <si>
    <t>"languagecode":"pt-br","requesttype":"background_request","scenariotype,"timezone":"-03:00",1579531137861,1579532889125000]]]p1,35,621969351,[],[]]],ess"}},false,gw5ndczmtg5odk4mdmrulwtnx5ezimycw==",l-ckacf_7r3zozh1hhizn88xwetaapoebcpjm5ey2zyse1nt3xmnhcr-rz9s-zdg-5-xx2v8f_tzsvcfibwrle5qaq53vh6r8m19mnq0rhk68ibitnjgrsmrdalihic4l1lxyqga8ovr5etkjjbkmsgw0htomrw0ftovchx76kgoyskqvpqzuqo0mrsk-nevtbmaqaleloorbdq4mjvgtmunagardgcvqomsjf2dfmbefzskm2b2sgehmip1,mrw0ftovchx76kgoyskqvpqzuqo0mrsk-nevtbmaqaleloorbdq4mjvgtmunagardgcvqomsjf2dfmbefzskm2b2sgehmip1t4cvexbtpssk2sdjt6951wlkaev-qbpxn2strgesn6t0wc7ahptj_e6akbt7rpykdguoorotjjojr2vprr4zefrh7i8ekftw_f_-u1emtiy6u1k09ydghmcnooax7ywi6zi1l7ntaw-ra5p4oyl6ywonifzqhwaowxs1yx6t8vwsfaa\",null,p",true]",vchx76kgoyskqvpqzuqo0mrsk-nevtbmaqaleloorbdq4mjvgtmunagardgcvqomsjf2dfmbefzskm2b2sgehmip1t4cvexbtpssk2sdjt6951wlkaev-qbpxn2strgesn6t0wc7ahptj_e6akbt7rpykdguoorotjjojr2vprr4zefrh7i8ekftw_f_-u1emtiy6u1k09ydghmcnooax7ywi6zi1l7ntaw-ra5p4oyl6ywonifzqhwaowxs1yx6t8vwsfaa\"</t>
  </si>
  <si>
    <t>01/20/2020 12:11:54</t>
  </si>
  <si>
    <t>01/20/2020 12:11:57</t>
  </si>
  <si>
    <t>01/20/2020 12:12:09</t>
  </si>
  <si>
    <t>01/20/2020 12:12:24</t>
  </si>
  <si>
    <t>01/20/2020 12:14:36</t>
  </si>
  <si>
    <t>01/20/2020 12:15:23</t>
  </si>
  <si>
    <t>lu216162ur7qw.tmp</t>
  </si>
  <si>
    <t>\\acsfs\profiles$\BRUNAAR\Numero\lu216162ur7qw.tmp</t>
  </si>
  <si>
    <t>01/20/2020 12:11:43</t>
  </si>
  <si>
    <t>5fe67f39-8a0a-47bc-8783-a32d884114d6.tmp</t>
  </si>
  <si>
    <t>\\acsfs\profiles$\yurics\Downloads\5fe67f39-8a0a-47bc-8783-a32d884114d6.tmp</t>
  </si>
  <si>
    <t>01/20/2020 12:11:01</t>
  </si>
  <si>
    <t>01/20/2020 12:16:22</t>
  </si>
  <si>
    <t>01/20/2020 12:17:23</t>
  </si>
  <si>
    <t>01/20/2020 12:13:08</t>
  </si>
  <si>
    <t>01/20/2020 12:14:08</t>
  </si>
  <si>
    <t>01/20/2020 12:14:38</t>
  </si>
  <si>
    <t>01/20/2020 12:15:08</t>
  </si>
  <si>
    <t>01/20/2020 12:16:26</t>
  </si>
  <si>
    <t>01/20/2020 12:13:50</t>
  </si>
  <si>
    <t>01/20/2020 12:19:23</t>
  </si>
  <si>
    <t>01/20/2020 12:15:16</t>
  </si>
  <si>
    <t>http:///batch/drive/v2internal?%24ct=multipart%2Fmixed%3B%20boundary%3D%22%3D%3D%3D%3D%3Du820dvkjn95u%3D%3D%3D%3D%3D%22&amp;key=AIzaSyAy9VVXHSpS2IJpptzYtGbLP3-3_l0aBk4</t>
  </si>
  <si>
    <t>1579522710966;1579532642837;40;621969351;7;[];[]]];ancestorhasaugmentedpermissions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nlntaw_wykecygucyiv9uslnf7h7zyiysna_pwn1j4a\";mrw0ftovchx76kgoyskqvpqzuqo0mrsk-nevtbmaqaleloorbdq4mjvgtmunagardgcvqomsjf2dfmbefzskm2b2sgehmip1t4cvexbtpssk2sdjt6951wlkaev-qbpxn2strgesn6t0wc7ahptj_e6akbt7rpykdguoorotjjojr2vprr4zefrh</t>
  </si>
  <si>
    <t>http://1579522710966,1579532642837,40,621969351,7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nlntaw_wykecygucyiv9uslnf7h7zyiysna_pwn1j4a\",mrw0ftovchx76kgoyskqvpqzuqo0mrsk-nevtbmaqaleloorbdq4mjvgtmunagardgcvqomsjf2dfmbefzskm2b2sgehmip1t4cvexbtpssk2sdjt6951wlkaev-qbpxn2strgesn6t0wc7ahptj_e6akbt7rpykdguoorotjjojr2vpr</t>
  </si>
  <si>
    <t>01/20/2020 12:15:17</t>
  </si>
  <si>
    <t>http:///batch/drive/v2internal?%24ct=multipart%2Fmixed%3B%20boundary%3D%22%3D%3D%3D%3D%3Dc0vgwzg6nxp0%3D%3D%3D%3D%3D%22&amp;key=AIzaSyAy9VVXHSpS2IJpptzYtGbLP3-3_l0aBk4</t>
  </si>
  <si>
    <t>01/20/2020 12:15:18</t>
  </si>
  <si>
    <t>http:///batch/drive/v2internal?%24ct=multipart%2Fmixed%3B%20boundary%3D%22%3D%3D%3D%3D%3Ddrohfdycj7md%3D%3D%3D%3D%3D%22&amp;key=AIzaSyAy9VVXHSpS2IJpptzYtGbLP3-3_l0aBk4</t>
  </si>
  <si>
    <t>01/20/2020 12:15:46</t>
  </si>
  <si>
    <t>http:///batch/drive/v2internal?%24ct=multipart%2Fmixed%3B%20boundary%3D%22%3D%3D%3D%3D%3Dlunlh1fxsfda%3D%3D%3D%3D%3D%22&amp;key=AIzaSyAy9VVXHSpS2IJpptzYtGbLP3-3_l0aBk4</t>
  </si>
  <si>
    <t>"mozilla/5.0 (windows nt 6.1) applewebkit/537.36 (khtml;0;1;13;137;13700014;13700109;13700167;13700185;13700235;13700451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];13701749;13701825;13701833;13701901;13701905;13701909;13701921;13701921�;13701945;13701949;13701953;13701957;13701969;13702064;13702068;13702084;13702088;1579520900840000;1579520901989000;1579527525905;23;2400];4;5701393;6.1;621969351;82;84;[1;[[13701450;[[null;[];[]]];[false;[null;adfn-csyrvwqermfbxam1mkavsrzjlg0rundo9gysmvmlrxxhlhfmqhcw7_ynhcatkqscdyldsiy;ancestorhasaugmentedpermissions;containsunsubscribedchildren;displayname;domain;drive.web-frontend_20200108.00_p2;emailaddress;false;false];false]];fedb0gqdtuqawg";file(kind;fileid;filesize;hasthumbnail;hasvisitorpermissions;id;id);it</t>
  </si>
  <si>
    <t>http://"mozilla/5.0 (windows nt 6.1) applewebkit/537.36 (khtml,0,1,13,137,13700014,13700109,13700167,13700185,13700235,13700451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],13701749,13701825,13701833,13701901,13701905,13701909,13701921,13701921�,13701945,13701949,13701953,13701957,13701969,13702064,13702068,13702084,13702088,1579520900840000,1579520901989000,1579527525905,23,2400],4,5701393,6.1,621969351,82,84,[1,[[13701450,[[null,[],[]]],[false,[null,adfn-csyrvwqermfbxam1mkavsrzjlg0rundo9gysmvmlrxxhlhfmqhcw7_ynhcatkqscdyldsiy,ancestorhasaugmentedpermissions,containsunsubscribedchildren,displayname,domain,drive.web-frontend_20200108.00_p2,emailaddress,false,false],false]],fedb0gqdtuqawg",file(kind,fileid,filesize,hasthumbnail,hasvisitorpermissions,id</t>
  </si>
  <si>
    <t>01/20/2020 12:15:47</t>
  </si>
  <si>
    <t>http:///batch/drive/v2internal?%24ct=multipart%2Fmixed%3B%20boundary%3D%22%3D%3D%3D%3D%3Dy3hobmpuu11s%3D%3D%3D%3D%3D%22&amp;key=AIzaSyAy9VVXHSpS2IJpptzYtGbLP3-3_l0aBk4</t>
  </si>
  <si>
    <t>01/20/2020 12:15:49</t>
  </si>
  <si>
    <t>http:///batch/drive/v2internal?%24ct=multipart%2Fmixed%3B%20boundary%3D%22%3D%3D%3D%3D%3Dx7lvx41uw3u1%3D%3D%3D%3D%3D%22&amp;key=AIzaSyAy9VVXHSpS2IJpptzYtGbLP3-3_l0aBk4</t>
  </si>
  <si>
    <t>01/20/2020 12:16:47</t>
  </si>
  <si>
    <t>01/20/2020 12:20:22</t>
  </si>
  <si>
    <t>cf8eb7a3-adfe-421e-818a-47f35f209b15.tmp</t>
  </si>
  <si>
    <t>\\acsfs\profiles$\THYAGOSP\Downloads\cf8eb7a3-adfe-421e-818a-47f35f209b15.tmp</t>
  </si>
  <si>
    <t>01/20/2020 12:22:22</t>
  </si>
  <si>
    <t>01/20/2020 12:20:08</t>
  </si>
  <si>
    <t>01/20/2020 12:20:38</t>
  </si>
  <si>
    <t>01/20/2020 12:19:42</t>
  </si>
  <si>
    <t>01/20/2020 12:23:23</t>
  </si>
  <si>
    <t>01/20/2020 12:22:25</t>
  </si>
  <si>
    <t>dc9f7cfa-1b9d-4b56-9cf2-24f698970e47.tmp</t>
  </si>
  <si>
    <t>\\acsfs\profiles$\rafaelamsv\Downloads\dc9f7cfa-1b9d-4b56-9cf2-24f698970e47.tmp</t>
  </si>
  <si>
    <t>01/20/2020 12:17:13</t>
  </si>
  <si>
    <t>01/20/2020 12:20:43</t>
  </si>
  <si>
    <t>01/20/2020 12:22:31</t>
  </si>
  <si>
    <t>01/20/2020 12:24:22</t>
  </si>
  <si>
    <t>01/20/2020 12:20:27</t>
  </si>
  <si>
    <t>01/20/2020 12:25:23</t>
  </si>
  <si>
    <t>01/20/2020 12:20:56</t>
  </si>
  <si>
    <t>http:///batch/drive/v2internal?%24ct=multipart%2Fmixed%3B%20boundary%3D%22%3D%3D%3D%3D%3D3t5aos8l7sdc%3D%3D%3D%3D%3D%22&amp;key=AIzaSyAy9VVXHSpS2IJpptzYtGbLP3-3_l0aBk4</t>
  </si>
  <si>
    <t>1579531438854;36;621969351;[];[]]];ancestorhasaugmentedpermissions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klntaw-or6ozzplxc8pd7e0yo03blwr-rg8w3tbbh6i\";null;ontainsunsubscribedchildren;owners(kind;per;permissionid;picture;shared;sharedwithmedate;thumbnailversion;title;true]";userpermission(role);vchx76kgoyskqvpqzuqo0mrsk-nevtbmaqaleloorbdq4mjvgtmunag</t>
  </si>
  <si>
    <t>http://1579531438854,36,621969351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klntaw-or6ozzplxc8pd7e0yo03blwr-rg8w3tbbh6i\",null,ontainsunsubscribedchildren,owners(kind,per,permissionid,picture,shared,sharedwithmedate,thumbnailversion,title,true]",userpermission(role),vchx76kgoyskqvpqzuqo0mrsk-nevtbmaqaleloorbdq4mjv</t>
  </si>
  <si>
    <t>01/20/2020 12:20:57</t>
  </si>
  <si>
    <t>http:///batch/drive/v2internal?%24ct=multipart%2Fmixed%3B%20boundary%3D%22%3D%3D%3D%3D%3Dfspl4f5z9y0k%3D%3D%3D%3D%3D%22&amp;key=AIzaSyAy9VVXHSpS2IJpptzYtGbLP3-3_l0aBk4</t>
  </si>
  <si>
    <t>01/20/2020 12:20:58</t>
  </si>
  <si>
    <t>http:///batch/drive/v2internal?%24ct=multipart%2Fmixed%3B%20boundary%3D%22%3D%3D%3D%3D%3Dwbdcjuueoe9o%3D%3D%3D%3D%3D%22&amp;key=AIzaSyAy9VVXHSpS2IJpptzYtGbLP3-3_l0aBk4</t>
  </si>
  <si>
    <t>01/20/2020 12:22:03</t>
  </si>
  <si>
    <t>"[[;"[[];"[[null;"mozilla/5.0 (windows nt 6.1) applewebkit/537.36 (khtml;0;1;1011\;13;135;13700014;13700109;13700167;13700185;13700235;13700451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;13701709]]];13701749;13701825;13701833;13701901;13701905;13701909;13701921;13701945;13701949;13701953;13701957;13701969;13702064;13702068;13702084;13702088;1579520900840000;1579520901989000;1579529618959;1579529619260;1579529619263;1579529619411;1579529619413;1579529619417;1579529619562;1579529619564;1579529619568;1579529619929;1];2;2200;2210;2400];287339940;3040;3];4;43;44;45;46;47;48;49;4];5;50;51;52;5701393;6.1;605;82;84;["mozilla/5.0 (windows nt 6.1) applewebkit/537.36 (khtml;[*ge: ini;[1;[2;[20090307];[2];[[13701450;[[null;[];[]];[]]"];[false;[null;adfn-csyrvwq</t>
  </si>
  <si>
    <t>Evidencia Savia.PNG</t>
  </si>
  <si>
    <t>https://"[[,"[[],"[[null,"mozilla/5.0 (windows nt 6.1) applewebkit/537.36 (khtml,0,1,1011\,13,135,13700014,13700109,13700167,13700185,13700235,13700451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,13701709]]],13701749,13701825,13701833,13701901,13701905,13701909,13701921,13701945,13701949,13701953,13701957,13701969,13702064,13702068,13702084,13702088,1579520900840000,1579520901989000,1579529618959,1579529619260,1579529619263,1579529619411,1579529619413,1579529619417,1579529619562,1579529619564,1579529619568,1579529619929,1],2,2200,2210,2400],287339940,3040,3],4,43,44,45,46,47,48,49,4],5,50,51,52,5701393,6.1,605,82,84,["mozilla/5.0 (windows nt 6.1) applewebkit/537.36 (khtml,[*ge: ini,[1,[2,[20090307],[2],[[13701450,[[null,[],[]],[]]"],[false,[null,adfn</t>
  </si>
  <si>
    <t>01/20/2020 12:22:58</t>
  </si>
  <si>
    <t>https://1579531438854,36,621969351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klntaw-or6ozzplxc8pd7e0yo03blwr-rg8w3tbbh6i\",null,ontainsunsubscribedchildren,owners(kind,per,permissionid,picture,shared,sharedwithmedate,thumbnailversion,title,true]",userpermission(role),vchx76kgoyskqvpqzuqo0mrsk-nevtbmaqaleloorbdq4mj</t>
  </si>
  <si>
    <t>01/20/2020 12:23:20</t>
  </si>
  <si>
    <t>01/20/2020 12:23:35</t>
  </si>
  <si>
    <t>01/20/2020 12:26:22</t>
  </si>
  <si>
    <t>51183d28-e618-462c-9c66-156a5c69cf78.tmp</t>
  </si>
  <si>
    <t>\\acsfs\profiles$\lorraynevam\Downloads\51183d28-e618-462c-9c66-156a5c69cf78.tmp</t>
  </si>
  <si>
    <t>01/20/2020 12:27:23</t>
  </si>
  <si>
    <t>01/20/2020 12:23:27</t>
  </si>
  <si>
    <t>8f97320b-a1d2-4f47-9bbb-41ba0d6bcf82.tmp</t>
  </si>
  <si>
    <t>\\acsfs\profiles$\joselrb\Downloads\8f97320b-a1d2-4f47-9bbb-41ba0d6bcf82.tmp</t>
  </si>
  <si>
    <t>01/20/2020 12:26:39</t>
  </si>
  <si>
    <t>01/20/2020 12:25:57</t>
  </si>
  <si>
    <t>01/20/2020 12:24:08</t>
  </si>
  <si>
    <t>01/20/2020 12:28:23</t>
  </si>
  <si>
    <t>01/20/2020 12:24:43</t>
  </si>
  <si>
    <t>c4b55882-b3a1-42d2-8eb3-b962fb3d69f7.tmp</t>
  </si>
  <si>
    <t>\\acsfs\profiles$\gabrielsma\Downloads\c4b55882-b3a1-42d2-8eb3-b962fb3d69f7.tmp</t>
  </si>
  <si>
    <t>01/20/2020 12:25:22</t>
  </si>
  <si>
    <t>01/20/2020 12:27:35</t>
  </si>
  <si>
    <t>9a76146a-30bb-48da-ad66-37205919260f.tmp</t>
  </si>
  <si>
    <t>\\acsfs\profiles$\nathaliarmr\Downloads\9a76146a-30bb-48da-ad66-37205919260f.tmp</t>
  </si>
  <si>
    <t>01/20/2020 12:27:17</t>
  </si>
  <si>
    <t>4d45e8f0-73eb-4f7b-9d9a-530139a9852c.tmp</t>
  </si>
  <si>
    <t>\\acsfs\profiles$\rafaelamsv\Downloads\4d45e8f0-73eb-4f7b-9d9a-530139a9852c.tmp</t>
  </si>
  <si>
    <t>01/20/2020 12:27:11</t>
  </si>
  <si>
    <t>antoniocoj@algartech.com;joaogvc@algartech.com;marianadjc@algartech.com;planejamentodeoperacoesetrafego@bv.com.br;raphaelmco@algartech.com.br;ricardodfm@algartech.com.br;taysdss@algartech.com;</t>
  </si>
  <si>
    <t>antoniocoj@algartech.com,joaogvc@algartech.com,marianadjc@algartech.com,planejamentodeoperacoesetrafego@bv.com.br,raphaelmco@algartech.com.br,ricardodfm@algartech.com.br,taysdss@algartech.com</t>
  </si>
  <si>
    <t>01/20/2020 12:27:16</t>
  </si>
  <si>
    <t>01/20/2020 12:27:27</t>
  </si>
  <si>
    <t>01/20/2020 12:27:41</t>
  </si>
  <si>
    <t>01/20/2020 12:27:47</t>
  </si>
  <si>
    <t>01/20/2020 12:27:52</t>
  </si>
  <si>
    <t>01/20/2020 12:27:53</t>
  </si>
  <si>
    <t>01/20/2020 12:24:24</t>
  </si>
  <si>
    <t>01/20/2020 12:26:20</t>
  </si>
  <si>
    <t>01/20/2020 12:27:08</t>
  </si>
  <si>
    <t>01/20/2020 12:25:34</t>
  </si>
  <si>
    <t>01/20/2020 12:23:55</t>
  </si>
  <si>
    <t>erro fatal DANIEL PEREIRA DE LIMA.PNG</t>
  </si>
  <si>
    <t>\\acsfs\ACS\001 - Qualidade Lilian\PAULO\Pasta Tainara\erro fatal DANIEL PEREIRA DE LIMA.PNG</t>
  </si>
  <si>
    <t>01/20/2020 12:27:33</t>
  </si>
  <si>
    <t>01/20/2020 12:29:23</t>
  </si>
  <si>
    <t>Não confirmado 715278.crdownload</t>
  </si>
  <si>
    <t>\\acsfs\Deptos\Operacao\Banco_Votorantim\Supervisao\Maristela\CRBV vendas\Desligamento\Não confirmado 715278.crdownload</t>
  </si>
  <si>
    <t>01/20/2020 12:27:12</t>
  </si>
  <si>
    <t>01/20/2020 12:30:23</t>
  </si>
  <si>
    <t>http:///batch/drive/v2internal?%24ct=multipart%2Fmixed%3B%20boundary%3D%22%3D%3D%3D%3D%3Dimq7rwhb2ot2%3D%3D%3D%3D%3D%22&amp;key=AIzaSyAy9VVXHSpS2IJpptzYtGbLP3-3_l0aBk4</t>
  </si>
  <si>
    <t>01/20/2020 12:27:13</t>
  </si>
  <si>
    <t>http:///batch/drive/v2internal?%24ct=multipart%2Fmixed%3B%20boundary%3D%22%3D%3D%3D%3D%3Dd0fufz3qz618%3D%3D%3D%3D%3D%22&amp;key=AIzaSyAy9VVXHSpS2IJpptzYtGbLP3-3_l0aBk4</t>
  </si>
  <si>
    <t>01/20/2020 12:27:15</t>
  </si>
  <si>
    <t>http:///batch/drive/v2internal?%24ct=multipart%2Fmixed%3B%20boundary%3D%22%3D%3D%3D%3D%3Dg2nhvxayii7c%3D%3D%3D%3D%3D%22&amp;key=AIzaSyAy9VVXHSpS2IJpptzYtGbLP3-3_l0aBk4</t>
  </si>
  <si>
    <t>Evidencia talita.PNG</t>
  </si>
  <si>
    <t>01/20/2020 12:28:40</t>
  </si>
  <si>
    <t>01/20/2020 12:28:51</t>
  </si>
  <si>
    <t>01/20/2020 12:25:53</t>
  </si>
  <si>
    <t>01/20/2020 12:25:54</t>
  </si>
  <si>
    <t>lu216162ur7r0.tmp</t>
  </si>
  <si>
    <t>\\acsfs\profiles$\BRUNAAR\Numero\lu216162ur7r0.tmp</t>
  </si>
  <si>
    <t>01/20/2020 12:28:59</t>
  </si>
  <si>
    <t>01/20/2020 12:25:38</t>
  </si>
  <si>
    <t>01/20/2020 12:28:19</t>
  </si>
  <si>
    <t>ca50cd54-ba93-4aa6-b999-b128eac7fb46.tmp</t>
  </si>
  <si>
    <t>\\acsfs\profiles$\LUISPLS\Downloads\ca50cd54-ba93-4aa6-b999-b128eac7fb46.tmp</t>
  </si>
  <si>
    <t>01/20/2020 12:32:23</t>
  </si>
  <si>
    <t>01/20/2020 12:27:09</t>
  </si>
  <si>
    <t>01/20/2020 12:27:39</t>
  </si>
  <si>
    <t>01/20/2020 12:28:09</t>
  </si>
  <si>
    <t>01/20/2020 12:30:39</t>
  </si>
  <si>
    <t>01/20/2020 12:31:09</t>
  </si>
  <si>
    <t>01/20/2020 12:33:23</t>
  </si>
  <si>
    <t>01/20/2020 12:28:20</t>
  </si>
  <si>
    <t>01/20/2020 12:30:40</t>
  </si>
  <si>
    <t>01/20/2020 12:31:47</t>
  </si>
  <si>
    <t>01/20/2020 12:28:33</t>
  </si>
  <si>
    <t>01/20/2020 12:29:57</t>
  </si>
  <si>
    <t>01/20/2020 12:30:14</t>
  </si>
  <si>
    <t>01/20/2020 12:30:34</t>
  </si>
  <si>
    <t>01/20/2020 12:30:50</t>
  </si>
  <si>
    <t>01/20/2020 12:31:10</t>
  </si>
  <si>
    <t>100044252113717;andrelpsa@algartech.com;antoniocoj@algartech.com;joaogvc@algartech.com;josiascdsj@algartech.com;leonardoao@algartech.com;marianadjc@algartech.com;maristelavodq@bv.algartech.com;paulacn@algartech.com;qualidadealgarbv@algartech.com;supervisaobancovotorantim@algartech.com;taysdss@algartech.com;thiagolrc@bv.algartech.com;</t>
  </si>
  <si>
    <t>100044252113717,andrelpsa@algartech.com,antoniocoj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12:31:13</t>
  </si>
  <si>
    <t>01/20/2020 12:31:19</t>
  </si>
  <si>
    <t>01/20/2020 12:31:24</t>
  </si>
  <si>
    <t>01/20/2020 12:31:28</t>
  </si>
  <si>
    <t>01/20/2020 12:31:31</t>
  </si>
  <si>
    <t>01/20/2020 12:32:13</t>
  </si>
  <si>
    <t>01/20/2020 12:32:41</t>
  </si>
  <si>
    <t>01/20/2020 12:32:43</t>
  </si>
  <si>
    <t>01/20/2020 12:30:19</t>
  </si>
  <si>
    <t>01/20/2020 12:31:55</t>
  </si>
  <si>
    <t>5c755290-afb3-4e8f-ab24-5cce6de02fc3.tmp</t>
  </si>
  <si>
    <t>\\acsfs\profiles$\paulovadc\Downloads\5c755290-afb3-4e8f-ab24-5cce6de02fc3.tmp</t>
  </si>
  <si>
    <t>01/20/2020 12:32:31</t>
  </si>
  <si>
    <t>85ec4c66-6d20-46c0-bf71-993aca74eefa.tmp</t>
  </si>
  <si>
    <t>\\acsfs\profiles$\monicargds\Downloads\85ec4c66-6d20-46c0-bf71-993aca74eefa.tmp</t>
  </si>
  <si>
    <t>01/20/2020 12:32:42</t>
  </si>
  <si>
    <t>c2844b07-8238-4f2a-973f-a6ae6b2ab27e.tmp</t>
  </si>
  <si>
    <t>\\acsfs\profiles$\monicargds\Downloads\c2844b07-8238-4f2a-973f-a6ae6b2ab27e.tmp</t>
  </si>
  <si>
    <t>01/20/2020 12:30:13</t>
  </si>
  <si>
    <t>01/20/2020 12:35:22</t>
  </si>
  <si>
    <t>http:///batch/drive/v2internal?%24ct=multipart%2Fmixed%3B%20boundary%3D%22%3D%3D%3D%3D%3Dtz1nzgr6fmne%3D%3D%3D%3D%3D%22&amp;key=AIzaSyAy9VVXHSpS2IJpptzYtGbLP3-3_l0aBk4</t>
  </si>
  <si>
    <t>http:///batch/drive/v2internal?%24ct=multipart%2Fmixed%3B%20boundary%3D%22%3D%3D%3D%3D%3Deuwv0o3suhuq%3D%3D%3D%3D%3D%22&amp;key=AIzaSyAy9VVXHSpS2IJpptzYtGbLP3-3_l0aBk4</t>
  </si>
  <si>
    <t>http:///batch/drive/v2internal?%24ct=multipart%2Fmixed%3B%20boundary%3D%22%3D%3D%3D%3D%3Dvff1m2brgzin%3D%3D%3D%3D%3D%22&amp;key=AIzaSyAy9VVXHSpS2IJpptzYtGbLP3-3_l0aBk4</t>
  </si>
  <si>
    <t>01/20/2020 12:34:26</t>
  </si>
  <si>
    <t>eda29939-b78c-4ccb-a291-3c65cb1a6612.tmp</t>
  </si>
  <si>
    <t>\\acsfs\profiles$\THYAGOSP\Downloads\eda29939-b78c-4ccb-a291-3c65cb1a6612.tmp</t>
  </si>
  <si>
    <t>01/20/2020 12:30:10</t>
  </si>
  <si>
    <t>01/20/2020 12:30:11</t>
  </si>
  <si>
    <t>3ab6de12-99c3-4b95-abe1-428c5bf56857.tmp</t>
  </si>
  <si>
    <t>\\acsfs\profiles$\LUISPLS\Downloads\3ab6de12-99c3-4b95-abe1-428c5bf56857.tmp</t>
  </si>
  <si>
    <t>01/20/2020 12:33:11</t>
  </si>
  <si>
    <t>01/20/2020 12:33:35</t>
  </si>
  <si>
    <t>01/20/2020 12:36:23</t>
  </si>
  <si>
    <t>01/20/2020 12:35:37</t>
  </si>
  <si>
    <t>157955bd-ed44-4fd1-b2b9-a8c2ea35a9ea.tmp</t>
  </si>
  <si>
    <t>\\acsfs\profiles$\gabrielhca\Downloads\157955bd-ed44-4fd1-b2b9-a8c2ea35a9ea.tmp</t>
  </si>
  <si>
    <t>01/20/2020 12:37:23</t>
  </si>
  <si>
    <t>01/20/2020 12:33:09</t>
  </si>
  <si>
    <t>01/20/2020 12:33:39</t>
  </si>
  <si>
    <t>01/20/2020 12:34:09</t>
  </si>
  <si>
    <t>01/20/2020 12:35:09</t>
  </si>
  <si>
    <t>01/20/2020 12:35:39</t>
  </si>
  <si>
    <t>01/20/2020 12:36:09</t>
  </si>
  <si>
    <t>01/20/2020 12:35:17</t>
  </si>
  <si>
    <t>01/20/2020 12:38:23</t>
  </si>
  <si>
    <t>01/20/2020 12:36:45</t>
  </si>
  <si>
    <t>RELATORIO DE LOGIN - FINANCEIRA - 17-01 - - Cópia.xlsm</t>
  </si>
  <si>
    <t>\\acsfs\DEPTOS\Operacao\PCP\5 - Comum\PLANEJAMENTO BV\14 - ACOMPANHAMENTO\1 - REPORT ACOMPANHAMENTO\2020\1 - JANEIRO\FINANCEIRA\Login Logout Financeira\RELATORIO DE LOGIN - FINANCEIRA - 17-01 - - Cópia.xlsm</t>
  </si>
  <si>
    <t>01/20/2020 12:36:54</t>
  </si>
  <si>
    <t>RELATORIO DE LOGIN - FINANCEIRA - 18-01 - Cópia.xlsm</t>
  </si>
  <si>
    <t>\\acsfs\DEPTOS\Operacao\PCP\5 - Comum\PLANEJAMENTO BV\14 - ACOMPANHAMENTO\1 - REPORT ACOMPANHAMENTO\2020\1 - JANEIRO\FINANCEIRA\Login Logout Financeira\RELATORIO DE LOGIN - FINANCEIRA - 18-01 - Cópia.xlsm</t>
  </si>
  <si>
    <t>01/20/2020 12:37:10</t>
  </si>
  <si>
    <t>01/20/2020 12:40:23</t>
  </si>
  <si>
    <t>http:///batch/drive/v2internal?%24ct=multipart%2Fmixed%3B%20boundary%3D%22%3D%3D%3D%3D%3D5k26lfx6s8vf%3D%3D%3D%3D%3D%22&amp;key=AIzaSyAy9VVXHSpS2IJpptzYtGbLP3-3_l0aBk4</t>
  </si>
  <si>
    <t>http://ancestorhasaugmentedpermissions,andrelpsa@algartech.com,containsunsubscribedchildren,displayname,domain,emailaddress,file(kind,fileid,filesize,hasthumbnail,hasvisitorpermissions,id,id),items(deleted,ken,kind,lastmodifyinguser(kind,lastviewedbymedate,maristelavodq@bv.algartech.com,modifiedbymedate,modifieddate,ontainsunsubscribedchildren,owners(kind,per,permissionid,picture,shared,sharedwithmedate,supervisaobancovotorantim@algartech.com,thiagolrc@bv.algartech.com,thumbnailversion,title,userpermission(role),workspaceids</t>
  </si>
  <si>
    <t>http:///batch/drive/v2internal?%24ct=multipart%2Fmixed%3B%20boundary%3D%22%3D%3D%3D%3D%3Dmuwfjvi8kx6q%3D%3D%3D%3D%3D%22&amp;key=AIzaSyAy9VVXHSpS2IJpptzYtGbLP3-3_l0aBk4</t>
  </si>
  <si>
    <t>01/20/2020 12:37:11</t>
  </si>
  <si>
    <t>http:///batch/drive/v2internal?%24ct=multipart%2Fmixed%3B%20boundary%3D%22%3D%3D%3D%3D%3Dtj4uyqe8zm0%3D%3D%3D%3D%3D%22&amp;key=AIzaSyAy9VVXHSpS2IJpptzYtGbLP3-3_l0aBk4</t>
  </si>
  <si>
    <t>01/20/2020 12:35:45</t>
  </si>
  <si>
    <t>lu216162ur7r4.tmp</t>
  </si>
  <si>
    <t>\\acsfs\profiles$\BRUNAAR\Numero\lu216162ur7r4.tmp</t>
  </si>
  <si>
    <t>01/20/2020 12:39:06</t>
  </si>
  <si>
    <t>01/20/2020 12:41:23</t>
  </si>
  <si>
    <t>01/20/2020 12:38:14</t>
  </si>
  <si>
    <t>447b96b3-319b-4760-b1d0-7c3b099a5062.tmp</t>
  </si>
  <si>
    <t>\\acsfs\profiles$\ALYNYA\Downloads\447b96b3-319b-4760-b1d0-7c3b099a5062.tmp</t>
  </si>
  <si>
    <t>01/20/2020 12:40:30</t>
  </si>
  <si>
    <t>0d7be947-c554-414e-a922-5d13f28fc0b3.tmp</t>
  </si>
  <si>
    <t>\\acsfs\profiles$\ALYNYA\Downloads\0d7be947-c554-414e-a922-5d13f28fc0b3.tmp</t>
  </si>
  <si>
    <t>01/20/2020 12:37:12</t>
  </si>
  <si>
    <t>01/20/2020 12:42:23</t>
  </si>
  <si>
    <t>01/20/2020 12:37:39</t>
  </si>
  <si>
    <t>01/20/2020 12:38:09</t>
  </si>
  <si>
    <t>01/20/2020 12:38:39</t>
  </si>
  <si>
    <t>01/20/2020 12:39:09</t>
  </si>
  <si>
    <t>01/20/2020 12:39:39</t>
  </si>
  <si>
    <t>01/20/2020 12:43:23</t>
  </si>
  <si>
    <t>01/20/2020 12:38:57</t>
  </si>
  <si>
    <t>01/20/2020 12:41:00</t>
  </si>
  <si>
    <t>01/20/2020 12:40:32</t>
  </si>
  <si>
    <t>01/20/2020 12:40:11</t>
  </si>
  <si>
    <t>01/20/2020 12:45:23</t>
  </si>
  <si>
    <t>http://outlook.office365.com/owa/service.svc?action=findconversation&amp;app=mail&amp;n=82</t>
  </si>
  <si>
    <t>http:///batch/drive/v2internal?%24ct=multipart%2Fmixed%3B%20boundary%3D%22%3D%3D%3D%3D%3Dsw957ae3zps1%3D%3D%3D%3D%3D%22&amp;key=AIzaSyAy9VVXHSpS2IJpptzYtGbLP3-3_l0aBk4</t>
  </si>
  <si>
    <t>01/20/2020 12:40:12</t>
  </si>
  <si>
    <t>http:///batch/drive/v2internal?%24ct=multipart%2Fmixed%3B%20boundary%3D%22%3D%3D%3D%3D%3Djrafk36f1d4p%3D%3D%3D%3D%3D%22&amp;key=AIzaSyAy9VVXHSpS2IJpptzYtGbLP3-3_l0aBk4</t>
  </si>
  <si>
    <t>01/20/2020 12:43:50</t>
  </si>
  <si>
    <t>01/20/2020 12:43:52</t>
  </si>
  <si>
    <t>lu240763wrvj4.tmp</t>
  </si>
  <si>
    <t>\\acsfs\profiles$\dhiulliananads\My Documents\lu240763wrvj4.tmp</t>
  </si>
  <si>
    <t>\\acsfs\profiles$\dhiulliananads\My Documents\lu240763wrvj4.tmp\</t>
  </si>
  <si>
    <t>\\acsfs\profiles$\dhiulliananads\My Documents\lu240763wrvj4.tmp\META-INF\</t>
  </si>
  <si>
    <t>\\acsfs\profiles$\dhiulliananads\My Documents\lu240763wrvj4.tmp\Thumbnails\</t>
  </si>
  <si>
    <t>01/20/2020 12:40:37</t>
  </si>
  <si>
    <t>01/20/2020 12:41:47</t>
  </si>
  <si>
    <t>01/20/2020 12:41:56</t>
  </si>
  <si>
    <t>01/20/2020 12:43:47</t>
  </si>
  <si>
    <t>01/20/2020 12:44:19</t>
  </si>
  <si>
    <t>01/20/2020 12:46:23</t>
  </si>
  <si>
    <t>9e483453-4609-4029-987e-2b33e95d648a.tmp</t>
  </si>
  <si>
    <t>\\acsfs\profiles$\mariagsg\Downloads\9e483453-4609-4029-987e-2b33e95d648a.tmp</t>
  </si>
  <si>
    <t>01/20/2020 12:43:29</t>
  </si>
  <si>
    <t>ec155374-98a0-4171-b261-8f825340348c.tmp</t>
  </si>
  <si>
    <t>\\acsfs\profiles$\sarahbal\Downloads\ec155374-98a0-4171-b261-8f825340348c.tmp</t>
  </si>
  <si>
    <t>01/20/2020 12:43:40</t>
  </si>
  <si>
    <t>a50dd6f3-ae23-4778-9849-3238d0a20e6b.tmp</t>
  </si>
  <si>
    <t>\\acsfs\profiles$\sarahbal\Downloads\a50dd6f3-ae23-4778-9849-3238d0a20e6b.tmp</t>
  </si>
  <si>
    <t>01/20/2020 12:43:51</t>
  </si>
  <si>
    <t>5d7118f1-9673-4a16-bffc-f86aa2da91c0.tmp</t>
  </si>
  <si>
    <t>\\acsfs\profiles$\sarahbal\Downloads\5d7118f1-9673-4a16-bffc-f86aa2da91c0.tmp</t>
  </si>
  <si>
    <t>01/20/2020 12:47:22</t>
  </si>
  <si>
    <t>01/20/2020 12:42:52</t>
  </si>
  <si>
    <t>01/20/2020 12:42:53</t>
  </si>
  <si>
    <t>01/20/2020 12:42:54</t>
  </si>
  <si>
    <t>01/20/2020 12:42:55</t>
  </si>
  <si>
    <t>01/20/2020 12:42:56</t>
  </si>
  <si>
    <t>01/20/2020 12:42:57</t>
  </si>
  <si>
    <t>01/20/2020 12:42:58</t>
  </si>
  <si>
    <t>01/20/2020 12:42:59</t>
  </si>
  <si>
    <t>01/20/2020 12:43:00</t>
  </si>
  <si>
    <t>01/20/2020 12:43:01</t>
  </si>
  <si>
    <t>01/20/2020 12:43:02</t>
  </si>
  <si>
    <t>01/20/2020 12:43:03</t>
  </si>
  <si>
    <t>01/20/2020 12:43:04</t>
  </si>
  <si>
    <t>01/20/2020 12:43:05</t>
  </si>
  <si>
    <t>01/20/2020 12:43:06</t>
  </si>
  <si>
    <t>01/20/2020 12:43:07</t>
  </si>
  <si>
    <t>01/20/2020 12:43:08</t>
  </si>
  <si>
    <t>01/20/2020 12:43:09</t>
  </si>
  <si>
    <t>01/20/2020 12:43:10</t>
  </si>
  <si>
    <t>01/20/2020 12:43:11</t>
  </si>
  <si>
    <t>01/20/2020 12:43:12</t>
  </si>
  <si>
    <t>01/20/2020 12:42:09</t>
  </si>
  <si>
    <t>01/20/2020 12:45:09</t>
  </si>
  <si>
    <t>01/20/2020 12:46:39</t>
  </si>
  <si>
    <t>01/20/2020 12:44:39</t>
  </si>
  <si>
    <t>01/20/2020 12:44:46</t>
  </si>
  <si>
    <t>01/20/2020 12:44:58</t>
  </si>
  <si>
    <t>01/20/2020 12:42:33</t>
  </si>
  <si>
    <t>01/20/2020 12:42:34</t>
  </si>
  <si>
    <t>lu422805ca6bc.tmp</t>
  </si>
  <si>
    <t>\\acsfs\profiles$\ALYNYA\My Documents\lu422805ca6bc.tmp</t>
  </si>
  <si>
    <t>\\acsfs\profiles$\ALYNYA\My Documents\lu422805ca6bc.tmp\</t>
  </si>
  <si>
    <t>\\acsfs\profiles$\ALYNYA\My Documents\lu422805ca6bc.tmp\META-INF\</t>
  </si>
  <si>
    <t>\\acsfs\profiles$\ALYNYA\My Documents\lu422805ca6bc.tmp\Thumbnails\</t>
  </si>
  <si>
    <t>01/20/2020 12:42:47</t>
  </si>
  <si>
    <t>01/20/2020 12:44:33</t>
  </si>
  <si>
    <t>01/20/2020 12:48:23</t>
  </si>
  <si>
    <t>01/20/2020 12:45:33</t>
  </si>
  <si>
    <t>01/20/2020 12:49:22</t>
  </si>
  <si>
    <t>01/20/2020 12:48:06</t>
  </si>
  <si>
    <t>01/20/2020 12:46:02</t>
  </si>
  <si>
    <t>01/20/2020 12:50:23</t>
  </si>
  <si>
    <t>79baa146-ca0a-4d69-948a-0405da49e899.tmp</t>
  </si>
  <si>
    <t>\\acsfs\profiles$\inarajst\Downloads\79baa146-ca0a-4d69-948a-0405da49e899.tmp</t>
  </si>
  <si>
    <t>01/20/2020 12:47:52</t>
  </si>
  <si>
    <t>01/20/2020 12:47:58</t>
  </si>
  <si>
    <t>92b36901-b9ab-49f3-816e-5c98fb6bb654.tmp</t>
  </si>
  <si>
    <t>\\acsfs\profiles$\dhiulliananads\Downloads\92b36901-b9ab-49f3-816e-5c98fb6bb654.tmp</t>
  </si>
  <si>
    <t>01/20/2020 12:52:23</t>
  </si>
  <si>
    <t>01/20/2020 12:50:09</t>
  </si>
  <si>
    <t>01/20/2020 12:48:09</t>
  </si>
  <si>
    <t>af850ab7-fc13-4fd1-9e87-a804aa1cc37a.tmp</t>
  </si>
  <si>
    <t>\\acsfs\profiles$\laylaams\Downloads\af850ab7-fc13-4fd1-9e87-a804aa1cc37a.tmp</t>
  </si>
  <si>
    <t>01/20/2020 12:49:40</t>
  </si>
  <si>
    <t>24f05e95-46b7-4f54-8bb8-4c56738ac644.tmp</t>
  </si>
  <si>
    <t>\\acsfs\profiles$\laylaams\Downloads\24f05e95-46b7-4f54-8bb8-4c56738ac644.tmp</t>
  </si>
  <si>
    <t>01/20/2020 12:53:23</t>
  </si>
  <si>
    <t>01/20/2020 12:51:33</t>
  </si>
  <si>
    <t>01/20/2020 12:49:38</t>
  </si>
  <si>
    <t>01/20/2020 12:49:53</t>
  </si>
  <si>
    <t>andrelpsa@algartech.com;antoniocoj@algartech.com;ricardodfm@algartech.com.br;</t>
  </si>
  <si>
    <t>andrelpsa@algartech.com,antoniocoj@algartech.com,ricardodfm@algartech.com.br</t>
  </si>
  <si>
    <t>01/20/2020 12:50:07</t>
  </si>
  <si>
    <t>01/20/2020 12:50:10</t>
  </si>
  <si>
    <t>01/20/2020 12:50:12</t>
  </si>
  <si>
    <t>01/20/2020 12:50:19</t>
  </si>
  <si>
    <t>01/20/2020 12:50:28</t>
  </si>
  <si>
    <t>01/20/2020 12:51:01</t>
  </si>
  <si>
    <t>andrelpsa@algartech.com;antoniocoj@algartech.com;joaogvc@algartech.com;marianadjc@algartech.com;planejamentodeoperacoesetrafego@bv.com.br;raphaelmco@algartech.com.br;ricardodfm@algartech.com.br;taysdss@algartech.com;</t>
  </si>
  <si>
    <t>andrelpsa@algartech.com,antoniocoj@algartech.com,joaogvc@algartech.com,marianadjc@algartech.com,planejamentodeoperacoesetrafego@bv.com.br,raphaelmco@algartech.com.br,ricardodfm@algartech.com.br,taysdss@algartech.com</t>
  </si>
  <si>
    <t>01/20/2020 12:51:06</t>
  </si>
  <si>
    <t>01/20/2020 12:51:10</t>
  </si>
  <si>
    <t>01/20/2020 12:51:24</t>
  </si>
  <si>
    <t>01/20/2020 12:51:36</t>
  </si>
  <si>
    <t>01/20/2020 12:51:58</t>
  </si>
  <si>
    <t>01/20/2020 12:52:05</t>
  </si>
  <si>
    <t>01/20/2020 12:52:18</t>
  </si>
  <si>
    <t>RELATORIO DE LOGIN - FINANCEIRA - 18-01 - SAC.xlsm</t>
  </si>
  <si>
    <t>\\acsfs\DEPTOS\Operacao\PCP\5 - Comum\PLANEJAMENTO BV\14 - ACOMPANHAMENTO\1 - REPORT ACOMPANHAMENTO\2020\1 - JANEIRO\FINANCEIRA\Login Logout Financeira\RELATORIO DE LOGIN - FINANCEIRA - 18-01 - SAC.xlsm</t>
  </si>
  <si>
    <t>01/20/2020 12:49:02</t>
  </si>
  <si>
    <t>01/20/2020 12:54:23</t>
  </si>
  <si>
    <t>a13dc9cf-0743-4082-a142-523fb2a0754d.tmp</t>
  </si>
  <si>
    <t>\\acsfs\profiles$\valeriasda\Downloads\a13dc9cf-0743-4082-a142-523fb2a0754d.tmp</t>
  </si>
  <si>
    <t>01/20/2020 12:49:56</t>
  </si>
  <si>
    <t>01/20/2020 12:55:23</t>
  </si>
  <si>
    <t>01/20/2020 12:49:57</t>
  </si>
  <si>
    <t>lu216162ur7r8.tmp</t>
  </si>
  <si>
    <t>\\acsfs\profiles$\BRUNAAR\Numero\lu216162ur7r8.tmp</t>
  </si>
  <si>
    <t>01/20/2020 12:50:00</t>
  </si>
  <si>
    <t>lu216162ur7rc.tmp</t>
  </si>
  <si>
    <t>\\acsfs\profiles$\BRUNAAR\Numero\lu216162ur7rc.tmp</t>
  </si>
  <si>
    <t>01/20/2020 12:52:06</t>
  </si>
  <si>
    <t>91ce4be3-c5e9-4b5c-9e4e-dd97f87f2029.tmp</t>
  </si>
  <si>
    <t>\\acsfs\profiles$\dhiulliananads\Downloads\91ce4be3-c5e9-4b5c-9e4e-dd97f87f2029.tmp</t>
  </si>
  <si>
    <t>01/20/2020 12:56:23</t>
  </si>
  <si>
    <t>ANDREZA CAROLINE AGUIAR PIRES FERREIRA (5145).contact</t>
  </si>
  <si>
    <t>\\acsfs\profiles$\andrezacapf\Contacts\ANDREZA CAROLINE AGUIAR PIRES FERREIRA (5145).contact</t>
  </si>
  <si>
    <t>01/20/2020 12:51:43</t>
  </si>
  <si>
    <t>01/20/2020 12:51:44</t>
  </si>
  <si>
    <t>01/20/2020 12:51:45</t>
  </si>
  <si>
    <t>01/20/2020 12:51:46</t>
  </si>
  <si>
    <t>01/20/2020 12:51:47</t>
  </si>
  <si>
    <t>01/20/2020 12:51:48</t>
  </si>
  <si>
    <t>01/20/2020 12:51:49</t>
  </si>
  <si>
    <t>01/20/2020 12:51:57</t>
  </si>
  <si>
    <t>01/20/2020 12:53:02</t>
  </si>
  <si>
    <t>db23a7ed-f10f-4e75-8a0e-ab0c7e0ff7ee.tmp</t>
  </si>
  <si>
    <t>\\acsfs\profiles$\andrezacapf\Downloads\db23a7ed-f10f-4e75-8a0e-ab0c7e0ff7ee.tmp</t>
  </si>
  <si>
    <t>01/20/2020 12:55:07</t>
  </si>
  <si>
    <t>43bc00e5-2a65-4be5-98e1-62a65056fef9.tmp</t>
  </si>
  <si>
    <t>\\acsfs\profiles$\andrezacapf\Downloads\43bc00e5-2a65-4be5-98e1-62a65056fef9.tmp</t>
  </si>
  <si>
    <t>01/20/2020 12:55:08</t>
  </si>
  <si>
    <t>c6907346-5fb4-4a29-9885-61b174c997fa.tmp</t>
  </si>
  <si>
    <t>\\acsfs\profiles$\andrezacapf\Downloads\c6907346-5fb4-4a29-9885-61b174c997fa.tmp</t>
  </si>
  <si>
    <t>01/20/2020 12:55:11</t>
  </si>
  <si>
    <t>77cc3555-b781-4f43-9c6f-05767b4e91e0.tmp</t>
  </si>
  <si>
    <t>\\acsfs\profiles$\andrezacapf\Downloads\77cc3555-b781-4f43-9c6f-05767b4e91e0.tmp</t>
  </si>
  <si>
    <t>01/20/2020 12:55:40</t>
  </si>
  <si>
    <t>c6b10f5b-89bf-4342-9617-7dacaf397f18.tmp</t>
  </si>
  <si>
    <t>\\acsfs\profiles$\andrezacapf\Downloads\c6b10f5b-89bf-4342-9617-7dacaf397f18.tmp</t>
  </si>
  <si>
    <t>01/20/2020 12:54:41</t>
  </si>
  <si>
    <t>01/20/2020 12:57:23</t>
  </si>
  <si>
    <t>01/20/2020 12:55:09</t>
  </si>
  <si>
    <t>01/20/2020 12:55:39</t>
  </si>
  <si>
    <t>01/20/2020 12:56:39</t>
  </si>
  <si>
    <t>01/20/2020 12:54:16</t>
  </si>
  <si>
    <t>01/20/2020 12:52:53</t>
  </si>
  <si>
    <t>88ab14d2-ae77-434d-bd05-b26eace2b34e.tmp</t>
  </si>
  <si>
    <t>\\acsfs\profiles$\lorrainerdl\Downloads\88ab14d2-ae77-434d-bd05-b26eace2b34e.tmp</t>
  </si>
  <si>
    <t>01/20/2020 12:52:31</t>
  </si>
  <si>
    <t>39f9829b-9fab-40d4-8aff-104861cee34b.tmp</t>
  </si>
  <si>
    <t>\\acsfs\profiles$\regisedsj\Downloads\39f9829b-9fab-40d4-8aff-104861cee34b.tmp</t>
  </si>
  <si>
    <t>01/20/2020 12:52:32</t>
  </si>
  <si>
    <t>d29fbc83-9d59-493d-8249-a8d5d1c19f1e.tmp</t>
  </si>
  <si>
    <t>\\acsfs\profiles$\regisedsj\Downloads\d29fbc83-9d59-493d-8249-a8d5d1c19f1e.tmp</t>
  </si>
  <si>
    <t>01/20/2020 12:52:46</t>
  </si>
  <si>
    <t>01/20/2020 12:53:36</t>
  </si>
  <si>
    <t>ba137a9c-3e60-43af-b713-488e01652945.tmp</t>
  </si>
  <si>
    <t>\\acsfs\profiles$\regisedsj\Downloads\ba137a9c-3e60-43af-b713-488e01652945.tmp</t>
  </si>
  <si>
    <t>01/20/2020 12:53:52</t>
  </si>
  <si>
    <t>01/20/2020 12:58:23</t>
  </si>
  <si>
    <t>01/20/2020 12:54:22</t>
  </si>
  <si>
    <t>01/20/2020 12:54:35</t>
  </si>
  <si>
    <t>01/20/2020 12:55:48</t>
  </si>
  <si>
    <t>6c490c39-3e8f-4eec-a847-565eb32887ea.tmp</t>
  </si>
  <si>
    <t>\\acsfs\profiles$\gabrielsma\Downloads\6c490c39-3e8f-4eec-a847-565eb32887ea.tmp</t>
  </si>
  <si>
    <t>01/20/2020 12:56:01</t>
  </si>
  <si>
    <t>Não confirmado 547237.crdownload</t>
  </si>
  <si>
    <t>\\acsfs\ACS\Gabriel da Silva\Contemporânea\Acessos\Não confirmado 547237.crdownload</t>
  </si>
  <si>
    <t>63ee7b88-c3f6-480e-9227-290dff6504f5.tmp</t>
  </si>
  <si>
    <t>\\acsfs\profiles$\gabrielsma\Downloads\63ee7b88-c3f6-480e-9227-290dff6504f5.tmp</t>
  </si>
  <si>
    <t>Não confirmado 608467.crdownload</t>
  </si>
  <si>
    <t>\\acsfs\ACS\Gabriel da Silva\Contemporânea\VENDAS\Não confirmado 608467.crdownload</t>
  </si>
  <si>
    <t>01/20/2020 12:56:07</t>
  </si>
  <si>
    <t>5c6681f6-d265-4b7b-be27-c78fdfacc529.tmp</t>
  </si>
  <si>
    <t>\\acsfs\profiles$\gabrielsma\Downloads\5c6681f6-d265-4b7b-be27-c78fdfacc529.tmp</t>
  </si>
  <si>
    <t>\\acsfs\profiles$\gabrielsma\Downloads\5c6681f6-d265-4b7b-be27-c78fdfacc529.tmp\xl\</t>
  </si>
  <si>
    <t>\\acsfs\profiles$\gabrielsma\Downloads\5c6681f6-d265-4b7b-be27-c78fdfacc529.tmp\xl\worksheets\</t>
  </si>
  <si>
    <t>\\acsfs\profiles$\gabrielsma\Downloads\5c6681f6-d265-4b7b-be27-c78fdfacc529.tmp\xl\_rels\</t>
  </si>
  <si>
    <t>\\acsfs\profiles$\gabrielsma\Downloads\5c6681f6-d265-4b7b-be27-c78fdfacc529.tmp\</t>
  </si>
  <si>
    <t>\\acsfs\profiles$\gabrielsma\Downloads\5c6681f6-d265-4b7b-be27-c78fdfacc529.tmp\_rels\</t>
  </si>
  <si>
    <t>01/20/2020 12:56:53</t>
  </si>
  <si>
    <t>01/20/2020 12:55:50</t>
  </si>
  <si>
    <t>01/20/2020 12:55:53</t>
  </si>
  <si>
    <t>01/20/2020 12:59:23</t>
  </si>
  <si>
    <t>01/20/2020 12:56:49</t>
  </si>
  <si>
    <t>01/20/2020 12:59:01</t>
  </si>
  <si>
    <t>01/20/2020 13:00:23</t>
  </si>
  <si>
    <t>344d5469-bca2-49e7-b8e1-616e4e83bf63.tmp</t>
  </si>
  <si>
    <t>\\acsfs\profiles$\wedersonbadr\My Documents\My Music\344d5469-bca2-49e7-b8e1-616e4e83bf63.tmp</t>
  </si>
  <si>
    <t>01/20/2020 12:55:43</t>
  </si>
  <si>
    <t>01/20/2020 13:01:23</t>
  </si>
  <si>
    <t>68789b3e-5b71-4afc-b0e9-31a9a04ea1da.tmp</t>
  </si>
  <si>
    <t>\\acsfs\profiles$\andrezacapf\Downloads\68789b3e-5b71-4afc-b0e9-31a9a04ea1da.tmp</t>
  </si>
  <si>
    <t>dc1d49a8-394d-48e5-b9ea-0b0206401f0a.tmp</t>
  </si>
  <si>
    <t>\\acsfs\profiles$\andrezacapf\Downloads\dc1d49a8-394d-48e5-b9ea-0b0206401f0a.tmp</t>
  </si>
  <si>
    <t>01/20/2020 12:56:17</t>
  </si>
  <si>
    <t>bb8f4cca-db8d-4e88-adf5-af62b8fbbc2a.tmp</t>
  </si>
  <si>
    <t>\\acsfs\profiles$\andrezacapf\Downloads\bb8f4cca-db8d-4e88-adf5-af62b8fbbc2a.tmp</t>
  </si>
  <si>
    <t>01/20/2020 12:56:56</t>
  </si>
  <si>
    <t>01/20/2020 13:02:23</t>
  </si>
  <si>
    <t>01/20/2020 12:59:44</t>
  </si>
  <si>
    <t>01/20/2020 12:57:39</t>
  </si>
  <si>
    <t>01/20/2020 12:58:09</t>
  </si>
  <si>
    <t>01/20/2020 13:01:39</t>
  </si>
  <si>
    <t>01/20/2020 13:00:41</t>
  </si>
  <si>
    <t>01/20/2020 13:02:00</t>
  </si>
  <si>
    <t>01/20/2020 12:58:08</t>
  </si>
  <si>
    <t>01/20/2020 12:58:02</t>
  </si>
  <si>
    <t>01/20/2020 12:59:43</t>
  </si>
  <si>
    <t>01/20/2020 13:03:24</t>
  </si>
  <si>
    <t>01/20/2020 13:01:10</t>
  </si>
  <si>
    <t>01/20/2020 13:04:24</t>
  </si>
  <si>
    <t>Não confirmado 825783.crdownload</t>
  </si>
  <si>
    <t>\\acsfs\Deptos\Operacao\Banco_Votorantim\Supervisao\Maristela\CRBV vendas\Desligamento\Não confirmado 825783.crdownload</t>
  </si>
  <si>
    <t>01/20/2020 13:02:21</t>
  </si>
  <si>
    <t>atestado Patrick.7z</t>
  </si>
  <si>
    <t>\\acsfs\Deptos\Operacao\Banco_Votorantim\Supervisao\Maristela\CRBV vendas\Desligamento\atestado Patrick.7z</t>
  </si>
  <si>
    <t>\\acsfs\Deptos\Operacao\Banco_Votorantim\Supervisao\Maristela\CRBV vendas\Desligamento\atestado Patrick.7z\</t>
  </si>
  <si>
    <t>atestado Patrick.pdf</t>
  </si>
  <si>
    <t>01/20/2020 12:58:59</t>
  </si>
  <si>
    <t>01/20/2020 12:59:07</t>
  </si>
  <si>
    <t>01/20/2020 12:59:40</t>
  </si>
  <si>
    <t>01/20/2020 12:59:58</t>
  </si>
  <si>
    <t>01/20/2020 13:00:16</t>
  </si>
  <si>
    <t>01/20/2020 13:00:35</t>
  </si>
  <si>
    <t>01/20/2020 13:00:42</t>
  </si>
  <si>
    <t>01/20/2020 13:00:45</t>
  </si>
  <si>
    <t>01/20/2020 13:01:21</t>
  </si>
  <si>
    <t>01/20/2020 13:01:29</t>
  </si>
  <si>
    <t>01/20/2020 13:01:31</t>
  </si>
  <si>
    <t>01/20/2020 13:01:40</t>
  </si>
  <si>
    <t>01/20/2020 13:01:48</t>
  </si>
  <si>
    <t>01/20/2020 13:01:54</t>
  </si>
  <si>
    <t>01/20/2020 13:02:04</t>
  </si>
  <si>
    <t>01/20/2020 13:02:13</t>
  </si>
  <si>
    <t>01/20/2020 13:02:22</t>
  </si>
  <si>
    <t>01/20/2020 13:02:25</t>
  </si>
  <si>
    <t>01/20/2020 13:02:30</t>
  </si>
  <si>
    <t>01/20/2020 13:02:58</t>
  </si>
  <si>
    <t>01/20/2020 13:03:00</t>
  </si>
  <si>
    <t>01/20/2020 13:03:51</t>
  </si>
  <si>
    <t>01/20/2020 13:05:23</t>
  </si>
  <si>
    <t>d0fc4894-5111-453f-8b62-c0ccda3b53ba.tmp</t>
  </si>
  <si>
    <t>\\acsfs\profiles$\quindaizaagds\Downloads\d0fc4894-5111-453f-8b62-c0ccda3b53ba.tmp</t>
  </si>
  <si>
    <t>01/20/2020 13:01:53</t>
  </si>
  <si>
    <t>Controle%20de%20Erros%20operacionais%20-%20Dezembro%20-ATUALIZADA.ods_0.ods</t>
  </si>
  <si>
    <t>\\acsfs\profiles$\wedersonbadr\My Documents\Controle%20de%20Erros%20operacionais%20-%20Dezembro%20-ATUALIZADA.ods_0.ods</t>
  </si>
  <si>
    <t>\\acsfs\profiles$\wedersonbadr\My Documents\Controle%20de%20Erros%20operacionais%20-%20Dezembro%20-ATUALIZADA.ods_0.ods\Basic\</t>
  </si>
  <si>
    <t>\\acsfs\profiles$\wedersonbadr\My Documents\Controle%20de%20Erros%20operacionais%20-%20Dezembro%20-ATUALIZADA.ods_0.ods\Basic\Standard\</t>
  </si>
  <si>
    <t>\\acsfs\profiles$\wedersonbadr\My Documents\Controle%20de%20Erros%20operacionais%20-%20Dezembro%20-ATUALIZADA.ods_0.ods\Basic\VBAProject\</t>
  </si>
  <si>
    <t>\\acsfs\profiles$\wedersonbadr\My Documents\Controle%20de%20Erros%20operacionais%20-%20Dezembro%20-ATUALIZADA.ods_0.ods\</t>
  </si>
  <si>
    <t>\\acsfs\profiles$\wedersonbadr\My Documents\Controle%20de%20Erros%20operacionais%20-%20Dezembro%20-ATUALIZADA.ods_0.ods\META-INF\</t>
  </si>
  <si>
    <t>\\acsfs\profiles$\wedersonbadr\My Documents\Controle%20de%20Erros%20operacionais%20-%20Dezembro%20-ATUALIZADA.ods_0.ods\Object 1\</t>
  </si>
  <si>
    <t>\\acsfs\profiles$\wedersonbadr\My Documents\Controle%20de%20Erros%20operacionais%20-%20Dezembro%20-ATUALIZADA.ods_0.ods\Object 2\</t>
  </si>
  <si>
    <t>\\acsfs\profiles$\wedersonbadr\My Documents\Controle%20de%20Erros%20operacionais%20-%20Dezembro%20-ATUALIZADA.ods_0.ods\Object 3\</t>
  </si>
  <si>
    <t>\\acsfs\profiles$\wedersonbadr\My Documents\Controle%20de%20Erros%20operacionais%20-%20Dezembro%20-ATUALIZADA.ods_0.ods\Object 4\</t>
  </si>
  <si>
    <t>\\acsfs\profiles$\wedersonbadr\My Documents\Controle%20de%20Erros%20operacionais%20-%20Dezembro%20-ATUALIZADA.ods_0.ods\Object 5\</t>
  </si>
  <si>
    <t>\\acsfs\profiles$\wedersonbadr\My Documents\Controle%20de%20Erros%20operacionais%20-%20Dezembro%20-ATUALIZADA.ods_0.ods\Object 6\</t>
  </si>
  <si>
    <t>\\acsfs\profiles$\wedersonbadr\My Documents\Controle%20de%20Erros%20operacionais%20-%20Dezembro%20-ATUALIZADA.ods_0.ods\Object 7\</t>
  </si>
  <si>
    <t>\\acsfs\profiles$\wedersonbadr\My Documents\Controle%20de%20Erros%20operacionais%20-%20Dezembro%20-ATUALIZADA.ods_0.ods\ObjectReplacements\</t>
  </si>
  <si>
    <t>\\acsfs\profiles$\wedersonbadr\My Documents\Controle%20de%20Erros%20operacionais%20-%20Dezembro%20-ATUALIZADA.ods_0.ods\Pictures\</t>
  </si>
  <si>
    <t>\\acsfs\profiles$\wedersonbadr\My Documents\Controle%20de%20Erros%20operacionais%20-%20Dezembro%20-ATUALIZADA.ods_0.ods\Thumbnails\</t>
  </si>
  <si>
    <t>.~lock.Relatorio de Vendas - Auditoria BV Financeira - Janeiro_ -_.xlsm#</t>
  </si>
  <si>
    <t>\\acsfs\profiles$\wedersonbadr\Downloads\.~lock.Relatorio de Vendas - Auditoria BV Financeira - Janeiro_ -_.xlsm#</t>
  </si>
  <si>
    <t>01/20/2020 13:00:26</t>
  </si>
  <si>
    <t>lu13028luoy.tmp</t>
  </si>
  <si>
    <t>\\acsfs\profiles$\LUISPLS\My Documents\Nova pasta\lu13028luoy.tmp</t>
  </si>
  <si>
    <t>\\acsfs\profiles$\LUISPLS\My Documents\Nova pasta\lu13028luoy.tmp\</t>
  </si>
  <si>
    <t>\\acsfs\profiles$\LUISPLS\My Documents\Nova pasta\lu13028luoy.tmp\META-INF\</t>
  </si>
  <si>
    <t>\\acsfs\profiles$\LUISPLS\My Documents\Nova pasta\lu13028luoy.tmp\Thumbnails\</t>
  </si>
  <si>
    <t>01/20/2020 13:01:57</t>
  </si>
  <si>
    <t>01/20/2020 13:06:22</t>
  </si>
  <si>
    <t>01/20/2020 13:01:58</t>
  </si>
  <si>
    <t>01/20/2020 13:01:59</t>
  </si>
  <si>
    <t>01/20/2020 13:02:01</t>
  </si>
  <si>
    <t>01/20/2020 13:02:02</t>
  </si>
  <si>
    <t>01/20/2020 13:02:03</t>
  </si>
  <si>
    <t>01/20/2020 13:02:05</t>
  </si>
  <si>
    <t>01/20/2020 13:02:06</t>
  </si>
  <si>
    <t>01/20/2020 13:02:07</t>
  </si>
  <si>
    <t>01/20/2020 13:02:08</t>
  </si>
  <si>
    <t>01/20/2020 13:02:09</t>
  </si>
  <si>
    <t>01/20/2020 13:02:10</t>
  </si>
  <si>
    <t>01/20/2020 13:02:11</t>
  </si>
  <si>
    <t>01/20/2020 13:02:12</t>
  </si>
  <si>
    <t>01/20/2020 13:02:14</t>
  </si>
  <si>
    <t>01/20/2020 13:02:15</t>
  </si>
  <si>
    <t>01/20/2020 13:02:16</t>
  </si>
  <si>
    <t>01/20/2020 13:04:32</t>
  </si>
  <si>
    <t>01/20/2020 13:07:23</t>
  </si>
  <si>
    <t>01/20/2020 13:02:39</t>
  </si>
  <si>
    <t>01/20/2020 13:05:53</t>
  </si>
  <si>
    <t>01/20/2020 13:02:47</t>
  </si>
  <si>
    <t>01/20/2020 13:08:23</t>
  </si>
  <si>
    <t>01/20/2020 13:03:35</t>
  </si>
  <si>
    <t>01/20/2020 13:03:39</t>
  </si>
  <si>
    <t>01/20/2020 13:03:27</t>
  </si>
  <si>
    <t>01/20/2020 13:03:55</t>
  </si>
  <si>
    <t>01/20/2020 13:04:03</t>
  </si>
  <si>
    <t>01/20/2020 13:04:06</t>
  </si>
  <si>
    <t>01/20/2020 13:04:09</t>
  </si>
  <si>
    <t>01/20/2020 13:04:16</t>
  </si>
  <si>
    <t>01/20/2020 13:04:20</t>
  </si>
  <si>
    <t>01/20/2020 13:04:27</t>
  </si>
  <si>
    <t>01/20/2020 13:04:42</t>
  </si>
  <si>
    <t>RELATORIO DE LOGIN - FINANCEIRA - 19-01 - SAC.xlsm</t>
  </si>
  <si>
    <t>\\acsfs\DEPTOS\Operacao\PCP\5 - Comum\PLANEJAMENTO BV\14 - ACOMPANHAMENTO\1 - REPORT ACOMPANHAMENTO\2020\1 - JANEIRO\FINANCEIRA\Login Logout Financeira\RELATORIO DE LOGIN - FINANCEIRA - 19-01 - SAC.xlsm</t>
  </si>
  <si>
    <t>01/20/2020 13:04:49</t>
  </si>
  <si>
    <t>mail.google.com/_/upload?authuser=0&amp;dcp=asu-n&amp;upload_id=AEnB2Uruv2A5O_ik9UgougASNRBQuicK1_5UKXqsCoUnyM7A8rSJfyv5O4N7hw0vfLVJyQsVpLYIF4pXiwIo4zXD6BDfeej1RA&amp;upload_protocol=resumable</t>
  </si>
  <si>
    <t>01/20/2020 13:04:54</t>
  </si>
  <si>
    <t>01/20/2020 13:05:07</t>
  </si>
  <si>
    <t>01/20/2020 13:05:11</t>
  </si>
  <si>
    <t>01/20/2020 13:05:08</t>
  </si>
  <si>
    <t>8d173581-117b-4295-ac54-8afc7a885cd3.tmp</t>
  </si>
  <si>
    <t>\\acsfs\profiles$\paulovadc\Downloads\8d173581-117b-4295-ac54-8afc7a885cd3.tmp</t>
  </si>
  <si>
    <t>01/20/2020 13:06:16</t>
  </si>
  <si>
    <t>01/20/2020 13:09:23</t>
  </si>
  <si>
    <t>01/20/2020 13:06:57</t>
  </si>
  <si>
    <t>17/01/2020;</t>
  </si>
  <si>
    <t>https://17/01/2020</t>
  </si>
  <si>
    <t>01/20/2020 13:07:08</t>
  </si>
  <si>
    <t>https://algar.folhasinergyrh.com.br/afastamento/upload?id=0&amp;idsolicitacao=22363</t>
  </si>
  <si>
    <t>01/20/2020 13:05:18</t>
  </si>
  <si>
    <t>01/20/2020 13:05:48</t>
  </si>
  <si>
    <t>01/20/2020 13:06:11</t>
  </si>
  <si>
    <t>01/20/2020 13:06:37</t>
  </si>
  <si>
    <t>01/20/2020 13:06:42</t>
  </si>
  <si>
    <t>01/20/2020 13:06:53</t>
  </si>
  <si>
    <t>01/20/2020 13:06:55</t>
  </si>
  <si>
    <t>01/20/2020 13:07:52</t>
  </si>
  <si>
    <t>01/20/2020 13:10:23</t>
  </si>
  <si>
    <t>01/20/2020 13:07:53</t>
  </si>
  <si>
    <t>lu240763wrvj9.tmp</t>
  </si>
  <si>
    <t>\\acsfs\profiles$\dhiulliananads\My Documents\lu240763wrvj9.tmp</t>
  </si>
  <si>
    <t>\\acsfs\profiles$\dhiulliananads\My Documents\lu240763wrvj9.tmp\</t>
  </si>
  <si>
    <t>\\acsfs\profiles$\dhiulliananads\My Documents\lu240763wrvj9.tmp\META-INF\</t>
  </si>
  <si>
    <t>\\acsfs\profiles$\dhiulliananads\My Documents\lu240763wrvj9.tmp\Thumbnails\</t>
  </si>
  <si>
    <t>01/20/2020 13:07:55</t>
  </si>
  <si>
    <t>lu240763wrvje.tmp</t>
  </si>
  <si>
    <t>\\acsfs\profiles$\dhiulliananads\My Documents\lu240763wrvje.tmp</t>
  </si>
  <si>
    <t>\\acsfs\profiles$\dhiulliananads\My Documents\lu240763wrvje.tmp\</t>
  </si>
  <si>
    <t>\\acsfs\profiles$\dhiulliananads\My Documents\lu240763wrvje.tmp\META-INF\</t>
  </si>
  <si>
    <t>\\acsfs\profiles$\dhiulliananads\My Documents\lu240763wrvje.tmp\Thumbnails\</t>
  </si>
  <si>
    <t>01/20/2020 13:08:54</t>
  </si>
  <si>
    <t>fraude 1.PNG</t>
  </si>
  <si>
    <t>\\acsfs\profiles$\nayarasds\Downloads\fraude 1.PNG</t>
  </si>
  <si>
    <t>01/20/2020 13:09:25</t>
  </si>
  <si>
    <t>fraude 2.PNG</t>
  </si>
  <si>
    <t>\\acsfs\profiles$\nayarasds\Downloads\fraude 2.PNG</t>
  </si>
  <si>
    <t>01/20/2020 13:07:36</t>
  </si>
  <si>
    <t>01/20/2020 13:11:23</t>
  </si>
  <si>
    <t>01/20/2020 13:12:23</t>
  </si>
  <si>
    <t>01/20/2020 13:08:09</t>
  </si>
  <si>
    <t>01/20/2020 13:08:39</t>
  </si>
  <si>
    <t>01/20/2020 13:09:09</t>
  </si>
  <si>
    <t>01/20/2020 13:09:39</t>
  </si>
  <si>
    <t>01/20/2020 13:10:14</t>
  </si>
  <si>
    <t>01/20/2020 13:13:23</t>
  </si>
  <si>
    <t>01/20/2020 13:10:15</t>
  </si>
  <si>
    <t>lu691285q20go.tmp</t>
  </si>
  <si>
    <t>\\acsfs\profiles$\ALEXANDREMM\lu691285q20go.tmp</t>
  </si>
  <si>
    <t>\\acsfs\profiles$\ALEXANDREMM\lu691285q20go.tmp\</t>
  </si>
  <si>
    <t>\\acsfs\profiles$\ALEXANDREMM\lu691285q20go.tmp\META-INF\</t>
  </si>
  <si>
    <t>\\acsfs\profiles$\ALEXANDREMM\lu691285q20go.tmp\Thumbnails\</t>
  </si>
  <si>
    <t>01/20/2020 13:09:45</t>
  </si>
  <si>
    <t>https://andrelpsa@algartech.com,antoniocoj@algartech.com,ricardodfm@algartech.com.br</t>
  </si>
  <si>
    <t>01/20/2020 13:10:40</t>
  </si>
  <si>
    <t>01/20/2020 13:11:55</t>
  </si>
  <si>
    <t>01/20/2020 13:14:23</t>
  </si>
  <si>
    <t>01/20/2020 13:13:49</t>
  </si>
  <si>
    <t>01/20/2020 13:10:37</t>
  </si>
  <si>
    <t>01/20/2020 13:15:23</t>
  </si>
  <si>
    <t>http:///batch/drive/v2internal?%24ct=multipart%2Fmixed%3B%20boundary%3D%22%3D%3D%3D%3D%3D69ff9gi7zzcj%3D%3D%3D%3D%3D%22&amp;key=AIzaSyAy9VVXHSpS2IJpptzYtGbLP3-3_l0aBk4</t>
  </si>
  <si>
    <t>http:///batch/drive/v2internal?%24ct=multipart%2Fmixed%3B%20boundary%3D%22%3D%3D%3D%3D%3Dbgb1qcghkkk7%3D%3D%3D%3D%3D%22&amp;key=AIzaSyAy9VVXHSpS2IJpptzYtGbLP3-3_l0aBk4</t>
  </si>
  <si>
    <t>01/20/2020 13:10:38</t>
  </si>
  <si>
    <t>01/20/2020 13:10:39</t>
  </si>
  <si>
    <t>http:///batch/drive/v2internal?%24ct=multipart%2Fmixed%3B%20boundary%3D%22%3D%3D%3D%3D%3Dtlsartg307se%3D%3D%3D%3D%3D%22&amp;key=AIzaSyAy9VVXHSpS2IJpptzYtGbLP3-3_l0aBk4</t>
  </si>
  <si>
    <t>01/20/2020 13:13:38</t>
  </si>
  <si>
    <t>http:///batch/drive/v2internal?%24ct=multipart%2Fmixed%3B%20boundary%3D%22%3D%3D%3D%3D%3Db9hm27oew7xe%3D%3D%3D%3D%3D%22&amp;key=AIzaSyAy9VVXHSpS2IJpptzYtGbLP3-3_l0aBk4</t>
  </si>
  <si>
    <t>01/20/2020 13:13:39</t>
  </si>
  <si>
    <t>http:///batch/drive/v2internal?%24ct=multipart%2Fmixed%3B%20boundary%3D%22%3D%3D%3D%3D%3Duqx0ezz1ta30%3D%3D%3D%3D%3D%22&amp;key=AIzaSyAy9VVXHSpS2IJpptzYtGbLP3-3_l0aBk4</t>
  </si>
  <si>
    <t>01/20/2020 13:13:40</t>
  </si>
  <si>
    <t>http:///batch/drive/v2internal?%24ct=multipart%2Fmixed%3B%20boundary%3D%22%3D%3D%3D%3D%3Dnuedwywsd8x9%3D%3D%3D%3D%3D%22&amp;key=AIzaSyAy9VVXHSpS2IJpptzYtGbLP3-3_l0aBk4</t>
  </si>
  <si>
    <t>01/20/2020 13:13:41</t>
  </si>
  <si>
    <t>01/20/2020 13:10:42</t>
  </si>
  <si>
    <t>lu13028lup3.tmp</t>
  </si>
  <si>
    <t>\\acsfs\profiles$\LUISPLS\My Documents\Nova pasta\lu13028lup3.tmp</t>
  </si>
  <si>
    <t>\\acsfs\profiles$\LUISPLS\My Documents\Nova pasta\lu13028lup3.tmp\</t>
  </si>
  <si>
    <t>\\acsfs\profiles$\LUISPLS\My Documents\Nova pasta\lu13028lup3.tmp\META-INF\</t>
  </si>
  <si>
    <t>\\acsfs\profiles$\LUISPLS\My Documents\Nova pasta\lu13028lup3.tmp\Thumbnails\</t>
  </si>
  <si>
    <t>01/20/2020 13:12:34</t>
  </si>
  <si>
    <t>01/20/2020 13:16:23</t>
  </si>
  <si>
    <t>8b619749-5fbb-49a1-a646-941d01a90d07.tmp</t>
  </si>
  <si>
    <t>\\acsfs\profiles$\mariajra\Downloads\8b619749-5fbb-49a1-a646-941d01a90d07.tmp</t>
  </si>
  <si>
    <t>01/20/2020 13:17:23</t>
  </si>
  <si>
    <t>01/20/2020 13:15:40</t>
  </si>
  <si>
    <t>01/20/2020 13:16:10</t>
  </si>
  <si>
    <t>01/20/2020 13:16:40</t>
  </si>
  <si>
    <t>01/20/2020 13:15:00</t>
  </si>
  <si>
    <t>01/20/2020 13:15:01</t>
  </si>
  <si>
    <t>lu10556ftxu.tmp</t>
  </si>
  <si>
    <t>\\acsfs\profiles$\VIVIANALDS\My Documents\lu10556ftxu.tmp</t>
  </si>
  <si>
    <t>\\acsfs\profiles$\VIVIANALDS\My Documents\lu10556ftxu.tmp\</t>
  </si>
  <si>
    <t>\\acsfs\profiles$\VIVIANALDS\My Documents\lu10556ftxu.tmp\META-INF\</t>
  </si>
  <si>
    <t>\\acsfs\profiles$\VIVIANALDS\My Documents\lu10556ftxu.tmp\Thumbnails\</t>
  </si>
  <si>
    <t>01/20/2020 13:16:53</t>
  </si>
  <si>
    <t>lu10556ftxy.tmp</t>
  </si>
  <si>
    <t>\\acsfs\profiles$\VIVIANALDS\My Documents\lu10556ftxy.tmp</t>
  </si>
  <si>
    <t>\\acsfs\profiles$\VIVIANALDS\My Documents\lu10556ftxy.tmp\</t>
  </si>
  <si>
    <t>\\acsfs\profiles$\VIVIANALDS\My Documents\lu10556ftxy.tmp\META-INF\</t>
  </si>
  <si>
    <t>\\acsfs\profiles$\VIVIANALDS\My Documents\lu10556ftxy.tmp\Thumbnails\</t>
  </si>
  <si>
    <t>01/20/2020 13:15:12</t>
  </si>
  <si>
    <t>01/20/2020 13:13:03</t>
  </si>
  <si>
    <t>01/20/2020 13:18:23</t>
  </si>
  <si>
    <t>01/20/2020 13:17:38</t>
  </si>
  <si>
    <t>830ed383-f6af-490c-a799-e41f93a7497a.tmp</t>
  </si>
  <si>
    <t>\\acsfs\profiles$\lucasgpe\Downloads\830ed383-f6af-490c-a799-e41f93a7497a.tmp</t>
  </si>
  <si>
    <t>01/20/2020 13:14:49</t>
  </si>
  <si>
    <t>01/20/2020 13:20:22</t>
  </si>
  <si>
    <t>01/20/2020 13:18:11</t>
  </si>
  <si>
    <t>1cd19b7f-36ac-4934-af44-2f0fb466c3e1.tmp</t>
  </si>
  <si>
    <t>\\acsfs\profiles$\quindaizaagds\Downloads\1cd19b7f-36ac-4934-af44-2f0fb466c3e1.tmp</t>
  </si>
  <si>
    <t>01/20/2020 13:18:25</t>
  </si>
  <si>
    <t>01/20/2020 13:21:23</t>
  </si>
  <si>
    <t>01/20/2020 13:16:33</t>
  </si>
  <si>
    <t>C:\Users\fernandaab\Downloads\LAUDO FERNANDA.docx\</t>
  </si>
  <si>
    <t>\\acsfs\Deptos\EDUCACAO EMPRESARIAL\FERNANDA MONIT\LAUDO FERNANDA.docx</t>
  </si>
  <si>
    <t>LAUDO FERNANDA.docx</t>
  </si>
  <si>
    <t>01/20/2020 13:16:34</t>
  </si>
  <si>
    <t>\\acsfs\Deptos\EDUCACAO EMPRESARIAL\FERNANDA MONIT\LAUDO FERNANDA.docx\</t>
  </si>
  <si>
    <t>\\acsfs\Deptos\EDUCACAO EMPRESARIAL\FERNANDA MONIT\LAUDO FERNANDA.docx\:Zone.Identifier:$DATA</t>
  </si>
  <si>
    <t>01/20/2020 13:16:42</t>
  </si>
  <si>
    <t>01/20/2020 13:16:43</t>
  </si>
  <si>
    <t>01/20/2020 13:16:52</t>
  </si>
  <si>
    <t>01/20/2020 13:17:02</t>
  </si>
  <si>
    <t>01/20/2020 13:17:10</t>
  </si>
  <si>
    <t>01/20/2020 13:22:23</t>
  </si>
  <si>
    <t>01/20/2020 13:17:40</t>
  </si>
  <si>
    <t>01/20/2020 13:18:10</t>
  </si>
  <si>
    <t>01/20/2020 13:18:40</t>
  </si>
  <si>
    <t>01/20/2020 13:19:40</t>
  </si>
  <si>
    <t>01/20/2020 13:20:10</t>
  </si>
  <si>
    <t>01/20/2020 13:20:40</t>
  </si>
  <si>
    <t>01/20/2020 13:21:01</t>
  </si>
  <si>
    <t>8c9029d7-efca-43b8-81a4-b931b6bbc18c.tmp</t>
  </si>
  <si>
    <t>\\acsfs\profiles$\regisedsj\Downloads\8c9029d7-efca-43b8-81a4-b931b6bbc18c.tmp</t>
  </si>
  <si>
    <t>01/20/2020 13:19:45</t>
  </si>
  <si>
    <t>lu10556fty2.tmp</t>
  </si>
  <si>
    <t>\\acsfs\profiles$\VIVIANALDS\My Documents\lu10556fty2.tmp</t>
  </si>
  <si>
    <t>\\acsfs\profiles$\VIVIANALDS\My Documents\lu10556fty2.tmp\</t>
  </si>
  <si>
    <t>\\acsfs\profiles$\VIVIANALDS\My Documents\lu10556fty2.tmp\META-INF\</t>
  </si>
  <si>
    <t>\\acsfs\profiles$\VIVIANALDS\My Documents\lu10556fty2.tmp\Thumbnails\</t>
  </si>
  <si>
    <t>01/20/2020 13:19:49</t>
  </si>
  <si>
    <t>01/20/2020 13:19:50</t>
  </si>
  <si>
    <t>lu10556fty6.tmp</t>
  </si>
  <si>
    <t>\\acsfs\profiles$\VIVIANALDS\My Documents\lu10556fty6.tmp</t>
  </si>
  <si>
    <t>\\acsfs\profiles$\VIVIANALDS\My Documents\lu10556fty6.tmp\</t>
  </si>
  <si>
    <t>\\acsfs\profiles$\VIVIANALDS\My Documents\lu10556fty6.tmp\META-INF\</t>
  </si>
  <si>
    <t>\\acsfs\profiles$\VIVIANALDS\My Documents\lu10556fty6.tmp\Thumbnails\</t>
  </si>
  <si>
    <t>01/20/2020 13:20:11</t>
  </si>
  <si>
    <t>01/20/2020 13:23:23</t>
  </si>
  <si>
    <t>01/20/2020 13:20:18</t>
  </si>
  <si>
    <t>01/20/2020 13:19:15</t>
  </si>
  <si>
    <t>01/20/2020 13:20:42</t>
  </si>
  <si>
    <t>01/20/2020 13:24:23</t>
  </si>
  <si>
    <t>01/20/2020 13:20:50</t>
  </si>
  <si>
    <t>01/20/2020 13:25:23</t>
  </si>
  <si>
    <t>01/20/2020 13:20:51</t>
  </si>
  <si>
    <t>01/20/2020 13:20:52</t>
  </si>
  <si>
    <t>01/20/2020 13:20:53</t>
  </si>
  <si>
    <t>01/20/2020 13:20:54</t>
  </si>
  <si>
    <t>01/20/2020 13:20:55</t>
  </si>
  <si>
    <t>01/20/2020 13:20:56</t>
  </si>
  <si>
    <t>01/20/2020 13:20:57</t>
  </si>
  <si>
    <t>01/20/2020 13:20:58</t>
  </si>
  <si>
    <t>01/20/2020 13:20:59</t>
  </si>
  <si>
    <t>01/20/2020 13:21:00</t>
  </si>
  <si>
    <t>01/20/2020 13:21:02</t>
  </si>
  <si>
    <t>01/20/2020 13:21:03</t>
  </si>
  <si>
    <t>01/20/2020 13:21:04</t>
  </si>
  <si>
    <t>01/20/2020 13:21:05</t>
  </si>
  <si>
    <t>01/20/2020 13:21:06</t>
  </si>
  <si>
    <t>01/20/2020 13:21:07</t>
  </si>
  <si>
    <t>01/20/2020 13:21:08</t>
  </si>
  <si>
    <t>01/20/2020 13:21:09</t>
  </si>
  <si>
    <t>01/20/2020 13:21:10</t>
  </si>
  <si>
    <t>01/20/2020 13:21:11</t>
  </si>
  <si>
    <t>01/20/2020 13:21:12</t>
  </si>
  <si>
    <t>01/20/2020 13:19:56</t>
  </si>
  <si>
    <t>79c6be70-f931-46c1-aa71-04747b6a2abd.tmp</t>
  </si>
  <si>
    <t>\\acsfs\profiles$\inarajst\Downloads\79c6be70-f931-46c1-aa71-04747b6a2abd.tmp</t>
  </si>
  <si>
    <t>01/20/2020 13:26:23</t>
  </si>
  <si>
    <t>01/20/2020 13:23:11</t>
  </si>
  <si>
    <t>LEYDIANE APARECIDA MOREIRA DUARTE (35).contact</t>
  </si>
  <si>
    <t>\\acsfs\profiles$\leydianeamd\Contacts\LEYDIANE APARECIDA MOREIRA DUARTE (35).contact</t>
  </si>
  <si>
    <t>01/20/2020 13:23:38</t>
  </si>
  <si>
    <t>01/20/2020 13:23:39</t>
  </si>
  <si>
    <t>01/20/2020 13:23:40</t>
  </si>
  <si>
    <t>01/20/2020 13:23:41</t>
  </si>
  <si>
    <t>01/20/2020 13:23:42</t>
  </si>
  <si>
    <t>01/20/2020 13:23:43</t>
  </si>
  <si>
    <t>01/20/2020 13:23:44</t>
  </si>
  <si>
    <t>01/20/2020 13:22:41</t>
  </si>
  <si>
    <t>6f4014a3-507c-4e6c-b437-d76a8af0af32.tmp</t>
  </si>
  <si>
    <t>\\acsfs\profiles$\larissaad\Downloads\6f4014a3-507c-4e6c-b437-d76a8af0af32.tmp</t>
  </si>
  <si>
    <t>01/20/2020 13:27:23</t>
  </si>
  <si>
    <t>01/20/2020 13:24:10</t>
  </si>
  <si>
    <t>01/20/2020 13:26:10</t>
  </si>
  <si>
    <t>01/20/2020 13:26:40</t>
  </si>
  <si>
    <t>01/20/2020 13:25:48</t>
  </si>
  <si>
    <t>01/20/2020 13:30:24</t>
  </si>
  <si>
    <t>ce1a025c-619d-4cc7-a0d8-3cfd684c95a7.tmp</t>
  </si>
  <si>
    <t>\\acsfs\profiles$\wedersonbadr\My Documents\My Music\ce1a025c-619d-4cc7-a0d8-3cfd684c95a7.tmp</t>
  </si>
  <si>
    <t>01/20/2020 13:28:11</t>
  </si>
  <si>
    <t>01/20/2020 13:31:23</t>
  </si>
  <si>
    <t>01/20/2020 13:32:23</t>
  </si>
  <si>
    <t>01/20/2020 13:31:40</t>
  </si>
  <si>
    <t>01/20/2020 13:29:41</t>
  </si>
  <si>
    <t>01/20/2020 13:27:57</t>
  </si>
  <si>
    <t>01/20/2020 13:33:23</t>
  </si>
  <si>
    <t>01/20/2020 13:27:58</t>
  </si>
  <si>
    <t>lu691285q20gv.tmp</t>
  </si>
  <si>
    <t>\\acsfs\profiles$\ALEXANDREMM\lu691285q20gv.tmp</t>
  </si>
  <si>
    <t>\\acsfs\profiles$\ALEXANDREMM\lu691285q20gv.tmp\</t>
  </si>
  <si>
    <t>\\acsfs\profiles$\ALEXANDREMM\lu691285q20gv.tmp\META-INF\</t>
  </si>
  <si>
    <t>\\acsfs\profiles$\ALEXANDREMM\lu691285q20gv.tmp\Thumbnails\</t>
  </si>
  <si>
    <t>01/20/2020 13:29:14</t>
  </si>
  <si>
    <t>01/20/2020 13:34:23</t>
  </si>
  <si>
    <t>01/20/2020 13:28:56</t>
  </si>
  <si>
    <t>72d228f3-46ba-4dac-930a-1d10f09571b9.tmp</t>
  </si>
  <si>
    <t>\\acsfs\profiles$\valeriasda\Downloads\72d228f3-46ba-4dac-930a-1d10f09571b9.tmp</t>
  </si>
  <si>
    <t>01/20/2020 13:29:19</t>
  </si>
  <si>
    <t>01/20/2020 13:33:20</t>
  </si>
  <si>
    <t>01/20/2020 13:36:23</t>
  </si>
  <si>
    <t>01/20/2020 13:32:05</t>
  </si>
  <si>
    <t>25c41d22-35bf-4fe4-aafe-e56e50a4d875.tmp</t>
  </si>
  <si>
    <t>\\acsfs\profiles$\cintiadjl\Downloads\25c41d22-35bf-4fe4-aafe-e56e50a4d875.tmp</t>
  </si>
  <si>
    <t>01/20/2020 13:32:49</t>
  </si>
  <si>
    <t>7062b2db-cd34-488e-997c-e34a49bb2078.tmp</t>
  </si>
  <si>
    <t>\\acsfs\profiles$\larissaad\Downloads\7062b2db-cd34-488e-997c-e34a49bb2078.tmp</t>
  </si>
  <si>
    <t>01/20/2020 13:37:23</t>
  </si>
  <si>
    <t>01/20/2020 13:32:10</t>
  </si>
  <si>
    <t>01/20/2020 13:32:40</t>
  </si>
  <si>
    <t>01/20/2020 13:33:40</t>
  </si>
  <si>
    <t>01/20/2020 13:35:40</t>
  </si>
  <si>
    <t>01/20/2020 13:36:10</t>
  </si>
  <si>
    <t>01/20/2020 13:34:33</t>
  </si>
  <si>
    <t>01/20/2020 13:35:08</t>
  </si>
  <si>
    <t>01/20/2020 13:38:23</t>
  </si>
  <si>
    <t>01/20/2020 13:34:07</t>
  </si>
  <si>
    <t>d57f177d-909e-49f9-b7f7-5d18b9799ff1.tmp</t>
  </si>
  <si>
    <t>\\acsfs\profiles$\claudiajca\Downloads\d57f177d-909e-49f9-b7f7-5d18b9799ff1.tmp</t>
  </si>
  <si>
    <t>01/20/2020 13:37:02</t>
  </si>
  <si>
    <t>01/20/2020 13:39:20</t>
  </si>
  <si>
    <t>01/20/2020 13:40:23</t>
  </si>
  <si>
    <t>lu240763wrvjj.tmp</t>
  </si>
  <si>
    <t>\\acsfs\profiles$\dhiulliananads\My Documents\lu240763wrvjj.tmp</t>
  </si>
  <si>
    <t>\\acsfs\profiles$\dhiulliananads\My Documents\lu240763wrvjj.tmp\</t>
  </si>
  <si>
    <t>\\acsfs\profiles$\dhiulliananads\My Documents\lu240763wrvjj.tmp\META-INF\</t>
  </si>
  <si>
    <t>\\acsfs\profiles$\dhiulliananads\My Documents\lu240763wrvjj.tmp\Thumbnails\</t>
  </si>
  <si>
    <t>01/20/2020 13:35:00</t>
  </si>
  <si>
    <t>http:///batch/drive/v2internal?%24ct=multipart%2Fmixed%3B%20boundary%3D%22%3D%3D%3D%3D%3Dv808p4aabqko%3D%3D%3D%3D%3D%22&amp;key=AIzaSyAy9VVXHSpS2IJpptzYtGbLP3-3_l0aBk4</t>
  </si>
  <si>
    <t>http:///batch/drive/v2internal?%24ct=multipart%2Fmixed%3B%20boundary%3D%22%3D%3D%3D%3D%3D717v8hgi0nom%3D%3D%3D%3D%3D%22&amp;key=AIzaSyAy9VVXHSpS2IJpptzYtGbLP3-3_l0aBk4</t>
  </si>
  <si>
    <t>01/20/2020 13:35:01</t>
  </si>
  <si>
    <t>http:///batch/drive/v2internal?%24ct=multipart%2Fmixed%3B%20boundary%3D%22%3D%3D%3D%3D%3D8n6scigyfpyv%3D%3D%3D%3D%3D%22&amp;key=AIzaSyAy9VVXHSpS2IJpptzYtGbLP3-3_l0aBk4</t>
  </si>
  <si>
    <t>01/20/2020 13:38:04</t>
  </si>
  <si>
    <t>http:///batch/drive/v2internal?%24ct=multipart%2Fmixed%3B%20boundary%3D%22%3D%3D%3D%3D%3Dygbqkcjoa3i0%3D%3D%3D%3D%3D%22&amp;key=AIzaSyAy9VVXHSpS2IJpptzYtGbLP3-3_l0aBk4</t>
  </si>
  <si>
    <t>"mozilla/5.0 (windows nt 6.1) applewebkit/537.36 (khtml;1;13;13700109;13700607;13700883;13701139;13701214;13701298;13701418;13701458;13701577;13701589;13701613;13701625;13701657;13701749;13701825;13701901;13701921;13701949;13701953;13701969;13702064;13702088;1579520900840000;1579520901989000;1579522108972;1579534147818;45;5;621969351;[[13701450;[];[]]];adfn-csyrvwqermfbxam1mkavsrzjlg0rundo9gysmvmlrxxhlhfmqhcw7_ynhcatkqscdyldsiy;ancestorhasaugmentedpermissions;containsunsubscribedchildren;displayname;domain;emailaddress;false;false];fedb0gqdtuqawg";file(kind;fileid;filesize;hasthumbnail;hasvisitorpermissions;id;id);items(deleted;ken;ken=ac4w5vi0ka-sxkbznvlqg8lj5-wvx_fz5a:1579520900837&amp;buildlabel=drive.web-frontend_20200108.00_p2igit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</t>
  </si>
  <si>
    <t>http://"mozilla/5.0 (windows nt 6.1) applewebkit/537.36 (khtml,1,13,13700109,13700607,13700883,13701139,13701214,13701298,13701418,13701458,13701577,13701589,13701613,13701625,13701657,13701749,13701825,13701901,13701921,13701949,13701953,13701969,13702064,13702088,1579520900840000,1579520901989000,1579522108972,1579534147818,45,5,621969351,[[13701450,[],[]]],adfn-csyrvwqermfbxam1mkavsrzjlg0rundo9gysmvmlrxxhlhfmqhcw7_ynhcatkqscdyldsiy,ancestorhasaugmentedpermissions,containsunsubscribedchildren,displayname,domain,emailaddress,false,false],fedb0gqdtuqawg",file(kind,fileid,filesize,hasthumbnail,hasvisitorpermissions,id,id),items(deleted,ken,ken=ac4w5vi0ka-sxkbznvlqg8lj5-wvx_fz5a:1579520900837&amp;buildlabel=drive.web-frontend_20200108.00_p2igit,kind,l-ckacf_7r3zozh1hhizn88xwetaapoebcpjm5ey2zyse1nt3xmnhcr-rz9s-zdg-5-xx2v8f_tzsvcfibwrle5qaq53vh6r8m19mnq0rhk68ibitnjgrsmrdalihic4l1lxyqga8ovr5etkjjbkmsgw0htomrw0ftovchx76kgoyskqvpqzuqo0mrsk-nevtbmaqaleloorbdq4mjvgtmunagardgcvqomsjf2dfmbefzskm2b2sgehmip1,lastmodifyinguser</t>
  </si>
  <si>
    <t>01/20/2020 13:38:05</t>
  </si>
  <si>
    <t>http:///batch/drive/v2internal?%24ct=multipart%2Fmixed%3B%20boundary%3D%22%3D%3D%3D%3D%3Dqvhnf0xku1a1%3D%3D%3D%3D%3D%22&amp;key=AIzaSyAy9VVXHSpS2IJpptzYtGbLP3-3_l0aBk4</t>
  </si>
  <si>
    <t>01/20/2020 13:38:06</t>
  </si>
  <si>
    <t>http:///batch/drive/v2internal?%24ct=multipart%2Fmixed%3B%20boundary%3D%22%3D%3D%3D%3D%3Don7j0alj7kw%3D%3D%3D%3D%3D%22&amp;key=AIzaSyAy9VVXHSpS2IJpptzYtGbLP3-3_l0aBk4</t>
  </si>
  <si>
    <t>01/20/2020 13:38:07</t>
  </si>
  <si>
    <t>01/20/2020 13:39:28</t>
  </si>
  <si>
    <t>http:///batch/drive/v2internal?%24ct=multipart%2Fmixed%3B%20boundary%3D%22%3D%3D%3D%3D%3D8hqbssr1zng4%3D%3D%3D%3D%3D%22&amp;key=AIzaSyAy9VVXHSpS2IJpptzYtGbLP3-3_l0aBk4</t>
  </si>
  <si>
    <t>01/20/2020 13:39:29</t>
  </si>
  <si>
    <t>http:///batch/drive/v2internal?%24ct=multipart%2Fmixed%3B%20boundary%3D%22%3D%3D%3D%3D%3D3j0gbjc30mfy%3D%3D%3D%3D%3D%22&amp;key=AIzaSyAy9VVXHSpS2IJpptzYtGbLP3-3_l0aBk4</t>
  </si>
  <si>
    <t>01/20/2020 13:39:30</t>
  </si>
  <si>
    <t>http:///batch/drive/v2internal?%24ct=multipart%2Fmixed%3B%20boundary%3D%22%3D%3D%3D%3D%3Dfbxaoo7xqmz%3D%3D%3D%3D%3D%22&amp;key=AIzaSyAy9VVXHSpS2IJpptzYtGbLP3-3_l0aBk4</t>
  </si>
  <si>
    <t>01/20/2020 13:37:44</t>
  </si>
  <si>
    <t>01/20/2020 13:40:06</t>
  </si>
  <si>
    <t>01/20/2020 13:41:23</t>
  </si>
  <si>
    <t>01/20/2020 13:42:23</t>
  </si>
  <si>
    <t>01/20/2020 13:37:35</t>
  </si>
  <si>
    <t>b601d8c2-88c9-4eb4-a4ce-ec16f40eb97a.tmp</t>
  </si>
  <si>
    <t>\\acsfs\profiles$\brendadsl\Downloads\b601d8c2-88c9-4eb4-a4ce-ec16f40eb97a.tmp</t>
  </si>
  <si>
    <t>01/20/2020 13:37:36</t>
  </si>
  <si>
    <t>ca4a3b14-dad7-4abb-a616-7d26acff3193.tmp</t>
  </si>
  <si>
    <t>\\acsfs\profiles$\brendadsl\Downloads\ca4a3b14-dad7-4abb-a616-7d26acff3193.tmp</t>
  </si>
  <si>
    <t>80f7e0c2-81b8-4911-8fff-3bd3a106fa8f.tmp</t>
  </si>
  <si>
    <t>\\acsfs\profiles$\brendadsl\Downloads\80f7e0c2-81b8-4911-8fff-3bd3a106fa8f.tmp</t>
  </si>
  <si>
    <t>01/20/2020 13:37:39</t>
  </si>
  <si>
    <t>41729dfc-ffa8-4f27-b426-fd82de9b7407.tmp</t>
  </si>
  <si>
    <t>\\acsfs\profiles$\brendadsl\Downloads\41729dfc-ffa8-4f27-b426-fd82de9b7407.tmp</t>
  </si>
  <si>
    <t>01/20/2020 13:37:40</t>
  </si>
  <si>
    <t>cbeac6b3-11a1-4314-bc2d-482bd1c0bd35.tmp</t>
  </si>
  <si>
    <t>\\acsfs\profiles$\brendadsl\Downloads\cbeac6b3-11a1-4314-bc2d-482bd1c0bd35.tmp</t>
  </si>
  <si>
    <t>01/20/2020 13:38:58</t>
  </si>
  <si>
    <t>01/20/2020 13:43:23</t>
  </si>
  <si>
    <t>ae7dbbad-b968-46e1-b5dd-a797d34744a5.tmp</t>
  </si>
  <si>
    <t>\\acsfs\profiles$\claudiajca\Downloads\ae7dbbad-b968-46e1-b5dd-a797d34744a5.tmp</t>
  </si>
  <si>
    <t>01/20/2020 13:42:46</t>
  </si>
  <si>
    <t>01/20/2020 13:45:23</t>
  </si>
  <si>
    <t>http:///batch/drive/v2internal?%24ct=multipart%2Fmixed%3B%20boundary%3D%22%3D%3D%3D%3D%3Dh4tiexwyg6m0%3D%3D%3D%3D%3D%22&amp;key=AIzaSyAy9VVXHSpS2IJpptzYtGbLP3-3_l0aBk4</t>
  </si>
  <si>
    <t>1579537770772;57;621969351;[];[]]];ancestorhasaugmentedpermissions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jbntaw-gzf-htfi7znf8al0bh9g_nyfojttzpojh1fe\";null;ontainsunsubscribedchildren;owners(kind;per;permissionid;picture;shared;sharedwithmedate;thumbnailversion;title;true]";userpermission(role);vchx76kgoyskqvpqzuqo0mrsk-nevtbmaqaleloorbdq4mjvgtmunag</t>
  </si>
  <si>
    <t>http://1579537770772,57,621969351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jbntaw-gzf-htfi7znf8al0bh9g_nyfojttzpojh1fe\",null,ontainsunsubscribedchildren,owners(kind,per,permissionid,picture,shared,sharedwithmedate,thumbnailversion,title,true]",userpermission(role),vchx76kgoyskqvpqzuqo0mrsk-nevtbmaqaleloorbdq4mjv</t>
  </si>
  <si>
    <t>http:///batch/drive/v2internal?%24ct=multipart%2Fmixed%3B%20boundary%3D%22%3D%3D%3D%3D%3Dcgulknc4sv29%3D%3D%3D%3D%3D%22&amp;key=AIzaSyAy9VVXHSpS2IJpptzYtGbLP3-3_l0aBk4</t>
  </si>
  <si>
    <t>01/20/2020 13:42:47</t>
  </si>
  <si>
    <t>http:///batch/drive/v2internal?%24ct=multipart%2Fmixed%3B%20boundary%3D%22%3D%3D%3D%3D%3D1sze63bku1f7%3D%3D%3D%3D%3D%22&amp;key=AIzaSyAy9VVXHSpS2IJpptzYtGbLP3-3_l0aBk4</t>
  </si>
  <si>
    <t>01/20/2020 13:43:40</t>
  </si>
  <si>
    <t>9afbf84d-9640-4ed6-935b-0dfde738057b.tmp</t>
  </si>
  <si>
    <t>\\acsfs\profiles$\wedersonbadr\My Documents\My Music\9afbf84d-9640-4ed6-935b-0dfde738057b.tmp</t>
  </si>
  <si>
    <t>01/20/2020 13:43:53</t>
  </si>
  <si>
    <t>14f2d7b8-e6fb-4057-a2be-c9e71112e6bf.tmp</t>
  </si>
  <si>
    <t>\\acsfs\profiles$\georgendsq\Downloads\14f2d7b8-e6fb-4057-a2be-c9e71112e6bf.tmp</t>
  </si>
  <si>
    <t>01/20/2020 13:43:37</t>
  </si>
  <si>
    <t>01/20/2020 13:46:23</t>
  </si>
  <si>
    <t>01/20/2020 13:43:38</t>
  </si>
  <si>
    <t>01/20/2020 13:43:30</t>
  </si>
  <si>
    <t>01/20/2020 13:41:51</t>
  </si>
  <si>
    <t>lu1351610n8vg.tmp</t>
  </si>
  <si>
    <t>\\acsfs\profiles$\LORRAYNEVAM\lu1351610n8vg.tmp</t>
  </si>
  <si>
    <t>\\acsfs\profiles$\LORRAYNEVAM\lu1351610n8vg.tmp\</t>
  </si>
  <si>
    <t>\\acsfs\profiles$\LORRAYNEVAM\lu1351610n8vg.tmp\META-INF\</t>
  </si>
  <si>
    <t>\\acsfs\profiles$\LORRAYNEVAM\lu1351610n8vg.tmp\Thumbnails\</t>
  </si>
  <si>
    <t>01/20/2020 13:42:51</t>
  </si>
  <si>
    <t>01/20/2020 13:47:22</t>
  </si>
  <si>
    <t>01/20/2020 13:43:41</t>
  </si>
  <si>
    <t>01/20/2020 13:45:41</t>
  </si>
  <si>
    <t>01/20/2020 13:44:19</t>
  </si>
  <si>
    <t>01/20/2020 13:48:23</t>
  </si>
  <si>
    <t>01/20/2020 13:47:43</t>
  </si>
  <si>
    <t>01/20/2020 13:46:01</t>
  </si>
  <si>
    <t>01/20/2020 13:46:19</t>
  </si>
  <si>
    <t>01/20/2020 13:46:25</t>
  </si>
  <si>
    <t>01/20/2020 13:46:35</t>
  </si>
  <si>
    <t>01/20/2020 13:46:40</t>
  </si>
  <si>
    <t>01/20/2020 13:46:51</t>
  </si>
  <si>
    <t>01/20/2020 13:46:59</t>
  </si>
  <si>
    <t>01/20/2020 13:47:35</t>
  </si>
  <si>
    <t>01/20/2020 13:47:40</t>
  </si>
  <si>
    <t>01/20/2020 13:47:44</t>
  </si>
  <si>
    <t>01/20/2020 13:45:28</t>
  </si>
  <si>
    <t>3cf19077-bffe-4cce-8ac2-eed0bb5e81a7.tmp</t>
  </si>
  <si>
    <t>\\acsfs\profiles$\ingridsm\Downloads\3cf19077-bffe-4cce-8ac2-eed0bb5e81a7.tmp</t>
  </si>
  <si>
    <t>01/20/2020 13:46:45</t>
  </si>
  <si>
    <t>120591af-2f8b-45ef-ae08-c2305ed1324a.tmp</t>
  </si>
  <si>
    <t>\\acsfs\profiles$\ingridsm\Downloads\120591af-2f8b-45ef-ae08-c2305ed1324a.tmp</t>
  </si>
  <si>
    <t>01/20/2020 13:47:45</t>
  </si>
  <si>
    <t>b96ece70-c649-498d-84ea-7560d06f4073.tmp</t>
  </si>
  <si>
    <t>\\acsfs\profiles$\ingridsm\Downloads\b96ece70-c649-498d-84ea-7560d06f4073.tmp</t>
  </si>
  <si>
    <t>01/20/2020 13:45:22</t>
  </si>
  <si>
    <t>01/20/2020 13:49:22</t>
  </si>
  <si>
    <t>24c9fc87-fde5-42b3-af23-33ff848602d7.tmp</t>
  </si>
  <si>
    <t>\\acsfs\profiles$\LUCASBS\Downloads\24c9fc87-fde5-42b3-af23-33ff848602d7.tmp</t>
  </si>
  <si>
    <t>01/20/2020 13:45:48</t>
  </si>
  <si>
    <t>a7d8a63e-48d9-48a9-8e93-478385096830.tmp</t>
  </si>
  <si>
    <t>\\acsfs\profiles$\LUCASBS\Downloads\a7d8a63e-48d9-48a9-8e93-478385096830.tmp</t>
  </si>
  <si>
    <t>01/20/2020 13:46:46</t>
  </si>
  <si>
    <t>1dcd895e-3783-4119-bf10-75db74f7a7d1.tmp</t>
  </si>
  <si>
    <t>\\acsfs\profiles$\LUCASBS\Downloads\1dcd895e-3783-4119-bf10-75db74f7a7d1.tmp</t>
  </si>
  <si>
    <t>01/20/2020 13:48:48</t>
  </si>
  <si>
    <t>2651e6d5-39a3-416d-98c5-75fada5dc8c2.tmp</t>
  </si>
  <si>
    <t>\\acsfs\profiles$\gabrielamdp\Downloads\2651e6d5-39a3-416d-98c5-75fada5dc8c2.tmp</t>
  </si>
  <si>
    <t>9e6d9b95-4b5f-45ad-a6c4-dd99cc128ff6.tmp</t>
  </si>
  <si>
    <t>\\acsfs\profiles$\gabrielamdp\Downloads\9e6d9b95-4b5f-45ad-a6c4-dd99cc128ff6.tmp</t>
  </si>
  <si>
    <t>cff2b9ec-747c-4ee9-93c9-e8b09728b08b.tmp</t>
  </si>
  <si>
    <t>\\acsfs\profiles$\gabrielamdp\Downloads\cff2b9ec-747c-4ee9-93c9-e8b09728b08b.tmp</t>
  </si>
  <si>
    <t>01/20/2020 13:47:07</t>
  </si>
  <si>
    <t>05c9319e-30a2-4113-93c3-c27bbf044495.tmp</t>
  </si>
  <si>
    <t>\\acsfs\profiles$\geovannasm\Downloads\05c9319e-30a2-4113-93c3-c27bbf044495.tmp</t>
  </si>
  <si>
    <t>01/20/2020 13:44:14</t>
  </si>
  <si>
    <t>01/20/2020 13:50:23</t>
  </si>
  <si>
    <t>http:///batch/drive/v2internal?%24ct=multipart%2Fmixed%3B%20boundary%3D%22%3D%3D%3D%3D%3Dpn5cmzgeew7%3D%3D%3D%3D%3D%22&amp;key=AIzaSyAy9VVXHSpS2IJpptzYtGbLP3-3_l0aBk4</t>
  </si>
  <si>
    <t>"mozilla/5.0 (windows nt 6.1) applewebkit/537.36 (khtml;0;1;13;137;13700014;13700109;13700167;13700185;13700235;13700451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;13701709]]];13701749;13701825;13701833;13701901;13701905;13701909;13701921;13701945;13701949;13701953;13701957;13701969;13702064;13702068;13702084;13702088;1579520900840000;1579520901989000;1579523011022;1579528729889;2400];27;4;5701393;6.1;621969351;8;82;84;["mozilla/5.0 (windows nt 6.1) applewebkit/537.36 (khtml;[1;[[13701450;[[null;[];[]]];[false;[null;adfn-csyrvwqermfbxam1mkavsrzjlg0rundo9gysmvmlrxxhlhfmqhcw7_ynhcatkqscdyldsiy;ancestorhasaugmentedpermissions;containsunsubscribedchildren;displayname;domain;drive.web-frontend_20200108.00_p2;emailaddress;fal;false;false];false]];fedb0gqd</t>
  </si>
  <si>
    <t>http://"mozilla/5.0 (windows nt 6.1) applewebkit/537.36 (khtml,0,1,13,137,13700014,13700109,13700167,13700185,13700235,13700451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,13701709]]],13701749,13701825,13701833,13701901,13701905,13701909,13701921,13701945,13701949,13701953,13701957,13701969,13702064,13702068,13702084,13702088,1579520900840000,1579520901989000,1579523011022,1579528729889,2400],27,4,5701393,6.1,621969351,8,82,84,["mozilla/5.0 (windows nt 6.1) applewebkit/537.36 (khtml,[1,[[13701450,[[null,[],[]]],[false,[null,adfn-csyrvwqermfbxam1mkavsrzjlg0rundo9gysmvmlrxxhlhfmqhcw7_ynhcatkqscdyldsiy,ancestorhasaugmentedpermissions,containsunsubscribedchildren,displayname,domain,drive.web-frontend_20200108.00_p2,emailaddress,fal,false,false],false]],f</t>
  </si>
  <si>
    <t>01/20/2020 13:46:20</t>
  </si>
  <si>
    <t>http:///batch/drive/v2internal?%24ct=multipart%2Fmixed%3B%20boundary%3D%22%3D%3D%3D%3D%3Dt0g40jexftv5%3D%3D%3D%3D%3D%22&amp;key=AIzaSyAy9VVXHSpS2IJpptzYtGbLP3-3_l0aBk4</t>
  </si>
  <si>
    <t>01/20/2020 13:46:21</t>
  </si>
  <si>
    <t>http:///batch/drive/v2internal?%24ct=multipart%2Fmixed%3B%20boundary%3D%22%3D%3D%3D%3D%3Dq3vzwe6fifrb%3D%3D%3D%3D%3D%22&amp;key=AIzaSyAy9VVXHSpS2IJpptzYtGbLP3-3_l0aBk4</t>
  </si>
  <si>
    <t>01/20/2020 13:45:20</t>
  </si>
  <si>
    <t>2a201913-54f9-48c9-a618-30428411ac29.tmp</t>
  </si>
  <si>
    <t>\\acsfs\profiles$\georgendsq\Downloads\2a201913-54f9-48c9-a618-30428411ac29.tmp</t>
  </si>
  <si>
    <t>01/20/2020 13:46:08</t>
  </si>
  <si>
    <t>3e48d55c-2f3c-44d4-affd-e0970a1d6390.tmp</t>
  </si>
  <si>
    <t>\\acsfs\profiles$\georgendsq\Downloads\3e48d55c-2f3c-44d4-affd-e0970a1d6390.tmp</t>
  </si>
  <si>
    <t>01/20/2020 13:46:56</t>
  </si>
  <si>
    <t>22e62d59-cd0c-4bb3-bc10-5d29ed777572.tmp</t>
  </si>
  <si>
    <t>\\acsfs\profiles$\georgendsq\Downloads\22e62d59-cd0c-4bb3-bc10-5d29ed777572.tmp</t>
  </si>
  <si>
    <t>01/20/2020 13:47:11</t>
  </si>
  <si>
    <t>f24d8c81-2a53-42f8-9fb4-6c9c6bebee1f.tmp</t>
  </si>
  <si>
    <t>\\acsfs\profiles$\georgendsq\Downloads\f24d8c81-2a53-42f8-9fb4-6c9c6bebee1f.tmp</t>
  </si>
  <si>
    <t>01/20/2020 13:47:27</t>
  </si>
  <si>
    <t>61938b29-a614-45fb-b379-c14e3c06310c.tmp</t>
  </si>
  <si>
    <t>\\acsfs\profiles$\georgendsq\Downloads\61938b29-a614-45fb-b379-c14e3c06310c.tmp</t>
  </si>
  <si>
    <t>01/20/2020 13:51:22</t>
  </si>
  <si>
    <t>01/20/2020 13:46:18</t>
  </si>
  <si>
    <t>e4f218cf-9fa5-42a8-8ca4-2daf772ad761.tmp</t>
  </si>
  <si>
    <t>\\acsfs\profiles$\PEDROHAB\Downloads\e4f218cf-9fa5-42a8-8ca4-2daf772ad761.tmp</t>
  </si>
  <si>
    <t>01/20/2020 13:46:53</t>
  </si>
  <si>
    <t>01/20/2020 13:49:52</t>
  </si>
  <si>
    <t>01/20/2020 13:52:23</t>
  </si>
  <si>
    <t>01/20/2020 13:48:57</t>
  </si>
  <si>
    <t>7d38c71e-16e2-4642-bce6-8abc64b6d8cc.tmp</t>
  </si>
  <si>
    <t>\\acsfs\profiles$\brendadsl\Downloads\7d38c71e-16e2-4642-bce6-8abc64b6d8cc.tmp</t>
  </si>
  <si>
    <t>01/20/2020 13:47:29</t>
  </si>
  <si>
    <t>01/20/2020 13:53:22</t>
  </si>
  <si>
    <t>01/20/2020 13:52:13</t>
  </si>
  <si>
    <t>01/20/2020 13:47:53</t>
  </si>
  <si>
    <t>01/20/2020 13:48:29</t>
  </si>
  <si>
    <t>01/20/2020 13:48:38</t>
  </si>
  <si>
    <t>01/20/2020 13:48:40</t>
  </si>
  <si>
    <t>01/20/2020 13:48:47</t>
  </si>
  <si>
    <t>01/20/2020 13:48:54</t>
  </si>
  <si>
    <t>01/20/2020 13:48:59</t>
  </si>
  <si>
    <t>01/20/2020 13:49:13</t>
  </si>
  <si>
    <t>01/20/2020 13:49:20</t>
  </si>
  <si>
    <t>01/20/2020 13:49:31</t>
  </si>
  <si>
    <t>01/20/2020 13:49:57</t>
  </si>
  <si>
    <t>01/20/2020 13:50:00</t>
  </si>
  <si>
    <t>01/20/2020 13:50:02</t>
  </si>
  <si>
    <t>01/20/2020 13:50:08</t>
  </si>
  <si>
    <t>01/20/2020 13:50:12</t>
  </si>
  <si>
    <t>01/20/2020 13:50:21</t>
  </si>
  <si>
    <t>01/20/2020 13:50:33</t>
  </si>
  <si>
    <t>01/20/2020 13:50:36</t>
  </si>
  <si>
    <t>01/20/2020 13:49:10</t>
  </si>
  <si>
    <t>01/20/2020 13:49:32</t>
  </si>
  <si>
    <t>https://andrelpsa@algartech.com,antoniocoj@algartech.com,joaogvc@algartech.com,josiascdsj@algartech.com,leonardoao@algartech.com,marianadjc@algartech.com,maristelavodq@bv.algartech.com,paulacn@algartech.com,qualidadealgarbv@algartech.com,supervisaobancovotorantim@algartech.com,taysdss@algartech.com,thiagolrc@bv.algartech.com</t>
  </si>
  <si>
    <t>01/20/2020 13:48:51</t>
  </si>
  <si>
    <t>01/20/2020 13:54:23</t>
  </si>
  <si>
    <t>01/20/2020 13:51:30</t>
  </si>
  <si>
    <t>4095079c-ebc1-4cf5-b212-1d9acaf66bc8.tmp</t>
  </si>
  <si>
    <t>\\acsfs\profiles$\gabrielamdp\Downloads\4095079c-ebc1-4cf5-b212-1d9acaf66bc8.tmp</t>
  </si>
  <si>
    <t>01/20/2020 13:51:32</t>
  </si>
  <si>
    <t>01/20/2020 13:55:22</t>
  </si>
  <si>
    <t>3b5fb475-9fcd-44f2-8319-c4152b1c080b.tmp</t>
  </si>
  <si>
    <t>\\acsfs\profiles$\wedersonbadr\My Documents\My Music\3b5fb475-9fcd-44f2-8319-c4152b1c080b.tmp</t>
  </si>
  <si>
    <t>01/20/2020 13:56:22</t>
  </si>
  <si>
    <t>01/20/2020 13:54:38</t>
  </si>
  <si>
    <t>01/20/2020 13:55:24</t>
  </si>
  <si>
    <t>9b6dfa1e-aa0f-4930-a69b-35979766abac.tmp</t>
  </si>
  <si>
    <t>\\acsfs\profiles$\edicarlosdl\Downloads\9b6dfa1e-aa0f-4930-a69b-35979766abac.tmp</t>
  </si>
  <si>
    <t>01/20/2020 13:55:28</t>
  </si>
  <si>
    <t>59a048a2-b2d6-486b-b8cd-f1391170a4ac.tmp</t>
  </si>
  <si>
    <t>\\acsfs\profiles$\edicarlosdl\Downloads\59a048a2-b2d6-486b-b8cd-f1391170a4ac.tmp</t>
  </si>
  <si>
    <t>01/20/2020 13:54:54</t>
  </si>
  <si>
    <t>9d0bb328-5c1b-48a1-8d63-8337d43110b8.tmp</t>
  </si>
  <si>
    <t>\\acsfs\profiles$\regisadsa\Downloads\9d0bb328-5c1b-48a1-8d63-8337d43110b8.tmp</t>
  </si>
  <si>
    <t>01/20/2020 13:56:01</t>
  </si>
  <si>
    <t>9810ef68-21ab-4ae8-99fa-5ff6de96d056.tmp</t>
  </si>
  <si>
    <t>\\acsfs\profiles$\regisadsa\Downloads\9810ef68-21ab-4ae8-99fa-5ff6de96d056.tmp</t>
  </si>
  <si>
    <t>01/20/2020 13:57:22</t>
  </si>
  <si>
    <t>01/20/2020 13:55:01</t>
  </si>
  <si>
    <t>bc27fde2-f145-419d-8cd2-cd1938a46e87.tmp</t>
  </si>
  <si>
    <t>\\acsfs\profiles$\brendadsl\Downloads\bc27fde2-f145-419d-8cd2-cd1938a46e87.tmp</t>
  </si>
  <si>
    <t>01/20/2020 13:54:22</t>
  </si>
  <si>
    <t>01/20/2020 13:58:22</t>
  </si>
  <si>
    <t>01/20/2020 13:56:45</t>
  </si>
  <si>
    <t>01/20/2020 13:55:11</t>
  </si>
  <si>
    <t>01/20/2020 13:56:12</t>
  </si>
  <si>
    <t>01/20/2020 13:56:17</t>
  </si>
  <si>
    <t>01/20/2020 13:56:20</t>
  </si>
  <si>
    <t>01/20/2020 13:56:53</t>
  </si>
  <si>
    <t>antoniocoj@algartech.com;joaogvc@algartech.com;leonardoao@algartech.com;marianadjc@algartech.com;paulacn@algartech.com;planejamentodeoperacoesetrafego@bv.com.br;rafaelggs@algartech.com;raphaelmco@algartech.com.br;ricardodfm@algartech.com.br;taysdss@algartech.com;thiagordu@algartech.com;viniciussg@algartech.com;</t>
  </si>
  <si>
    <t>antoniocoj@algartech.com,joaogvc@algartech.com,leonardoao@algartech.com,marianadjc@algartech.com,paulacn@algartech.com,planejamentodeoperacoesetrafego@bv.com.br,rafaelggs@algartech.com,raphaelmco@algartech.com.br,ricardodfm@algartech.com.br,taysdss@algartech.com,thiagordu@algartech.com,viniciussg@algartech.com</t>
  </si>
  <si>
    <t>01/20/2020 13:57:10</t>
  </si>
  <si>
    <t>01/20/2020 13:57:29</t>
  </si>
  <si>
    <t>01/20/2020 13:57:41</t>
  </si>
  <si>
    <t>01/20/2020 13:57:44</t>
  </si>
  <si>
    <t>01/20/2020 13:54:34</t>
  </si>
  <si>
    <t>01/20/2020 13:55:20</t>
  </si>
  <si>
    <t>\\udpavonfs01\AVON\00 - ACOMPANHAMENTO AVON\04 - BACKOFFICE CORNERSTONE\2020\01.2020\RELATORIO\17.01.2020\Acompanhamento Backoffice Cornerstone JAN.20.xlsx</t>
  </si>
  <si>
    <t>01/20/2020 13:58:03</t>
  </si>
  <si>
    <t>01/20/2020 13:59:22</t>
  </si>
  <si>
    <t>7b1c7c20-3217-4eb6-991e-e150b44cb3d6.tmp</t>
  </si>
  <si>
    <t>\\acsfs\profiles$\gabrielamdp\Downloads\7b1c7c20-3217-4eb6-991e-e150b44cb3d6.tmp</t>
  </si>
  <si>
    <t>01/20/2020 14:01:22</t>
  </si>
  <si>
    <t>01/20/2020 13:56:24</t>
  </si>
  <si>
    <t>96c1cee5-304b-4484-a3c9-95fe4dd72052.tmp</t>
  </si>
  <si>
    <t>\\acsfs\profiles$\regisadsa\Downloads\96c1cee5-304b-4484-a3c9-95fe4dd72052.tmp</t>
  </si>
  <si>
    <t>01/20/2020 13:57:31</t>
  </si>
  <si>
    <t>f9b8d524-868e-4b56-a16a-3e3ba4d3fa4e.tmp</t>
  </si>
  <si>
    <t>\\acsfs\profiles$\regisadsa\Downloads\f9b8d524-868e-4b56-a16a-3e3ba4d3fa4e.tmp</t>
  </si>
  <si>
    <t>01/20/2020 13:59:53</t>
  </si>
  <si>
    <t>01/20/2020 13:59:55</t>
  </si>
  <si>
    <t>01/20/2020 13:59:57</t>
  </si>
  <si>
    <t>01/20/2020 13:59:59</t>
  </si>
  <si>
    <t>01/20/2020 14:00:00</t>
  </si>
  <si>
    <t>01/20/2020 14:00:02</t>
  </si>
  <si>
    <t>01/20/2020 14:00:04</t>
  </si>
  <si>
    <t>01/20/2020 14:00:05</t>
  </si>
  <si>
    <t>01/20/2020 14:00:06</t>
  </si>
  <si>
    <t>01/20/2020 14:00:07</t>
  </si>
  <si>
    <t>01/20/2020 14:00:09</t>
  </si>
  <si>
    <t>01/20/2020 14:00:11</t>
  </si>
  <si>
    <t>01/20/2020 14:00:12</t>
  </si>
  <si>
    <t>01/20/2020 14:00:13</t>
  </si>
  <si>
    <t>01/20/2020 14:00:15</t>
  </si>
  <si>
    <t>01/20/2020 14:00:16</t>
  </si>
  <si>
    <t>01/20/2020 14:00:17</t>
  </si>
  <si>
    <t>01/20/2020 14:00:18</t>
  </si>
  <si>
    <t>01/20/2020 14:00:20</t>
  </si>
  <si>
    <t>01/20/2020 14:00:21</t>
  </si>
  <si>
    <t>01/20/2020 14:00:24</t>
  </si>
  <si>
    <t>01/20/2020 14:00:25</t>
  </si>
  <si>
    <t>01/20/2020 14:00:26</t>
  </si>
  <si>
    <t>01/20/2020 14:00:27</t>
  </si>
  <si>
    <t>01/20/2020 14:00:30</t>
  </si>
  <si>
    <t>01/20/2020 14:00:31</t>
  </si>
  <si>
    <t>01/20/2020 14:00:32</t>
  </si>
  <si>
    <t>01/20/2020 14:00:33</t>
  </si>
  <si>
    <t>01/20/2020 14:00:35</t>
  </si>
  <si>
    <t>01/20/2020 14:00:37</t>
  </si>
  <si>
    <t>01/20/2020 14:00:38</t>
  </si>
  <si>
    <t>01/20/2020 14:00:40</t>
  </si>
  <si>
    <t>01/20/2020 14:00:41</t>
  </si>
  <si>
    <t>01/20/2020 14:00:43</t>
  </si>
  <si>
    <t>01/20/2020 14:00:45</t>
  </si>
  <si>
    <t>01/20/2020 14:00:47</t>
  </si>
  <si>
    <t>01/20/2020 14:00:48</t>
  </si>
  <si>
    <t>01/20/2020 14:00:50</t>
  </si>
  <si>
    <t>01/20/2020 14:00:51</t>
  </si>
  <si>
    <t>01/20/2020 14:00:53</t>
  </si>
  <si>
    <t>01/20/2020 14:00:54</t>
  </si>
  <si>
    <t>01/20/2020 14:00:56</t>
  </si>
  <si>
    <t>01/20/2020 14:00:58</t>
  </si>
  <si>
    <t>01/20/2020 14:01:13</t>
  </si>
  <si>
    <t>01/20/2020 13:58:57</t>
  </si>
  <si>
    <t>01/20/2020 14:02:23</t>
  </si>
  <si>
    <t>01/20/2020 13:57:49</t>
  </si>
  <si>
    <t>01/20/2020 13:58:49</t>
  </si>
  <si>
    <t>9fb7fcde-8fe2-4495-bca2-212ad0bc5ab8.tmp</t>
  </si>
  <si>
    <t>\\acsfs\profiles$\rafaelacdoc\Downloads\9fb7fcde-8fe2-4495-bca2-212ad0bc5ab8.tmp</t>
  </si>
  <si>
    <t>01/20/2020 14:00:57</t>
  </si>
  <si>
    <t>01/20/2020 14:03:22</t>
  </si>
  <si>
    <t>01/20/2020 13:58:05</t>
  </si>
  <si>
    <t>01/20/2020 13:58:12</t>
  </si>
  <si>
    <t>01/20/2020 13:58:26</t>
  </si>
  <si>
    <t>01/20/2020 13:58:38</t>
  </si>
  <si>
    <t>01/20/2020 13:58:40</t>
  </si>
  <si>
    <t>01/20/2020 13:58:45</t>
  </si>
  <si>
    <t>01/20/2020 13:58:52</t>
  </si>
  <si>
    <t>01/20/2020 13:59:06</t>
  </si>
  <si>
    <t>01/20/2020 13:59:10</t>
  </si>
  <si>
    <t>01/20/2020 13:59:20</t>
  </si>
  <si>
    <t>01/20/2020 13:59:47</t>
  </si>
  <si>
    <t>01/20/2020 13:59:54</t>
  </si>
  <si>
    <t>01/20/2020 14:00:28</t>
  </si>
  <si>
    <t>01/20/2020 14:00:59</t>
  </si>
  <si>
    <t>01/20/2020 14:01:04</t>
  </si>
  <si>
    <t>01/20/2020 14:02:50</t>
  </si>
  <si>
    <t>01/20/2020 14:04:23</t>
  </si>
  <si>
    <t>ef087f7e-e5c8-44da-bf76-5a1e58a0623b.tmp</t>
  </si>
  <si>
    <t>\\acsfs\profiles$\luanarda\Downloads\ef087f7e-e5c8-44da-bf76-5a1e58a0623b.tmp</t>
  </si>
  <si>
    <t>01/20/2020 14:01:18</t>
  </si>
  <si>
    <t>22b2f704-aef6-42ca-9b79-c757e5140c63.tmp</t>
  </si>
  <si>
    <t>\\acsfs\profiles$\milenaas\Downloads\22b2f704-aef6-42ca-9b79-c757e5140c63.tmp</t>
  </si>
  <si>
    <t>01/20/2020 14:05:22</t>
  </si>
  <si>
    <t>01/20/2020 14:00:42</t>
  </si>
  <si>
    <t>01/20/2020 14:00:44</t>
  </si>
  <si>
    <t>01/20/2020 14:00:49</t>
  </si>
  <si>
    <t>01/20/2020 14:00:55</t>
  </si>
  <si>
    <t>01/20/2020 14:01:01</t>
  </si>
  <si>
    <t>01/20/2020 14:01:02</t>
  </si>
  <si>
    <t>01/20/2020 14:01:03</t>
  </si>
  <si>
    <t>01/20/2020 14:01:05</t>
  </si>
  <si>
    <t>01/20/2020 14:01:07</t>
  </si>
  <si>
    <t>01/20/2020 14:01:10</t>
  </si>
  <si>
    <t>01/20/2020 14:01:14</t>
  </si>
  <si>
    <t>01/20/2020 14:01:16</t>
  </si>
  <si>
    <t>01/20/2020 14:01:17</t>
  </si>
  <si>
    <t>01/20/2020 14:01:19</t>
  </si>
  <si>
    <t>01/20/2020 14:01:21</t>
  </si>
  <si>
    <t>01/20/2020 14:01:23</t>
  </si>
  <si>
    <t>01/20/2020 14:01:25</t>
  </si>
  <si>
    <t>01/20/2020 14:01:27</t>
  </si>
  <si>
    <t>01/20/2020 14:01:28</t>
  </si>
  <si>
    <t>01/20/2020 14:01:29</t>
  </si>
  <si>
    <t>01/20/2020 14:01:30</t>
  </si>
  <si>
    <t>01/20/2020 14:01:31</t>
  </si>
  <si>
    <t>01/20/2020 14:01:32</t>
  </si>
  <si>
    <t>01/20/2020 14:03:08</t>
  </si>
  <si>
    <t>01/20/2020 14:03:26</t>
  </si>
  <si>
    <t>fed228c7-9264-4549-b207-7f2462555eac.tmp</t>
  </si>
  <si>
    <t>\\acsfs\profiles$\joycemmdl\Downloads\fed228c7-9264-4549-b207-7f2462555eac.tmp</t>
  </si>
  <si>
    <t>01/20/2020 14:04:35</t>
  </si>
  <si>
    <t>01/20/2020 14:06:23</t>
  </si>
  <si>
    <t>Luiza Beth Rodrigues da Costa.pdf</t>
  </si>
  <si>
    <t>\\acsfs\Deptos\EDUCACAO EMPRESARIAL\FERNANDA MONIT\Luiza Beth Rodrigues da Costa.pdf</t>
  </si>
  <si>
    <t>01/20/2020 14:05:09</t>
  </si>
  <si>
    <t>01/20/2020 14:05:05</t>
  </si>
  <si>
    <t>01/20/2020 14:03:28</t>
  </si>
  <si>
    <t>3215440c-c90e-4b9a-87e0-c57542af1928.tmp</t>
  </si>
  <si>
    <t>\\acsfs\profiles$\matheusmax\Downloads\3215440c-c90e-4b9a-87e0-c57542af1928.tmp</t>
  </si>
  <si>
    <t>01/20/2020 14:05:29</t>
  </si>
  <si>
    <t>Unconfirmed 72520.crdownload</t>
  </si>
  <si>
    <t>\\acsfs\profiles$\matheusmax\Downloads\Unconfirmed 72520.crdownload</t>
  </si>
  <si>
    <t>01/20/2020 14:05:57</t>
  </si>
  <si>
    <t>7c8da041-c3cc-4f5c-aa0d-afbfaec9d2f6.tmp</t>
  </si>
  <si>
    <t>\\acsfs\profiles$\matheusmax\Downloads\7c8da041-c3cc-4f5c-aa0d-afbfaec9d2f6.tmp</t>
  </si>
  <si>
    <t>01/20/2020 14:07:22</t>
  </si>
  <si>
    <t>01/20/2020 14:03:50</t>
  </si>
  <si>
    <t>01/20/2020 14:06:34</t>
  </si>
  <si>
    <t>01/20/2020 14:08:23</t>
  </si>
  <si>
    <t>9f92e410-dd5a-43a1-9eb7-a57a0b7333e4.tmp</t>
  </si>
  <si>
    <t>\\acsfs\profiles$\jessicafc\Downloads\9f92e410-dd5a-43a1-9eb7-a57a0b7333e4.tmp</t>
  </si>
  <si>
    <t>01/20/2020 14:03:39</t>
  </si>
  <si>
    <t>01/20/2020 14:07:47</t>
  </si>
  <si>
    <t>01/20/2020 14:04:50</t>
  </si>
  <si>
    <t>01/20/2020 14:08:02</t>
  </si>
  <si>
    <t>01/20/2020 14:05:41</t>
  </si>
  <si>
    <t>11f58d0c-6695-4ac0-bf4b-4391d4785ee2.tmp</t>
  </si>
  <si>
    <t>\\acsfs\profiles$\adelvinsonle\Downloads\11f58d0c-6695-4ac0-bf4b-4391d4785ee2.tmp</t>
  </si>
  <si>
    <t>01/20/2020 14:07:48</t>
  </si>
  <si>
    <t>01/20/2020 14:09:22</t>
  </si>
  <si>
    <t>01/20/2020 14:07:08</t>
  </si>
  <si>
    <t>01/20/2020 14:08:53</t>
  </si>
  <si>
    <t>01/20/2020 14:06:36</t>
  </si>
  <si>
    <t>01/20/2020 14:05:12</t>
  </si>
  <si>
    <t>01/20/2020 14:10:23</t>
  </si>
  <si>
    <t>Não confirmado 828787.crdownload</t>
  </si>
  <si>
    <t>\\acsfs\profiles$\joycemmdl\Downloads\Não confirmado 828787.crdownload</t>
  </si>
  <si>
    <t>ea50040c-3d6c-4be7-86de-a53e840f2a15.tmp</t>
  </si>
  <si>
    <t>\\acsfs\profiles$\joycemmdl\Downloads\ea50040c-3d6c-4be7-86de-a53e840f2a15.tmp</t>
  </si>
  <si>
    <t>01/20/2020 14:07:43</t>
  </si>
  <si>
    <t>b8a56dc5-6cf0-467e-8d41-174994f64440.tmp</t>
  </si>
  <si>
    <t>\\acsfs\profiles$\joycemmdl\Downloads\b8a56dc5-6cf0-467e-8d41-174994f64440.tmp</t>
  </si>
  <si>
    <t>f5f621df-7b5f-4271-88e5-028cc39c0ea9.tmp</t>
  </si>
  <si>
    <t>\\acsfs\profiles$\joycemmdl\Downloads\f5f621df-7b5f-4271-88e5-028cc39c0ea9.tmp</t>
  </si>
  <si>
    <t>01/20/2020 14:11:22</t>
  </si>
  <si>
    <t>01/20/2020 14:10:03</t>
  </si>
  <si>
    <t>01/20/2020 14:06:11</t>
  </si>
  <si>
    <t>01/20/2020 14:07:20</t>
  </si>
  <si>
    <t>de1987f6-fa39-4a0e-be42-a33337fa409a.tmp</t>
  </si>
  <si>
    <t>\\acsfs\profiles$\edicarlosdl\Downloads\de1987f6-fa39-4a0e-be42-a33337fa409a.tmp</t>
  </si>
  <si>
    <t>01/20/2020 14:07:07</t>
  </si>
  <si>
    <t>https://udpmailboxap01.acs.com.br:8443/h/search?si=0&amp;so=0&amp;sc=79101&amp;sfi=2&amp;st=conversation&amp;action=compose</t>
  </si>
  <si>
    <t>01/20/2020 14:06:33</t>
  </si>
  <si>
    <t>4acf85ab-120c-43da-9212-b1234defa573.tmp</t>
  </si>
  <si>
    <t>\\acsfs\profiles$\gabrielhca\Downloads\4acf85ab-120c-43da-9212-b1234defa573.tmp</t>
  </si>
  <si>
    <t>01/20/2020 14:07:53</t>
  </si>
  <si>
    <t>01/20/2020 14:09:17</t>
  </si>
  <si>
    <t>01/20/2020 14:09:30</t>
  </si>
  <si>
    <t>01/20/2020 14:06:57</t>
  </si>
  <si>
    <t>8609d3d5-232b-4580-825a-6a53432be3f3.tmp</t>
  </si>
  <si>
    <t>\\acsfs\profiles$\matheusmax\Downloads\8609d3d5-232b-4580-825a-6a53432be3f3.tmp</t>
  </si>
  <si>
    <t>01/20/2020 14:06:31</t>
  </si>
  <si>
    <t>01/20/2020 14:06:40</t>
  </si>
  <si>
    <t>01/20/2020 14:12:23</t>
  </si>
  <si>
    <t>01/20/2020 14:09:13</t>
  </si>
  <si>
    <t>d7bdc569-f419-401d-9874-c8f78e522a29.tmp</t>
  </si>
  <si>
    <t>\\acsfs\profiles$\LAISLG\Downloads\d7bdc569-f419-401d-9874-c8f78e522a29.tmp</t>
  </si>
  <si>
    <t>01/20/2020 14:10:33</t>
  </si>
  <si>
    <t>abe4c203-222a-4b1a-886d-52a57e4e55c1.tmp</t>
  </si>
  <si>
    <t>\\acsfs\profiles$\LAISLG\Downloads\abe4c203-222a-4b1a-886d-52a57e4e55c1.tmp</t>
  </si>
  <si>
    <t>01/20/2020 14:11:43</t>
  </si>
  <si>
    <t>01/20/2020 14:10:24</t>
  </si>
  <si>
    <t>01/20/2020 14:13:22</t>
  </si>
  <si>
    <t>01/20/2020 14:10:42</t>
  </si>
  <si>
    <t>01/20/2020 14:10:41</t>
  </si>
  <si>
    <t>01/20/2020 14:09:41</t>
  </si>
  <si>
    <t>9070dd91-ff57-49e6-9184-e9dc4e69ec35.tmp</t>
  </si>
  <si>
    <t>\\acsfs\profiles$\Flaviojmm\Downloads\9070dd91-ff57-49e6-9184-e9dc4e69ec35.tmp</t>
  </si>
  <si>
    <t>01/20/2020 14:09:21</t>
  </si>
  <si>
    <t>01/20/2020 14:08:07</t>
  </si>
  <si>
    <t>01/20/2020 14:08:20</t>
  </si>
  <si>
    <t>01/20/2020 14:08:27</t>
  </si>
  <si>
    <t>01/20/2020 14:08:34</t>
  </si>
  <si>
    <t>01/20/2020 14:08:45</t>
  </si>
  <si>
    <t>01/20/2020 14:08:58</t>
  </si>
  <si>
    <t>01/20/2020 14:09:18</t>
  </si>
  <si>
    <t>01/20/2020 14:09:33</t>
  </si>
  <si>
    <t>01/20/2020 14:09:49</t>
  </si>
  <si>
    <t>01/20/2020 14:09:57</t>
  </si>
  <si>
    <t>01/20/2020 14:10:09</t>
  </si>
  <si>
    <t>01/20/2020 14:10:12</t>
  </si>
  <si>
    <t>01/20/2020 14:10:21</t>
  </si>
  <si>
    <t>01/20/2020 14:10:30</t>
  </si>
  <si>
    <t>01/20/2020 14:10:45</t>
  </si>
  <si>
    <t>01/20/2020 14:10:49</t>
  </si>
  <si>
    <t>01/20/2020 14:10:52</t>
  </si>
  <si>
    <t>01/20/2020 14:10:58</t>
  </si>
  <si>
    <t>01/20/2020 14:11:01</t>
  </si>
  <si>
    <t>01/20/2020 14:11:05</t>
  </si>
  <si>
    <t>01/20/2020 14:11:12</t>
  </si>
  <si>
    <t>01/20/2020 14:11:23</t>
  </si>
  <si>
    <t>01/20/2020 14:11:36</t>
  </si>
  <si>
    <t>01/20/2020 14:11:46</t>
  </si>
  <si>
    <t>01/20/2020 14:11:49</t>
  </si>
  <si>
    <t>01/20/2020 14:11:54</t>
  </si>
  <si>
    <t>01/20/2020 14:12:00</t>
  </si>
  <si>
    <t>01/20/2020 14:12:11</t>
  </si>
  <si>
    <t>01/20/2020 14:12:17</t>
  </si>
  <si>
    <t>01/20/2020 14:12:27</t>
  </si>
  <si>
    <t>01/20/2020 14:12:35</t>
  </si>
  <si>
    <t>01/20/2020 14:12:39</t>
  </si>
  <si>
    <t>01/20/2020 14:12:44</t>
  </si>
  <si>
    <t>01/20/2020 14:12:50</t>
  </si>
  <si>
    <t>01/20/2020 14:12:54</t>
  </si>
  <si>
    <t>01/20/2020 14:13:04</t>
  </si>
  <si>
    <t>Pausas - CARTÕES - Cópia.xlsb</t>
  </si>
  <si>
    <t>\\acsfs\DEPTOS\Operacao\PCP\5 - Comum\PLANEJAMENTO BV\14 - ACOMPANHAMENTO\1 - REPORT ACOMPANHAMENTO\2020\1 - JANEIRO\CARTÕES\Pausas CARTÕES\Pausas - CARTÕES - Cópia.xlsb</t>
  </si>
  <si>
    <t>01/20/2020 14:14:23</t>
  </si>
  <si>
    <t>7346ea0b-da74-4826-8214-531332ca99cf.tmp</t>
  </si>
  <si>
    <t>\\acsfs\profiles$\gabrielamdp\Downloads\7346ea0b-da74-4826-8214-531332ca99cf.tmp</t>
  </si>
  <si>
    <t>01/20/2020 14:11:31</t>
  </si>
  <si>
    <t>01/20/2020 14:13:23</t>
  </si>
  <si>
    <t>01/20/2020 14:15:22</t>
  </si>
  <si>
    <t>3c482bbe-20b8-4c47-8cd4-2f83938e52c9.tmp</t>
  </si>
  <si>
    <t>\\acsfs\profiles$\victorgl\Downloads\3c482bbe-20b8-4c47-8cd4-2f83938e52c9.tmp</t>
  </si>
  <si>
    <t>01/20/2020 14:13:34</t>
  </si>
  <si>
    <t>daf7ba32-6c67-4869-8b6b-926b747b7338.tmp</t>
  </si>
  <si>
    <t>\\acsfs\profiles$\victorgl\Downloads\daf7ba32-6c67-4869-8b6b-926b747b7338.tmp</t>
  </si>
  <si>
    <t>01/20/2020 14:10:31</t>
  </si>
  <si>
    <t>01/20/2020 14:11:16</t>
  </si>
  <si>
    <t>01/20/2020 14:16:23</t>
  </si>
  <si>
    <t>01/20/2020 14:14:45</t>
  </si>
  <si>
    <t>01/20/2020 14:12:24</t>
  </si>
  <si>
    <t>d91e91cc-a70c-4eff-bef0-406416294e65.tmp</t>
  </si>
  <si>
    <t>\\acsfs\profiles$\larissaad\Downloads\d91e91cc-a70c-4eff-bef0-406416294e65.tmp</t>
  </si>
  <si>
    <t>01/20/2020 14:17:22</t>
  </si>
  <si>
    <t>01/20/2020 14:17:01</t>
  </si>
  <si>
    <t>44e98b1f-d256-4298-bd9f-533da9388724.tmp</t>
  </si>
  <si>
    <t>\\acsfs\profiles$\regisedsj\Downloads\44e98b1f-d256-4298-bd9f-533da9388724.tmp</t>
  </si>
  <si>
    <t>01/20/2020 14:15:54</t>
  </si>
  <si>
    <t>01/20/2020 14:18:23</t>
  </si>
  <si>
    <t>01/20/2020 14:16:01</t>
  </si>
  <si>
    <t>\\udpavonfs01\AVON\00 - ACOMPANHAMENTO AVON\04 - BACKOFFICE CORNERSTONE\2020\01.2020\RELATORIO\17.01.2020\</t>
  </si>
  <si>
    <t>01/20/2020 14:14:34</t>
  </si>
  <si>
    <t>Pausas - CARTÕES - Enviar.xlsb</t>
  </si>
  <si>
    <t>\\acsfs\DEPTOS\Operacao\PCP\5 - Comum\PLANEJAMENTO BV\14 - ACOMPANHAMENTO\1 - REPORT ACOMPANHAMENTO\2020\1 - JANEIRO\CARTÕES\Pausas CARTÕES\Pausas - CARTÕES - Enviar.xlsb</t>
  </si>
  <si>
    <t>01/20/2020 14:14:40</t>
  </si>
  <si>
    <t>mail.google.com/_/upload?authuser=0&amp;dcp=asu-n&amp;upload_id=AEnB2UoEcZT2Zb97qTGu-sSuyVloxFx2__vDagg7cDhJ7IuGWQTgUgeS9Tat836WymkJIHybzO_5Fi_Yw60vBik8b2Kyt_aXlbS6cRhsdMvMQo5hmR7ICBY&amp;upload_protocol=resumable</t>
  </si>
  <si>
    <t>01/20/2020 14:14:43</t>
  </si>
  <si>
    <t>01/20/2020 14:14:50</t>
  </si>
  <si>
    <t>01/20/2020 14:14:55</t>
  </si>
  <si>
    <t>01/20/2020 14:15:06</t>
  </si>
  <si>
    <t>antoniocoj@algartech.com;joaogvc@algartech.com;leonardoao@algartech.com;marianadjc@algartech.com;paulacn@algartech.com;planejamentodeoperacoesetrafego@bv.com.br;rafaelggs@algartech.com;raphaelmco@algartech.com.br;ricardodfm@algartech.com.br;sofiamses@algartech.com;taysdss@algartech.com;thiagordu@algartech.com;viniciussg@algartech.com;</t>
  </si>
  <si>
    <t>antoniocoj@algartech.com,joaogvc@algartech.com,leonardoao@algartech.com,marianadjc@algartech.com,paulacn@algartech.com,planejamentodeoperacoesetrafego@bv.com.br,rafaelggs@algartech.com,raphaelmco@algartech.com.br,ricardodfm@algartech.com.br,sofiamses@algartech.com,taysdss@algartech.com,thiagordu@algartech.com,viniciussg@algartech.com</t>
  </si>
  <si>
    <t>01/20/2020 14:14:35</t>
  </si>
  <si>
    <t>01/20/2020 14:19:22</t>
  </si>
  <si>
    <t>01/20/2020 14:17:33</t>
  </si>
  <si>
    <t>01/20/2020 14:15:11</t>
  </si>
  <si>
    <t>01/20/2020 14:20:22</t>
  </si>
  <si>
    <t>5c6eaeeb-d7fe-4ff1-ae7c-471c8b5da5e4.tmp</t>
  </si>
  <si>
    <t>\\acsfs\profiles$\victorgl\Downloads\5c6eaeeb-d7fe-4ff1-ae7c-471c8b5da5e4.tmp</t>
  </si>
  <si>
    <t>01/20/2020 14:19:02</t>
  </si>
  <si>
    <t>01/20/2020 14:17:34</t>
  </si>
  <si>
    <t>Dimensionamento_Janeiro Financeira_3ºCiclo (1).xlsx</t>
  </si>
  <si>
    <t>\\acsfs\DEPTOS\Operacao\Banco_Votorantim\Qualidade\Anderson\Dimensionamento Elii kk\Dimensionamento_Janeiro Financeira_3ºCiclo (1).xlsx</t>
  </si>
  <si>
    <t>\\acsfs\DEPTOS\Operacao\Banco_Votorantim\Qualidade\Anderson\Dimensionamento Elii kk\Dimensionamento_Janeiro Financeira_3ºCiclo (1).xlsx\</t>
  </si>
  <si>
    <t>\\acsfs\DEPTOS\Operacao\Banco_Votorantim\Qualidade\Anderson\Dimensionamento Elii kk\Dimensionamento_Janeiro Financeira_3ºCiclo (1).xlsx\:Zone.Identifier:$DATA</t>
  </si>
  <si>
    <t>01/20/2020 14:21:23</t>
  </si>
  <si>
    <t>01/20/2020 14:17:46</t>
  </si>
  <si>
    <t>01/20/2020 14:17:47</t>
  </si>
  <si>
    <t>01/20/2020 14:18:13</t>
  </si>
  <si>
    <t>01/20/2020 14:19:19</t>
  </si>
  <si>
    <t>01/20/2020 14:17:21</t>
  </si>
  <si>
    <t>01/20/2020 14:17:30</t>
  </si>
  <si>
    <t>01/20/2020 14:17:48</t>
  </si>
  <si>
    <t>kesiadof@algartech.com;lilianls@algartech.com;talmaiardo@algartech.com;</t>
  </si>
  <si>
    <t>kesiadof@algartech.com,lilianls@algartech.com,talmaiardo@algartech.com</t>
  </si>
  <si>
    <t>01/20/2020 14:18:17</t>
  </si>
  <si>
    <t>01/20/2020 14:18:19</t>
  </si>
  <si>
    <t>01/20/2020 14:18:43</t>
  </si>
  <si>
    <t>01/20/2020 14:18:58</t>
  </si>
  <si>
    <t>01/20/2020 14:19:00</t>
  </si>
  <si>
    <t>01/20/2020 14:16:27</t>
  </si>
  <si>
    <t>01/20/2020 14:19:31</t>
  </si>
  <si>
    <t>01/20/2020 14:22:22</t>
  </si>
  <si>
    <t>01/20/2020 14:17:13</t>
  </si>
  <si>
    <t>01/20/2020 14:17:43</t>
  </si>
  <si>
    <t>01/20/2020 14:18:02</t>
  </si>
  <si>
    <t>01/20/2020 14:23:23</t>
  </si>
  <si>
    <t>01/20/2020 14:20:20</t>
  </si>
  <si>
    <t>Karen Jane Santos Silva (24).contact</t>
  </si>
  <si>
    <t>\\acsfs\profiles$\KARENJSS\Contacts\Karen Jane Santos Silva (24).contact</t>
  </si>
  <si>
    <t>01/20/2020 14:20:31</t>
  </si>
  <si>
    <t>01/20/2020 14:20:32</t>
  </si>
  <si>
    <t>01/20/2020 14:20:33</t>
  </si>
  <si>
    <t>01/20/2020 14:20:34</t>
  </si>
  <si>
    <t>01/20/2020 14:20:35</t>
  </si>
  <si>
    <t>01/20/2020 14:20:36</t>
  </si>
  <si>
    <t>01/20/2020 14:20:37</t>
  </si>
  <si>
    <t>01/20/2020 14:20:38</t>
  </si>
  <si>
    <t>01/20/2020 14:20:57</t>
  </si>
  <si>
    <t>01/20/2020 14:20:58</t>
  </si>
  <si>
    <t>01/20/2020 14:20:59</t>
  </si>
  <si>
    <t>01/20/2020 14:21:00</t>
  </si>
  <si>
    <t>01/20/2020 14:22:33</t>
  </si>
  <si>
    <t>01/20/2020 14:24:23</t>
  </si>
  <si>
    <t>01/20/2020 14:21:55</t>
  </si>
  <si>
    <t>16ff0ba5-3525-4d41-982c-90460293104b.tmp</t>
  </si>
  <si>
    <t>\\acsfs\profiles$\philipegsf\Downloads\16ff0ba5-3525-4d41-982c-90460293104b.tmp</t>
  </si>
  <si>
    <t>01/20/2020 14:23:40</t>
  </si>
  <si>
    <t>3e2f421d-fdb2-4686-8b85-c9051fb5a767.tmp</t>
  </si>
  <si>
    <t>\\acsfs\profiles$\philipegsf\Downloads\3e2f421d-fdb2-4686-8b85-c9051fb5a767.tmp</t>
  </si>
  <si>
    <t>01/20/2020 14:22:36</t>
  </si>
  <si>
    <t>01/20/2020 14:26:23</t>
  </si>
  <si>
    <t>01/20/2020 14:22:42</t>
  </si>
  <si>
    <t>01/20/2020 14:24:29</t>
  </si>
  <si>
    <t>01/20/2020 14:27:23</t>
  </si>
  <si>
    <t>01/20/2020 14:24:13</t>
  </si>
  <si>
    <t>01/20/2020 14:26:05</t>
  </si>
  <si>
    <t>01/20/2020 14:24:17</t>
  </si>
  <si>
    <t>01/20/2020 14:28:23</t>
  </si>
  <si>
    <t>01/20/2020 14:25:00</t>
  </si>
  <si>
    <t>01/20/2020 14:27:47</t>
  </si>
  <si>
    <t>XLOG_maxmillianosv_13012020_170259.log</t>
  </si>
  <si>
    <t>\\acsfs\profiles$\maxmillianosv\My Documents\xworkcenter\logs\XLOG_maxmillianosv_13012020_170259.log</t>
  </si>
  <si>
    <t>\\acsfs\profiles$\maxmillianosv\My Documents\dbxwc\</t>
  </si>
  <si>
    <t>\\acsfs\profiles$\maxmillianosv\My Documents\dbxwc\dbxwc.xwc</t>
  </si>
  <si>
    <t>\\acsfs\profiles$\maxmillianosv\My Documents\xworkcenter\logs\wrapper.log</t>
  </si>
  <si>
    <t>01/20/2020 14:27:51</t>
  </si>
  <si>
    <t>01/20/2020 14:26:46</t>
  </si>
  <si>
    <t>01/20/2020 14:23:19</t>
  </si>
  <si>
    <t>cae0d3dc-d806-468c-9458-bbea938e0089.tmp</t>
  </si>
  <si>
    <t>\\acsfs\profiles$\KARENJSS\Downloads\cae0d3dc-d806-468c-9458-bbea938e0089.tmp</t>
  </si>
  <si>
    <t>01/20/2020 14:24:25</t>
  </si>
  <si>
    <t>7956537e-e6a7-4f9d-9028-969d9e9356f1.tmp</t>
  </si>
  <si>
    <t>\\acsfs\profiles$\KARENJSS\Downloads\7956537e-e6a7-4f9d-9028-969d9e9356f1.tmp</t>
  </si>
  <si>
    <t>01/20/2020 14:25:16</t>
  </si>
  <si>
    <t>8325854e-a140-4811-908c-54f236722127.tmp</t>
  </si>
  <si>
    <t>\\acsfs\profiles$\KARENJSS\Downloads\8325854e-a140-4811-908c-54f236722127.tmp</t>
  </si>
  <si>
    <t>01/20/2020 14:25:22</t>
  </si>
  <si>
    <t>8c0abb25-e050-46c6-b420-dfcbf17dba39.tmp</t>
  </si>
  <si>
    <t>\\acsfs\profiles$\KARENJSS\Downloads\8c0abb25-e050-46c6-b420-dfcbf17dba39.tmp</t>
  </si>
  <si>
    <t>01/20/2020 14:23:55</t>
  </si>
  <si>
    <t>ca764289-5936-4c5d-9c64-a97f0c1d666d.tmp</t>
  </si>
  <si>
    <t>\\acsfs\profiles$\fabianobmf\Downloads\ca764289-5936-4c5d-9c64-a97f0c1d666d.tmp</t>
  </si>
  <si>
    <t>01/20/2020 14:25:52</t>
  </si>
  <si>
    <t>ba3e33ae-21a1-4e16-b36e-cb2f9d6ce665.tmp</t>
  </si>
  <si>
    <t>\\acsfs\profiles$\fabianobmf\Downloads\ba3e33ae-21a1-4e16-b36e-cb2f9d6ce665.tmp</t>
  </si>
  <si>
    <t>01/20/2020 14:30:23</t>
  </si>
  <si>
    <t>01/20/2020 14:29:12</t>
  </si>
  <si>
    <t>01/20/2020 14:25:07</t>
  </si>
  <si>
    <t>Valor Prêmio por Operador Janeiro - até 19.01.pdf</t>
  </si>
  <si>
    <t>\\acsfs\DEPTOS\Operacao\Banco_Votorantim\Comum\00 - COMUM - BV CARTÕES\EQUIPE ADILSON\Vendas\Valor Prêmio por Operador Janeiro - até 19.01.pdf</t>
  </si>
  <si>
    <t>01/20/2020 14:28:16</t>
  </si>
  <si>
    <t>01/20/2020 14:29:34</t>
  </si>
  <si>
    <t>01/20/2020 14:31:23</t>
  </si>
  <si>
    <t>01/20/2020 14:26:04</t>
  </si>
  <si>
    <t>Protocolo 175269997 Cliente Luiza Beth Rodrigues da Costa.pdf</t>
  </si>
  <si>
    <t>\\acsfs\Deptos\EDUCACAO EMPRESARIAL\FERNANDA MONIT\Protocolo 175269997 Cliente Luiza Beth Rodrigues da Costa.pdf</t>
  </si>
  <si>
    <t>01/20/2020 14:28:00</t>
  </si>
  <si>
    <t>Protocolo 175388427 ClienteLuiza Beth Rodrigues da Costa.pdf</t>
  </si>
  <si>
    <t>\\acsfs\Deptos\EDUCACAO EMPRESARIAL\FERNANDA MONIT\Protocolo 175388427 ClienteLuiza Beth Rodrigues da Costa.pdf</t>
  </si>
  <si>
    <t>01/20/2020 14:30:03</t>
  </si>
  <si>
    <t>db1ab779-9987-4f96-898f-dc4455a3e5bb.tmp</t>
  </si>
  <si>
    <t>\\acsfs\profiles$\talitafdc\Downloads\db1ab779-9987-4f96-898f-dc4455a3e5bb.tmp</t>
  </si>
  <si>
    <t>01/20/2020 14:27:27</t>
  </si>
  <si>
    <t>fac4aa14-917f-4e13-872d-e141934b52df.tmp</t>
  </si>
  <si>
    <t>\\acsfs\profiles$\ERICALSR\Downloads\fac4aa14-917f-4e13-872d-e141934b52df.tmp</t>
  </si>
  <si>
    <t>01/20/2020 14:30:47</t>
  </si>
  <si>
    <t>5b7aa0a6-bbd7-4d18-8e9c-e2e9eee5fcc4.tmp</t>
  </si>
  <si>
    <t>\\acsfs\profiles$\sarahbal\Downloads\5b7aa0a6-bbd7-4d18-8e9c-e2e9eee5fcc4.tmp</t>
  </si>
  <si>
    <t>01/20/2020 14:32:23</t>
  </si>
  <si>
    <t>01/20/2020 14:27:14</t>
  </si>
  <si>
    <t>01/20/2020 14:27:44</t>
  </si>
  <si>
    <t>01/20/2020 14:31:07</t>
  </si>
  <si>
    <t>01/20/2020 14:31:51</t>
  </si>
  <si>
    <t>01/20/2020 14:33:23</t>
  </si>
  <si>
    <t>91f7f996-0a05-4263-8027-7817d232474c.tmp</t>
  </si>
  <si>
    <t>\\acsfs\profiles$\maxmillianosv\Downloads\91f7f996-0a05-4263-8027-7817d232474c.tmp</t>
  </si>
  <si>
    <t>01/20/2020 14:31:54</t>
  </si>
  <si>
    <t>1bed4e55-2631-44ba-a3dc-c66dbd3ac1e3.tmp</t>
  </si>
  <si>
    <t>\\acsfs\profiles$\maxmillianosv\Downloads\1bed4e55-2631-44ba-a3dc-c66dbd3ac1e3.tmp</t>
  </si>
  <si>
    <t>01/20/2020 14:29:29</t>
  </si>
  <si>
    <t>01/20/2020 14:34:23</t>
  </si>
  <si>
    <t>9931910b-8aea-4a0f-80a1-464ddfe1650c.tmp</t>
  </si>
  <si>
    <t>\\acsfs\profiles$\geovannasm\Downloads\9931910b-8aea-4a0f-80a1-464ddfe1650c.tmp</t>
  </si>
  <si>
    <t>01/20/2020 14:32:32</t>
  </si>
  <si>
    <t>01/20/2020 14:35:23</t>
  </si>
  <si>
    <t>b5a223a3-6833-4328-afe1-35b5413433dd.tmp</t>
  </si>
  <si>
    <t>\\acsfs\profiles$\victorgl\Downloads\b5a223a3-6833-4328-afe1-35b5413433dd.tmp</t>
  </si>
  <si>
    <t>01/20/2020 14:33:10</t>
  </si>
  <si>
    <t>.~lock.Relatorio de Vendas - Auditoria BV Financeira - Janeiro_ -_(auditadas).xlsm#</t>
  </si>
  <si>
    <t>\\acsfs\profiles$\wedersonbadr\Downloads\.~lock.Relatorio de Vendas - Auditoria BV Financeira - Janeiro_ -_(auditadas).xlsm#</t>
  </si>
  <si>
    <t>01/20/2020 14:33:18</t>
  </si>
  <si>
    <t>Relatorio de Vendas - Auditoria BV Financeira - Janeiro_ -_(auditadas).xlsm</t>
  </si>
  <si>
    <t>\\acsfs\profiles$\wedersonbadr\Downloads\Relatorio de Vendas - Auditoria BV Financeira - Janeiro_ -_(auditadas).xlsm</t>
  </si>
  <si>
    <t>01/20/2020 14:34:52</t>
  </si>
  <si>
    <t>01/20/2020 14:36:23</t>
  </si>
  <si>
    <t>01/20/2020 14:32:13</t>
  </si>
  <si>
    <t>01/20/2020 14:32:15</t>
  </si>
  <si>
    <t>01/20/2020 14:32:16</t>
  </si>
  <si>
    <t>01/20/2020 14:33:25</t>
  </si>
  <si>
    <t>01/20/2020 14:33:32</t>
  </si>
  <si>
    <t>01/20/2020 14:34:49</t>
  </si>
  <si>
    <t>01/20/2020 14:35:24</t>
  </si>
  <si>
    <t>01/20/2020 14:33:19</t>
  </si>
  <si>
    <t>65f8fdff-7829-4e47-8b06-a8451ba0cb75.tmp</t>
  </si>
  <si>
    <t>\\acsfs\profiles$\websondsa\Downloads\65f8fdff-7829-4e47-8b06-a8451ba0cb75.tmp</t>
  </si>
  <si>
    <t>01/20/2020 14:34:21</t>
  </si>
  <si>
    <t>01/20/2020 14:34:33</t>
  </si>
  <si>
    <t>Formulário - Aviso de 2ª Advertência Disciplinar.doc</t>
  </si>
  <si>
    <t>01/20/2020 14:37:24</t>
  </si>
  <si>
    <t>01/20/2020 14:36:45</t>
  </si>
  <si>
    <t>01/20/2020 14:37:10</t>
  </si>
  <si>
    <t>01/20/2020 14:38:23</t>
  </si>
  <si>
    <t>01/20/2020 14:37:11</t>
  </si>
  <si>
    <t>lu691285q20gz.tmp</t>
  </si>
  <si>
    <t>\\acsfs\profiles$\ALEXANDREMM\lu691285q20gz.tmp</t>
  </si>
  <si>
    <t>\\acsfs\profiles$\ALEXANDREMM\lu691285q20gz.tmp\</t>
  </si>
  <si>
    <t>\\acsfs\profiles$\ALEXANDREMM\lu691285q20gz.tmp\META-INF\</t>
  </si>
  <si>
    <t>01/20/2020 14:34:31</t>
  </si>
  <si>
    <t>01/20/2020 14:37:02</t>
  </si>
  <si>
    <t>01/20/2020 14:35:36</t>
  </si>
  <si>
    <t>01/20/2020 14:39:23</t>
  </si>
  <si>
    <t>01/20/2020 14:39:29</t>
  </si>
  <si>
    <t>01/20/2020 14:40:23</t>
  </si>
  <si>
    <t>01/20/2020 14:39:07</t>
  </si>
  <si>
    <t>01/20/2020 14:39:09</t>
  </si>
  <si>
    <t>01/20/2020 14:36:16</t>
  </si>
  <si>
    <t>01/20/2020 14:41:23</t>
  </si>
  <si>
    <t>01/20/2020 14:36:14</t>
  </si>
  <si>
    <t>01/20/2020 14:36:19</t>
  </si>
  <si>
    <t>01/20/2020 14:36:40</t>
  </si>
  <si>
    <t>bvs-centralcartoes@bv.com.br;cintia.souza-domingues@dxc.com;eduardo.santana@bv.com.br;fernandorsju@algartech.com;kesiadof@algartech.com;lilianls@algartech.com;marianeps@algartech.com;talmaiardo@algartech.com;thiagordu@algartech.com;</t>
  </si>
  <si>
    <t>bvs-centralcartoes@bv.com.br,cintia.souza-domingues@dxc.com,eduardo.santana@bv.com.br,fernandorsju@algartech.com,kesiadof@algartech.com,lilianls@algartech.com,marianeps@algartech.com,talmaiardo@algartech.com,thiagordu@algartech.com</t>
  </si>
  <si>
    <t>01/20/2020 14:36:51</t>
  </si>
  <si>
    <t>01/20/2020 14:37:01</t>
  </si>
  <si>
    <t>01/20/2020 14:37:38</t>
  </si>
  <si>
    <t>01/20/2020 14:37:44</t>
  </si>
  <si>
    <t>01/20/2020 14:37:57</t>
  </si>
  <si>
    <t>mail.google.com/_/upload?authuser=0&amp;dcp=asu-n&amp;upload_id=AEnB2UpU2PNrSJCSn9J2rHcQ1aUd59Fr-lNJ9ZVw6n5Nvk2rLC6QmviR79bqfXYcH0Mm0nzf_kvvpg_2kAG_e3lQTRlWUeakjw&amp;upload_protocol=resumable</t>
  </si>
  <si>
    <t>Fernando Freitas Silva_1_6779309717349022001_1_32.wav</t>
  </si>
  <si>
    <t>01/20/2020 14:38:22</t>
  </si>
  <si>
    <t>mail.google.com/_/upload?authuser=0&amp;dcp=asu-n&amp;upload_id=AEnB2UrNul_cMbkG5qkpfj_oNgmeiHbMfuKPI5BBYMzK80kgoC28YL9hLrlTerdATSePFQ4QsH44Ox_psUto-KeO4mfgHKhLmg&amp;upload_protocol=resumable</t>
  </si>
  <si>
    <t>Edicarlos Dias Lima_1_6780064218548870293_1_32.wav</t>
  </si>
  <si>
    <t>01/20/2020 14:36:35</t>
  </si>
  <si>
    <t>01/20/2020 14:42:23</t>
  </si>
  <si>
    <t>01/20/2020 14:38:15</t>
  </si>
  <si>
    <t>01/20/2020 14:38:45</t>
  </si>
  <si>
    <t>01/20/2020 14:39:15</t>
  </si>
  <si>
    <t>01/20/2020 14:41:15</t>
  </si>
  <si>
    <t>01/20/2020 14:41:45</t>
  </si>
  <si>
    <t>01/20/2020 14:41:39</t>
  </si>
  <si>
    <t>01/20/2020 14:43:23</t>
  </si>
  <si>
    <t>01/20/2020 14:42:26</t>
  </si>
  <si>
    <t>01/20/2020 14:43:12</t>
  </si>
  <si>
    <t>01/20/2020 14:44:23</t>
  </si>
  <si>
    <t>87f1d06f-882e-4091-b8cf-ff5db6cc5011.tmp</t>
  </si>
  <si>
    <t>\\acsfs\profiles$\maxmillianosv\Downloads\87f1d06f-882e-4091-b8cf-ff5db6cc5011.tmp</t>
  </si>
  <si>
    <t>01/20/2020 14:41:42</t>
  </si>
  <si>
    <t>01/20/2020 14:41:48</t>
  </si>
  <si>
    <t>01/20/2020 14:41:53</t>
  </si>
  <si>
    <t>01/20/2020 14:42:06</t>
  </si>
  <si>
    <t>01/20/2020 14:42:10</t>
  </si>
  <si>
    <t>01/20/2020 14:42:14</t>
  </si>
  <si>
    <t>01/20/2020 14:42:19</t>
  </si>
  <si>
    <t>01/20/2020 14:42:30</t>
  </si>
  <si>
    <t>01/20/2020 14:42:34</t>
  </si>
  <si>
    <t>01/20/2020 14:42:36</t>
  </si>
  <si>
    <t>01/20/2020 14:42:51</t>
  </si>
  <si>
    <t>01/20/2020 14:42:57</t>
  </si>
  <si>
    <t>01/20/2020 14:39:57</t>
  </si>
  <si>
    <t>01/20/2020 14:45:22</t>
  </si>
  <si>
    <t>f2f6fa8f-c2d6-48bf-b6a5-b05b9c631151.tmp</t>
  </si>
  <si>
    <t>\\acsfs\profiles$\henriqueco\Downloads\f2f6fa8f-c2d6-48bf-b6a5-b05b9c631151.tmp</t>
  </si>
  <si>
    <t>01/20/2020 14:40:30</t>
  </si>
  <si>
    <t>29427357-3678-4276-8b36-4867740143e2.tmp</t>
  </si>
  <si>
    <t>\\acsfs\profiles$\henriqueco\Downloads\29427357-3678-4276-8b36-4867740143e2.tmp</t>
  </si>
  <si>
    <t>01/20/2020 14:41:40</t>
  </si>
  <si>
    <t>66b4ed44-513d-417a-8136-91fea83afb9f.tmp</t>
  </si>
  <si>
    <t>\\acsfs\profiles$\henriqueco\Downloads\66b4ed44-513d-417a-8136-91fea83afb9f.tmp</t>
  </si>
  <si>
    <t>01/20/2020 14:46:23</t>
  </si>
  <si>
    <t>01/20/2020 14:43:56</t>
  </si>
  <si>
    <t>01/20/2020 14:43:58</t>
  </si>
  <si>
    <t>01/20/2020 14:45:29</t>
  </si>
  <si>
    <t>c1d6865a-fad1-4e18-8e15-b2f7c3bb5e00.tmp</t>
  </si>
  <si>
    <t>\\acsfs\profiles$\sarahbal\Downloads\c1d6865a-fad1-4e18-8e15-b2f7c3bb5e00.tmp</t>
  </si>
  <si>
    <t>01/20/2020 14:45:37</t>
  </si>
  <si>
    <t>01/20/2020 14:45:44</t>
  </si>
  <si>
    <t>01/20/2020 14:42:22</t>
  </si>
  <si>
    <t>01/20/2020 14:47:23</t>
  </si>
  <si>
    <t>01/20/2020 14:44:15</t>
  </si>
  <si>
    <t>01/20/2020 14:44:45</t>
  </si>
  <si>
    <t>01/20/2020 14:45:45</t>
  </si>
  <si>
    <t>01/20/2020 14:44:17</t>
  </si>
  <si>
    <t>01/20/2020 14:48:23</t>
  </si>
  <si>
    <t>01/20/2020 14:44:38</t>
  </si>
  <si>
    <t>01/20/2020 14:49:22</t>
  </si>
  <si>
    <t>13d2d303-e8bb-447a-bc45-2f1a37ade3c9.tmp</t>
  </si>
  <si>
    <t>\\acsfs\profiles$\maxmillianosv\Downloads\13d2d303-e8bb-447a-bc45-2f1a37ade3c9.tmp</t>
  </si>
  <si>
    <t>01/20/2020 14:46:16</t>
  </si>
  <si>
    <t>01/20/2020 14:46:17</t>
  </si>
  <si>
    <t>01/20/2020 14:46:18</t>
  </si>
  <si>
    <t>01/20/2020 14:46:19</t>
  </si>
  <si>
    <t>01/20/2020 14:46:20</t>
  </si>
  <si>
    <t>01/20/2020 14:46:21</t>
  </si>
  <si>
    <t>01/20/2020 14:46:22</t>
  </si>
  <si>
    <t>01/20/2020 14:46:24</t>
  </si>
  <si>
    <t>01/20/2020 14:46:25</t>
  </si>
  <si>
    <t>01/20/2020 14:46:26</t>
  </si>
  <si>
    <t>01/20/2020 14:46:27</t>
  </si>
  <si>
    <t>01/20/2020 14:46:28</t>
  </si>
  <si>
    <t>01/20/2020 14:46:29</t>
  </si>
  <si>
    <t>01/20/2020 14:46:30</t>
  </si>
  <si>
    <t>01/20/2020 14:46:31</t>
  </si>
  <si>
    <t>01/20/2020 14:46:32</t>
  </si>
  <si>
    <t>01/20/2020 14:46:33</t>
  </si>
  <si>
    <t>01/20/2020 14:46:34</t>
  </si>
  <si>
    <t>01/20/2020 14:46:35</t>
  </si>
  <si>
    <t>01/20/2020 14:46:36</t>
  </si>
  <si>
    <t>01/20/2020 14:45:28</t>
  </si>
  <si>
    <t>81780e2e-bbbe-4c23-90dd-47f084fb0921.tmp</t>
  </si>
  <si>
    <t>\\acsfs\profiles$\gabrielamdp\Downloads\81780e2e-bbbe-4c23-90dd-47f084fb0921.tmp</t>
  </si>
  <si>
    <t>01/20/2020 14:47:56</t>
  </si>
  <si>
    <t>01/20/2020 14:47:27</t>
  </si>
  <si>
    <t>01/20/2020 14:50:23</t>
  </si>
  <si>
    <t>01/20/2020 14:51:22</t>
  </si>
  <si>
    <t>01/20/2020 14:49:28</t>
  </si>
  <si>
    <t>ad9e85c0-5297-467b-a779-b4de30a2f681.tmp</t>
  </si>
  <si>
    <t>\\acsfs\profiles$\esterasg\Downloads\ad9e85c0-5297-467b-a779-b4de30a2f681.tmp</t>
  </si>
  <si>
    <t>01/20/2020 14:47:50</t>
  </si>
  <si>
    <t>01/20/2020 14:49:37</t>
  </si>
  <si>
    <t>27573fdf-cff8-4462-b56e-b6b28d7ed8e7.tmp</t>
  </si>
  <si>
    <t>\\acsfs\profiles$\matheusmax\Downloads\27573fdf-cff8-4462-b56e-b6b28d7ed8e7.tmp</t>
  </si>
  <si>
    <t>01/20/2020 14:49:52</t>
  </si>
  <si>
    <t>b91fad8b-5ddd-418f-aa22-e2d2d187980b.tmp</t>
  </si>
  <si>
    <t>\\acsfs\profiles$\larissaad\Downloads\b91fad8b-5ddd-418f-aa22-e2d2d187980b.tmp</t>
  </si>
  <si>
    <t>01/20/2020 14:52:23</t>
  </si>
  <si>
    <t>01/20/2020 14:47:15</t>
  </si>
  <si>
    <t>01/20/2020 14:47:45</t>
  </si>
  <si>
    <t>01/20/2020 14:48:15</t>
  </si>
  <si>
    <t>01/20/2020 14:51:02</t>
  </si>
  <si>
    <t>01/20/2020 14:50:24</t>
  </si>
  <si>
    <t>0b35fdf7-cd4f-41ef-a746-079cae9ddf34.tmp</t>
  </si>
  <si>
    <t>\\acsfs\profiles$\wenderbnm\Downloads\0b35fdf7-cd4f-41ef-a746-079cae9ddf34.tmp</t>
  </si>
  <si>
    <t>01/20/2020 14:51:16</t>
  </si>
  <si>
    <t>01/20/2020 14:53:22</t>
  </si>
  <si>
    <t>01/20/2020 14:48:17</t>
  </si>
  <si>
    <t>01/20/2020 14:50:40</t>
  </si>
  <si>
    <t>01/20/2020 14:54:23</t>
  </si>
  <si>
    <t>desligamento - equipe Marta.zip</t>
  </si>
  <si>
    <t>https://andrelpsa@algartech.com</t>
  </si>
  <si>
    <t>C:\Users\robsonams\Documents\desligamento - equipe Marta.zip\</t>
  </si>
  <si>
    <t>desligamento - equipe Marta.pdf</t>
  </si>
  <si>
    <t>01/20/2020 14:49:49</t>
  </si>
  <si>
    <t>https://algar.folhasinergyrh.com.br/rescisao/upload?id=0&amp;idsolicitacao=22381&amp;idprerescisao=0</t>
  </si>
  <si>
    <t>19/02/2020;andrelpsa@algartech.com;</t>
  </si>
  <si>
    <t>https://19/02/2020,andrelpsa@algartech.com</t>
  </si>
  <si>
    <t>01/20/2020 14:53:31</t>
  </si>
  <si>
    <t>flora.lira@bv.com.br;</t>
  </si>
  <si>
    <t>flora.lira@bv.com.br</t>
  </si>
  <si>
    <t>01/20/2020 14:52:41</t>
  </si>
  <si>
    <t>01/20/2020 14:55:22</t>
  </si>
  <si>
    <t>01/20/2020 14:53:17</t>
  </si>
  <si>
    <t>01/20/2020 14:51:56</t>
  </si>
  <si>
    <t>01/20/2020 14:56:23</t>
  </si>
  <si>
    <t>01/20/2020 14:51:59</t>
  </si>
  <si>
    <t>01/20/2020 14:54:34</t>
  </si>
  <si>
    <t>01/20/2020 14:52:01</t>
  </si>
  <si>
    <t>RECLAMAÇÃO OUVIDORIA E FILAS 20-01.xlsx</t>
  </si>
  <si>
    <t>\\acsfs\Deptos\EDUCACAO EMPRESARIAL\FERNANDA MONIT\Fernanda\RECLAMAÇÃO OUVIDORIA E FILAS 20-01.xlsx</t>
  </si>
  <si>
    <t>01/20/2020 14:54:56</t>
  </si>
  <si>
    <t>01/20/2020 14:55:00</t>
  </si>
  <si>
    <t>01/20/2020 14:55:01</t>
  </si>
  <si>
    <t>01/20/2020 14:55:08</t>
  </si>
  <si>
    <t>01/20/2020 14:55:10</t>
  </si>
  <si>
    <t>01/20/2020 14:55:15</t>
  </si>
  <si>
    <t>01/20/2020 14:55:20</t>
  </si>
  <si>
    <t>01/20/2020 14:55:21</t>
  </si>
  <si>
    <t>01/20/2020 14:55:24</t>
  </si>
  <si>
    <t>01/20/2020 14:55:26</t>
  </si>
  <si>
    <t>01/20/2020 14:55:27</t>
  </si>
  <si>
    <t>01/20/2020 14:55:32</t>
  </si>
  <si>
    <t>01/20/2020 14:55:34</t>
  </si>
  <si>
    <t>01/20/2020 14:55:35</t>
  </si>
  <si>
    <t>01/20/2020 14:55:37</t>
  </si>
  <si>
    <t>01/20/2020 14:55:39</t>
  </si>
  <si>
    <t>01/20/2020 14:55:40</t>
  </si>
  <si>
    <t>01/20/2020 14:55:41</t>
  </si>
  <si>
    <t>01/20/2020 14:55:42</t>
  </si>
  <si>
    <t>01/20/2020 14:55:43</t>
  </si>
  <si>
    <t>01/20/2020 14:55:44</t>
  </si>
  <si>
    <t>01/20/2020 14:55:45</t>
  </si>
  <si>
    <t>01/20/2020 14:55:46</t>
  </si>
  <si>
    <t>01/20/2020 14:55:47</t>
  </si>
  <si>
    <t>01/20/2020 14:55:48</t>
  </si>
  <si>
    <t>01/20/2020 14:52:53</t>
  </si>
  <si>
    <t>01/20/2020 14:57:22</t>
  </si>
  <si>
    <t>01/20/2020 14:52:54</t>
  </si>
  <si>
    <t>01/20/2020 14:52:55</t>
  </si>
  <si>
    <t>01/20/2020 14:52:56</t>
  </si>
  <si>
    <t>01/20/2020 14:52:57</t>
  </si>
  <si>
    <t>01/20/2020 14:52:58</t>
  </si>
  <si>
    <t>01/20/2020 14:52:59</t>
  </si>
  <si>
    <t>01/20/2020 14:53:00</t>
  </si>
  <si>
    <t>01/20/2020 14:53:01</t>
  </si>
  <si>
    <t>01/20/2020 14:53:02</t>
  </si>
  <si>
    <t>01/20/2020 14:53:03</t>
  </si>
  <si>
    <t>01/20/2020 14:53:04</t>
  </si>
  <si>
    <t>01/20/2020 14:53:05</t>
  </si>
  <si>
    <t>01/20/2020 14:53:06</t>
  </si>
  <si>
    <t>01/20/2020 14:53:07</t>
  </si>
  <si>
    <t>01/20/2020 14:53:08</t>
  </si>
  <si>
    <t>01/20/2020 14:53:09</t>
  </si>
  <si>
    <t>01/20/2020 14:53:10</t>
  </si>
  <si>
    <t>01/20/2020 14:53:11</t>
  </si>
  <si>
    <t>01/20/2020 14:53:12</t>
  </si>
  <si>
    <t>01/20/2020 14:53:13</t>
  </si>
  <si>
    <t>01/20/2020 14:53:14</t>
  </si>
  <si>
    <t>01/20/2020 14:53:15</t>
  </si>
  <si>
    <t>01/20/2020 14:53:16</t>
  </si>
  <si>
    <t>01/20/2020 14:53:19</t>
  </si>
  <si>
    <t>01/20/2020 14:53:20</t>
  </si>
  <si>
    <t>01/20/2020 14:52:46</t>
  </si>
  <si>
    <t>01/20/2020 14:56:53</t>
  </si>
  <si>
    <t>01/20/2020 14:58:23</t>
  </si>
  <si>
    <t>01/20/2020 14:54:55</t>
  </si>
  <si>
    <t>01/20/2020 14:59:01</t>
  </si>
  <si>
    <t>01/20/2020 14:59:23</t>
  </si>
  <si>
    <t>e834d5a8-0ccc-41de-9404-fcfa5b5beab6.tmp</t>
  </si>
  <si>
    <t>\\acsfs\profiles$\geovannasm\Downloads\e834d5a8-0ccc-41de-9404-fcfa5b5beab6.tmp</t>
  </si>
  <si>
    <t>01/20/2020 14:56:42</t>
  </si>
  <si>
    <t>01/20/2020 15:00:23</t>
  </si>
  <si>
    <t>01/20/2020 14:57:40</t>
  </si>
  <si>
    <t>df93fe23-7b32-4cb9-82bc-e94374cf2ecc.tmp</t>
  </si>
  <si>
    <t>\\acsfs\profiles$\brunalas\Downloads\df93fe23-7b32-4cb9-82bc-e94374cf2ecc.tmp</t>
  </si>
  <si>
    <t>01/20/2020 14:58:47</t>
  </si>
  <si>
    <t>d7873442-00f8-4a54-8203-9736e7dce265.tmp</t>
  </si>
  <si>
    <t>\\acsfs\profiles$\brunalas\Downloads\d7873442-00f8-4a54-8203-9736e7dce265.tmp</t>
  </si>
  <si>
    <t>01/20/2020 14:59:26</t>
  </si>
  <si>
    <t>62b285b8-3f72-4bf4-85ee-78a3440fd01a.tmp</t>
  </si>
  <si>
    <t>\\acsfs\profiles$\victorgl\Downloads\62b285b8-3f72-4bf4-85ee-78a3440fd01a.tmp</t>
  </si>
  <si>
    <t>01/20/2020 14:56:00</t>
  </si>
  <si>
    <t>01/20/2020 14:56:47</t>
  </si>
  <si>
    <t>01/20/2020 15:01:23</t>
  </si>
  <si>
    <t>01/20/2020 14:55:50</t>
  </si>
  <si>
    <t>01/20/2020 14:55:51</t>
  </si>
  <si>
    <t>01/20/2020 14:55:52</t>
  </si>
  <si>
    <t>01/20/2020 14:55:53</t>
  </si>
  <si>
    <t>01/20/2020 14:55:57</t>
  </si>
  <si>
    <t>01/20/2020 14:55:58</t>
  </si>
  <si>
    <t>01/20/2020 14:55:59</t>
  </si>
  <si>
    <t>01/20/2020 14:56:01</t>
  </si>
  <si>
    <t>01/20/2020 14:56:03</t>
  </si>
  <si>
    <t>01/20/2020 14:56:04</t>
  </si>
  <si>
    <t>01/20/2020 14:56:06</t>
  </si>
  <si>
    <t>01/20/2020 14:56:07</t>
  </si>
  <si>
    <t>01/20/2020 14:56:48</t>
  </si>
  <si>
    <t>01/20/2020 14:59:09</t>
  </si>
  <si>
    <t>01/20/2020 14:59:34</t>
  </si>
  <si>
    <t>01/20/2020 15:02:23</t>
  </si>
  <si>
    <t>01/20/2020 14:58:08</t>
  </si>
  <si>
    <t>6388a6e8-da26-4944-9dd7-08e87da7bf79.tmp</t>
  </si>
  <si>
    <t>\\acsfs\profiles$\larissaad\Downloads\6388a6e8-da26-4944-9dd7-08e87da7bf79.tmp</t>
  </si>
  <si>
    <t>01/20/2020 15:01:17</t>
  </si>
  <si>
    <t>01/20/2020 15:01:47</t>
  </si>
  <si>
    <t>01/20/2020 14:59:18</t>
  </si>
  <si>
    <t>01/20/2020 15:03:23</t>
  </si>
  <si>
    <t>01/20/2020 15:02:21</t>
  </si>
  <si>
    <t>01/20/2020 15:02:33</t>
  </si>
  <si>
    <t>01/20/2020 15:02:45</t>
  </si>
  <si>
    <t>01/20/2020 15:01:55</t>
  </si>
  <si>
    <t>01/20/2020 15:03:49</t>
  </si>
  <si>
    <t>01/20/2020 15:04:23</t>
  </si>
  <si>
    <t>42ae0279-84f6-4957-9b68-861969b80d7d.tmp</t>
  </si>
  <si>
    <t>\\acsfs\profiles$\geovannasm\Downloads\42ae0279-84f6-4957-9b68-861969b80d7d.tmp</t>
  </si>
  <si>
    <t>01/20/2020 15:01:40</t>
  </si>
  <si>
    <t>01/20/2020 15:05:23</t>
  </si>
  <si>
    <t>01/20/2020 15:03:19</t>
  </si>
  <si>
    <t>01/20/2020 15:06:23</t>
  </si>
  <si>
    <t>01/20/2020 15:04:11</t>
  </si>
  <si>
    <t>9063054f-72b0-4bdd-99d3-22ac682e9a68.tmp</t>
  </si>
  <si>
    <t>\\acsfs\profiles$\rosileiam\Downloads\9063054f-72b0-4bdd-99d3-22ac682e9a68.tmp</t>
  </si>
  <si>
    <t>35c5f607-d751-4d5c-ad2c-d407fdf52a78.tmp</t>
  </si>
  <si>
    <t>\\acsfs\profiles$\rosileiam\Downloads\35c5f607-d751-4d5c-ad2c-d407fdf52a78.tmp</t>
  </si>
  <si>
    <t>01/20/2020 15:02:44</t>
  </si>
  <si>
    <t>01/20/2020 15:03:56</t>
  </si>
  <si>
    <t>01/20/2020 15:02:17</t>
  </si>
  <si>
    <t>01/20/2020 15:02:20</t>
  </si>
  <si>
    <t>01/20/2020 15:02:19</t>
  </si>
  <si>
    <t>01/20/2020 15:07:23</t>
  </si>
  <si>
    <t>01/20/2020 15:02:41</t>
  </si>
  <si>
    <t>cb1e78d9-c5c4-4134-a053-064ffdba9503.tmp</t>
  </si>
  <si>
    <t>\\acsfs\profiles$\fernandofs\Downloads\cb1e78d9-c5c4-4134-a053-064ffdba9503.tmp</t>
  </si>
  <si>
    <t>13b22b27-c970-4a77-ace7-ea5980d577df.tmp</t>
  </si>
  <si>
    <t>\\acsfs\profiles$\fernandofs\Downloads\13b22b27-c970-4a77-ace7-ea5980d577df.tmp</t>
  </si>
  <si>
    <t>01/20/2020 15:05:17</t>
  </si>
  <si>
    <t>01/20/2020 15:03:55</t>
  </si>
  <si>
    <t>01/20/2020 15:08:23</t>
  </si>
  <si>
    <t>01/20/2020 15:03:11</t>
  </si>
  <si>
    <t>01/20/2020 15:04:10</t>
  </si>
  <si>
    <t>01/20/2020 15:06:19</t>
  </si>
  <si>
    <t>01/20/2020 15:02:58</t>
  </si>
  <si>
    <t>01/20/2020 15:03:05</t>
  </si>
  <si>
    <t>01/20/2020 15:03:24</t>
  </si>
  <si>
    <t>01/20/2020 15:03:45</t>
  </si>
  <si>
    <t>01/20/2020 15:04:05</t>
  </si>
  <si>
    <t>01/20/2020 15:04:28</t>
  </si>
  <si>
    <t>01/20/2020 15:04:33</t>
  </si>
  <si>
    <t>01/20/2020 15:04:50</t>
  </si>
  <si>
    <t>01/20/2020 15:05:09</t>
  </si>
  <si>
    <t>01/20/2020 15:05:44</t>
  </si>
  <si>
    <t>01/20/2020 15:05:52</t>
  </si>
  <si>
    <t>01/20/2020 15:06:41</t>
  </si>
  <si>
    <t>01/20/2020 15:06:55</t>
  </si>
  <si>
    <t>01/20/2020 15:07:01</t>
  </si>
  <si>
    <t>01/20/2020 15:07:04</t>
  </si>
  <si>
    <t>01/20/2020 15:05:42</t>
  </si>
  <si>
    <t>01/20/2020 15:06:32</t>
  </si>
  <si>
    <t>https://antoniocoj@algartech.com,joaogvc@algartech.com,marianadjc@algartech.com,planejamentodeoperacoesetrafego@bv.com.br,raphaelmco@algartech.com.br,ricardodfm@algartech.com.br,taysdss@algartech.com</t>
  </si>
  <si>
    <t>01/20/2020 15:08:28</t>
  </si>
  <si>
    <t>01/20/2020 15:09:23</t>
  </si>
  <si>
    <t>01/20/2020 15:07:57</t>
  </si>
  <si>
    <t>01/20/2020 15:10:22</t>
  </si>
  <si>
    <t>01/20/2020 15:06:57</t>
  </si>
  <si>
    <t>\\acsfs\DEPTOS\Operacao\Banco_Votorantim\Supervisao\</t>
  </si>
  <si>
    <t>RELAT_FILAS_1001_DIAR_20191201_043429.CSV</t>
  </si>
  <si>
    <t>\\acsfs\DEPTOS\Operacao\Banco_Votorantim\Supervisao\RELAT_FILAS_1001_DIAR_20191201_043429.CSV</t>
  </si>
  <si>
    <t>01/20/2020 15:07:00</t>
  </si>
  <si>
    <t>RELAT_FILAS_1001_DIAR_20191202_041528.CSV</t>
  </si>
  <si>
    <t>\\acsfs\DEPTOS\Operacao\Banco_Votorantim\Supervisao\RELAT_FILAS_1001_DIAR_20191202_041528.CSV</t>
  </si>
  <si>
    <t>01/20/2020 15:07:07</t>
  </si>
  <si>
    <t>RELAT_FILAS_1001_DIAR_20191203_105430.CSV</t>
  </si>
  <si>
    <t>\\acsfs\DEPTOS\Operacao\Banco_Votorantim\Supervisao\RELAT_FILAS_1001_DIAR_20191203_105430.CSV</t>
  </si>
  <si>
    <t>01/20/2020 15:07:15</t>
  </si>
  <si>
    <t>RELAT_FILAS_1001_DIAR_20191204_080730.CSV</t>
  </si>
  <si>
    <t>\\acsfs\DEPTOS\Operacao\Banco_Votorantim\Supervisao\RELAT_FILAS_1001_DIAR_20191204_080730.CSV</t>
  </si>
  <si>
    <t>RELAT_FILAS_1001_DIAR_20191205_084032.CSV</t>
  </si>
  <si>
    <t>\\acsfs\DEPTOS\Operacao\Banco_Votorantim\Supervisao\RELAT_FILAS_1001_DIAR_20191205_084032.CSV</t>
  </si>
  <si>
    <t>01/20/2020 15:07:30</t>
  </si>
  <si>
    <t>RELAT_FILAS_1001_DIAR_20191206_083415.CSV</t>
  </si>
  <si>
    <t>\\acsfs\DEPTOS\Operacao\Banco_Votorantim\Supervisao\RELAT_FILAS_1001_DIAR_20191206_083415.CSV</t>
  </si>
  <si>
    <t>01/20/2020 15:07:37</t>
  </si>
  <si>
    <t>RELAT_FILAS_1001_DIAR_20191207_064600.CSV</t>
  </si>
  <si>
    <t>\\acsfs\DEPTOS\Operacao\Banco_Votorantim\Supervisao\RELAT_FILAS_1001_DIAR_20191207_064600.CSV</t>
  </si>
  <si>
    <t>01/20/2020 15:07:40</t>
  </si>
  <si>
    <t>RELAT_FILAS_1001_DIAR_20191208_061351.CSV</t>
  </si>
  <si>
    <t>\\acsfs\DEPTOS\Operacao\Banco_Votorantim\Supervisao\RELAT_FILAS_1001_DIAR_20191208_061351.CSV</t>
  </si>
  <si>
    <t>01/20/2020 15:07:42</t>
  </si>
  <si>
    <t>RELAT_FILAS_1001_DIAR_20191209_060320.CSV</t>
  </si>
  <si>
    <t>\\acsfs\DEPTOS\Operacao\Banco_Votorantim\Supervisao\RELAT_FILAS_1001_DIAR_20191209_060320.CSV</t>
  </si>
  <si>
    <t>01/20/2020 15:08:14</t>
  </si>
  <si>
    <t>RELAT_FILAS_1001_DIAR_20191210_100227.CSV</t>
  </si>
  <si>
    <t>\\acsfs\DEPTOS\Operacao\Banco_Votorantim\Supervisao\RELAT_FILAS_1001_DIAR_20191210_100227.CSV</t>
  </si>
  <si>
    <t>01/20/2020 15:08:25</t>
  </si>
  <si>
    <t>RELAT_FILAS_1001_DIAR_20191211_082042.CSV</t>
  </si>
  <si>
    <t>\\acsfs\DEPTOS\Operacao\Banco_Votorantim\Supervisao\RELAT_FILAS_1001_DIAR_20191211_082042.CSV</t>
  </si>
  <si>
    <t>01/20/2020 15:08:32</t>
  </si>
  <si>
    <t>RELAT_FILAS_1001_DIAR_20191212_070927.CSV</t>
  </si>
  <si>
    <t>\\acsfs\DEPTOS\Operacao\Banco_Votorantim\Supervisao\RELAT_FILAS_1001_DIAR_20191212_070927.CSV</t>
  </si>
  <si>
    <t>01/20/2020 15:08:41</t>
  </si>
  <si>
    <t>RELAT_FILAS_1001_DIAR_20191213_035059.CSV</t>
  </si>
  <si>
    <t>\\acsfs\DEPTOS\Operacao\Banco_Votorantim\Supervisao\RELAT_FILAS_1001_DIAR_20191213_035059.CSV</t>
  </si>
  <si>
    <t>01/20/2020 15:08:47</t>
  </si>
  <si>
    <t>RELAT_FILAS_1001_DIAR_20191214_040745.CSV</t>
  </si>
  <si>
    <t>\\acsfs\DEPTOS\Operacao\Banco_Votorantim\Supervisao\RELAT_FILAS_1001_DIAR_20191214_040745.CSV</t>
  </si>
  <si>
    <t>01/20/2020 15:08:50</t>
  </si>
  <si>
    <t>RELAT_FILAS_1001_DIAR_20191215_033126.CSV</t>
  </si>
  <si>
    <t>\\acsfs\DEPTOS\Operacao\Banco_Votorantim\Supervisao\RELAT_FILAS_1001_DIAR_20191215_033126.CSV</t>
  </si>
  <si>
    <t>01/20/2020 15:08:52</t>
  </si>
  <si>
    <t>RELAT_FILAS_1001_DIAR_20191216_031040.CSV</t>
  </si>
  <si>
    <t>\\acsfs\DEPTOS\Operacao\Banco_Votorantim\Supervisao\RELAT_FILAS_1001_DIAR_20191216_031040.CSV</t>
  </si>
  <si>
    <t>01/20/2020 15:09:01</t>
  </si>
  <si>
    <t>RELAT_FILAS_1001_DIAR_20191217_040113.CSV</t>
  </si>
  <si>
    <t>\\acsfs\DEPTOS\Operacao\Banco_Votorantim\Supervisao\RELAT_FILAS_1001_DIAR_20191217_040113.CSV</t>
  </si>
  <si>
    <t>01/20/2020 15:09:09</t>
  </si>
  <si>
    <t>RELAT_FILAS_1001_DIAR_20191218_041048.CSV</t>
  </si>
  <si>
    <t>\\acsfs\DEPTOS\Operacao\Banco_Votorantim\Supervisao\RELAT_FILAS_1001_DIAR_20191218_041048.CSV</t>
  </si>
  <si>
    <t>01/20/2020 15:09:17</t>
  </si>
  <si>
    <t>RELAT_FILAS_1001_DIAR_20191219_040003.CSV</t>
  </si>
  <si>
    <t>\\acsfs\DEPTOS\Operacao\Banco_Votorantim\Supervisao\RELAT_FILAS_1001_DIAR_20191219_040003.CSV</t>
  </si>
  <si>
    <t>01/20/2020 15:09:25</t>
  </si>
  <si>
    <t>RELAT_FILAS_1001_DIAR_20191220_035912.CSV</t>
  </si>
  <si>
    <t>\\acsfs\DEPTOS\Operacao\Banco_Votorantim\Supervisao\RELAT_FILAS_1001_DIAR_20191220_035912.CSV</t>
  </si>
  <si>
    <t>01/20/2020 15:09:32</t>
  </si>
  <si>
    <t>RELAT_FILAS_1001_DIAR_20191221_040411.CSV</t>
  </si>
  <si>
    <t>\\acsfs\DEPTOS\Operacao\Banco_Votorantim\Supervisao\RELAT_FILAS_1001_DIAR_20191221_040411.CSV</t>
  </si>
  <si>
    <t>01/20/2020 15:09:36</t>
  </si>
  <si>
    <t>RELAT_FILAS_1001_DIAR_20191222_033504.CSV</t>
  </si>
  <si>
    <t>\\acsfs\DEPTOS\Operacao\Banco_Votorantim\Supervisao\RELAT_FILAS_1001_DIAR_20191222_033504.CSV</t>
  </si>
  <si>
    <t>01/20/2020 15:09:38</t>
  </si>
  <si>
    <t>RELAT_FILAS_1001_DIAR_20191223_030619.CSV</t>
  </si>
  <si>
    <t>\\acsfs\DEPTOS\Operacao\Banco_Votorantim\Supervisao\RELAT_FILAS_1001_DIAR_20191223_030619.CSV</t>
  </si>
  <si>
    <t>01/20/2020 15:09:48</t>
  </si>
  <si>
    <t>RELAT_FILAS_1001_DIAR_20191224_034246.CSV</t>
  </si>
  <si>
    <t>\\acsfs\DEPTOS\Operacao\Banco_Votorantim\Supervisao\RELAT_FILAS_1001_DIAR_20191224_034246.CSV</t>
  </si>
  <si>
    <t>01/20/2020 15:09:52</t>
  </si>
  <si>
    <t>RELAT_FILAS_1001_DIAR_20191225_032644.CSV</t>
  </si>
  <si>
    <t>\\acsfs\DEPTOS\Operacao\Banco_Votorantim\Supervisao\RELAT_FILAS_1001_DIAR_20191225_032644.CSV</t>
  </si>
  <si>
    <t>01/20/2020 15:09:53</t>
  </si>
  <si>
    <t>RELAT_FILAS_1001_DIAR_20191226_030203.CSV</t>
  </si>
  <si>
    <t>\\acsfs\DEPTOS\Operacao\Banco_Votorantim\Supervisao\RELAT_FILAS_1001_DIAR_20191226_030203.CSV</t>
  </si>
  <si>
    <t>01/20/2020 15:10:01</t>
  </si>
  <si>
    <t>RELAT_FILAS_1001_DIAR_20191227_040522.CSV</t>
  </si>
  <si>
    <t>\\acsfs\DEPTOS\Operacao\Banco_Votorantim\Supervisao\RELAT_FILAS_1001_DIAR_20191227_040522.CSV</t>
  </si>
  <si>
    <t>01/20/2020 15:11:23</t>
  </si>
  <si>
    <t>01/20/2020 15:12:22</t>
  </si>
  <si>
    <t>01/20/2020 15:09:19</t>
  </si>
  <si>
    <t>01/20/2020 15:08:55</t>
  </si>
  <si>
    <t>01/20/2020 15:09:05</t>
  </si>
  <si>
    <t>01/20/2020 15:13:23</t>
  </si>
  <si>
    <t>XLOG_tiagosno_20012020_072526.log</t>
  </si>
  <si>
    <t>\\acsfs\profiles$\tiagosno\My Documents\xworkcenter\logs\XLOG_tiagosno_20012020_072526.log</t>
  </si>
  <si>
    <t>01/20/2020 15:08:33</t>
  </si>
  <si>
    <t>01/20/2020 15:08:04</t>
  </si>
  <si>
    <t>01/20/2020 15:10:13</t>
  </si>
  <si>
    <t>01/20/2020 15:13:01</t>
  </si>
  <si>
    <t>01/20/2020 15:15:24</t>
  </si>
  <si>
    <t>"mozilla/5.0 (windows nt 6.1) applewebkit/537.36 (khtml;0;0.371;0.371];0.668;0];1;104.93000000133179;1044.724999985192;1101.7899999860674;1119934;1119994;1133789;1159.734999993816;11c5m9ycfufsc7krihjn5d9wg8jcyqlqk;12.854];13;13.568;1311374;1316.9699999853037;1344469;1349384;135.741;13700014;13700109;13700167;13700185;13700235;13700451;13700563;13700607;13700883;13700946;13700951;13700982;13701078;13701139;13701207;13701214;13701235;13701239;13701262;13701276;13701298;13701418;13701422;13701430;13701450;13701458;13701486;13701506;13701506]];13701506]]];13701510;13701534;13701537;13701573;13701577;13701589;13701609;13701613;13701625;13701653;13701657;13701693;13701709]];13701709]]];13701749;13701825;13701833;13701901;13701905;13701909;13701921;13701945;13701949;13701953;13701957;13701969;13702064;13702068;13702084;13702088;1388000;1427.624999982072;1458239;1490604;15.344;15.344];15.552;15.552];1566309;1579518703539000;1579518704281000;1579518707089000];1579518710252000;1579520900840000;1579520901989000;15795332</t>
  </si>
  <si>
    <t>"mozilla/5.0 (windows nt 6.1) applewebkit/537.36 (khtml,0,0.371,0.371],0.668,0],1,104.93000000133179,1044.724999985192,1101.7899999860674,1119934,1119994,1133789,1159.734999993816,11c5m9ycfufsc7krihjn5d9wg8jcyqlqk,12.854],13,13.568,1311374,1316.9699999853037,1344469,1349384,135.741,13700014,13700109,13700167,13700185,13700235,13700451,13700563,13700607,13700883,13700946,13700951,13700982,13701078,13701139,13701207,13701214,13701235,13701239,13701262,13701276,13701298,13701418,13701422,13701430,13701450,13701458,13701486,13701506,13701506]],13701506]]],13701510,13701534,13701537,13701573,13701577,13701589,13701609,13701613,13701625,13701653,13701657,13701693,13701709]],13701709]]],13701749,13701825,13701833,13701901,13701905,13701909,13701921,13701945,13701949,13701953,13701957,13701969,13702064,13702068,13702084,13702088,1388000,1427.624999982072,1458239,1490604,15.344,15.344],15.552,15.552],1566309,1579518703539000,1579518704281000,1579518707089000],1579518710252000,1579520900840000,1579520901989000,15795332</t>
  </si>
  <si>
    <t>01/20/2020 15:13:05</t>
  </si>
  <si>
    <t>01/20/2020 15:13:11</t>
  </si>
  <si>
    <t>1579530234875;32;621969351;[];[]]];ancestorhasaugmentedpermissions;andrelps@algartech.com;containsunsubscribedchildren;displayname;domain;emailaddress;false;filesize;hasthumbnail;hasvisitorpermissions;id);items(kind;ken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llntaw_tfgt8py7hw4lawr5s-tkjjyzlq5jtqphvnzu\";null;ontainsunsubscribedchildren;ouvidoria@algar.com.br;owners(kind;permission;permissionid;picture;thumbnailversion;true]";vchx76kgoyskqvpqzuqo0mrsk-nevtbmaqaleloorbdq4mjvgtmunagardgcvqomsjf2dfmbefzskm2b2</t>
  </si>
  <si>
    <t>1579530234875,32,621969351,[],[]]],ancestorhasaugmentedpermissions,andrelps@algartech.com,containsunsubscribedchildren,displayname,domain,emailaddress,false,filesize,hasthumbnail,hasvisitorpermissions,id),items(kind,ken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llntaw_tfgt8py7hw4lawr5s-tkjjyzlq5jtqphvnzu\",null,ontainsunsubscribedchildren,ouvidoria@algar.com.br,owners(kind,permission,permissionid,picture,thumbnailversion,true]",vchx76kgoyskqvpqzuqo0mrsk-nevtbmaqaleloorbdq4mjvgtmunagardgcvqomsjf2dfmbefzskm2b2</t>
  </si>
  <si>
    <t>01/20/2020 15:13:51</t>
  </si>
  <si>
    <t>\\acsfs\profiles$\nayarasds\Downloads\$RECYCLE.BIN\</t>
  </si>
  <si>
    <t>$IH0W3ZM.PNG</t>
  </si>
  <si>
    <t>\\acsfs\profiles$\nayarasds\Downloads\$RECYCLE.BIN\$IH0W3ZM.PNG</t>
  </si>
  <si>
    <t>$IIVBE09.PNG</t>
  </si>
  <si>
    <t>\\acsfs\profiles$\nayarasds\Downloads\$RECYCLE.BIN\$IIVBE09.PNG</t>
  </si>
  <si>
    <t>01/20/2020 15:13:52</t>
  </si>
  <si>
    <t>$IVDJ1GI.PNG</t>
  </si>
  <si>
    <t>\\acsfs\profiles$\nayarasds\Downloads\$RECYCLE.BIN\$IVDJ1GI.PNG</t>
  </si>
  <si>
    <t>$IUZPDW8.PNG</t>
  </si>
  <si>
    <t>\\acsfs\profiles$\nayarasds\Downloads\$RECYCLE.BIN\$IUZPDW8.PNG</t>
  </si>
  <si>
    <t>$IVI6153.PNG</t>
  </si>
  <si>
    <t>\\acsfs\profiles$\nayarasds\Downloads\$RECYCLE.BIN\$IVI6153.PNG</t>
  </si>
  <si>
    <t>$I3P010A.PNG</t>
  </si>
  <si>
    <t>\\acsfs\profiles$\nayarasds\Downloads\$RECYCLE.BIN\$I3P010A.PNG</t>
  </si>
  <si>
    <t>$IEATSIE.pptx</t>
  </si>
  <si>
    <t>\\acsfs\profiles$\nayarasds\Downloads\$RECYCLE.BIN\$IEATSIE.pptx</t>
  </si>
  <si>
    <t>$INGI925.pptx</t>
  </si>
  <si>
    <t>\\acsfs\profiles$\nayarasds\Downloads\$RECYCLE.BIN\$INGI925.pptx</t>
  </si>
  <si>
    <t>01/20/2020 15:13:53</t>
  </si>
  <si>
    <t>$ICFKRLW.xbap</t>
  </si>
  <si>
    <t>\\acsfs\profiles$\nayarasds\Downloads\$RECYCLE.BIN\$ICFKRLW.xbap</t>
  </si>
  <si>
    <t>$I8T12F7.zip</t>
  </si>
  <si>
    <t>\\acsfs\profiles$\nayarasds\Downloads\$RECYCLE.BIN\$I8T12F7.zip</t>
  </si>
  <si>
    <t>$IHTS814.ica</t>
  </si>
  <si>
    <t>\\acsfs\profiles$\nayarasds\Downloads\$RECYCLE.BIN\$IHTS814.ica</t>
  </si>
  <si>
    <t>$IZQQALJ.ica</t>
  </si>
  <si>
    <t>\\acsfs\profiles$\nayarasds\Downloads\$RECYCLE.BIN\$IZQQALJ.ica</t>
  </si>
  <si>
    <t>$IJ3V612.ica</t>
  </si>
  <si>
    <t>\\acsfs\profiles$\nayarasds\Downloads\$RECYCLE.BIN\$IJ3V612.ica</t>
  </si>
  <si>
    <t>$I5JLRP6.ica</t>
  </si>
  <si>
    <t>\\acsfs\profiles$\nayarasds\Downloads\$RECYCLE.BIN\$I5JLRP6.ica</t>
  </si>
  <si>
    <t>01/20/2020 15:13:54</t>
  </si>
  <si>
    <t>$I7FLMWR.ica</t>
  </si>
  <si>
    <t>\\acsfs\profiles$\nayarasds\Downloads\$RECYCLE.BIN\$I7FLMWR.ica</t>
  </si>
  <si>
    <t>$IPVS9GR.ica</t>
  </si>
  <si>
    <t>\\acsfs\profiles$\nayarasds\Downloads\$RECYCLE.BIN\$IPVS9GR.ica</t>
  </si>
  <si>
    <t>$ICHTNFF.ica</t>
  </si>
  <si>
    <t>\\acsfs\profiles$\nayarasds\Downloads\$RECYCLE.BIN\$ICHTNFF.ica</t>
  </si>
  <si>
    <t>$IDO1AIY.ica</t>
  </si>
  <si>
    <t>\\acsfs\profiles$\nayarasds\Downloads\$RECYCLE.BIN\$IDO1AIY.ica</t>
  </si>
  <si>
    <t>$IGAMVE1.ica</t>
  </si>
  <si>
    <t>\\acsfs\profiles$\nayarasds\Downloads\$RECYCLE.BIN\$IGAMVE1.ica</t>
  </si>
  <si>
    <t>$INE78WK.ica</t>
  </si>
  <si>
    <t>\\acsfs\profiles$\nayarasds\Downloads\$RECYCLE.BIN\$INE78WK.ica</t>
  </si>
  <si>
    <t>01/20/2020 15:13:55</t>
  </si>
  <si>
    <t>$IF1LU5H.ica</t>
  </si>
  <si>
    <t>\\acsfs\profiles$\nayarasds\Downloads\$RECYCLE.BIN\$IF1LU5H.ica</t>
  </si>
  <si>
    <t>$IVU1337.ica</t>
  </si>
  <si>
    <t>\\acsfs\profiles$\nayarasds\Downloads\$RECYCLE.BIN\$IVU1337.ica</t>
  </si>
  <si>
    <t>$IIWHVB6.ica</t>
  </si>
  <si>
    <t>\\acsfs\profiles$\nayarasds\Downloads\$RECYCLE.BIN\$IIWHVB6.ica</t>
  </si>
  <si>
    <t>$I1ME7HP.ica</t>
  </si>
  <si>
    <t>\\acsfs\profiles$\nayarasds\Downloads\$RECYCLE.BIN\$I1ME7HP.ica</t>
  </si>
  <si>
    <t>$IZHFGAA.ica</t>
  </si>
  <si>
    <t>\\acsfs\profiles$\nayarasds\Downloads\$RECYCLE.BIN\$IZHFGAA.ica</t>
  </si>
  <si>
    <t>01/20/2020 15:13:56</t>
  </si>
  <si>
    <t>$I4QEM08.ica</t>
  </si>
  <si>
    <t>\\acsfs\profiles$\nayarasds\Downloads\$RECYCLE.BIN\$I4QEM08.ica</t>
  </si>
  <si>
    <t>$IZT9UPC.ica</t>
  </si>
  <si>
    <t>\\acsfs\profiles$\nayarasds\Downloads\$RECYCLE.BIN\$IZT9UPC.ica</t>
  </si>
  <si>
    <t>$ICUSWG6.ica</t>
  </si>
  <si>
    <t>\\acsfs\profiles$\nayarasds\Downloads\$RECYCLE.BIN\$ICUSWG6.ica</t>
  </si>
  <si>
    <t>$ILJN2IP.ica</t>
  </si>
  <si>
    <t>\\acsfs\profiles$\nayarasds\Downloads\$RECYCLE.BIN\$ILJN2IP.ica</t>
  </si>
  <si>
    <t>$I53D4LF.ica</t>
  </si>
  <si>
    <t>\\acsfs\profiles$\nayarasds\Downloads\$RECYCLE.BIN\$I53D4LF.ica</t>
  </si>
  <si>
    <t>$IQPT5ZD.ica</t>
  </si>
  <si>
    <t>\\acsfs\profiles$\nayarasds\Downloads\$RECYCLE.BIN\$IQPT5ZD.ica</t>
  </si>
  <si>
    <t>01/20/2020 15:13:57</t>
  </si>
  <si>
    <t>$I1JEMLE.ica</t>
  </si>
  <si>
    <t>\\acsfs\profiles$\nayarasds\Downloads\$RECYCLE.BIN\$I1JEMLE.ica</t>
  </si>
  <si>
    <t>$IPMG6ZW.ica</t>
  </si>
  <si>
    <t>\\acsfs\profiles$\nayarasds\Downloads\$RECYCLE.BIN\$IPMG6ZW.ica</t>
  </si>
  <si>
    <t>$IMDRT4E.ica</t>
  </si>
  <si>
    <t>\\acsfs\profiles$\nayarasds\Downloads\$RECYCLE.BIN\$IMDRT4E.ica</t>
  </si>
  <si>
    <t>$ITM0IK1.ica</t>
  </si>
  <si>
    <t>\\acsfs\profiles$\nayarasds\Downloads\$RECYCLE.BIN\$ITM0IK1.ica</t>
  </si>
  <si>
    <t>$IAYSWJH.ica</t>
  </si>
  <si>
    <t>\\acsfs\profiles$\nayarasds\Downloads\$RECYCLE.BIN\$IAYSWJH.ica</t>
  </si>
  <si>
    <t>$I3ARL6X.ica</t>
  </si>
  <si>
    <t>\\acsfs\profiles$\nayarasds\Downloads\$RECYCLE.BIN\$I3ARL6X.ica</t>
  </si>
  <si>
    <t>01/20/2020 15:13:58</t>
  </si>
  <si>
    <t>$I0G1F67.ica</t>
  </si>
  <si>
    <t>\\acsfs\profiles$\nayarasds\Downloads\$RECYCLE.BIN\$I0G1F67.ica</t>
  </si>
  <si>
    <t>$IYL1C38.crdownload</t>
  </si>
  <si>
    <t>\\acsfs\profiles$\nayarasds\Downloads\$RECYCLE.BIN\$IYL1C38.crdownload</t>
  </si>
  <si>
    <t>$IYJ4MIK.ica</t>
  </si>
  <si>
    <t>\\acsfs\profiles$\nayarasds\Downloads\$RECYCLE.BIN\$IYJ4MIK.ica</t>
  </si>
  <si>
    <t>$IK33ID5.ica</t>
  </si>
  <si>
    <t>\\acsfs\profiles$\nayarasds\Downloads\$RECYCLE.BIN\$IK33ID5.ica</t>
  </si>
  <si>
    <t>$IS14PYE.ica</t>
  </si>
  <si>
    <t>\\acsfs\profiles$\nayarasds\Downloads\$RECYCLE.BIN\$IS14PYE.ica</t>
  </si>
  <si>
    <t>01/20/2020 15:13:59</t>
  </si>
  <si>
    <t>$I9I9SY0.ica</t>
  </si>
  <si>
    <t>\\acsfs\profiles$\nayarasds\Downloads\$RECYCLE.BIN\$I9I9SY0.ica</t>
  </si>
  <si>
    <t>$ISODLO5.ica</t>
  </si>
  <si>
    <t>\\acsfs\profiles$\nayarasds\Downloads\$RECYCLE.BIN\$ISODLO5.ica</t>
  </si>
  <si>
    <t>$I4TEQ9N.ica</t>
  </si>
  <si>
    <t>\\acsfs\profiles$\nayarasds\Downloads\$RECYCLE.BIN\$I4TEQ9N.ica</t>
  </si>
  <si>
    <t>$IFTHUG4.ica</t>
  </si>
  <si>
    <t>\\acsfs\profiles$\nayarasds\Downloads\$RECYCLE.BIN\$IFTHUG4.ica</t>
  </si>
  <si>
    <t>$IJOKTTC.ica</t>
  </si>
  <si>
    <t>\\acsfs\profiles$\nayarasds\Downloads\$RECYCLE.BIN\$IJOKTTC.ica</t>
  </si>
  <si>
    <t>$IQ6NBFY.ica</t>
  </si>
  <si>
    <t>\\acsfs\profiles$\nayarasds\Downloads\$RECYCLE.BIN\$IQ6NBFY.ica</t>
  </si>
  <si>
    <t>$I540780.ica</t>
  </si>
  <si>
    <t>\\acsfs\profiles$\nayarasds\Downloads\$RECYCLE.BIN\$I540780.ica</t>
  </si>
  <si>
    <t>01/20/2020 15:14:00</t>
  </si>
  <si>
    <t>$IKVSV7D.ica</t>
  </si>
  <si>
    <t>\\acsfs\profiles$\nayarasds\Downloads\$RECYCLE.BIN\$IKVSV7D.ica</t>
  </si>
  <si>
    <t>$I1VWMQ9.ica</t>
  </si>
  <si>
    <t>\\acsfs\profiles$\nayarasds\Downloads\$RECYCLE.BIN\$I1VWMQ9.ica</t>
  </si>
  <si>
    <t>$IIB8T0N.ica</t>
  </si>
  <si>
    <t>\\acsfs\profiles$\nayarasds\Downloads\$RECYCLE.BIN\$IIB8T0N.ica</t>
  </si>
  <si>
    <t>$IPQ0W9I.ica</t>
  </si>
  <si>
    <t>\\acsfs\profiles$\nayarasds\Downloads\$RECYCLE.BIN\$IPQ0W9I.ica</t>
  </si>
  <si>
    <t>$IIRHYPX.ica</t>
  </si>
  <si>
    <t>\\acsfs\profiles$\nayarasds\Downloads\$RECYCLE.BIN\$IIRHYPX.ica</t>
  </si>
  <si>
    <t>$IPL67AL.ica</t>
  </si>
  <si>
    <t>\\acsfs\profiles$\nayarasds\Downloads\$RECYCLE.BIN\$IPL67AL.ica</t>
  </si>
  <si>
    <t>$I3DH1LW.ica</t>
  </si>
  <si>
    <t>\\acsfs\profiles$\nayarasds\Downloads\$RECYCLE.BIN\$I3DH1LW.ica</t>
  </si>
  <si>
    <t>$IDDS3GV.ica</t>
  </si>
  <si>
    <t>\\acsfs\profiles$\nayarasds\Downloads\$RECYCLE.BIN\$IDDS3GV.ica</t>
  </si>
  <si>
    <t>01/20/2020 15:14:01</t>
  </si>
  <si>
    <t>$IXWUZKD.ica</t>
  </si>
  <si>
    <t>\\acsfs\profiles$\nayarasds\Downloads\$RECYCLE.BIN\$IXWUZKD.ica</t>
  </si>
  <si>
    <t>$IFAN5FW.ica</t>
  </si>
  <si>
    <t>\\acsfs\profiles$\nayarasds\Downloads\$RECYCLE.BIN\$IFAN5FW.ica</t>
  </si>
  <si>
    <t>$IQXPWGT.ica</t>
  </si>
  <si>
    <t>\\acsfs\profiles$\nayarasds\Downloads\$RECYCLE.BIN\$IQXPWGT.ica</t>
  </si>
  <si>
    <t>$IQH98YW.ica</t>
  </si>
  <si>
    <t>\\acsfs\profiles$\nayarasds\Downloads\$RECYCLE.BIN\$IQH98YW.ica</t>
  </si>
  <si>
    <t>$IJMOQKB.ica</t>
  </si>
  <si>
    <t>\\acsfs\profiles$\nayarasds\Downloads\$RECYCLE.BIN\$IJMOQKB.ica</t>
  </si>
  <si>
    <t>$IRDOPOT.ica</t>
  </si>
  <si>
    <t>\\acsfs\profiles$\nayarasds\Downloads\$RECYCLE.BIN\$IRDOPOT.ica</t>
  </si>
  <si>
    <t>01/20/2020 15:14:02</t>
  </si>
  <si>
    <t>$I3HUFAQ.ica</t>
  </si>
  <si>
    <t>\\acsfs\profiles$\nayarasds\Downloads\$RECYCLE.BIN\$I3HUFAQ.ica</t>
  </si>
  <si>
    <t>$IPFZVM4.ica</t>
  </si>
  <si>
    <t>\\acsfs\profiles$\nayarasds\Downloads\$RECYCLE.BIN\$IPFZVM4.ica</t>
  </si>
  <si>
    <t>$IH7Z28Q.ica</t>
  </si>
  <si>
    <t>\\acsfs\profiles$\nayarasds\Downloads\$RECYCLE.BIN\$IH7Z28Q.ica</t>
  </si>
  <si>
    <t>$I0HBK79.ica</t>
  </si>
  <si>
    <t>\\acsfs\profiles$\nayarasds\Downloads\$RECYCLE.BIN\$I0HBK79.ica</t>
  </si>
  <si>
    <t>$IVGXPRY.ica</t>
  </si>
  <si>
    <t>\\acsfs\profiles$\nayarasds\Downloads\$RECYCLE.BIN\$IVGXPRY.ica</t>
  </si>
  <si>
    <t>$I33OYEK.ica</t>
  </si>
  <si>
    <t>\\acsfs\profiles$\nayarasds\Downloads\$RECYCLE.BIN\$I33OYEK.ica</t>
  </si>
  <si>
    <t>01/20/2020 15:14:03</t>
  </si>
  <si>
    <t>$I6UHJRB.ica</t>
  </si>
  <si>
    <t>\\acsfs\profiles$\nayarasds\Downloads\$RECYCLE.BIN\$I6UHJRB.ica</t>
  </si>
  <si>
    <t>$IJKU9CE.ica</t>
  </si>
  <si>
    <t>\\acsfs\profiles$\nayarasds\Downloads\$RECYCLE.BIN\$IJKU9CE.ica</t>
  </si>
  <si>
    <t>01/20/2020 15:14:04</t>
  </si>
  <si>
    <t>$IVQOAPW.ica</t>
  </si>
  <si>
    <t>\\acsfs\profiles$\nayarasds\Downloads\$RECYCLE.BIN\$IVQOAPW.ica</t>
  </si>
  <si>
    <t>$IZJ8CIX.ica</t>
  </si>
  <si>
    <t>\\acsfs\profiles$\nayarasds\Downloads\$RECYCLE.BIN\$IZJ8CIX.ica</t>
  </si>
  <si>
    <t>$IT8M0QM.ica</t>
  </si>
  <si>
    <t>\\acsfs\profiles$\nayarasds\Downloads\$RECYCLE.BIN\$IT8M0QM.ica</t>
  </si>
  <si>
    <t>$IZSFNJK.ica</t>
  </si>
  <si>
    <t>\\acsfs\profiles$\nayarasds\Downloads\$RECYCLE.BIN\$IZSFNJK.ica</t>
  </si>
  <si>
    <t>$I7KHLIE.ica</t>
  </si>
  <si>
    <t>\\acsfs\profiles$\nayarasds\Downloads\$RECYCLE.BIN\$I7KHLIE.ica</t>
  </si>
  <si>
    <t>$IAO40VK.ica</t>
  </si>
  <si>
    <t>\\acsfs\profiles$\nayarasds\Downloads\$RECYCLE.BIN\$IAO40VK.ica</t>
  </si>
  <si>
    <t>01/20/2020 15:14:05</t>
  </si>
  <si>
    <t>$IRMQ32I.ica</t>
  </si>
  <si>
    <t>\\acsfs\profiles$\nayarasds\Downloads\$RECYCLE.BIN\$IRMQ32I.ica</t>
  </si>
  <si>
    <t>$IRI50GZ.ica</t>
  </si>
  <si>
    <t>\\acsfs\profiles$\nayarasds\Downloads\$RECYCLE.BIN\$IRI50GZ.ica</t>
  </si>
  <si>
    <t>01/20/2020 15:10:09</t>
  </si>
  <si>
    <t>RELAT_FILAS_1001_DIAR_20191228_035656.CSV</t>
  </si>
  <si>
    <t>\\acsfs\DEPTOS\Operacao\Banco_Votorantim\Supervisao\RELAT_FILAS_1001_DIAR_20191228_035656.CSV</t>
  </si>
  <si>
    <t>01/20/2020 15:10:12</t>
  </si>
  <si>
    <t>RELAT_FILAS_1001_DIAR_20191229_033324.CSV</t>
  </si>
  <si>
    <t>\\acsfs\DEPTOS\Operacao\Banco_Votorantim\Supervisao\RELAT_FILAS_1001_DIAR_20191229_033324.CSV</t>
  </si>
  <si>
    <t>01/20/2020 15:10:14</t>
  </si>
  <si>
    <t>RELAT_FILAS_1001_DIAR_20191230_030504.CSV</t>
  </si>
  <si>
    <t>\\acsfs\DEPTOS\Operacao\Banco_Votorantim\Supervisao\RELAT_FILAS_1001_DIAR_20191230_030504.CSV</t>
  </si>
  <si>
    <t>01/20/2020 15:10:21</t>
  </si>
  <si>
    <t>RELAT_FILAS_1001_DIAR_20191231_033314.CSV</t>
  </si>
  <si>
    <t>\\acsfs\DEPTOS\Operacao\Banco_Votorantim\Supervisao\RELAT_FILAS_1001_DIAR_20191231_033314.CSV</t>
  </si>
  <si>
    <t>01/20/2020 15:10:23</t>
  </si>
  <si>
    <t>RELAT_FILAS_1001_DIAR_20200101_032132.CSV</t>
  </si>
  <si>
    <t>\\acsfs\DEPTOS\Operacao\Banco_Votorantim\Supervisao\RELAT_FILAS_1001_DIAR_20200101_032132.CSV</t>
  </si>
  <si>
    <t>Base Consolidada.xlsb</t>
  </si>
  <si>
    <t>\\acsfs\DEPTOS\Operacao\Banco_Votorantim\Supervisao\Base Consolidada.xlsb</t>
  </si>
  <si>
    <t>01/20/2020 15:14:21</t>
  </si>
  <si>
    <t>01/20/2020 15:16:24</t>
  </si>
  <si>
    <t>01/20/2020 15:14:07</t>
  </si>
  <si>
    <t>4b37692d-5413-4d81-ac59-a502951bb746.tmp</t>
  </si>
  <si>
    <t>\\acsfs\profiles$\jhonatadss\Downloads\4b37692d-5413-4d81-ac59-a502951bb746.tmp</t>
  </si>
  <si>
    <t>01/20/2020 15:14:23</t>
  </si>
  <si>
    <t>01/20/2020 15:15:40</t>
  </si>
  <si>
    <t>01/20/2020 15:15:43</t>
  </si>
  <si>
    <t>01/20/2020 15:16:16</t>
  </si>
  <si>
    <t>01/20/2020 15:17:24</t>
  </si>
  <si>
    <t>01/20/2020 15:15:44</t>
  </si>
  <si>
    <t>55212863-1850-4db1-a65f-cbec556d65f9.tmp</t>
  </si>
  <si>
    <t>\\acsfs\profiles$\Angelicacldr\Downloads\55212863-1850-4db1-a65f-cbec556d65f9.tmp</t>
  </si>
  <si>
    <t>d33ada90-4497-4b5f-9a5d-66dfe692da5a.tmp</t>
  </si>
  <si>
    <t>\\acsfs\profiles$\Angelicacldr\Downloads\d33ada90-4497-4b5f-9a5d-66dfe692da5a.tmp</t>
  </si>
  <si>
    <t>01/20/2020 15:16:41</t>
  </si>
  <si>
    <t>90bf51d4-6cdc-4116-a3ed-056dd6ec6a99.tmp</t>
  </si>
  <si>
    <t>\\acsfs\profiles$\Angelicacldr\Downloads\90bf51d4-6cdc-4116-a3ed-056dd6ec6a99.tmp</t>
  </si>
  <si>
    <t>01/20/2020 15:15:15</t>
  </si>
  <si>
    <t>01/20/2020 15:18:24</t>
  </si>
  <si>
    <t>01/20/2020 15:14:54</t>
  </si>
  <si>
    <t>01/20/2020 15:13:06</t>
  </si>
  <si>
    <t>c179a44d-8f34-4a23-be4d-2d74f95ab222.tmp</t>
  </si>
  <si>
    <t>\\acsfs\profiles$\ingridsm\Downloads\c179a44d-8f34-4a23-be4d-2d74f95ab222.tmp</t>
  </si>
  <si>
    <t>01/20/2020 15:16:01</t>
  </si>
  <si>
    <t>01/20/2020 15:16:19</t>
  </si>
  <si>
    <t>01/20/2020 15:19:24</t>
  </si>
  <si>
    <t>7bc1346b-0fdc-4e37-b467-9984e5381309.tmp</t>
  </si>
  <si>
    <t>\\acsfs\profiles$\valeriasda\Downloads\7bc1346b-0fdc-4e37-b467-9984e5381309.tmp</t>
  </si>
  <si>
    <t>01/20/2020 15:17:03</t>
  </si>
  <si>
    <t>64340e25-c2ee-438a-9b38-93cc149d8c2b.tmp</t>
  </si>
  <si>
    <t>\\acsfs\profiles$\valeriasda\Downloads\64340e25-c2ee-438a-9b38-93cc149d8c2b.tmp</t>
  </si>
  <si>
    <t>01/20/2020 15:17:09</t>
  </si>
  <si>
    <t>f33f5e94-d115-416c-bbfd-acf7eda53ae1.tmp</t>
  </si>
  <si>
    <t>\\acsfs\profiles$\valeriasda\Downloads\f33f5e94-d115-416c-bbfd-acf7eda53ae1.tmp</t>
  </si>
  <si>
    <t>01/20/2020 15:17:27</t>
  </si>
  <si>
    <t>90377d5e-2433-47f5-9d41-a10b8f410534.tmp</t>
  </si>
  <si>
    <t>\\acsfs\profiles$\valeriasda\Downloads\90377d5e-2433-47f5-9d41-a10b8f410534.tmp</t>
  </si>
  <si>
    <t>01/20/2020 15:17:31</t>
  </si>
  <si>
    <t>bcb328e1-c70a-445f-a5d2-c90d6488697b.tmp</t>
  </si>
  <si>
    <t>\\acsfs\profiles$\valeriasda\Downloads\bcb328e1-c70a-445f-a5d2-c90d6488697b.tmp</t>
  </si>
  <si>
    <t>01/20/2020 15:16:30</t>
  </si>
  <si>
    <t>01/20/2020 15:20:25</t>
  </si>
  <si>
    <t>d79dba90-0399-4872-a507-2865242a8787.tmp</t>
  </si>
  <si>
    <t>\\acsfs\profiles$\adrielyas\Downloads\d79dba90-0399-4872-a507-2865242a8787.tmp</t>
  </si>
  <si>
    <t>01/20/2020 15:16:43</t>
  </si>
  <si>
    <t>01/20/2020 15:16:48</t>
  </si>
  <si>
    <t>01/20/2020 15:16:55</t>
  </si>
  <si>
    <t>01/20/2020 15:17:04</t>
  </si>
  <si>
    <t>01/20/2020 15:17:13</t>
  </si>
  <si>
    <t>01/20/2020 15:17:20</t>
  </si>
  <si>
    <t>01/20/2020 15:17:32</t>
  </si>
  <si>
    <t>01/20/2020 15:17:36</t>
  </si>
  <si>
    <t>01/20/2020 15:17:42</t>
  </si>
  <si>
    <t>01/20/2020 15:18:02</t>
  </si>
  <si>
    <t>"mozilla/5.0 (windows nt 6.1) applewebkit/537.36 (khtml;1;13;13700109;13700607;13700883;13701139;13701214;13701298;13701418;13701458;13701577;13701589;13701613;13701625;13701657;13701749;13701825;13701901;13701921;13701949;13701953;13701969;13702064;13702088;1579520900840000;1579520901989000;1579528428892;1579532943833;26;41;621969351;[[13701450;[];[]]];adfn-csyrvwqermfbxam1mkavsrzjlg0rundo9gysmvmlrxxhlhfmqhcw7_ynhcatkqscdyldsiy;ancestorhasaugmentedpermissions;containsunsubscribedchildren;displayname;domain;emailaddress;false;false];fedb0gqdtuqawg";file(kind;fileid;filesize;hasthumbnail;hasvisitorpermissions;id;id);items(deleted;items(kind;ken;ken=ac4w5vi0ka-sxkbznvlqg8lj5-wvx_fz5a:1579520900837&amp;buildlabel=drive.web-frontend_20200108.00_p2�cΖ;kind;l-ckacf_7r3zozh1hhizn88xwetaapoebcpjm5ey2zyse1nt3xmnhcr-rz9s-zdg-5-xx2v8f_tzsvcfibwrle5qaq53vh6r8m19mnq0rhk68ibitnjgrsmrdalihic4l1lxyqga8ovr5etkjjbkmsgw0htomrw0ftovchx76kgoyskqvpqzuqo0mrsk-nevtbmaqaleloorbdq4mjvgtmunagardgcvqomsjf2dfmbefzskm2b2sgehmip1;lastmodifying</t>
  </si>
  <si>
    <t>"mozilla/5.0 (windows nt 6.1) applewebkit/537.36 (khtml,1,13,13700109,13700607,13700883,13701139,13701214,13701298,13701418,13701458,13701577,13701589,13701613,13701625,13701657,13701749,13701825,13701901,13701921,13701949,13701953,13701969,13702064,13702088,1579520900840000,1579520901989000,1579528428892,1579532943833,26,41,621969351,[[13701450,[],[]]],adfn-csyrvwqermfbxam1mkavsrzjlg0rundo9gysmvmlrxxhlhfmqhcw7_ynhcatkqscdyldsiy,ancestorhasaugmentedpermissions,containsunsubscribedchildren,displayname,domain,emailaddress,false,false],fedb0gqdtuqawg",file(kind,fileid,filesize,hasthumbnail,hasvisitorpermissions,id,id),items(deleted,items(kind,ken,ken=ac4w5vi0ka-sxkbznvlqg8lj5-wvx_fz5a:1579520900837&amp;buildlabel=drive.web-frontend_20200108.00_p2�cΖ,kind,l-ckacf_7r3zozh1hhizn88xwetaapoebcpjm5ey2zyse1nt3xmnhcr-rz9s-zdg-5-xx2v8f_tzsvcfibwrle5qaq53vh6r8m19mnq0rhk68ibitnjgrsmrdalihic4l1lxyqga8ovr5etkjjbkmsgw0htomrw0ftovchx76kgoyskqvpqzuqo0mrsk-nevtbmaqaleloorbdq4mjvgtmunagardgcvqomsjf2dfmbefzskm2b2sgehmip1,lastmodifying</t>
  </si>
  <si>
    <t>01/20/2020 15:18:06</t>
  </si>
  <si>
    <t>01/20/2020 15:19:47</t>
  </si>
  <si>
    <t>01/20/2020 15:21:24</t>
  </si>
  <si>
    <t>01/20/2020 15:17:07</t>
  </si>
  <si>
    <t>01/20/2020 15:19:15</t>
  </si>
  <si>
    <t>0687f9f6-4bc5-4084-b37b-eab1e8b8b300.tmp</t>
  </si>
  <si>
    <t>\\acsfs\profiles$\andreapdsg\Downloads\0687f9f6-4bc5-4084-b37b-eab1e8b8b300.tmp</t>
  </si>
  <si>
    <t>01/20/2020 15:19:18</t>
  </si>
  <si>
    <t>01/20/2020 15:19:43</t>
  </si>
  <si>
    <t>01/20/2020 15:20:20</t>
  </si>
  <si>
    <t>https://udpmailboxap01.acs.com.br:8443/h/search?si=0&amp;so=0&amp;sc=79212&amp;sfi=2&amp;st=conversation&amp;action=compose&amp;paction=rowview</t>
  </si>
  <si>
    <t>01/20/2020 15:19:00</t>
  </si>
  <si>
    <t>01/20/2020 15:22:24</t>
  </si>
  <si>
    <t>01/20/2020 15:21:29</t>
  </si>
  <si>
    <t>patricialr</t>
  </si>
  <si>
    <t>https://udpwfmniceap02/web/guest/home?p_auth=4yvrjx6e&amp;p_p_id=58&amp;p_p_lifecycle=1&amp;p_p_state=maximized&amp;p_p_mode=view&amp;savelastpath=0&amp;_58_struts_action=/login/forgot_password</t>
  </si>
  <si>
    <t>01/20/2020 15:21:13</t>
  </si>
  <si>
    <t>01/20/2020 15:23:24</t>
  </si>
  <si>
    <t>01/20/2020 15:18:19</t>
  </si>
  <si>
    <t>01/20/2020 15:20:04</t>
  </si>
  <si>
    <t>01/20/2020 15:22:18</t>
  </si>
  <si>
    <t>01/20/2020 15:18:38</t>
  </si>
  <si>
    <t>01/20/2020 15:18:41</t>
  </si>
  <si>
    <t>01/20/2020 15:18:36</t>
  </si>
  <si>
    <t>01/20/2020 15:24:24</t>
  </si>
  <si>
    <t>01/20/2020 15:22:30</t>
  </si>
  <si>
    <t>01/20/2020 15:23:10</t>
  </si>
  <si>
    <t>01/20/2020 15:20:29</t>
  </si>
  <si>
    <t>01/20/2020 15:25:24</t>
  </si>
  <si>
    <t>1579521205985,1579521506979,2,3,621969351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t7ntaw-ohopmln6yo4wasvzzu2uprfzp3bdrem5qoee\",mrw0ftovchx76kgoyskqvpqzuqo0mrsk-nevtbmaqaleloorbdq4mjvgtmunagardgcvqomsjf2dfmbefzskm2b2sgehmip1t4cvexbtpssk2sdjt6951wlkaev-qbpxn2strgesn6t0wc7ahptj_e6akbt7rpykdguoorotjjojr2vprr4zefrh7</t>
  </si>
  <si>
    <t>01/20/2020 15:20:34</t>
  </si>
  <si>
    <t>01/20/2020 15:20:42</t>
  </si>
  <si>
    <t>01/20/2020 15:23:36</t>
  </si>
  <si>
    <t>1;1579520906502;1579542888961;621969351;74;[];[]]];false;l-ckacf_7r3zozh1hhizn88xwetaapoebcpjm5ey2zyse1nt3xmnhcr-rz9s-zdg-5-xx2v8f_tzsvcfibwrle5qaq53vh6r8m19mnq0rhk68ibitnjgrsmrdalihic4l1lxyqga8ovr5etkjjbkmsgw0htomrw0ftovchx76kgoyskqvpqzuqo0mrsk-nevtbmaqaleloorbdq4mjvgtmunagardgcvqomsjf2dfmbefzskm2b2sgehmip1;mrw0ftovchx76kgoyskqvpqzuqo0mrsk-nevtbmaqaleloorbdq4mjvgtmunagardgcvqomsjf2dfmbefzskm2b2sgehmip1t4cvexbtpssk2sdjt6951wlkaev-qbpxn2strgesn6t0wc7ahptj_e6akbt7rpykdguoorotjjojr2vprr4zefrh7i8ekftw_f_-u1emtiy6u1k09ydghmcnooax7ywi6zi1_rntaw8mzvzjuenkzozfh9ctizgqvpsoktjblelwj3e\";mrw0ftovchx76kgoyskqvpqzuqo0mrsk-nevtbmaqaleloorbdq4mjvgtmunagardgcvqomsjf2dfmbefzskm2b2sgehmip1t4cvexbtpssk2sdjt6951wlkaev-qbpxn2strgesn6t0wc7ahptj_e6akbt7rpykdguoorotjjojr2vprr4zefrh7i8ekftw_f_-u1emtiy6u1k09ydghmcnooax7ywi6zi1tbntaw_cv432xjli-iuuhgiz4nr-17bnyajfdumlwju\";null;true]";vchx76kgoyskqvpqzuqo0mrsk-nevtbmaqaleloorbdq4mjvgtmunagardgcvqomsjf2dfmbefzskm2b2sgehmip1t4cvexbtpssk2sdjt6951wlkaev-qbpxn2strgesn6t0wc7ahptj_e6akbt7rpykd</t>
  </si>
  <si>
    <t>1,1579520906502,1579542888961,621969351,74,[],[]]],false,l-ckacf_7r3zozh1hhizn88xwetaapoebcpjm5ey2zyse1nt3xmnhcr-rz9s-zdg-5-xx2v8f_tzsvcfibwrle5qaq53vh6r8m19mnq0rhk68ibitnjgrsmrdalihic4l1lxyqga8ovr5etkjjbkmsgw0htomrw0ftovchx76kgoyskqvpqzuqo0mrsk-nevtbmaqaleloorbdq4mjvgtmunagardgcvqomsjf2dfmbefzskm2b2sgehmip1,mrw0ftovchx76kgoyskqvpqzuqo0mrsk-nevtbmaqaleloorbdq4mjvgtmunagardgcvqomsjf2dfmbefzskm2b2sgehmip1t4cvexbtpssk2sdjt6951wlkaev-qbpxn2strgesn6t0wc7ahptj_e6akbt7rpykdguoorotjjojr2vprr4zefrh7i8ekftw_f_-u1emtiy6u1k09ydghmcnooax7ywi6zi1_rntaw8mzvzjuenkzozfh9ctizgqvpsoktjblelwj3e\",mrw0ftovchx76kgoyskqvpqzuqo0mrsk-nevtbmaqaleloorbdq4mjvgtmunagardgcvqomsjf2dfmbefzskm2b2sgehmip1t4cvexbtpssk2sdjt6951wlkaev-qbpxn2strgesn6t0wc7ahptj_e6akbt7rpykdguoorotjjojr2vprr4zefrh7i8ekftw_f_-u1emtiy6u1k09ydghmcnooax7ywi6zi1tbntaw_cv432xjli-iuuhgiz4nr-17bnyajfdumlwju\",null,true]",vchx76kgoyskqvpqzuqo0mrsk-nevtbmaqaleloorbdq4mjvgtmunagardgcvqomsjf2dfmbefzskm2b2sgehmip1t4cvexbtpssk2sdjt6951wlkaev-qbpxn2strgesn6t0wc7ahptj_e6akbt7rpykd</t>
  </si>
  <si>
    <t>01/20/2020 15:23:44</t>
  </si>
  <si>
    <t>01/20/2020 15:23:46</t>
  </si>
  <si>
    <t>01/20/2020 15:23:51</t>
  </si>
  <si>
    <t>01/20/2020 15:23:52</t>
  </si>
  <si>
    <t>01/20/2020 15:22:00</t>
  </si>
  <si>
    <t>01/20/2020 15:26:24</t>
  </si>
  <si>
    <t>01/20/2020 15:21:48</t>
  </si>
  <si>
    <t>b6908f63-699a-4f53-9234-56121137af42.tmp</t>
  </si>
  <si>
    <t>\\acsfs\profiles$\andreapdsg\Downloads\b6908f63-699a-4f53-9234-56121137af42.tmp</t>
  </si>
  <si>
    <t>01/20/2020 15:21:31</t>
  </si>
  <si>
    <t>https://udpmailboxap01.acs.com.br:8443/h/search?si=0&amp;so=0&amp;sc=79246&amp;sfi=5&amp;st=conversation&amp;action=compose&amp;id=2804&amp;paction=view&amp;rf=html&amp;op=forward</t>
  </si>
  <si>
    <t>gabrieleods@bv.algartech.com;</t>
  </si>
  <si>
    <t>https://gabrieleods@bv.algartech.com</t>
  </si>
  <si>
    <t>01/20/2020 15:23:29</t>
  </si>
  <si>
    <t>01/20/2020 15:21:27</t>
  </si>
  <si>
    <t>a07a7da9-5f9e-40a9-b37a-f1d4467cc2e4.tmp</t>
  </si>
  <si>
    <t>\\acsfs\profiles$\sarahbal\Downloads\a07a7da9-5f9e-40a9-b37a-f1d4467cc2e4.tmp</t>
  </si>
  <si>
    <t>01/20/2020 15:22:12</t>
  </si>
  <si>
    <t>01/20/2020 15:27:24</t>
  </si>
  <si>
    <t>a759c140-4dd9-4aa3-b043-0e5fe5ec5a91.tmp</t>
  </si>
  <si>
    <t>\\acsfs\profiles$\larissaad\Downloads\a759c140-4dd9-4aa3-b043-0e5fe5ec5a91.tmp</t>
  </si>
  <si>
    <t>01/20/2020 15:22:08</t>
  </si>
  <si>
    <t>https://udpwfmniceap02/pt_pt/web/guest/home?p_auth=4yvrjx6e&amp;p_p_id=58&amp;p_p_lifecycle=1&amp;p_p_state=maximized&amp;p_p_mode=view&amp;savelastpath=0&amp;_58_struts_action=/login/forgot_password</t>
  </si>
  <si>
    <t>01/20/2020 15:23:32</t>
  </si>
  <si>
    <t>https://udpwfmniceap02/pt_br/web/guest/home?p_auth=4yvrjx6e&amp;p_p_id=58&amp;p_p_lifecycle=1&amp;p_p_state=maximized&amp;p_p_mode=view&amp;savelastpath=0&amp;_58_struts_action=/login/forgot_password</t>
  </si>
  <si>
    <t>01/20/2020 15:28:24</t>
  </si>
  <si>
    <t>01/20/2020 15:25:59</t>
  </si>
  <si>
    <t>6ed71fc3-9a9a-4c80-ac44-804a03ce7330.tmp</t>
  </si>
  <si>
    <t>\\acsfs\profiles$\ingridsm\Downloads\6ed71fc3-9a9a-4c80-ac44-804a03ce7330.tmp</t>
  </si>
  <si>
    <t>01/20/2020 15:24:44</t>
  </si>
  <si>
    <t>01/20/2020 15:29:24</t>
  </si>
  <si>
    <t>01/20/2020 15:24:55</t>
  </si>
  <si>
    <t>2e621733-ea77-4db5-a6fa-1feeb2eb3ade.tmp</t>
  </si>
  <si>
    <t>\\acsfs\profiles$\nycolleemdj\Downloads\2e621733-ea77-4db5-a6fa-1feeb2eb3ade.tmp</t>
  </si>
  <si>
    <t>01/20/2020 15:25:58</t>
  </si>
  <si>
    <t>fe7339dc-cb95-4721-9850-56d5c75deec3.tmp</t>
  </si>
  <si>
    <t>\\acsfs\profiles$\nycolleemdj\Downloads\fe7339dc-cb95-4721-9850-56d5c75deec3.tmp</t>
  </si>
  <si>
    <t>01/20/2020 15:24:34</t>
  </si>
  <si>
    <t>01/20/2020 15:25:53</t>
  </si>
  <si>
    <t>af314aaa-9cf7-476f-b608-e60de6dede2a.tmp</t>
  </si>
  <si>
    <t>\\acsfs\profiles$\danielac\Downloads\af314aaa-9cf7-476f-b608-e60de6dede2a.tmp</t>
  </si>
  <si>
    <t>01/20/2020 15:27:25</t>
  </si>
  <si>
    <t>01/20/2020 15:26:27</t>
  </si>
  <si>
    <t>01/20/2020 15:30:24</t>
  </si>
  <si>
    <t>Vendas de Serviços ALGAR - Janeiro_2020 (8).xlsb</t>
  </si>
  <si>
    <t>\\acsfs\DEPTOS\Operacao\Banco_Votorantim\Supervisao\SUPERS BV CARTÕES\ADILSON\Vendas de Serviços ALGAR - Janeiro_2020 (8).xlsb</t>
  </si>
  <si>
    <t>01/20/2020 15:31:24</t>
  </si>
  <si>
    <t>01/20/2020 15:30:25</t>
  </si>
  <si>
    <t>e2d0689f-21cb-4143-bacc-c3998bd9bb33.tmp</t>
  </si>
  <si>
    <t>\\acsfs\profiles$\DALVADFB\Downloads\e2d0689f-21cb-4143-bacc-c3998bd9bb33.tmp</t>
  </si>
  <si>
    <t>01/20/2020 15:27:59</t>
  </si>
  <si>
    <t>01/20/2020 15:14:55</t>
  </si>
  <si>
    <t>01/20/2020 15:33:24</t>
  </si>
  <si>
    <t>lu234008ewtbz.tmp</t>
  </si>
  <si>
    <t>\\acsfs\profiles$\regisedsj\My Documents\lu234008ewtbz.tmp</t>
  </si>
  <si>
    <t>\\acsfs\profiles$\regisedsj\My Documents\lu234008ewtbz.tmp\</t>
  </si>
  <si>
    <t>\\acsfs\profiles$\regisedsj\My Documents\lu234008ewtbz.tmp\META-INF\</t>
  </si>
  <si>
    <t>\\acsfs\profiles$\regisedsj\My Documents\lu234008ewtbz.tmp\Thumbnails\</t>
  </si>
  <si>
    <t>01/20/2020 15:32:34</t>
  </si>
  <si>
    <t>01/20/2020 15:30:56</t>
  </si>
  <si>
    <t>01/20/2020 15:29:28</t>
  </si>
  <si>
    <t>01/20/2020 15:29:49</t>
  </si>
  <si>
    <t>01/20/2020 15:32:36</t>
  </si>
  <si>
    <t>01/20/2020 15:34:24</t>
  </si>
  <si>
    <t>01/20/2020 15:31:33</t>
  </si>
  <si>
    <t>a5b538b3-2e49-495a-a665-1ea62f756fdc.tmp</t>
  </si>
  <si>
    <t>\\acsfs\profiles$\geovannasm\Downloads\a5b538b3-2e49-495a-a665-1ea62f756fdc.tmp</t>
  </si>
  <si>
    <t>01/20/2020 15:29:51</t>
  </si>
  <si>
    <t>01/20/2020 15:35:24</t>
  </si>
  <si>
    <t>01/20/2020 15:30:52</t>
  </si>
  <si>
    <t>01/20/2020 15:31:20</t>
  </si>
  <si>
    <t>01/20/2020 15:31:25</t>
  </si>
  <si>
    <t>01/20/2020 15:31:26</t>
  </si>
  <si>
    <t>01/20/2020 15:31:41</t>
  </si>
  <si>
    <t>01/20/2020 15:31:42</t>
  </si>
  <si>
    <t>01/20/2020 15:31:43</t>
  </si>
  <si>
    <t>01/20/2020 15:31:46</t>
  </si>
  <si>
    <t>01/20/2020 15:31:47</t>
  </si>
  <si>
    <t>01/20/2020 15:31:48</t>
  </si>
  <si>
    <t>01/20/2020 15:31:50</t>
  </si>
  <si>
    <t>01/20/2020 15:31:53</t>
  </si>
  <si>
    <t>01/20/2020 15:31:54</t>
  </si>
  <si>
    <t>01/20/2020 15:31:55</t>
  </si>
  <si>
    <t>01/20/2020 15:31:57</t>
  </si>
  <si>
    <t>01/20/2020 15:31:59</t>
  </si>
  <si>
    <t>01/20/2020 15:32:01</t>
  </si>
  <si>
    <t>01/20/2020 15:32:02</t>
  </si>
  <si>
    <t>01/20/2020 15:32:04</t>
  </si>
  <si>
    <t>01/20/2020 15:32:05</t>
  </si>
  <si>
    <t>01/20/2020 15:32:06</t>
  </si>
  <si>
    <t>01/20/2020 15:32:07</t>
  </si>
  <si>
    <t>01/20/2020 15:32:08</t>
  </si>
  <si>
    <t>01/20/2020 15:32:10</t>
  </si>
  <si>
    <t>01/20/2020 15:32:12</t>
  </si>
  <si>
    <t>01/20/2020 15:32:13</t>
  </si>
  <si>
    <t>01/20/2020 15:32:14</t>
  </si>
  <si>
    <t>01/20/2020 15:32:15</t>
  </si>
  <si>
    <t>01/20/2020 15:32:16</t>
  </si>
  <si>
    <t>01/20/2020 15:32:18</t>
  </si>
  <si>
    <t>01/20/2020 15:32:19</t>
  </si>
  <si>
    <t>01/20/2020 15:32:20</t>
  </si>
  <si>
    <t>01/20/2020 15:32:21</t>
  </si>
  <si>
    <t>01/20/2020 15:32:29</t>
  </si>
  <si>
    <t>01/20/2020 15:32:30</t>
  </si>
  <si>
    <t>01/20/2020 15:32:31</t>
  </si>
  <si>
    <t>01/20/2020 15:32:33</t>
  </si>
  <si>
    <t>01/20/2020 15:32:35</t>
  </si>
  <si>
    <t>01/20/2020 15:32:38</t>
  </si>
  <si>
    <t>01/20/2020 15:32:40</t>
  </si>
  <si>
    <t>01/20/2020 15:32:42</t>
  </si>
  <si>
    <t>01/20/2020 15:32:44</t>
  </si>
  <si>
    <t>01/20/2020 15:33:20</t>
  </si>
  <si>
    <t>01/20/2020 15:33:51</t>
  </si>
  <si>
    <t>mail.google.com/sync/u/0/i/s?hl=pt-BR&amp;c=1892</t>
  </si>
  <si>
    <t>01/20/2020 15:34:04</t>
  </si>
  <si>
    <t>mail.google.com/sync/u/0/i/s?hl=pt-BR&amp;c=1898</t>
  </si>
  <si>
    <t>01/20/2020 15:34:46</t>
  </si>
  <si>
    <t>mail.google.com/sync/u/0/i/s?hl=pt-BR&amp;c=1905</t>
  </si>
  <si>
    <t>01/20/2020 15:34:49</t>
  </si>
  <si>
    <t>01/20/2020 15:36:24</t>
  </si>
  <si>
    <t>01/20/2020 15:33:31</t>
  </si>
  <si>
    <t>717aedfc-f308-49ea-a34d-b0a8298b99ab.tmp</t>
  </si>
  <si>
    <t>\\acsfs\profiles$\sarahbal\Downloads\717aedfc-f308-49ea-a34d-b0a8298b99ab.tmp</t>
  </si>
  <si>
    <t>01/20/2020 15:32:54</t>
  </si>
  <si>
    <t>01/20/2020 15:37:24</t>
  </si>
  <si>
    <t>70815430-fc8f-4a77-ba4d-393c04294ba1.tmp</t>
  </si>
  <si>
    <t>\\acsfs\profiles$\LAISLG\Downloads\70815430-fc8f-4a77-ba4d-393c04294ba1.tmp</t>
  </si>
  <si>
    <t>01/20/2020 15:32:45</t>
  </si>
  <si>
    <t>01/20/2020 15:38:24</t>
  </si>
  <si>
    <t>01/20/2020 15:32:46</t>
  </si>
  <si>
    <t>01/20/2020 15:32:56</t>
  </si>
  <si>
    <t>01/20/2020 15:32:59</t>
  </si>
  <si>
    <t>01/20/2020 15:33:01</t>
  </si>
  <si>
    <t>01/20/2020 15:33:10</t>
  </si>
  <si>
    <t>01/20/2020 15:33:12</t>
  </si>
  <si>
    <t>01/20/2020 15:33:23</t>
  </si>
  <si>
    <t>01/20/2020 15:33:25</t>
  </si>
  <si>
    <t>01/20/2020 15:33:27</t>
  </si>
  <si>
    <t>01/20/2020 15:33:29</t>
  </si>
  <si>
    <t>01/20/2020 15:33:30</t>
  </si>
  <si>
    <t>01/20/2020 15:33:32</t>
  </si>
  <si>
    <t>01/20/2020 15:33:34</t>
  </si>
  <si>
    <t>01/20/2020 15:33:35</t>
  </si>
  <si>
    <t>01/20/2020 15:33:36</t>
  </si>
  <si>
    <t>01/20/2020 15:33:38</t>
  </si>
  <si>
    <t>01/20/2020 15:33:39</t>
  </si>
  <si>
    <t>01/20/2020 15:33:40</t>
  </si>
  <si>
    <t>01/20/2020 15:33:41</t>
  </si>
  <si>
    <t>01/20/2020 15:33:43</t>
  </si>
  <si>
    <t>01/20/2020 15:33:44</t>
  </si>
  <si>
    <t>01/20/2020 15:33:45</t>
  </si>
  <si>
    <t>01/20/2020 15:33:46</t>
  </si>
  <si>
    <t>01/20/2020 15:33:49</t>
  </si>
  <si>
    <t>01/20/2020 15:33:50</t>
  </si>
  <si>
    <t>01/20/2020 15:33:52</t>
  </si>
  <si>
    <t>01/20/2020 15:33:53</t>
  </si>
  <si>
    <t>01/20/2020 15:33:55</t>
  </si>
  <si>
    <t>01/20/2020 15:33:57</t>
  </si>
  <si>
    <t>01/20/2020 15:33:58</t>
  </si>
  <si>
    <t>01/20/2020 15:34:01</t>
  </si>
  <si>
    <t>01/20/2020 15:34:02</t>
  </si>
  <si>
    <t>01/20/2020 15:34:05</t>
  </si>
  <si>
    <t>01/20/2020 15:34:07</t>
  </si>
  <si>
    <t>01/20/2020 15:34:09</t>
  </si>
  <si>
    <t>01/20/2020 15:34:11</t>
  </si>
  <si>
    <t>01/20/2020 15:34:33</t>
  </si>
  <si>
    <t>01/20/2020 15:36:01</t>
  </si>
  <si>
    <t>b249d22f-9b53-44be-b2a5-f472cddaf4df.tmp</t>
  </si>
  <si>
    <t>\\acsfs\profiles$\brunalas\Downloads\b249d22f-9b53-44be-b2a5-f472cddaf4df.tmp</t>
  </si>
  <si>
    <t>01/20/2020 15:37:11</t>
  </si>
  <si>
    <t>9a8f5502-3c60-46b9-adf0-6ada990f9b91.tmp</t>
  </si>
  <si>
    <t>\\acsfs\profiles$\brunalas\Downloads\9a8f5502-3c60-46b9-adf0-6ada990f9b91.tmp</t>
  </si>
  <si>
    <t>01/20/2020 15:35:14</t>
  </si>
  <si>
    <t>01/20/2020 15:36:52</t>
  </si>
  <si>
    <t>\\acsfs\deptos\Operacao\PCP\5 - Comum\PLANEJAMENTO BV\22 - BANCO DE DADOS BV\CARTÕES\</t>
  </si>
  <si>
    <t>\\acsfs\deptos\Operacao\PCP\5 - Comum\PLANEJAMENTO BV\22 - BANCO DE DADOS BV\CARTÕES\Dados Gerais BV - CARTÕES.xlsx</t>
  </si>
  <si>
    <t>01/20/2020 15:38:14</t>
  </si>
  <si>
    <t>01/20/2020 15:39:24</t>
  </si>
  <si>
    <t>lu2733221pk0o.tmp</t>
  </si>
  <si>
    <t>\\acsfs\profiles$\RAFAELRF\meu\lu2733221pk0o.tmp</t>
  </si>
  <si>
    <t>01/20/2020 15:34:51</t>
  </si>
  <si>
    <t>bd2fa849-28a7-43e8-8716-6fef218cd2a5.tmp</t>
  </si>
  <si>
    <t>\\acsfs\profiles$\KARENDSR\Downloads\bd2fa849-28a7-43e8-8716-6fef218cd2a5.tmp</t>
  </si>
  <si>
    <t>01/20/2020 15:40:24</t>
  </si>
  <si>
    <t>01/20/2020 15:38:15</t>
  </si>
  <si>
    <t>1579544394096;621969351;79;[];[]]];false;l-ckacf_7r3zozh1hhizn88xwetaapoebcpjm5ey2zyse1nt3xmnhcr-rz9s-zdg-5-xx2v8f_tzsvcfibwrle5qaq53vh6r8m19mnq0rhk68ibitnjgrsmrdalihic4l1lxyqga8ovr5etkjjbkmsgw0htomrw0ftovchx76kgoyskqvpqzuqo0mrsk-nevtbmaqaleloorbdq4mjvgtmunagardgcvqomsjf2dfmbefzskm2b2sgehmip1;mrw0ftovchx76kgoyskqvpqzuqo0mrsk-nevtbmaqaleloorbdq4mjvgtmunagardgcvqomsjf2dfmbefzskm2b2sgehmip1t4cvexbtpssk2sdjt6951wlkaev-qbpxn2strgesn6t0wc7ahptj_e6akbt7rpykdguoorotjjojr2vprr4zefrh7i8ekftw_f_-u1emtiy6u1k09ydghmcnooax7ywi6zi1-7ntaw8cftgfqk_yd8lqwg3fj1dwcovdsssnjme6_wc\";null;true]";vchx76kgoyskqvpqzuqo0mrsk-nevtbmaqaleloorbdq4mjvgtmunagardgcvqomsjf2dfmbefzskm2b2sgehmip1t4cvexbtpssk2sdjt6951wlkaev-qbpxn2strgesn6t0wc7ahptj_e6akbt7rpykdguoorotjjojr2vprr4zefrh7i8ekftw_f_-u1emtiy6u1k09ydghmcnooax7ywi6zi1-7ntaw8cftgfqk_yd8lqwg3fj1dwcovdsssnjme6_wc\";</t>
  </si>
  <si>
    <t>1579544394096,621969351,79,[],[]]],false,l-ckacf_7r3zozh1hhizn88xwetaapoebcpjm5ey2zyse1nt3xmnhcr-rz9s-zdg-5-xx2v8f_tzsvcfibwrle5qaq53vh6r8m19mnq0rhk68ibitnjgrsmrdalihic4l1lxyqga8ovr5etkjjbkmsgw0htomrw0ftovchx76kgoyskqvpqzuqo0mrsk-nevtbmaqaleloorbdq4mjvgtmunagardgcvqomsjf2dfmbefzskm2b2sgehmip1,mrw0ftovchx76kgoyskqvpqzuqo0mrsk-nevtbmaqaleloorbdq4mjvgtmunagardgcvqomsjf2dfmbefzskm2b2sgehmip1t4cvexbtpssk2sdjt6951wlkaev-qbpxn2strgesn6t0wc7ahptj_e6akbt7rpykdguoorotjjojr2vprr4zefrh7i8ekftw_f_-u1emtiy6u1k09ydghmcnooax7ywi6zi1-7ntaw8cftgfqk_yd8lqwg3fj1dwcovdsssnjme6_wc\",null,true]",vchx76kgoyskqvpqzuqo0mrsk-nevtbmaqaleloorbdq4mjvgtmunagardgcvqomsjf2dfmbefzskm2b2sgehmip1t4cvexbtpssk2sdjt6951wlkaev-qbpxn2strgesn6t0wc7ahptj_e6akbt7rpykdguoorotjjojr2vprr4zefrh7i8ekftw_f_-u1emtiy6u1k09ydghmcnooax7ywi6zi1-7ntaw8cftgfqk_yd8lqwg3fj1dwcovdsssnjme6_wc\"</t>
  </si>
  <si>
    <t>01/20/2020 15:38:33</t>
  </si>
  <si>
    <t>01/20/2020 15:38:45</t>
  </si>
  <si>
    <t>01/20/2020 15:35:10</t>
  </si>
  <si>
    <t>01/20/2020 15:38:08</t>
  </si>
  <si>
    <t>bvcartes-supervisores@algarnet.onmicrosoft.com;fernandaab@algartech.com;kesiadof@algartech.com;thiagordu@algartech.com;</t>
  </si>
  <si>
    <t>bvcartes-supervisores@algarnet.onmicrosoft.com,fernandaab@algartech.com,kesiadof@algartech.com,thiagordu@algartech.com</t>
  </si>
  <si>
    <t>01/20/2020 15:39:47</t>
  </si>
  <si>
    <t>bvcartes-supervisores@algarnet.onmicrosoft.com;fernandaab@algartech.com;kesiadof@algartech.com;leonardoao@algartech.com;ricardodfm@algartech.com;thiagordu@algartech.com;</t>
  </si>
  <si>
    <t>bvcartes-supervisores@algarnet.onmicrosoft.com,fernandaab@algartech.com,kesiadof@algartech.com,leonardoao@algartech.com,ricardodfm@algartech.com,thiagordu@algartech.com</t>
  </si>
  <si>
    <t>01/20/2020 15:41:24</t>
  </si>
  <si>
    <t>01/20/2020 15:35:46</t>
  </si>
  <si>
    <t>01/20/2020 15:36:35</t>
  </si>
  <si>
    <t>53934f0b-aed2-46cd-a197-bf66a15ff57b.tmp</t>
  </si>
  <si>
    <t>\\acsfs\profiles$\edicarlosdl\Downloads\53934f0b-aed2-46cd-a197-bf66a15ff57b.tmp</t>
  </si>
  <si>
    <t>01/20/2020 15:38:29</t>
  </si>
  <si>
    <t>01/20/2020 15:42:24</t>
  </si>
  <si>
    <t>01/20/2020 15:37:06</t>
  </si>
  <si>
    <t>b3d780de-f0ca-4e98-aca3-77842b22883a.tmp</t>
  </si>
  <si>
    <t>\\acsfs\profiles$\welidicdj\Downloads\b3d780de-f0ca-4e98-aca3-77842b22883a.tmp</t>
  </si>
  <si>
    <t>01/20/2020 15:37:25</t>
  </si>
  <si>
    <t>01/20/2020 15:37:48</t>
  </si>
  <si>
    <t>96847be0-87cb-46fd-b1ad-6716cdd604bc.tmp</t>
  </si>
  <si>
    <t>\\acsfs\profiles$\welidicdj\Downloads\96847be0-87cb-46fd-b1ad-6716cdd604bc.tmp</t>
  </si>
  <si>
    <t>01/20/2020 15:37:51</t>
  </si>
  <si>
    <t>01/20/2020 15:41:23</t>
  </si>
  <si>
    <t>01/20/2020 15:43:24</t>
  </si>
  <si>
    <t>01/20/2020 15:42:03</t>
  </si>
  <si>
    <t>f2fd09aa-b44a-48bb-be22-5f4706b906c1.tmp</t>
  </si>
  <si>
    <t>\\acsfs\profiles$\paulohaf\Downloads\f2fd09aa-b44a-48bb-be22-5f4706b906c1.tmp</t>
  </si>
  <si>
    <t>01/20/2020 15:42:43</t>
  </si>
  <si>
    <t>51a21a26-5930-49ef-8aa8-2da1eaeedcd8.tmp</t>
  </si>
  <si>
    <t>\\acsfs\profiles$\paulohaf\Downloads\51a21a26-5930-49ef-8aa8-2da1eaeedcd8.tmp</t>
  </si>
  <si>
    <t>01/20/2020 15:44:23</t>
  </si>
  <si>
    <t>01/20/2020 15:41:37</t>
  </si>
  <si>
    <t>ec88181d-355c-4509-b678-6fb6b2ed659e.tmp</t>
  </si>
  <si>
    <t>\\acsfs\profiles$\valeriasda\Downloads\ec88181d-355c-4509-b678-6fb6b2ed659e.tmp</t>
  </si>
  <si>
    <t>01/20/2020 15:43:07</t>
  </si>
  <si>
    <t>01/20/2020 15:41:42</t>
  </si>
  <si>
    <t>01/20/2020 15:45:24</t>
  </si>
  <si>
    <t>e97d38b0-19a8-4f37-b59d-181c27b4492d.tmp</t>
  </si>
  <si>
    <t>\\acsfs\profiles$\henriqueco\Downloads\e97d38b0-19a8-4f37-b59d-181c27b4492d.tmp</t>
  </si>
  <si>
    <t>01/20/2020 15:40:29</t>
  </si>
  <si>
    <t>dc8e1177-0614-4be9-9e17-337df396a1c3.tmp</t>
  </si>
  <si>
    <t>\\acsfs\profiles$\quindaizaagds\Downloads\dc8e1177-0614-4be9-9e17-337df396a1c3.tmp</t>
  </si>
  <si>
    <t>01/20/2020 15:42:05</t>
  </si>
  <si>
    <t>04fc1770-be2d-4e91-9c49-4a7265784b33.tmp</t>
  </si>
  <si>
    <t>\\acsfs\profiles$\nayarasds\Downloads\04fc1770-be2d-4e91-9c49-4a7265784b33.tmp</t>
  </si>
  <si>
    <t>01/20/2020 15:40:51</t>
  </si>
  <si>
    <t>mail.google.com/sync/u/0/i/s?hl=pt-BR&amp;c=1948</t>
  </si>
  <si>
    <t>01/20/2020 15:41:27</t>
  </si>
  <si>
    <t>01/20/2020 15:46:24</t>
  </si>
  <si>
    <t>01/20/2020 15:41:36</t>
  </si>
  <si>
    <t>01/20/2020 15:45:54</t>
  </si>
  <si>
    <t>01/20/2020 15:46:12</t>
  </si>
  <si>
    <t>01/20/2020 15:47:24</t>
  </si>
  <si>
    <t>01/20/2020 15:42:21</t>
  </si>
  <si>
    <t>01/20/2020 15:43:59</t>
  </si>
  <si>
    <t>6fe5d2f1-e780-46e1-b633-0ad01218f71c.tmp</t>
  </si>
  <si>
    <t>\\acsfs\profiles$\myllenardl\Downloads\6fe5d2f1-e780-46e1-b633-0ad01218f71c.tmp</t>
  </si>
  <si>
    <t>01/20/2020 15:47:01</t>
  </si>
  <si>
    <t>01/20/2020 15:48:24</t>
  </si>
  <si>
    <t>01/20/2020 15:47:35</t>
  </si>
  <si>
    <t>01/20/2020 15:43:09</t>
  </si>
  <si>
    <t>f8985a14-cf47-4fd2-80e9-7a807380ebdb.tmp</t>
  </si>
  <si>
    <t>\\acsfs\profiles$\paulohaf\Downloads\f8985a14-cf47-4fd2-80e9-7a807380ebdb.tmp</t>
  </si>
  <si>
    <t>01/20/2020 15:43:12</t>
  </si>
  <si>
    <t>e4324c69-c7dd-495e-983b-819d11b615cc.tmp</t>
  </si>
  <si>
    <t>\\acsfs\profiles$\paulohaf\Downloads\e4324c69-c7dd-495e-983b-819d11b615cc.tmp</t>
  </si>
  <si>
    <t>01/20/2020 15:45:14</t>
  </si>
  <si>
    <t>0ce5c0c1-20ad-4705-a155-41c3b4fd7cc3.tmp</t>
  </si>
  <si>
    <t>\\acsfs\profiles$\paulohaf\Downloads\0ce5c0c1-20ad-4705-a155-41c3b4fd7cc3.tmp</t>
  </si>
  <si>
    <t>01/20/2020 15:45:32</t>
  </si>
  <si>
    <t>01/20/2020 15:48:07</t>
  </si>
  <si>
    <t>01/20/2020 15:44:22</t>
  </si>
  <si>
    <t>01/20/2020 15:49:24</t>
  </si>
  <si>
    <t>b88b5d26-0404-45c0-9b46-f408cf364ea3.tmp</t>
  </si>
  <si>
    <t>\\acsfs\profiles$\valeriasda\Downloads\b88b5d26-0404-45c0-9b46-f408cf364ea3.tmp</t>
  </si>
  <si>
    <t>01/20/2020 15:47:32</t>
  </si>
  <si>
    <t>lu2733221pk0w.tmp</t>
  </si>
  <si>
    <t>\\acsfs\profiles$\RAFAELRF\meu\lu2733221pk0w.tmp</t>
  </si>
  <si>
    <t>01/20/2020 15:45:47</t>
  </si>
  <si>
    <t>01/20/2020 15:50:24</t>
  </si>
  <si>
    <t>XLOG_anacdos_20012020_132043.log</t>
  </si>
  <si>
    <t>\\acsfs\profiles$\anacdos\My Documents\xworkcenter\logs\XLOG_anacdos_20012020_132043.log</t>
  </si>
  <si>
    <t>01/20/2020 15:48:21</t>
  </si>
  <si>
    <t>c53e7320-4c7c-4215-9aa4-33a7e3272fdc.tmp</t>
  </si>
  <si>
    <t>\\acsfs\profiles$\joycemmdl\Downloads\c53e7320-4c7c-4215-9aa4-33a7e3272fdc.tmp</t>
  </si>
  <si>
    <t>01/20/2020 15:48:54</t>
  </si>
  <si>
    <t>01/20/2020 15:51:24</t>
  </si>
  <si>
    <t>01/20/2020 15:47:39</t>
  </si>
  <si>
    <t>.~lock.filas 1721 1725 e 1724 a tratar (1) (1) (1) (6).xlsx#</t>
  </si>
  <si>
    <t>\\acsfs\profiles$\jalilebds\Downloads\.~lock.filas 1721 1725 e 1724 a tratar (1) (1) (1) (6).xlsx#</t>
  </si>
  <si>
    <t>01/20/2020 15:47:40</t>
  </si>
  <si>
    <t>lu1398813h4q.tmp</t>
  </si>
  <si>
    <t>\\acsfs\profiles$\jalilebds\Downloads\lu1398813h4q.tmp</t>
  </si>
  <si>
    <t>01/20/2020 15:49:17</t>
  </si>
  <si>
    <t>lu1398813h4t.tmp</t>
  </si>
  <si>
    <t>\\acsfs\profiles$\jalilebds\Downloads\lu1398813h4t.tmp</t>
  </si>
  <si>
    <t>01/20/2020 15:50:22</t>
  </si>
  <si>
    <t>XLOG_ellencds_20012020_075129.log</t>
  </si>
  <si>
    <t>\\acsfs\profiles$\ellencds\My Documents\xworkcenter\logs\XLOG_ellencds_20012020_075129.log</t>
  </si>
  <si>
    <t>01/20/2020 15:49:32</t>
  </si>
  <si>
    <t>01/20/2020 15:52:24</t>
  </si>
  <si>
    <t>f05375e1-4173-403e-a9a3-fb1b3fb77ca9.tmp</t>
  </si>
  <si>
    <t>\\acsfs\profiles$\larissaad\Downloads\f05375e1-4173-403e-a9a3-fb1b3fb77ca9.tmp</t>
  </si>
  <si>
    <t>01/20/2020 15:51:30</t>
  </si>
  <si>
    <t>f377851e-6f46-495f-9c1f-6892d9248e7a.tmp</t>
  </si>
  <si>
    <t>\\acsfs\profiles$\laylaams\Downloads\f377851e-6f46-495f-9c1f-6892d9248e7a.tmp</t>
  </si>
  <si>
    <t>01/20/2020 15:48:39</t>
  </si>
  <si>
    <t>535e3a43-1981-48ce-9566-b5ac6c7fc8cb.tmp</t>
  </si>
  <si>
    <t>\\acsfs\profiles$\myllenardl\Downloads\535e3a43-1981-48ce-9566-b5ac6c7fc8cb.tmp</t>
  </si>
  <si>
    <t>01/20/2020 15:50:29</t>
  </si>
  <si>
    <t>01/20/2020 15:53:24</t>
  </si>
  <si>
    <t>01/20/2020 15:52:29</t>
  </si>
  <si>
    <t>01/20/2020 15:51:12</t>
  </si>
  <si>
    <t>01/20/2020 15:51:00</t>
  </si>
  <si>
    <t>01/20/2020 15:54:24</t>
  </si>
  <si>
    <t>01/20/2020 15:52:14</t>
  </si>
  <si>
    <t>01/20/2020 15:55:25</t>
  </si>
  <si>
    <t>\\acsfs\Deptos\Operacao\Banco_Votorantim\Supervisao\SUPERS BV CARTÕES\ADILSON\Outros\</t>
  </si>
  <si>
    <t>\\acsfs\Deptos\Operacao\Banco_Votorantim\Supervisao\SUPERS BV CARTÕES\ADILSON\Outros\Thumbs.db</t>
  </si>
  <si>
    <t>01/20/2020 15:56:24</t>
  </si>
  <si>
    <t>01/20/2020 15:54:14</t>
  </si>
  <si>
    <t>lu1398813h4w.tmp</t>
  </si>
  <si>
    <t>\\acsfs\profiles$\jalilebds\Downloads\lu1398813h4w.tmp</t>
  </si>
  <si>
    <t>01/20/2020 15:51:54</t>
  </si>
  <si>
    <t>01/20/2020 15:57:24</t>
  </si>
  <si>
    <t>01/20/2020 15:56:16</t>
  </si>
  <si>
    <t>01/20/2020 15:55:16</t>
  </si>
  <si>
    <t>01/20/2020 15:54:18</t>
  </si>
  <si>
    <t>01/20/2020 15:58:24</t>
  </si>
  <si>
    <t>01/20/2020 15:55:39</t>
  </si>
  <si>
    <t>01/20/2020 15:54:38</t>
  </si>
  <si>
    <t>CASO 00821441 - OPERADORA PAMELA MARIA CRISTINA MACEDO DA SILVA GUEDES_1_6774732841284614412_1_32.wav</t>
  </si>
  <si>
    <t>\\acsfs\Deptos\EDUCACAO EMPRESARIAL\KÉSIA\OUVIDORIA, PROCON, BACEN E RECLAME AQUI\CASO 00821441 - OPERADORA PAMELA MARIA CRISTINA MACEDO DA SILVA GUEDES_1_6774732841284614412_1_32.wav</t>
  </si>
  <si>
    <t>01/20/2020 15:57:08</t>
  </si>
  <si>
    <t>01/20/2020 15:54:09</t>
  </si>
  <si>
    <t>723ab633-857c-489b-b167-0f8e1560c8fb.tmp</t>
  </si>
  <si>
    <t>\\acsfs\profiles$\adelvinsonle\Downloads\723ab633-857c-489b-b167-0f8e1560c8fb.tmp</t>
  </si>
  <si>
    <t>01/20/2020 15:57:30</t>
  </si>
  <si>
    <t>01/20/2020 15:59:24</t>
  </si>
  <si>
    <t>01/20/2020 16:01:24</t>
  </si>
  <si>
    <t>01/20/2020 15:58:40</t>
  </si>
  <si>
    <t>lu1398813h4z.tmp</t>
  </si>
  <si>
    <t>\\acsfs\profiles$\jalilebds\Downloads\lu1398813h4z.tmp</t>
  </si>
  <si>
    <t>01/20/2020 15:59:25</t>
  </si>
  <si>
    <t>01/20/2020 16:00:30</t>
  </si>
  <si>
    <t>01/20/2020 16:02:24</t>
  </si>
  <si>
    <t>$IMD31I6.ica</t>
  </si>
  <si>
    <t>\\acsfs\profiles$\victoriaksr\Downloads\$RECYCLE.BIN\$IMD31I6.ica</t>
  </si>
  <si>
    <t>01/20/2020 16:01:50</t>
  </si>
  <si>
    <t>01/20/2020 16:03:25</t>
  </si>
  <si>
    <t>venda met life dia 29.txt</t>
  </si>
  <si>
    <t>\\acsfs\profiles$\thaynaracsl\My Documents\venda met life dia 29.txt</t>
  </si>
  <si>
    <t>01/20/2020 15:59:37</t>
  </si>
  <si>
    <t>Monitoria 3° ciclo Janeiro.txt</t>
  </si>
  <si>
    <t>\\acsfs\ACS\001 - Qualidade Lilian\PAULO\Pasta Tainara\Monitoria 3° ciclo Janeiro.txt</t>
  </si>
  <si>
    <t>01/20/2020 16:01:31</t>
  </si>
  <si>
    <t>01/20/2020 16:03:51</t>
  </si>
  <si>
    <t>01/20/2020 16:04:24</t>
  </si>
  <si>
    <t>01/20/2020 16:03:21</t>
  </si>
  <si>
    <t>01/20/2020 16:01:26</t>
  </si>
  <si>
    <t>9a115c36-9044-4048-924f-3a0d724db448.tmp</t>
  </si>
  <si>
    <t>\\acsfs\profiles$\geovannasm\Downloads\9a115c36-9044-4048-924f-3a0d724db448.tmp</t>
  </si>
  <si>
    <t>01/20/2020 16:02:18</t>
  </si>
  <si>
    <t>f0a66fd5-145c-4494-8d02-1dda1612506e.tmp</t>
  </si>
  <si>
    <t>\\acsfs\profiles$\geovannasm\Downloads\f0a66fd5-145c-4494-8d02-1dda1612506e.tmp</t>
  </si>
  <si>
    <t>01/20/2020 16:02:53</t>
  </si>
  <si>
    <t>bdf5b9d8-6c10-4e79-b67e-2325f01f7a17.tmp</t>
  </si>
  <si>
    <t>\\acsfs\profiles$\geovannasm\Downloads\bdf5b9d8-6c10-4e79-b67e-2325f01f7a17.tmp</t>
  </si>
  <si>
    <t>01/20/2020 16:04:11</t>
  </si>
  <si>
    <t>01/20/2020 16:01:17</t>
  </si>
  <si>
    <t>01/20/2020 16:05:24</t>
  </si>
  <si>
    <t>eef79cc2-2438-4373-acc7-bc47f866c5a7.tmp</t>
  </si>
  <si>
    <t>\\acsfs\profiles$\victorgl\Downloads\eef79cc2-2438-4373-acc7-bc47f866c5a7.tmp</t>
  </si>
  <si>
    <t>01/20/2020 16:05:22</t>
  </si>
  <si>
    <t>01/20/2020 16:06:24</t>
  </si>
  <si>
    <t>01/20/2020 16:05:23</t>
  </si>
  <si>
    <t>01/20/2020 16:02:01</t>
  </si>
  <si>
    <t>01/20/2020 16:05:53</t>
  </si>
  <si>
    <t>01/20/2020 16:06:14</t>
  </si>
  <si>
    <t>01/20/2020 16:07:25</t>
  </si>
  <si>
    <t>01/20/2020 16:05:13</t>
  </si>
  <si>
    <t>04947df7-0182-4783-9aa7-6faf3f5e3a30.tmp</t>
  </si>
  <si>
    <t>\\acsfs\profiles$\brendadsl\Downloads\04947df7-0182-4783-9aa7-6faf3f5e3a30.tmp</t>
  </si>
  <si>
    <t>01/20/2020 16:06:25</t>
  </si>
  <si>
    <t>01/20/2020 16:08:24</t>
  </si>
  <si>
    <t>01/20/2020 16:03:30</t>
  </si>
  <si>
    <t>01/20/2020 16:03:39</t>
  </si>
  <si>
    <t>XLOG_vanessacgs_20012020_112811.log</t>
  </si>
  <si>
    <t>\\acsfs\profiles$\vanessacgs\My Documents\xworkcenter\logs\XLOG_vanessacgs_20012020_112811.log</t>
  </si>
  <si>
    <t>01/20/2020 16:03:40</t>
  </si>
  <si>
    <t>01/20/2020 16:07:19</t>
  </si>
  <si>
    <t>17-01 RELATORIO DE LOGIN AVON - Cópia.xlsm</t>
  </si>
  <si>
    <t>\\acsfs\deptos\Operacao\PCP\5 - Comum\CONTROL DESK\2 - DAC2\Control Desk AVON\Relatorios\Status de login\2020\17-01 RELATORIO DE LOGIN AVON - Cópia.xlsm</t>
  </si>
  <si>
    <t>17-01 RELATORIO DE LOGIN AVON - Cópia (2).xlsm</t>
  </si>
  <si>
    <t>\\acsfs\deptos\Operacao\PCP\5 - Comum\CONTROL DESK\2 - DAC2\Control Desk AVON\Relatorios\Status de login\2020\17-01 RELATORIO DE LOGIN AVON - Cópia (2).xlsm</t>
  </si>
  <si>
    <t>01/20/2020 16:06:16</t>
  </si>
  <si>
    <t>01/20/2020 16:09:25</t>
  </si>
  <si>
    <t>01/20/2020 16:08:07</t>
  </si>
  <si>
    <t>01/20/2020 16:06:50</t>
  </si>
  <si>
    <t>01/20/2020 16:10:24</t>
  </si>
  <si>
    <t>"mozilla/5.0 (windows nt 6.1) applewebkit/537.36 (khtml;0;1;12;13;137;13700014;13700109;13700167;13700185;13700235;13700451;13700563;13700607;13700883;13700946;13700951;13700982;13700982�;13701078;13701139;13701207;13701214;13701235;13701239;13701262;13701276;13701298;13701418;13701422;13701430;13701458;13701486;13701506;13701510;13701534;13701537;13701573;13701577;13701589;13701609;13701613;13701625;13701653;13701657;13701693;13701709]];13701709]]];13701749;13701825;13701833;13701901;13701905;13701909;13701921;13701945;13701949;13701953;13701957;13701969;13702064;13702068;13702084;13702088;1579520900840000;1579520901989000;1579521807978;1579524214946;1579529030884;1579546802300;2400];28;4;5701393;6.1;621969351;82;84;87;["mozilla/5.0 (windows nt 6.1) applewebkit/537.36 (khtml;[1;[[13701450;[[null;[];[]]];[false;[null;adfn-csyrvwqermfbxam1mkavsrzjlg0rundo9gysmvmlrxxhlhfmqhcw7_ynhcatkqscdyldsiy;andrelpsa@algartech.com;drive.web-frontend_20200108.00_p2;false;false];false]];fedb0gqdtuqawg";ken=ac4w5vi0ka-sxkbznvl</t>
  </si>
  <si>
    <t>"mozilla/5.0 (windows nt 6.1) applewebkit/537.36 (khtml,0,1,12,13,137,13700014,13700109,13700167,13700185,13700235,13700451,13700563,13700607,13700883,13700946,13700951,13700982,13700982�,13701078,13701139,13701207,13701214,13701235,13701239,13701262,13701276,13701298,13701418,13701422,13701430,13701458,13701486,13701506,13701510,13701534,13701537,13701573,13701577,13701589,13701609,13701613,13701625,13701653,13701657,13701693,13701709]],13701709]]],13701749,13701825,13701833,13701901,13701905,13701909,13701921,13701945,13701949,13701953,13701957,13701969,13702064,13702068,13702084,13702088,1579520900840000,1579520901989000,1579521807978,1579524214946,1579529030884,1579546802300,2400],28,4,5701393,6.1,621969351,82,84,87,["mozilla/5.0 (windows nt 6.1) applewebkit/537.36 (khtml,[1,[[13701450,[[null,[],[]]],[false,[null,adfn-csyrvwqermfbxam1mkavsrzjlg0rundo9gysmvmlrxxhlhfmqhcw7_ynhcatkqscdyldsiy,andrelpsa@algartech.com,drive.web-frontend_20200108.00_p2,false,false],false]],fedb0gqdtuqawg",ken=ac4w5vi0ka-sxkbznvl</t>
  </si>
  <si>
    <t>01/20/2020 16:07:00</t>
  </si>
  <si>
    <t>01/20/2020 16:07:11</t>
  </si>
  <si>
    <t>01/20/2020 16:07:41</t>
  </si>
  <si>
    <t>"mozilla/5.0 (windows nt 6.1) applewebkit/537.36 (khtml;1;13;13700109;13700607;13700883;13701139;13701214;13701298;13701418;13701458;13701577;13701589;13701613;13701625;13701657;13701749;13701825;13701901;13701921;13701949;13701953;13701969;13702064;13702088;1579520900840000;1579520901989000;1579522108972;1579534147818;1579541684862;1579542286908;1579544695121;45;5;621969351;70;72;80;[[13701450;[];[]]];adfn-csyrvwqermfbxam1mkavsrzjlg0rundo9gysmvmlrxxhlhfmqhcw7_ynhcatkqscdyldsiy;ancestorhasaugmentedpermissions;containsunsubscribedchildren;displayname;domain;emailaddress;false;false];fedb0gqdtuqawg";file(kind;fileid;filesize;hasthumbnail;hasvisitorpermissions;id;id);items(deleted;ken;ken=ac4w5vi0ka-sxkbznvlqg8lj5-wvx_fz5a:1579520900837&amp;buildlabel=drive.web-frontend_20200108.00_p2igit;kind;l-ckacf_7r3zozh1hhizn88xwetaapoebcpjm5ey2zyse1nt3xmnhcr-rz9s-zdg-5-xx2v8f_tzsvcfibwrle5qaq53vh6r8m19mnq0rhk68ibitnjgrsmrdalihic4l1lxyqga8ovr5etkjjbkmsgw0htomrw0ftovchx76kgoyskqvpqzuqo0mrsk-nevtbmaqaleloorbdq4mjvgtmunagardgcvqo</t>
  </si>
  <si>
    <t>"mozilla/5.0 (windows nt 6.1) applewebkit/537.36 (khtml,1,13,13700109,13700607,13700883,13701139,13701214,13701298,13701418,13701458,13701577,13701589,13701613,13701625,13701657,13701749,13701825,13701901,13701921,13701949,13701953,13701969,13702064,13702088,1579520900840000,1579520901989000,1579522108972,1579534147818,1579541684862,1579542286908,1579544695121,45,5,621969351,70,72,80,[[13701450,[],[]]],adfn-csyrvwqermfbxam1mkavsrzjlg0rundo9gysmvmlrxxhlhfmqhcw7_ynhcatkqscdyldsiy,ancestorhasaugmentedpermissions,containsunsubscribedchildren,displayname,domain,emailaddress,false,false],fedb0gqdtuqawg",file(kind,fileid,filesize,hasthumbnail,hasvisitorpermissions,id,id),items(deleted,ken,ken=ac4w5vi0ka-sxkbznvlqg8lj5-wvx_fz5a:1579520900837&amp;buildlabel=drive.web-frontend_20200108.00_p2igit,kind,l-ckacf_7r3zozh1hhizn88xwetaapoebcpjm5ey2zyse1nt3xmnhcr-rz9s-zdg-5-xx2v8f_tzsvcfibwrle5qaq53vh6r8m19mnq0rhk68ibitnjgrsmrdalihic4l1lxyqga8ovr5etkjjbkmsgw0htomrw0ftovchx76kgoyskqvpqzuqo0mrsk-nevtbmaqaleloorbdq4mjvgtmunagardgcvqo</t>
  </si>
  <si>
    <t>01/20/2020 16:07:48</t>
  </si>
  <si>
    <t>01/20/2020 16:09:56</t>
  </si>
  <si>
    <t>5051F5B9.tmp</t>
  </si>
  <si>
    <t>\\acsfs\DEPTOS\Operacao\Banco_Votorantim\Supervisao\SUPERS BV CARTÕES\ADILSON\Reneg\5051F5B9.tmp</t>
  </si>
  <si>
    <t>~$Reneg - Consolidado - Revisto.xlsx</t>
  </si>
  <si>
    <t>\\acsfs\DEPTOS\Operacao\Banco_Votorantim\Supervisao\SUPERS BV CARTÕES\ADILSON\Reneg\~$Reneg - Consolidado - Revisto.xlsx</t>
  </si>
  <si>
    <t>01/20/2020 16:08:28</t>
  </si>
  <si>
    <t>01/20/2020 16:11:23</t>
  </si>
  <si>
    <t>01/20/2020 16:10:11</t>
  </si>
  <si>
    <t>01/20/2020 16:07:23</t>
  </si>
  <si>
    <t>01/20/2020 16:10:50</t>
  </si>
  <si>
    <t>01/20/2020 16:12:24</t>
  </si>
  <si>
    <t>fdab3fa3-0480-4090-ad4c-d54aca1263f2.tmp</t>
  </si>
  <si>
    <t>\\acsfs\profiles$\victoriaksr\Downloads\fdab3fa3-0480-4090-ad4c-d54aca1263f2.tmp</t>
  </si>
  <si>
    <t>01/20/2020 16:11:45</t>
  </si>
  <si>
    <t>lu281923fq74b.tmp</t>
  </si>
  <si>
    <t>\\acsfs\profiles$\rafaelacdoc\lu281923fq74b.tmp</t>
  </si>
  <si>
    <t>\\acsfs\profiles$\rafaelacdoc\lu281923fq74b.tmp\</t>
  </si>
  <si>
    <t>\\acsfs\profiles$\rafaelacdoc\lu281923fq74b.tmp\META-INF\</t>
  </si>
  <si>
    <t>\\acsfs\profiles$\rafaelacdoc\lu281923fq74b.tmp\Thumbnails\</t>
  </si>
  <si>
    <t>01/20/2020 16:13:24</t>
  </si>
  <si>
    <t>01/20/2020 16:10:39</t>
  </si>
  <si>
    <t>5083242f-3869-410d-a22f-4b82959dc340.tmp</t>
  </si>
  <si>
    <t>\\acsfs\profiles$\gabrielsma\Downloads\5083242f-3869-410d-a22f-4b82959dc340.tmp</t>
  </si>
  <si>
    <t>01/20/2020 16:10:47</t>
  </si>
  <si>
    <t>01/20/2020 16:08:57</t>
  </si>
  <si>
    <t>CASO 00821441 - MARCIO MAGALHAES BRANDAO.pdf</t>
  </si>
  <si>
    <t>\\acsfs\Deptos\EDUCACAO EMPRESARIAL\KÉSIA\OUVIDORIA, PROCON, BACEN E RECLAME AQUI\CASO 00821441 - MARCIO MAGALHAES BRANDAO.pdf</t>
  </si>
  <si>
    <t>fernandaab@algartech.com;fernandorsju@algartech.com;marianeps@algartech.com;talmaiardo@algartech.com;thiagordu@algartech.com;</t>
  </si>
  <si>
    <t>fernandaab@algartech.com,fernandorsju@algartech.com,marianeps@algartech.com,talmaiardo@algartech.com,thiagordu@algartech.com</t>
  </si>
  <si>
    <t>01/20/2020 16:14:24</t>
  </si>
  <si>
    <t>01/20/2020 16:09:55</t>
  </si>
  <si>
    <t>01/20/2020 16:09:58</t>
  </si>
  <si>
    <t>lu2733221pk0z.tmp</t>
  </si>
  <si>
    <t>\\acsfs\profiles$\RAFAELRF\meu\lu2733221pk0z.tmp</t>
  </si>
  <si>
    <t>01/20/2020 16:10:06</t>
  </si>
  <si>
    <t>01/20/2020 16:10:07</t>
  </si>
  <si>
    <t>lu2733221pk17.tmp</t>
  </si>
  <si>
    <t>\\acsfs\profiles$\RAFAELRF\meu\lu2733221pk17.tmp</t>
  </si>
  <si>
    <t>\\acsfs\profiles$\RAFAELRF\meu\lu2733221pk17.tmp\</t>
  </si>
  <si>
    <t>\\acsfs\profiles$\RAFAELRF\meu\lu2733221pk17.tmp\META-INF\</t>
  </si>
  <si>
    <t>\\acsfs\profiles$\RAFAELRF\meu\lu2733221pk17.tmp\Thumbnails\</t>
  </si>
  <si>
    <t>01/20/2020 16:12:44</t>
  </si>
  <si>
    <t>01/20/2020 16:15:24</t>
  </si>
  <si>
    <t>01/20/2020 16:13:21</t>
  </si>
  <si>
    <t>01/20/2020 16:11:31</t>
  </si>
  <si>
    <t>resultado qualidade.PNG</t>
  </si>
  <si>
    <t>01/20/2020 16:12:22</t>
  </si>
  <si>
    <t>01/20/2020 16:12:23</t>
  </si>
  <si>
    <t>01/20/2020 16:13:22</t>
  </si>
  <si>
    <t>"languagecode":"pt-br";"requesttype":"background_request";"scenariotype;"timezone":"-03:00";341510534;[];ess"}};false;null;p";r6d97aokybtwhdqacj3ip89znnffchmkcxnabppcfodygpskitaqhiszpzxxflftmoa1bfxaphld-brv3llasy0sc8iphsyew-em-pjq2_bpnlfv0jdga7h96gbi4ryjndxjpl_iet_es7dsdrieebavnuu7yr1z3j_yieo40yyfdn9dxq-vl4xtn3isbiistdfvc0vmv-sil9b4hdoe4-k0vgd_nippbnqhfbzq2w6b8iunw5viqvcnl-tb-sq4rmp0scidsm6-uhbwts5k7iuummkrkajh0ugpnir03z40g\";true]";</t>
  </si>
  <si>
    <t>"languagecode":"pt-br","requesttype":"background_request","scenariotype,"timezone":"-03:00",341510534,[],ess"}},false,null,p",r6d97aokybtwhdqacj3ip89znnffchmkcxnabppcfodygpskitaqhiszpzxxflftmoa1bfxaphld-brv3llasy0sc8iphsyew-em-pjq2_bpnlfv0jdga7h96gbi4ryjndxjpl_iet_es7dsdrieebavnuu7yr1z3j_yieo40yyfdn9dxq-vl4xtn3isbiistdfvc0vmv-sil9b4hdoe4-k0vgd_nippbnqhfbzq2w6b8iunw5viqvcnl-tb-sq4rmp0scidsm6-uhbwts5k7iuummkrkajh0ugpnir03z40g\",true]"</t>
  </si>
  <si>
    <t>01/20/2020 16:13:45</t>
  </si>
  <si>
    <t>01/20/2020 16:13:54</t>
  </si>
  <si>
    <t>"mozilla/5.0 (windows nt 6.1) applewebkit/537.36 (khtml;1;13;13700109;137005;13700607;13700883;13701139;13701214;13701298;13701418;13701458;13701577;13701589;13701613;13701625;13701657;13701749;13701825;13701901;13701921;13701949;13701953;13701969;13702064;13702088;1579520900840000;1579520901989000;1579542587934;621969351;73;[[13701450;[];[]]];adfn-csyrvwqermfbxam1mkavsrzjlg0rundo9gysmvmlrxxhlhfmqhcw7_ynhcatkqscdyldsiy;false;false];fedb0gqdtuqawg";ken=ac4w5vi0ka-sxkbznvlqg8lj5-wvx_fz5a:1579520900837&amp;buildlabel=drive.web-frontend_20200108.00_p2;l-ckacf_7r3zozh1hhizn88xwetaapoebcpjm5ey2zyse1nt3xmnhcr-rz9s-zdg-5-xx2v8f_tzsvcfibwrle5qaq53vh6r8m19mnq0rhk68ibitnjgrsmrdalihic4l1lxyqga8ovr5etkjjbkmsgw0htomrw0ftovchx76kgoyskqvpqzuqo0mrsk-nevtbmaqaleloorbdq4mjvgtmunagardgcvqomsjf2dfmbefzskm2b2sgehmip1;like gecko) chrome/79.0.3945.130 safari/537.36";mrw0ftovchx76kgoyskqvpqzuqo0mrsk-nevtbmaqaleloorbdq4mjvgtmunagardgcvqomsjf2dfmbefzskm2b2sgehmip1t4cvexbtpssk2sdjt6951wlkaev-qbpxn2strgesn6t0wc7ahptj_e6akbt7rpykdguoorotjjojr</t>
  </si>
  <si>
    <t>"mozilla/5.0 (windows nt 6.1) applewebkit/537.36 (khtml,1,13,13700109,137005,13700607,13700883,13701139,13701214,13701298,13701418,13701458,13701577,13701589,13701613,13701625,13701657,13701749,13701825,13701901,13701921,13701949,13701953,13701969,13702064,13702088,1579520900840000,1579520901989000,1579542587934,621969351,73,[[13701450,[],[]]],adfn-csyrvwqermfbxam1mkavsrzjlg0rundo9gysmvmlrxxhlhfmqhcw7_ynhcatkqscdyldsiy,false,false],fedb0gqdtuqawg",ken=ac4w5vi0ka-sxkbznvlqg8lj5-wvx_fz5a:1579520900837&amp;buildlabel=drive.web-frontend_20200108.00_p2,l-ckacf_7r3zozh1hhizn88xwetaapoebcpjm5ey2zyse1nt3xmnhcr-rz9s-zdg-5-xx2v8f_tzsvcfibwrle5qaq53vh6r8m19mnq0rhk68ibitnjgrsmrdalihic4l1lxyqga8ovr5etkjjbkmsgw0htomrw0ftovchx76kgoyskqvpqzuqo0mrsk-nevtbmaqaleloorbdq4mjvgtmunagardgcvqomsjf2dfmbefzskm2b2sgehmip1,like gecko) chrome/79.0.3945.130 safari/537.36",mrw0ftovchx76kgoyskqvpqzuqo0mrsk-nevtbmaqaleloorbdq4mjvgtmunagardgcvqomsjf2dfmbefzskm2b2sgehmip1t4cvexbtpssk2sdjt6951wlkaev-qbpxn2strgesn6t0wc7ahptj_e6akbt7rpykdguoorotjjojr</t>
  </si>
  <si>
    <t>01/20/2020 16:14:12</t>
  </si>
  <si>
    <t>"mozilla/5.0 (windows nt 6.1) applewebkit/537.36 (khtml;1;13;13700109;13700607;13700883;13701139;13701214;13701298;13701418;13701458;13701577;13701589;13701613;13701625;13701657;13701749;13701825;13701901;13701921;13701949;13701953;13701969;13702064;13702088;1579520900840000;1579520901989000;1579528428892;1579532943833;1579545598196;26;41;621969351;83;[[13701450;[];[]]];adfn-csyrvwqermfbxam1mkavsrzjlg0rundo9gysmvmlrxxhlhfmqhcw7_ynhcatkqscdyldsiy;ancestorhasaugmentedpermissions;containsunsubscribedchildren;displayname;domain;emailaddress;false;false];fedb0gqdtuqawg";file(kind;fileid;filesize;hasthumbnail;hasvisitorpermissions;id;id);items(deleted;items(kind;ken;ken=ac4w5vi0ka-sxkbznvlqg8lj5-wvx_fz5a:1579520900837&amp;buildlabel=drive.web-frontend_20200108.00_p2�cΖ;kind;l-ckacf_7r3zozh1hhizn88xwetaapoebcpjm5ey2zyse1nt3xmnhcr-rz9s-zdg-5-xx2v8f_tzsvcfibwrle5qaq53vh6r8m19mnq0rhk68ibitnjgrsmrdalihic4l1lxyqga8ovr5etkjjbkmsgw0htomrw0ftovchx76kgoyskqvpqzuqo0mrsk-nevtbmaqaleloorbdq4mjvgtmunagardgcvqomsjf2dfmbefzskm2b2sgehm</t>
  </si>
  <si>
    <t>"mozilla/5.0 (windows nt 6.1) applewebkit/537.36 (khtml,1,13,13700109,13700607,13700883,13701139,13701214,13701298,13701418,13701458,13701577,13701589,13701613,13701625,13701657,13701749,13701825,13701901,13701921,13701949,13701953,13701969,13702064,13702088,1579520900840000,1579520901989000,1579528428892,1579532943833,1579545598196,26,41,621969351,83,[[13701450,[],[]]],adfn-csyrvwqermfbxam1mkavsrzjlg0rundo9gysmvmlrxxhlhfmqhcw7_ynhcatkqscdyldsiy,ancestorhasaugmentedpermissions,containsunsubscribedchildren,displayname,domain,emailaddress,false,false],fedb0gqdtuqawg",file(kind,fileid,filesize,hasthumbnail,hasvisitorpermissions,id,id),items(deleted,items(kind,ken,ken=ac4w5vi0ka-sxkbznvlqg8lj5-wvx_fz5a:1579520900837&amp;buildlabel=drive.web-frontend_20200108.00_p2�cΖ,kind,l-ckacf_7r3zozh1hhizn88xwetaapoebcpjm5ey2zyse1nt3xmnhcr-rz9s-zdg-5-xx2v8f_tzsvcfibwrle5qaq53vh6r8m19mnq0rhk68ibitnjgrsmrdalihic4l1lxyqga8ovr5etkjjbkmsgw0htomrw0ftovchx76kgoyskqvpqzuqo0mrsk-nevtbmaqaleloorbdq4mjvgtmunagardgcvqomsjf2dfmbefzskm2b2sgehm</t>
  </si>
  <si>
    <t>01/20/2020 16:14:15</t>
  </si>
  <si>
    <t>01/20/2020 16:14:32</t>
  </si>
  <si>
    <t>"mozilla/5.0 (windows nt 6.1) applewebkit/537.36 (khtml;1;13;137;13700014;13700109;13700167;13700185;13700235;13700451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];13701749;13701825;13701833;13701901;13701905;13701909;13701921;13701945;13701949;13701953;13701957;13701969;13702064;13702068;13702084;13702088;1579520900840000;1579520901989000;5701393;[[13701450;[[null;adfn-csyrvwqermfbxam1mkavsrzjlg0rundo9gysmvmlrxxhlhfmqhcw7_ynhcatkqscdyldsiy;false];fedb0gqdtuqawg";ken=ac4w5vi0ka-sxkbznvlqg8lj5-wvx_fz5a:1579520900837&amp;buildlabel=drive.web-frontend_20200108.00_p2;ken=ac4w5vi0ka-sxkbznvlqg8lj5-wvx_fz5a:1579520900837&amp;buildlabel=drive.web-frontend_20200108.00_p2http://schemas.xmlsoap.org/ws/2004/08/addressing/role/anonymous&lt;/wsa:to&gt;&lt;wsa:action&gt;http://schema</t>
  </si>
  <si>
    <t>"mozilla/5.0 (windows nt 6.1) applewebkit/537.36 (khtml,1,13,137,13700014,13700109,13700167,13700185,13700235,13700451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],13701749,13701825,13701833,13701901,13701905,13701909,13701921,13701945,13701949,13701953,13701957,13701969,13702064,13702068,13702084,13702088,1579520900840000,1579520901989000,5701393,[[13701450,[[null,adfn-csyrvwqermfbxam1mkavsrzjlg0rundo9gysmvmlrxxhlhfmqhcw7_ynhcatkqscdyldsiy,false],fedb0gqdtuqawg",ken=ac4w5vi0ka-sxkbznvlqg8lj5-wvx_fz5a:1579520900837&amp;buildlabel=drive.web-frontend_20200108.00_p2,ken=ac4w5vi0ka-sxkbznvlqg8lj5-wvx_fz5a:1579520900837&amp;buildlabel=drive.web-frontend_20200108.00_p2http://schemas.xmlsoap.org/ws/2004/08/addressing/role/anonymous&lt;/wsa:to&gt;&lt;wsa:action&gt;http://schema</t>
  </si>
  <si>
    <t>01/20/2020 16:14:56</t>
  </si>
  <si>
    <t>01/20/2020 16:13:08</t>
  </si>
  <si>
    <t>01/20/2020 16:16:24</t>
  </si>
  <si>
    <t>01/20/2020 16:12:30</t>
  </si>
  <si>
    <t>01/20/2020 16:17:24</t>
  </si>
  <si>
    <t>06262269-5ecf-4917-a4ad-bb8861cfbb72.tmp</t>
  </si>
  <si>
    <t>\\acsfs\profiles$\joselrb\Downloads\06262269-5ecf-4917-a4ad-bb8861cfbb72.tmp</t>
  </si>
  <si>
    <t>01/20/2020 16:13:12</t>
  </si>
  <si>
    <t>01/20/2020 16:18:24</t>
  </si>
  <si>
    <t>LAIS RIBEIRO (7).contact</t>
  </si>
  <si>
    <t>\\acsfs\profiles$\laisr\Contacts\LAIS RIBEIRO (7).contact</t>
  </si>
  <si>
    <t>01/20/2020 16:13:36</t>
  </si>
  <si>
    <t>01/20/2020 16:13:37</t>
  </si>
  <si>
    <t>01/20/2020 16:13:38</t>
  </si>
  <si>
    <t>01/20/2020 16:13:39</t>
  </si>
  <si>
    <t>01/20/2020 16:13:40</t>
  </si>
  <si>
    <t>01/20/2020 16:13:41</t>
  </si>
  <si>
    <t>01/20/2020 16:13:42</t>
  </si>
  <si>
    <t>01/20/2020 16:13:43</t>
  </si>
  <si>
    <t>01/20/2020 16:13:44</t>
  </si>
  <si>
    <t>01/20/2020 16:13:46</t>
  </si>
  <si>
    <t>01/20/2020 16:13:47</t>
  </si>
  <si>
    <t>01/20/2020 16:13:48</t>
  </si>
  <si>
    <t>01/20/2020 16:13:50</t>
  </si>
  <si>
    <t>\\acsfs\profiles$\laisr\Saved Games\</t>
  </si>
  <si>
    <t>01/20/2020 16:13:51</t>
  </si>
  <si>
    <t>01/20/2020 16:14:11</t>
  </si>
  <si>
    <t>\\acsfs\profiles$\laisr\Favorites\Links for Brasil\</t>
  </si>
  <si>
    <t>\\acsfs\profiles$\laisr\Favorites\Links for Brasil\desktop.ini</t>
  </si>
  <si>
    <t>\\acsfs\profiles$\laisr\Favorites\Links for Brasil\Microsoft Brasil.url</t>
  </si>
  <si>
    <t>01/20/2020 16:14:13</t>
  </si>
  <si>
    <t>\\acsfs\profiles$\laisr\Favorites\Links for Brasil\Windows Brasil.url</t>
  </si>
  <si>
    <t>\\acsfs\profiles$\laisr\Favorites\Links for Brasil\MSN Brasil.url</t>
  </si>
  <si>
    <t>01/20/2020 16:14:16</t>
  </si>
  <si>
    <t>01/20/2020 16:16:00</t>
  </si>
  <si>
    <t>01/20/2020 16:16:36</t>
  </si>
  <si>
    <t>01/20/2020 16:17:44</t>
  </si>
  <si>
    <t>01/20/2020 16:17:10</t>
  </si>
  <si>
    <t>01/20/2020 16:20:24</t>
  </si>
  <si>
    <t>01/20/2020 16:17:26</t>
  </si>
  <si>
    <t>01/20/2020 16:17:34</t>
  </si>
  <si>
    <t>01/20/2020 16:17:53</t>
  </si>
  <si>
    <t>01/20/2020 16:18:22</t>
  </si>
  <si>
    <t>01/20/2020 16:16:11</t>
  </si>
  <si>
    <t>01/20/2020 16:16:12</t>
  </si>
  <si>
    <t>01/20/2020 16:15:25</t>
  </si>
  <si>
    <t>01/20/2020 16:15:31</t>
  </si>
  <si>
    <t>01/20/2020 16:15:53</t>
  </si>
  <si>
    <t>01/20/2020 16:16:38</t>
  </si>
  <si>
    <t>01/20/2020 16:16:44</t>
  </si>
  <si>
    <t>01/20/2020 16:17:13</t>
  </si>
  <si>
    <t>01/20/2020 16:17:40</t>
  </si>
  <si>
    <t>1579547404358;621969351;89;[];[]]];ancestorhasaugmentedpermissions;andrelpsa@algartech.com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aristelavodq@bv.algartech.com;modifiedbymedate;modifieddate;mrw0ftovchx76kgoyskqvpqzuqo0mrsk-nevtbmaqaleloorbdq4mjvgtmunagardgcvqomsjf2dfmbefzskm2b2sgehmip1t4cvexbtpssk2sdjt6951wlkaev-qbpxn2strgesn6t0wc7ahptj_e6akbt7rpykdguoorotjjojr2vprr4zefrh7i8ekftw_f_-u1emtiy6u1k09ydghmcnooax7ywi6zi17bntaw8didc2mztogpdnrtu1ys2ugn0bc8gmpvbudl0\";null;ontainsunsubscribedchildren;owners(kind;per;permissionid;picture;shared;sharedwithmedate;supervisaobancovotorantim@algartech.com;thiagolrc@b</t>
  </si>
  <si>
    <t>1579547404358,621969351,89,[],[]]],ancestorhasaugmentedpermissions,andrelpsa@algartech.com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aristelavodq@bv.algartech.com,modifiedbymedate,modifieddate,mrw0ftovchx76kgoyskqvpqzuqo0mrsk-nevtbmaqaleloorbdq4mjvgtmunagardgcvqomsjf2dfmbefzskm2b2sgehmip1t4cvexbtpssk2sdjt6951wlkaev-qbpxn2strgesn6t0wc7ahptj_e6akbt7rpykdguoorotjjojr2vprr4zefrh7i8ekftw_f_-u1emtiy6u1k09ydghmcnooax7ywi6zi17bntaw8didc2mztogpdnrtu1ys2ugn0bc8gmpvbudl0\",null,ontainsunsubscribedchildren,owners(kind,per,permissionid,picture,shared,sharedwithmedate,supervisaobancovotorantim@algartech.com,thiagolrc@b</t>
  </si>
  <si>
    <t>01/20/2020 16:18:38</t>
  </si>
  <si>
    <t>01/20/2020 16:19:03</t>
  </si>
  <si>
    <t>01/20/2020 16:15:48</t>
  </si>
  <si>
    <t>01/20/2020 16:15:49</t>
  </si>
  <si>
    <t>RELAT_FILAS_1001_DIAR_20200102_031221.CSV</t>
  </si>
  <si>
    <t>\\acsfs\DEPTOS\Operacao\Banco_Votorantim\Supervisao\RELAT_FILAS_1001_DIAR_20200102_031221.CSV</t>
  </si>
  <si>
    <t>01/20/2020 16:15:58</t>
  </si>
  <si>
    <t>RELAT_FILAS_1001_DIAR_20200103_035646.CSV</t>
  </si>
  <si>
    <t>\\acsfs\DEPTOS\Operacao\Banco_Votorantim\Supervisao\RELAT_FILAS_1001_DIAR_20200103_035646.CSV</t>
  </si>
  <si>
    <t>01/20/2020 16:16:06</t>
  </si>
  <si>
    <t>RELAT_FILAS_1001_DIAR_20200104_035925.CSV</t>
  </si>
  <si>
    <t>\\acsfs\DEPTOS\Operacao\Banco_Votorantim\Supervisao\RELAT_FILAS_1001_DIAR_20200104_035925.CSV</t>
  </si>
  <si>
    <t>01/20/2020 16:16:10</t>
  </si>
  <si>
    <t>RELAT_FILAS_1001_DIAR_20200105_034759.CSV</t>
  </si>
  <si>
    <t>\\acsfs\DEPTOS\Operacao\Banco_Votorantim\Supervisao\RELAT_FILAS_1001_DIAR_20200105_034759.CSV</t>
  </si>
  <si>
    <t>RELAT_FILAS_1001_DIAR_20200106_030608.CSV</t>
  </si>
  <si>
    <t>\\acsfs\DEPTOS\Operacao\Banco_Votorantim\Supervisao\RELAT_FILAS_1001_DIAR_20200106_030608.CSV</t>
  </si>
  <si>
    <t>01/20/2020 16:16:21</t>
  </si>
  <si>
    <t>RELAT_FILAS_1001_DIAR_20200107_042812.CSV</t>
  </si>
  <si>
    <t>\\acsfs\DEPTOS\Operacao\Banco_Votorantim\Supervisao\RELAT_FILAS_1001_DIAR_20200107_042812.CSV</t>
  </si>
  <si>
    <t>01/20/2020 16:16:29</t>
  </si>
  <si>
    <t>RELAT_FILAS_1001_DIAR_20200108_041551.CSV</t>
  </si>
  <si>
    <t>\\acsfs\DEPTOS\Operacao\Banco_Votorantim\Supervisao\RELAT_FILAS_1001_DIAR_20200108_041551.CSV</t>
  </si>
  <si>
    <t>01/20/2020 16:16:39</t>
  </si>
  <si>
    <t>RELAT_FILAS_1001_DIAR_20200109_041059.CSV</t>
  </si>
  <si>
    <t>\\acsfs\DEPTOS\Operacao\Banco_Votorantim\Supervisao\RELAT_FILAS_1001_DIAR_20200109_041059.CSV</t>
  </si>
  <si>
    <t>01/20/2020 16:16:47</t>
  </si>
  <si>
    <t>RELAT_FILAS_1001_DIAR_20200110_040250.CSV</t>
  </si>
  <si>
    <t>\\acsfs\DEPTOS\Operacao\Banco_Votorantim\Supervisao\RELAT_FILAS_1001_DIAR_20200110_040250.CSV</t>
  </si>
  <si>
    <t>01/20/2020 16:16:55</t>
  </si>
  <si>
    <t>RELAT_FILAS_1001_DIAR_20200111_041210.CSV</t>
  </si>
  <si>
    <t>\\acsfs\DEPTOS\Operacao\Banco_Votorantim\Supervisao\RELAT_FILAS_1001_DIAR_20200111_041210.CSV</t>
  </si>
  <si>
    <t>01/20/2020 16:16:59</t>
  </si>
  <si>
    <t>RELAT_FILAS_1001_DIAR_20200112_032812.CSV</t>
  </si>
  <si>
    <t>\\acsfs\DEPTOS\Operacao\Banco_Votorantim\Supervisao\RELAT_FILAS_1001_DIAR_20200112_032812.CSV</t>
  </si>
  <si>
    <t>01/20/2020 16:17:01</t>
  </si>
  <si>
    <t>RELAT_FILAS_1001_DIAR_20200113_030643.CSV</t>
  </si>
  <si>
    <t>\\acsfs\DEPTOS\Operacao\Banco_Votorantim\Supervisao\RELAT_FILAS_1001_DIAR_20200113_030643.CSV</t>
  </si>
  <si>
    <t>01/20/2020 16:17:12</t>
  </si>
  <si>
    <t>RELAT_FILAS_1001_DIAR_20200114_041325.CSV</t>
  </si>
  <si>
    <t>\\acsfs\DEPTOS\Operacao\Banco_Votorantim\Supervisao\RELAT_FILAS_1001_DIAR_20200114_041325.CSV</t>
  </si>
  <si>
    <t>01/20/2020 16:17:21</t>
  </si>
  <si>
    <t>RELAT_FILAS_1001_DIAR_20200115_041441.CSV</t>
  </si>
  <si>
    <t>\\acsfs\DEPTOS\Operacao\Banco_Votorantim\Supervisao\RELAT_FILAS_1001_DIAR_20200115_041441.CSV</t>
  </si>
  <si>
    <t>01/20/2020 16:17:29</t>
  </si>
  <si>
    <t>RELAT_FILAS_1001_DIAR_20200116_040514.CSV</t>
  </si>
  <si>
    <t>\\acsfs\DEPTOS\Operacao\Banco_Votorantim\Supervisao\RELAT_FILAS_1001_DIAR_20200116_040514.CSV</t>
  </si>
  <si>
    <t>01/20/2020 16:17:37</t>
  </si>
  <si>
    <t>RELAT_FILAS_1001_DIAR_20200117_035331.CSV</t>
  </si>
  <si>
    <t>\\acsfs\DEPTOS\Operacao\Banco_Votorantim\Supervisao\RELAT_FILAS_1001_DIAR_20200117_035331.CSV</t>
  </si>
  <si>
    <t>01/20/2020 16:17:45</t>
  </si>
  <si>
    <t>RELAT_FILAS_1001_DIAR_20200118_040540.CSV</t>
  </si>
  <si>
    <t>\\acsfs\DEPTOS\Operacao\Banco_Votorantim\Supervisao\RELAT_FILAS_1001_DIAR_20200118_040540.CSV</t>
  </si>
  <si>
    <t>01/20/2020 16:17:49</t>
  </si>
  <si>
    <t>RELAT_FILAS_1001_DIAR_20200119_034444.CSV</t>
  </si>
  <si>
    <t>\\acsfs\DEPTOS\Operacao\Banco_Votorantim\Supervisao\RELAT_FILAS_1001_DIAR_20200119_034444.CSV</t>
  </si>
  <si>
    <t>01/20/2020 16:17:51</t>
  </si>
  <si>
    <t>RELAT_FILAS_1001_DIAR_20200120_030641.CSV</t>
  </si>
  <si>
    <t>\\acsfs\DEPTOS\Operacao\Banco_Votorantim\Supervisao\RELAT_FILAS_1001_DIAR_20200120_030641.CSV</t>
  </si>
  <si>
    <t>01/20/2020 16:18:48</t>
  </si>
  <si>
    <t>01/20/2020 16:21:24</t>
  </si>
  <si>
    <t>0c651304-60c3-413d-a1c7-1fe721c3560a.tmp</t>
  </si>
  <si>
    <t>\\acsfs\profiles$\cintiadjl\Downloads\0c651304-60c3-413d-a1c7-1fe721c3560a.tmp</t>
  </si>
  <si>
    <t>01/20/2020 16:19:34</t>
  </si>
  <si>
    <t>01/20/2020 16:22:24</t>
  </si>
  <si>
    <t>66ca9dee-c2ac-4a40-a4ae-04b86d243543.tmp</t>
  </si>
  <si>
    <t>\\acsfs\profiles$\larissaad\Downloads\66ca9dee-c2ac-4a40-a4ae-04b86d243543.tmp</t>
  </si>
  <si>
    <t>01/20/2020 16:17:57</t>
  </si>
  <si>
    <t>e2e389fd-d139-4fc0-a1ac-ba148cf5bf5e.tmp</t>
  </si>
  <si>
    <t>\\acsfs\profiles$\matheushds\Downloads\e2e389fd-d139-4fc0-a1ac-ba148cf5bf5e.tmp</t>
  </si>
  <si>
    <t>01/20/2020 16:21:30</t>
  </si>
  <si>
    <t>423428cf-fdce-494c-9eb9-f142d3d3d0a0.tmp</t>
  </si>
  <si>
    <t>\\acsfs\profiles$\brendadsl\Downloads\423428cf-fdce-494c-9eb9-f142d3d3d0a0.tmp</t>
  </si>
  <si>
    <t>01/20/2020 16:18:45</t>
  </si>
  <si>
    <t>01/20/2020 16:23:24</t>
  </si>
  <si>
    <t>01/20/2020 16:18:46</t>
  </si>
  <si>
    <t>01/20/2020 16:20:56</t>
  </si>
  <si>
    <t>01/20/2020 16:24:24</t>
  </si>
  <si>
    <t>01/20/2020 16:22:09</t>
  </si>
  <si>
    <t>01/20/2020 16:20:12</t>
  </si>
  <si>
    <t>01/20/2020 16:25:24</t>
  </si>
  <si>
    <t>01/20/2020 16:20:27</t>
  </si>
  <si>
    <t>01/20/2020 16:20:39</t>
  </si>
  <si>
    <t>01/20/2020 16:21:38</t>
  </si>
  <si>
    <t>01/20/2020 16:21:55</t>
  </si>
  <si>
    <t>01/20/2020 16:22:36</t>
  </si>
  <si>
    <t>01/20/2020 16:22:40</t>
  </si>
  <si>
    <t>01/20/2020 16:22:52</t>
  </si>
  <si>
    <t>01/20/2020 16:23:36</t>
  </si>
  <si>
    <t>atestado vanessa 16 01 20.jpg</t>
  </si>
  <si>
    <t>01/20/2020 16:23:59</t>
  </si>
  <si>
    <t>01/20/2020 16:20:16</t>
  </si>
  <si>
    <t>01/20/2020 16:20:04</t>
  </si>
  <si>
    <t>01/20/2020 16:21:15</t>
  </si>
  <si>
    <t>01/20/2020 16:21:25</t>
  </si>
  <si>
    <t>1579547404358;1579548006409;621969351;89;91;[];[]]];ancestorhasaugmentedpermissions;andrelpsa@algartech.com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aristelavodq@bv.algartech.com;modifiedbymedate;modifieddate;mrw0ftovchx76kgoyskqvpqzuqo0mrsk-nevtbmaqaleloorbdq4mjvgtmunagardgcvqomsjf2dfmbefzskm2b2sgehmip1t4cvexbtpssk2sdjt6951wlkaev-qbpxn2strgesn6t0wc7ahptj_e6akbt7rpykdguoorotjjojr2vprr4zefrh7i8ekftw_f_-u1emtiy6u1k09ydghmcnooax7ywi6zi177ntaw8j30cceahovuuweg8ak0bnzevpl4lwl_cnwqm\";mrw0ftovchx76kgoyskqvpqzuqo0mrsk-nevtbmaqaleloorbdq4mjvgtmunagardgcvqomsjf2dfmbefzskm2b2sgehmip1t4cvexbtpssk2sdjt6951wlkaev-qbpx</t>
  </si>
  <si>
    <t>1579547404358,1579548006409,621969351,89,91,[],[]]],ancestorhasaugmentedpermissions,andrelpsa@algartech.com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aristelavodq@bv.algartech.com,modifiedbymedate,modifieddate,mrw0ftovchx76kgoyskqvpqzuqo0mrsk-nevtbmaqaleloorbdq4mjvgtmunagardgcvqomsjf2dfmbefzskm2b2sgehmip1t4cvexbtpssk2sdjt6951wlkaev-qbpxn2strgesn6t0wc7ahptj_e6akbt7rpykdguoorotjjojr2vprr4zefrh7i8ekftw_f_-u1emtiy6u1k09ydghmcnooax7ywi6zi177ntaw8j30cceahovuuweg8ak0bnzevpl4lwl_cnwqm\",mrw0ftovchx76kgoyskqvpqzuqo0mrsk-nevtbmaqaleloorbdq4mjvgtmunagardgcvqomsjf2dfmbefzskm2b2sgehmip1t4cvexbtpssk2sdjt6951wlkaev-qbpx</t>
  </si>
  <si>
    <t>01/20/2020 16:21:28</t>
  </si>
  <si>
    <t>01/20/2020 16:21:34</t>
  </si>
  <si>
    <t>01/20/2020 16:21:40</t>
  </si>
  <si>
    <t>01/20/2020 16:22:03</t>
  </si>
  <si>
    <t>01/20/2020 16:22:26</t>
  </si>
  <si>
    <t>01/20/2020 16:22:39</t>
  </si>
  <si>
    <t>"languagecode":"pt-br","requesttype":"background_request","scenariotype,"timezone":"-03:00",0,0.382,0.675],0],0]]],0b75dogjxigafnxvncxjftujxsc1zvgthnhi3whzrexhgvjzr,1,10,103.717,103.717],10340.475000004517,107.17000000295229,10706.254999997327,10720.705000014277,10730.665000010049,10731.620000005933,10732.380000001285,10733.674999995856,1090.7650000008289,11,11.214,11.214],11125.2000000095,11272.889999992913,11688.3450000023,11c5m9ycfufsc7krihjn5d9wg8jcyqlqk,12.381,12593.365000007907,12686.264999996638,13440,13636.650000000373,1376699,1380,144.35499999672174,14512.335000006715,1468380,1468460,14818.440000002738,1511270,156.4700000162702,15687124,15694900,15699.190000013914,15700.505000015255,1579520908566000],1579520910984000,1579520915985000,1579520916452000,1579520918952000,1579520922984000,1579522409965,15],16.159,16.159],1600],1600]],16409,17.641,17.641],18.887,18.887],1920624,1],1epenm2sej9sexcv_grk0bzfqr6ozpra4,1ipcp90zh3bnlq_lev_j3ygnaupez3lrz,2.476,20.157,20.157],200],2244709,2249420,2293550,2293975,2</t>
  </si>
  <si>
    <t>01/20/2020 16:23:02</t>
  </si>
  <si>
    <t>1579546200248;1579546501274;621969351;85;86;[];[]]];false;l-ckacf_7r3zozh1hhizn88xwetaapoebcpjm5ey2zyse1nt3xmnhcr-rz9s-zdg-5-xx2v8f_tzsvcfibwrle5qaq53vh6r8m19mnq0rhk68ibitnjgrsmrdalihic4l1lxyqga8ovr5etkjjbkmsgw0htomrw0ftovchx76kgoyskqvpqzuqo0mrsk-nevtbmaqaleloorbdq4mjvgtmunagardgcvqomsjf2dfmbefzskm2b2sgehmip1;mrw0ftovchx76kgoyskqvpqzuqo0mrsk-nevtbmaqaleloorbdq4mjvgtmunagardgcvqomsjf2dfmbefzskm2b2sgehmip1t4cvexbtpssk2sdjt6951wlkaev-qbpxn2strgesn6t0wc7ahptj_e6akbt7rpykdguoorotjjojr2vprr4zefrh7i8ekftw_f_-u1emtiy6u1k09ydghmcnooax7ywi6zi14bntaw_u7qoq7ml1wakb8i_i19odlvs5t9jpasb_psi\";mrw0ftovchx76kgoyskqvpqzuqo0mrsk-nevtbmaqaleloorbdq4mjvgtmunagardgcvqomsjf2dfmbefzskm2b2sgehmip1t4cvexbtpssk2sdjt6951wlkaev-qbpxn2strgesn6t0wc7ahptj_e6akbt7rpykdguoorotjjojr2vprr4zefrh7i8ekftw_f_-u1emtiy6u1k09ydghmcnooax7ywi6zi14rntaw82vktwhsv6jhpskriji3rmjioj0a9qkizleuo\";null;true]";vchx76kgoyskqvpqzuqo0mrsk-nevtbmaqaleloorbdq4mjvgtmunagardgcvqomsjf2dfmbefzskm2b2sgehmip1t4cvexbtpssk2sdjt6951wlkaev-qbpxn2strgesn6t0wc7ahptj_e6akbt7rpyk</t>
  </si>
  <si>
    <t>1579546200248,1579546501274,621969351,85,86,[],[]]],false,l-ckacf_7r3zozh1hhizn88xwetaapoebcpjm5ey2zyse1nt3xmnhcr-rz9s-zdg-5-xx2v8f_tzsvcfibwrle5qaq53vh6r8m19mnq0rhk68ibitnjgrsmrdalihic4l1lxyqga8ovr5etkjjbkmsgw0htomrw0ftovchx76kgoyskqvpqzuqo0mrsk-nevtbmaqaleloorbdq4mjvgtmunagardgcvqomsjf2dfmbefzskm2b2sgehmip1,mrw0ftovchx76kgoyskqvpqzuqo0mrsk-nevtbmaqaleloorbdq4mjvgtmunagardgcvqomsjf2dfmbefzskm2b2sgehmip1t4cvexbtpssk2sdjt6951wlkaev-qbpxn2strgesn6t0wc7ahptj_e6akbt7rpykdguoorotjjojr2vprr4zefrh7i8ekftw_f_-u1emtiy6u1k09ydghmcnooax7ywi6zi14bntaw_u7qoq7ml1wakb8i_i19odlvs5t9jpasb_psi\",mrw0ftovchx76kgoyskqvpqzuqo0mrsk-nevtbmaqaleloorbdq4mjvgtmunagardgcvqomsjf2dfmbefzskm2b2sgehmip1t4cvexbtpssk2sdjt6951wlkaev-qbpxn2strgesn6t0wc7ahptj_e6akbt7rpykdguoorotjjojr2vprr4zefrh7i8ekftw_f_-u1emtiy6u1k09ydghmcnooax7ywi6zi14rntaw82vktwhsv6jhpskriji3rmjioj0a9qkizleuo\",null,true]",vchx76kgoyskqvpqzuqo0mrsk-nevtbmaqaleloorbdq4mjvgtmunagardgcvqomsjf2dfmbefzskm2b2sgehmip1t4cvexbtpssk2sdjt6951wlkaev-qbpxn2strgesn6t0wc7ahptj_e6akbt7rpyk</t>
  </si>
  <si>
    <t>01/20/2020 16:23:15</t>
  </si>
  <si>
    <t>1579538974767;61;621969351;[];[]]];false;l-ckacf_7r3zozh1hhizn88xwetaapoebcpjm5ey2zyse1nt3xmnhcr-rz9s-zdg-5-xx2v8f_tzsvcfibwrle5qaq53vh6r8m19mnq0rhk68ibitnjgrsmrdalihic4l1lxyqga8ovr5etkjjbkmsgw0htomrw0ftovchx76kgoyskqvpqzuqo0mrsk-nevtbmaqaleloorbdq4mjvgtmunagardgcvqomsjf2dfmbefzskm2b2sgehmip1;mrw0ftovchx76kgoyskqvpqzuqo0mrsk-nevtbmaqaleloorbdq4mjvgtmunagardgcvqomsjf2dfmbefzskm2b2sgehmip1t4cvexbtpssk2sdjt6951wlkaev-qbpxn2strgesn6t0wc7ahptj_e6akbt7rpykdguoorotjjojr2vprr4zefrh7i8ekftw_f_-u1emtiy6u1k09ydghmcnooax7ywi6zi1ibntaw_thnmpoxzrylzkl_447m2dwlfa-_ju4axjsy4\";null;true]";vchx76kgoyskqvpqzuqo0mrsk-nevtbmaqaleloorbdq4mjvgtmunagardgcvqomsjf2dfmbefzskm2b2sgehmip1t4cvexbtpssk2sdjt6951wlkaev-qbpxn2strgesn6t0wc7ahptj_e6akbt7rpykdguoorotjjojr2vprr4zefrh7i8ekftw_f_-u1emtiy6u1k09ydghmcnooax7ywi6zi1ibntaw_thnmpoxzrylzkl_447m2dwlfa-_ju4axjsy4\";</t>
  </si>
  <si>
    <t>1579538974767,61,621969351,[],[]]],false,l-ckacf_7r3zozh1hhizn88xwetaapoebcpjm5ey2zyse1nt3xmnhcr-rz9s-zdg-5-xx2v8f_tzsvcfibwrle5qaq53vh6r8m19mnq0rhk68ibitnjgrsmrdalihic4l1lxyqga8ovr5etkjjbkmsgw0htomrw0ftovchx76kgoyskqvpqzuqo0mrsk-nevtbmaqaleloorbdq4mjvgtmunagardgcvqomsjf2dfmbefzskm2b2sgehmip1,mrw0ftovchx76kgoyskqvpqzuqo0mrsk-nevtbmaqaleloorbdq4mjvgtmunagardgcvqomsjf2dfmbefzskm2b2sgehmip1t4cvexbtpssk2sdjt6951wlkaev-qbpxn2strgesn6t0wc7ahptj_e6akbt7rpykdguoorotjjojr2vprr4zefrh7i8ekftw_f_-u1emtiy6u1k09ydghmcnooax7ywi6zi1ibntaw_thnmpoxzrylzkl_447m2dwlfa-_ju4axjsy4\",null,true]",vchx76kgoyskqvpqzuqo0mrsk-nevtbmaqaleloorbdq4mjvgtmunagardgcvqomsjf2dfmbefzskm2b2sgehmip1t4cvexbtpssk2sdjt6951wlkaev-qbpxn2strgesn6t0wc7ahptj_e6akbt7rpykdguoorotjjojr2vprr4zefrh7i8ekftw_f_-u1emtiy6u1k09ydghmcnooax7ywi6zi1ibntaw_thnmpoxzrylzkl_447m2dwlfa-_ju4axjsy4\"</t>
  </si>
  <si>
    <t>01/20/2020 16:23:41</t>
  </si>
  <si>
    <t>"mozilla/5.0 (windows nt 6.1) applewebkit/537.36 (khtml;1;13;13700109;13700607;13700883;13701139;13701214;13701298;13701418;13701458;13701577;13701589;13701613;13701625;13701657;13701749;13701825;13701901;13701921;13701949;13701953;13701969;13702064;13702088;1579520900840000;1579520901989000;1579528428892;1579532943833;1579545598196;1579547705380;26;41;621969351;83;90;[[13701450;[];[]]];adfn-csyrvwqermfbxam1mkavsrzjlg0rundo9gysmvmlrxxhlhfmqhcw7_ynhcatkqscdyldsiy;ancestorhasaugmentedpermissions;containsunsubscribedchildren;displayname;domain;emailaddress;false;false];fedb0gqdtuqawg";file(kind;fileid;filesize;hasthumbnail;hasvisitorpermissions;id;id);items(deleted;items(kind;ken;ken=ac4w5vi0ka-sxkbznvlqg8lj5-wvx_fz5a:1579520900837&amp;buildlabel=drive.web-frontend_20200108.00_p2�cΖ;kind;l-ckacf_7r3zozh1hhizn88xwetaapoebcpjm5ey2zyse1nt3xmnhcr-rz9s-zdg-5-xx2v8f_tzsvcfibwrle5qaq53vh6r8m19mnq0rhk68ibitnjgrsmrdalihic4l1lxyqga8ovr5etkjjbkmsgw0htomrw0ftovchx76kgoyskqvpqzuqo0mrsk-nevtbmaqaleloorbdq4mjvgtmunagardgcvqomsjf2d</t>
  </si>
  <si>
    <t>"mozilla/5.0 (windows nt 6.1) applewebkit/537.36 (khtml,1,13,13700109,13700607,13700883,13701139,13701214,13701298,13701418,13701458,13701577,13701589,13701613,13701625,13701657,13701749,13701825,13701901,13701921,13701949,13701953,13701969,13702064,13702088,1579520900840000,1579520901989000,1579528428892,1579532943833,1579545598196,1579547705380,26,41,621969351,83,90,[[13701450,[],[]]],adfn-csyrvwqermfbxam1mkavsrzjlg0rundo9gysmvmlrxxhlhfmqhcw7_ynhcatkqscdyldsiy,ancestorhasaugmentedpermissions,containsunsubscribedchildren,displayname,domain,emailaddress,false,false],fedb0gqdtuqawg",file(kind,fileid,filesize,hasthumbnail,hasvisitorpermissions,id,id),items(deleted,items(kind,ken,ken=ac4w5vi0ka-sxkbznvlqg8lj5-wvx_fz5a:1579520900837&amp;buildlabel=drive.web-frontend_20200108.00_p2�cΖ,kind,l-ckacf_7r3zozh1hhizn88xwetaapoebcpjm5ey2zyse1nt3xmnhcr-rz9s-zdg-5-xx2v8f_tzsvcfibwrle5qaq53vh6r8m19mnq0rhk68ibitnjgrsmrdalihic4l1lxyqga8ovr5etkjjbkmsgw0htomrw0ftovchx76kgoyskqvpqzuqo0mrsk-nevtbmaqaleloorbdq4mjvgtmunagardgcvqomsjf2d</t>
  </si>
  <si>
    <t>01/20/2020 16:24:02</t>
  </si>
  <si>
    <t>01/20/2020 16:24:12</t>
  </si>
  <si>
    <t>01/20/2020 16:24:32</t>
  </si>
  <si>
    <t>01/20/2020 16:24:37</t>
  </si>
  <si>
    <t>01/20/2020 16:24:46</t>
  </si>
  <si>
    <t>01/20/2020 16:25:06</t>
  </si>
  <si>
    <t>"languagecode":"pt-br";"requesttype":"background_request";"scenariotype;"timezone":"-03:00";1579531137861;1579532889125000]]]p1;1579544996147;35;621969351;81;[];[]]];ess"}};false;gw5ndczmtg5odk4mdmrulwtnx5ezimycw==";l-ckacf_7r3zozh1hhizn88xwetaapoebcpjm5ey2zyse1nt3xmnhcr-rz9s-zdg-5-xx2v8f_tzsvcfibwrle5qaq53vh6r8m19mnq0rhk68ibitnjgrsmrdalihic4l1lxyqga8ovr5etkjjbkmsgw0htomrw0ftovchx76kgoyskqvpqzuqo0mrsk-nevtbmaqaleloorbdq4mjvgtmunagardgcvqomsjf2dfmbefzskm2b2sgehmip1;mrw0ftovchx76kgoyskqvpqzuqo0mrsk-nevtbmaqaleloorbdq4mjvgtmunagardgcvqomsjf2dfmbefzskm2b2sgehmip1t4cvexbtpssk2sdjt6951wlkaev-qbpxn2strgesn6t0wc7ahptj_e6akbt7rpykdguoorotjjojr2vprr4zefrh7i8ekftw_f_-u1emtiy6u1k09ydghmcnooax7ywi6zi15bntaw_kdirppe52_77fjjwh-mvlvx0rwdervqjzduc\";mrw0ftovchx76kgoyskqvpqzuqo0mrsk-nevtbmaqaleloorbdq4mjvgtmunagardgcvqomsjf2dfmbefzskm2b2sgehmip1t4cvexbtpssk2sdjt6951wlkaev-qbpxn2strgesn6t0wc7ahptj_e6akbt7rpykdguoorotjjojr2vprr4zefrh7i8ekftw_f_-u1emtiy6u1k09ydghmcnooax7ywi6zi1l7ntaw-ra5p4oyl6ywonifzqhwaowxs1yx6t8vwsfaa\";null;p"</t>
  </si>
  <si>
    <t>"languagecode":"pt-br","requesttype":"background_request","scenariotype,"timezone":"-03:00",1579531137861,1579532889125000]]]p1,1579544996147,35,621969351,81,[],[]]],ess"}},false,gw5ndczmtg5odk4mdmrulwtnx5ezimycw==",l-ckacf_7r3zozh1hhizn88xwetaapoebcpjm5ey2zyse1nt3xmnhcr-rz9s-zdg-5-xx2v8f_tzsvcfibwrle5qaq53vh6r8m19mnq0rhk68ibitnjgrsmrdalihic4l1lxyqga8ovr5etkjjbkmsgw0htomrw0ftovchx76kgoyskqvpqzuqo0mrsk-nevtbmaqaleloorbdq4mjvgtmunagardgcvqomsjf2dfmbefzskm2b2sgehmip1,mrw0ftovchx76kgoyskqvpqzuqo0mrsk-nevtbmaqaleloorbdq4mjvgtmunagardgcvqomsjf2dfmbefzskm2b2sgehmip1t4cvexbtpssk2sdjt6951wlkaev-qbpxn2strgesn6t0wc7ahptj_e6akbt7rpykdguoorotjjojr2vprr4zefrh7i8ekftw_f_-u1emtiy6u1k09ydghmcnooax7ywi6zi15bntaw_kdirppe52_77fjjwh-mvlvx0rwdervqjzduc\",mrw0ftovchx76kgoyskqvpqzuqo0mrsk-nevtbmaqaleloorbdq4mjvgtmunagardgcvqomsjf2dfmbefzskm2b2sgehmip1t4cvexbtpssk2sdjt6951wlkaev-qbpxn2strgesn6t0wc7ahptj_e6akbt7rpykdguoorotjjojr2vprr4zefrh7i8ekftw_f_-u1emtiy6u1k09ydghmcnooax7ywi6zi1l7ntaw-ra5p4oyl6ywonifzqhwaowxs1yx6t8vwsfaa\",null,p"</t>
  </si>
  <si>
    <t>01/20/2020 16:25:10</t>
  </si>
  <si>
    <t>01/20/2020 16:25:12</t>
  </si>
  <si>
    <t>01/20/2020 16:21:21</t>
  </si>
  <si>
    <t>\\acsfs\DEPTOS\Operacao\Banco_Votorantim\Supervisao\SUPERS BV CARTÕES\ANA VITORIA\</t>
  </si>
  <si>
    <t>\\acsfs\DEPTOS\Operacao\Banco_Votorantim\Supervisao\SUPERS BV CARTÕES\ANA VITORIA\Thumbs.db</t>
  </si>
  <si>
    <t>01/20/2020 16:24:33</t>
  </si>
  <si>
    <t>01/20/2020 16:26:24</t>
  </si>
  <si>
    <t>e49a5f48-ed97-420c-a080-de7eb54c6bec.tmp</t>
  </si>
  <si>
    <t>\\acsfs\profiles$\jhonatadss\Downloads\e49a5f48-ed97-420c-a080-de7eb54c6bec.tmp</t>
  </si>
  <si>
    <t>01/20/2020 16:24:09</t>
  </si>
  <si>
    <t>01/20/2020 16:23:16</t>
  </si>
  <si>
    <t>lu1398813h58.tmp</t>
  </si>
  <si>
    <t>\\acsfs\profiles$\jalilebds\Downloads\lu1398813h58.tmp</t>
  </si>
  <si>
    <t>01/20/2020 16:23:19</t>
  </si>
  <si>
    <t>01/20/2020 16:27:24</t>
  </si>
  <si>
    <t>01/20/2020 16:25:19</t>
  </si>
  <si>
    <t>01/20/2020 16:28:24</t>
  </si>
  <si>
    <t>01/20/2020 16:24:28</t>
  </si>
  <si>
    <t>01/20/2020 16:29:24</t>
  </si>
  <si>
    <t>01/20/2020 16:25:46</t>
  </si>
  <si>
    <t>01/20/2020 16:28:30</t>
  </si>
  <si>
    <t>01/20/2020 16:30:24</t>
  </si>
  <si>
    <t>01/20/2020 16:28:34</t>
  </si>
  <si>
    <t>01/20/2020 16:28:45</t>
  </si>
  <si>
    <t>01/20/2020 16:29:02</t>
  </si>
  <si>
    <t>01/20/2020 16:25:29</t>
  </si>
  <si>
    <t>01/20/2020 16:25:38</t>
  </si>
  <si>
    <t>01/20/2020 16:25:44</t>
  </si>
  <si>
    <t>01/20/2020 16:26:09</t>
  </si>
  <si>
    <t>01/20/2020 16:26:14</t>
  </si>
  <si>
    <t>01/20/2020 16:26:39</t>
  </si>
  <si>
    <t>01/20/2020 16:26:48</t>
  </si>
  <si>
    <t>01/20/2020 16:26:53</t>
  </si>
  <si>
    <t>01/20/2020 16:27:02</t>
  </si>
  <si>
    <t>01/20/2020 16:27:25</t>
  </si>
  <si>
    <t>01/20/2020 16:27:43</t>
  </si>
  <si>
    <t>01/20/2020 16:27:51</t>
  </si>
  <si>
    <t>01/20/2020 16:27:54</t>
  </si>
  <si>
    <t>01/20/2020 16:28:08</t>
  </si>
  <si>
    <t>01/20/2020 16:28:15</t>
  </si>
  <si>
    <t>01/20/2020 16:28:20</t>
  </si>
  <si>
    <t>01/20/2020 16:29:11</t>
  </si>
  <si>
    <t>01/20/2020 16:31:23</t>
  </si>
  <si>
    <t>01/20/2020 16:31:47</t>
  </si>
  <si>
    <t>01/20/2020 16:32:24</t>
  </si>
  <si>
    <t>01/20/2020 16:28:32</t>
  </si>
  <si>
    <t>01/20/2020 16:33:23</t>
  </si>
  <si>
    <t>01/20/2020 16:29:10</t>
  </si>
  <si>
    <t>Erros operacionais.xlsx</t>
  </si>
  <si>
    <t>\\acsfs\ACS\Gabriel da Silva\Contemporânea\Erros Operacionais\Erros operacionais.xlsx</t>
  </si>
  <si>
    <t>01/20/2020 16:28:26</t>
  </si>
  <si>
    <t>gabrieleods@bv.algartech.com</t>
  </si>
  <si>
    <t>https://udpmailboxap01/h/search?si=0&amp;so=0&amp;sc=79366&amp;st=conversation&amp;action=compose</t>
  </si>
  <si>
    <t>01/20/2020 16:28:47</t>
  </si>
  <si>
    <t>01/20/2020 16:28:50</t>
  </si>
  <si>
    <t>01/20/2020 16:28:52</t>
  </si>
  <si>
    <t>01/20/2020 16:30:25</t>
  </si>
  <si>
    <t>CASO 00816277 - OPERADORA VALERIA SENA DE ARAUJO_1_6775170043185542007_1_32.wav</t>
  </si>
  <si>
    <t>\\acsfs\Deptos\EDUCACAO EMPRESARIAL\KÉSIA\OUVIDORIA, PROCON, BACEN E RECLAME AQUI\CASO 00816277 - OPERADORA VALERIA SENA DE ARAUJO_1_6775170043185542007_1_32.wav</t>
  </si>
  <si>
    <t>01/20/2020 16:31:19</t>
  </si>
  <si>
    <t>01/20/2020 16:34:24</t>
  </si>
  <si>
    <t>01/20/2020 16:31:21</t>
  </si>
  <si>
    <t>01/20/2020 16:31:22</t>
  </si>
  <si>
    <t>01/20/2020 16:31:24</t>
  </si>
  <si>
    <t>01/20/2020 16:31:26</t>
  </si>
  <si>
    <t>01/20/2020 16:31:28</t>
  </si>
  <si>
    <t>01/20/2020 16:31:29</t>
  </si>
  <si>
    <t>01/20/2020 16:31:30</t>
  </si>
  <si>
    <t>01/20/2020 16:31:31</t>
  </si>
  <si>
    <t>01/20/2020 16:31:33</t>
  </si>
  <si>
    <t>01/20/2020 16:31:35</t>
  </si>
  <si>
    <t>01/20/2020 16:31:36</t>
  </si>
  <si>
    <t>01/20/2020 16:31:37</t>
  </si>
  <si>
    <t>01/20/2020 16:31:38</t>
  </si>
  <si>
    <t>01/20/2020 16:31:41</t>
  </si>
  <si>
    <t>01/20/2020 16:31:42</t>
  </si>
  <si>
    <t>01/20/2020 16:31:45</t>
  </si>
  <si>
    <t>01/20/2020 16:31:48</t>
  </si>
  <si>
    <t>01/20/2020 16:31:49</t>
  </si>
  <si>
    <t>01/20/2020 16:31:50</t>
  </si>
  <si>
    <t>01/20/2020 16:31:52</t>
  </si>
  <si>
    <t>01/20/2020 16:31:53</t>
  </si>
  <si>
    <t>01/20/2020 16:31:54</t>
  </si>
  <si>
    <t>01/20/2020 16:31:55</t>
  </si>
  <si>
    <t>01/20/2020 16:31:57</t>
  </si>
  <si>
    <t>01/20/2020 16:31:58</t>
  </si>
  <si>
    <t>01/20/2020 16:31:59</t>
  </si>
  <si>
    <t>01/20/2020 16:32:00</t>
  </si>
  <si>
    <t>01/20/2020 16:32:02</t>
  </si>
  <si>
    <t>01/20/2020 16:32:03</t>
  </si>
  <si>
    <t>01/20/2020 16:32:05</t>
  </si>
  <si>
    <t>01/20/2020 16:32:06</t>
  </si>
  <si>
    <t>01/20/2020 16:32:07</t>
  </si>
  <si>
    <t>01/20/2020 16:32:08</t>
  </si>
  <si>
    <t>01/20/2020 16:32:09</t>
  </si>
  <si>
    <t>01/20/2020 16:32:10</t>
  </si>
  <si>
    <t>01/20/2020 16:32:11</t>
  </si>
  <si>
    <t>01/20/2020 16:32:13</t>
  </si>
  <si>
    <t>01/20/2020 16:32:37</t>
  </si>
  <si>
    <t>01/20/2020 16:33:19</t>
  </si>
  <si>
    <t>b46457c7-f2df-4413-ac1f-cc046b00dd0a.tmp</t>
  </si>
  <si>
    <t>\\acsfs\profiles$\KARENDSR\Downloads\b46457c7-f2df-4413-ac1f-cc046b00dd0a.tmp</t>
  </si>
  <si>
    <t>01/20/2020 16:29:32</t>
  </si>
  <si>
    <t>01/20/2020 16:35:23</t>
  </si>
  <si>
    <t>01/20/2020 16:29:38</t>
  </si>
  <si>
    <t>01/20/2020 16:29:43</t>
  </si>
  <si>
    <t>01/20/2020 16:29:53</t>
  </si>
  <si>
    <t>atestado bruna 02 a 04 janeiro.jpg</t>
  </si>
  <si>
    <t>01/20/2020 16:30:06</t>
  </si>
  <si>
    <t>01/20/2020 16:33:25</t>
  </si>
  <si>
    <t>01/20/2020 16:35:20</t>
  </si>
  <si>
    <t>01/20/2020 16:36:24</t>
  </si>
  <si>
    <t>01/20/2020 16:33:44</t>
  </si>
  <si>
    <t>01/20/2020 16:37:23</t>
  </si>
  <si>
    <t>01/20/2020 16:36:55</t>
  </si>
  <si>
    <t>1cedb1d7-1730-4283-bd40-59c1d4165a71.tmp</t>
  </si>
  <si>
    <t>\\acsfs\profiles$\lorrainerdl\Downloads\1cedb1d7-1730-4283-bd40-59c1d4165a71.tmp</t>
  </si>
  <si>
    <t>01/20/2020 16:35:32</t>
  </si>
  <si>
    <t>01/20/2020 16:38:24</t>
  </si>
  <si>
    <t>01/20/2020 16:37:06</t>
  </si>
  <si>
    <t>01/20/2020 16:34:29</t>
  </si>
  <si>
    <t>01/20/2020 16:39:23</t>
  </si>
  <si>
    <t>0cc42165-284c-4941-b9c2-ca6cd8a2f823.tmp</t>
  </si>
  <si>
    <t>\\acsfs\profiles$\joycemmdl\Downloads\0cc42165-284c-4941-b9c2-ca6cd8a2f823.tmp</t>
  </si>
  <si>
    <t>01/20/2020 16:34:55</t>
  </si>
  <si>
    <t>Unconfirmed 53651.crdownload</t>
  </si>
  <si>
    <t>\\acsfs\profiles$\joycemmdl\Downloads\Unconfirmed 53651.crdownload</t>
  </si>
  <si>
    <t>01/20/2020 16:35:55</t>
  </si>
  <si>
    <t>6ea2721b-76ed-464a-bf07-e91d16e7d3f4.tmp</t>
  </si>
  <si>
    <t>\\acsfs\profiles$\joycemmdl\Downloads\6ea2721b-76ed-464a-bf07-e91d16e7d3f4.tmp</t>
  </si>
  <si>
    <t>01/20/2020 16:36:38</t>
  </si>
  <si>
    <t>041d3f41-32e5-4ae7-8eb0-9d18aa968500.tmp</t>
  </si>
  <si>
    <t>\\acsfs\profiles$\joycemmdl\Downloads\041d3f41-32e5-4ae7-8eb0-9d18aa968500.tmp</t>
  </si>
  <si>
    <t>01/20/2020 16:36:56</t>
  </si>
  <si>
    <t>851084ae-5260-451d-98e9-1be5e8674965.tmp</t>
  </si>
  <si>
    <t>\\acsfs\profiles$\joycemmdl\Downloads\851084ae-5260-451d-98e9-1be5e8674965.tmp</t>
  </si>
  <si>
    <t>01/20/2020 16:34:34</t>
  </si>
  <si>
    <t>1d03db63-ed7e-419c-9be3-2b0c00927482.tmp</t>
  </si>
  <si>
    <t>\\acsfs\profiles$\danielac\Downloads\1d03db63-ed7e-419c-9be3-2b0c00927482.tmp</t>
  </si>
  <si>
    <t>01/20/2020 16:35:59</t>
  </si>
  <si>
    <t>a370a69e-7c32-4270-98be-e802de298472.tmp</t>
  </si>
  <si>
    <t>\\acsfs\profiles$\KARENDSR\Downloads\a370a69e-7c32-4270-98be-e802de298472.tmp</t>
  </si>
  <si>
    <t>01/20/2020 16:36:06</t>
  </si>
  <si>
    <t>fa4c7f4a-9eec-4723-952e-99f4566879cb.tmp</t>
  </si>
  <si>
    <t>\\acsfs\profiles$\KARENDSR\Downloads\fa4c7f4a-9eec-4723-952e-99f4566879cb.tmp</t>
  </si>
  <si>
    <t>01/20/2020 16:37:10</t>
  </si>
  <si>
    <t>03a6f068-cd2e-473d-9611-9b15c3f55b71.tmp</t>
  </si>
  <si>
    <t>\\acsfs\profiles$\KARENDSR\Downloads\03a6f068-cd2e-473d-9611-9b15c3f55b71.tmp</t>
  </si>
  <si>
    <t>01/20/2020 16:35:45</t>
  </si>
  <si>
    <t>01/20/2020 16:40:24</t>
  </si>
  <si>
    <t>01/20/2020 16:37:51</t>
  </si>
  <si>
    <t>01/20/2020 16:39:40</t>
  </si>
  <si>
    <t>01/20/2020 16:38:26</t>
  </si>
  <si>
    <t>01/20/2020 16:36:50</t>
  </si>
  <si>
    <t>01/20/2020 16:41:23</t>
  </si>
  <si>
    <t>c0b7b088-2486-4e4a-bc5f-266c9dd5e924.tmp</t>
  </si>
  <si>
    <t>\\acsfs\profiles$\rosileiam\Downloads\c0b7b088-2486-4e4a-bc5f-266c9dd5e924.tmp</t>
  </si>
  <si>
    <t>01/20/2020 16:37:14</t>
  </si>
  <si>
    <t>lu1398813h5h.tmp</t>
  </si>
  <si>
    <t>\\acsfs\profiles$\jalilebds\Downloads\lu1398813h5h.tmp</t>
  </si>
  <si>
    <t>01/20/2020 16:39:46</t>
  </si>
  <si>
    <t>01/20/2020 16:42:23</t>
  </si>
  <si>
    <t>01/20/2020 16:37:30</t>
  </si>
  <si>
    <t>7174cdd6-cd36-4ed0-8119-5c0ee23cc318.tmp</t>
  </si>
  <si>
    <t>\\acsfs\profiles$\lorrainerdl\Downloads\7174cdd6-cd36-4ed0-8119-5c0ee23cc318.tmp</t>
  </si>
  <si>
    <t>01/20/2020 16:43:23</t>
  </si>
  <si>
    <t>01/20/2020 16:39:00</t>
  </si>
  <si>
    <t>01/20/2020 16:43:02</t>
  </si>
  <si>
    <t>9927ab3d-7e7f-4131-bacf-746d9de5bfd1.tmp</t>
  </si>
  <si>
    <t>\\acsfs\profiles$\fabianobmf\Downloads\9927ab3d-7e7f-4131-bacf-746d9de5bfd1.tmp</t>
  </si>
  <si>
    <t>01/20/2020 16:39:19</t>
  </si>
  <si>
    <t>01/20/2020 16:44:23</t>
  </si>
  <si>
    <t>01/20/2020 16:41:29</t>
  </si>
  <si>
    <t>9f288262-4201-40c8-86b9-a1eebda6dc1d.tmp</t>
  </si>
  <si>
    <t>\\acsfs\profiles$\KARENDSR\Downloads\9f288262-4201-40c8-86b9-a1eebda6dc1d.tmp</t>
  </si>
  <si>
    <t>2e45f72d-3d39-4a0d-8725-7f07705cbeb7.tmp</t>
  </si>
  <si>
    <t>\\acsfs\profiles$\philipegsf\Downloads\2e45f72d-3d39-4a0d-8725-7f07705cbeb7.tmp</t>
  </si>
  <si>
    <t>01/20/2020 16:39:27</t>
  </si>
  <si>
    <t>34bce33f-460d-44ff-9092-8ef94da727cd.tmp</t>
  </si>
  <si>
    <t>\\acsfs\profiles$\philipegsf\Downloads\34bce33f-460d-44ff-9092-8ef94da727cd.tmp</t>
  </si>
  <si>
    <t>01/20/2020 16:42:08</t>
  </si>
  <si>
    <t>01/20/2020 16:45:23</t>
  </si>
  <si>
    <t>01/20/2020 16:41:15</t>
  </si>
  <si>
    <t>01/20/2020 16:41:16</t>
  </si>
  <si>
    <t>01/20/2020 16:41:25</t>
  </si>
  <si>
    <t>01/20/2020 16:41:38</t>
  </si>
  <si>
    <t>http:///batch/drive/v2internal?%24ct=multipart%2Fmixed%3B%20boundary%3D%22%3D%3D%3D%3D%3Dqo4d6akptmrf%3D%3D%3D%3D%3D%22&amp;key=AIzaSyAy9VVXHSpS2IJpptzYtGbLP3-3_l0aBk4</t>
  </si>
  <si>
    <t>1579538974767;61;621969351;[];[]]];ancestorhasaugmentedpermissions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ibntaw_thnmpoxzrylzkl_447m2dwlfa-_ju4axjsy4\";null;ontainsunsubscribedchildren;owners(kind;per;permissionid;picture;shared;sharedwithmedate;thumbnailversion;title;true]";userpermission(role);vchx76kgoyskqvpqzuqo0mrsk-nevtbmaqaleloorbdq4mjvgtmunag</t>
  </si>
  <si>
    <t>http://1579538974767,61,621969351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ibntaw_thnmpoxzrylzkl_447m2dwlfa-_ju4axjsy4\",null,ontainsunsubscribedchildren,owners(kind,per,permissionid,picture,shared,sharedwithmedate,thumbnailversion,title,true]",userpermission(role),vchx76kgoyskqvpqzuqo0mrsk-nevtbmaqaleloorbdq4mjv</t>
  </si>
  <si>
    <t>01/20/2020 16:41:39</t>
  </si>
  <si>
    <t>http:///batch/drive/v2internal?%24ct=multipart%2Fmixed%3B%20boundary%3D%22%3D%3D%3D%3D%3Dxeqq4y2h5327%3D%3D%3D%3D%3D%22&amp;key=AIzaSyAy9VVXHSpS2IJpptzYtGbLP3-3_l0aBk4</t>
  </si>
  <si>
    <t>01/20/2020 16:41:40</t>
  </si>
  <si>
    <t>http:///batch/drive/v2internal?%24ct=multipart%2Fmixed%3B%20boundary%3D%22%3D%3D%3D%3D%3Dvp08dum6flj1%3D%3D%3D%3D%3D%22&amp;key=AIzaSyAy9VVXHSpS2IJpptzYtGbLP3-3_l0aBk4</t>
  </si>
  <si>
    <t>01/20/2020 16:42:41</t>
  </si>
  <si>
    <t>01/20/2020 16:42:44</t>
  </si>
  <si>
    <t>01/20/2020 16:42:52</t>
  </si>
  <si>
    <t>http://algar.folhasinergyrh.com.br/login/usuariocheck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;permissionid;picture;thumbnailversion�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,permissionid,picture,thumbnailversion�,workspaceids</t>
  </si>
  <si>
    <t>01/20/2020 16:42:55</t>
  </si>
  <si>
    <t>http:///batch/drive/v2internal?%24ct=multipart%2Fmixed%3B%20boundary%3D%22%3D%3D%3D%3D%3Dvt5892hu2drf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;permissionid;picture;picture�;thumbnailversion�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,permissionid,picture,picture�,thumbnailversion�,workspaceids</t>
  </si>
  <si>
    <t>"mozilla/5.0 (windows nt 6.1) applewebkit/537.36 (khtml;1;13;137;13700607;13700883;13701139;13701214;13701298;13701577;13701589;13701613;13701625;13701825;13701901;13701921;13701949;13701969;13702064;13702088;1579520900840000;1579520901989000;1579538275752000]]];1579543792044;1579545297171;621969351;77;82;[[13701450;[];[]]];adfn-csyrvwqermfbxam1mkavsrzjlg0rundo9gysmvmlrxxhlhfmqhcw7_ynhcatkqscdyldsiy;false;false];fedb0gqdtuqawg";ken=ac4w5vi0ka-sxkbznvlqg8lj5-wvx_fz5a:1579520900837&amp;buildlabel=drive.web-frontend_20200108.00_p2;l-ckacf_7r3zozh1hhizn88xwetaapoebcpjm5ey2zyse1nt3xmnhcr-rz9s-zdg-5-xx2v8f_tzsvcfibwrle5qaq53vh6r8m19mnq0rhk68ibitnjgrsmrdalihic4l1lxyqga8ovr5etkjjbkmsgw0htomrw0ftovchx76kgoyskqvpqzuqo0mrsk-nevtbmaqaleloorbdq4mjvgtmunagardgcvqomsjf2dfmbefzskm2b2sgehmip1;like gecko) chrome/79.0.3945.130 safari/537.36";mrw0ftovchx76kgoyskqvpqzuqo0mrsk-nevtbmaqaleloorbdq4mjvgtmunagardgcvqomsjf2dfmbefzskm2b2sgehmip1t4cvexbtpssk2sdjt6951wlkaev-qbpxn2strgesn6t0wc7ahptj_e6akbt7rpykdguoorotjjojr2vprr4zefrh7i8ekftw_</t>
  </si>
  <si>
    <t>"mozilla/5.0 (windows nt 6.1) applewebkit/537.36 (khtml,1,13,137,13700607,13700883,13701139,13701214,13701298,13701577,13701589,13701613,13701625,13701825,13701901,13701921,13701949,13701969,13702064,13702088,1579520900840000,1579520901989000,1579538275752000]]],1579543792044,1579545297171,621969351,77,82,[[13701450,[],[]]],adfn-csyrvwqermfbxam1mkavsrzjlg0rundo9gysmvmlrxxhlhfmqhcw7_ynhcatkqscdyldsiy,false,false],fedb0gqdtuqawg",ken=ac4w5vi0ka-sxkbznvlqg8lj5-wvx_fz5a:1579520900837&amp;buildlabel=drive.web-frontend_20200108.00_p2,l-ckacf_7r3zozh1hhizn88xwetaapoebcpjm5ey2zyse1nt3xmnhcr-rz9s-zdg-5-xx2v8f_tzsvcfibwrle5qaq53vh6r8m19mnq0rhk68ibitnjgrsmrdalihic4l1lxyqga8ovr5etkjjbkmsgw0htomrw0ftovchx76kgoyskqvpqzuqo0mrsk-nevtbmaqaleloorbdq4mjvgtmunagardgcvqomsjf2dfmbefzskm2b2sgehmip1,like gecko) chrome/79.0.3945.130 safari/537.36",mrw0ftovchx76kgoyskqvpqzuqo0mrsk-nevtbmaqaleloorbdq4mjvgtmunagardgcvqomsjf2dfmbefzskm2b2sgehmip1t4cvexbtpssk2sdjt6951wlkaev-qbpxn2strgesn6t0wc7ahptj_e6akbt7rpykdguoorotjjojr2vprr4zefrh7i8ekftw_</t>
  </si>
  <si>
    <t>01/20/2020 16:42:57</t>
  </si>
  <si>
    <t>http:///batch/drive/v2internal?%24ct=multipart%2Fmixed%3B%20boundary%3D%22%3D%3D%3D%3D%3Dtpk9bj5rpzze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;permissi;permissionid;picture;picture�;rpermissions;thumbnailversion�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,permissi,permissionid,picture,picture�,rpermissions,thumbnailversion�,workspaceids</t>
  </si>
  <si>
    <t>01/20/2020 16:43:05</t>
  </si>
  <si>
    <t>http:///batch/drive/v2internal?%24ct=multipart%2Fmixed%3B%20boundary%3D%22%3D%3D%3D%3D%3Dn8jmlsp3tiq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miss;permissi;permissionid;picture;picture�;rpermissions;shared;sharedwithmedate;thumbnailversion;thumbnailversion�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miss,permissi,permissionid,picture,picture�,rpermissions,shared,sharedwithmedate,thumbnailversion,thumbnailversion�,title,userpermission(role),workspaceids</t>
  </si>
  <si>
    <t>01/20/2020 16:44:39</t>
  </si>
  <si>
    <t>http:///batch/drive/v2internal?%24ct=multipart%2Fmixed%3B%20boundary%3D%22%3D%3D%3D%3D%3Dp0dbswka0tgi%3D%3D%3D%3D%3D%22&amp;key=AIzaSyAy9VVXHSpS2IJpptzYtGbLP3-3_l0aBk4</t>
  </si>
  <si>
    <t>1579546200248;1579546501274;621969351;85;86;[];[]]];ancestorhasaugmentedpermissions;containsunsubscribedchildren;displayname;domain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4bntaw_u7qoq7ml1wakb8i_i19odlvs5t9jpasb_psi\";mrw0ftovchx76kgoyskqvpqzuqo0mrsk-nevtbmaqaleloorbdq4mjvgtmunagardgcvqomsjf2dfmbefzskm2b2sgehmip1t4cvexbtpssk2sdjt6951wlkaev-qbpxn2strgesn6t0wc7ahptj_e6akbt7rpykdguoorotjjojr2vprr4zefr</t>
  </si>
  <si>
    <t>http://1579546200248,1579546501274,621969351,85,86,[],[]]],ancestorhasaugmentedpermissions,containsunsubscribedchildren,displayname,domain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4bntaw_u7qoq7ml1wakb8i_i19odlvs5t9jpasb_psi\",mrw0ftovchx76kgoyskqvpqzuqo0mrsk-nevtbmaqaleloorbdq4mjvgtmunagardgcvqomsjf2dfmbefzskm2b2sgehmip1t4cvexbtpssk2sdjt6951wlkaev-qbpxn2strgesn6t0wc7ahptj_e6akbt7rpykdguoorotjjojr2vp</t>
  </si>
  <si>
    <t>01/20/2020 16:43:12</t>
  </si>
  <si>
    <t>http:///batch/drive/v2internal?%24ct=multipart%2Fmixed%3B%20boundary%3D%22%3D%3D%3D%3D%3Dk1ll6ua81234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;permissi;permissionid;picture;picture�;rpermissions;shared;sharedwithmedate;thumbnailversion;thumbnailversion�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,permissi,permissionid,picture,picture�,rpermissions,shared,sharedwithmedate,thumbnailversion,thumbnailversion�,title,userpermission(role),workspaceids</t>
  </si>
  <si>
    <t>http:///batch/drive/v2internal?%24ct=multipart%2Fmixed%3B%20boundary%3D%22%3D%3D%3D%3D%3Daygjc095m3g8%3D%3D%3D%3D%3D%22&amp;key=AIzaSyAy9VVXHSpS2IJpptzYtGbLP3-3_l0aBk4</t>
  </si>
  <si>
    <t>01/20/2020 16:43:31</t>
  </si>
  <si>
    <t>1e3afb89-8441-4a0c-b4fa-1856d583aa7b;</t>
  </si>
  <si>
    <t>http:///batch/drive/v2internal?%24ct=multipart%2Fmixed%3B%20boundary%3D%22%3D%3D%3D%3D%3Dsa2p1fnsrh28%3D%3D%3D%3D%3D%22&amp;key=AIzaSyAy9VVXHSpS2IJpptzYtGbLP3-3_l0aBk4</t>
  </si>
  <si>
    <t>ancestorhasaugmentedpermissions;containsunsubscribedchildren;displayname;domain;emailaddress;filesize;hasthumbnail;hasvisitorpermissions;id;id);items(kind;ken;lastmodifyinguser(kind;lastviewedbymedate;modifiedbymedate;modifieddate;ontainsunsubscribedchildren;owners(kind;permissionid;picture;shared;sharedwithmedate;thumbnailversion;title;userp;workspaceids;</t>
  </si>
  <si>
    <t>http://ancestorhasaugmentedpermissions,containsunsubscribedchildren,displayname,domain,emailaddress,filesize,hasthumbnail,hasvisitorpermissions,id,id),items(kind,ken,lastmodifyinguser(kind,lastviewedbymedate,modifiedbymedate,modifieddate,ontainsunsubscribedchildren,owners(kind,permissionid,picture,shared,sharedwithmedate,thumbnailversion,title,userp,workspaceids</t>
  </si>
  <si>
    <t>01/20/2020 16:43:35</t>
  </si>
  <si>
    <t>http://drive.google.com/upload/drive/v2internal/files?openDrive=false&amp;reason=202&amp;syncType=0&amp;errorRecovery=false&amp;uploadType=resumabl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id;picture;shared;sharedwithmedate;thumbnailversion;title;userp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id,picture,shared,sharedwithmedate,thumbnailversion,title,userp,userpermission(role),workspaceids</t>
  </si>
  <si>
    <t>01/20/2020 16:44:40</t>
  </si>
  <si>
    <t>http:///batch/drive/v2internal?%24ct=multipart%2Fmixed%3B%20boundary%3D%22%3D%3D%3D%3D%3Dz5bctoebu665%3D%3D%3D%3D%3D%22&amp;key=AIzaSyAy9VVXHSpS2IJpptzYtGbLP3-3_l0aBk4</t>
  </si>
  <si>
    <t>1579546200248;1579546501274;621969351;85;86;[];[]]];ancestorhasaugmentedpermissions;containsunsubscribedchildren;displayname;domain;ebu665=====;emailaddress;false;file(kind;fileid;filesize;hasthumbnail;hasvisitorpermissions;id;id);items(deleted;ken;kind;l-ckacf_7r3zozh1hhizn88xwetaapoebcpjm5ey2zyse1nt3xmnhcr-rz9s-zdg-5-xx2v8f_tzsvcfibwrle5qaq53vh6r8m19mnq0rhk68ibitnjgrsmrdalihic4l1lxyqga8ovr5etkjjbkmsgw0htomrw0ftovchx76kgoyskqvpqzuqo0mrsk-nevtbmaqaleloorbdq4mjvgtmunagardgcvqomsjf2dfmbefzskm2b2sgehmip1;lastmodifyinguser(kind;lastviewedbymedate;modifiedbymedate;modifieddate;mrw0ftovchx76kgoyskqvpqzuqo0mrsk-nevtbmaqaleloorbdq4mjvgtmunagardgcvqomsjf2dfmbefzskm2b2sgehmip1t4cvexbtpssk2sdjt6951wlkaev-qbpxn2strgesn6t0wc7ahptj_e6akbt7rpykdguoorotjjojr2vprr4zefrh7i8ekftw_f_-u1emtiy6u1k09ydghmcnooax7ywi6zi14bntaw_u7qoq7ml1wakb8i_i19odlvs5t9jpasb_psi\";mrw0ftovchx76kgoyskqvpqzuqo0mrsk-nevtbmaqaleloorbdq4mjvgtmunagardgcvqomsjf2dfmbefzskm2b2sgehmip1t4cvexbtpssk2sdjt6951wlkaev-qbpxn2strgesn6t0wc7ahptj_e6akbt7rpykdguoorotjjo</t>
  </si>
  <si>
    <t>http://1579546200248,1579546501274,621969351,85,86,[],[]]],ancestorhasaugmentedpermissions,containsunsubscribedchildren,displayname,domain,ebu665===== ,emailaddress,false,file(kind,fileid,filesize,hasthumbnail,hasvisitorpermissions,id,id),items(deleted,ken,kind,l-ckacf_7r3zozh1hhizn88xwetaapoebcpjm5ey2zyse1nt3xmnhcr-rz9s-zdg-5-xx2v8f_tzsvcfibwrle5qaq53vh6r8m19mnq0rhk68ibitnjgrsmrdalihic4l1lxyqga8ovr5etkjjbkmsgw0htomrw0ftovchx76kgoyskqvpqzuqo0mrsk-nevtbmaqaleloorbdq4mjvgtmunagardgcvqomsjf2dfmbefzskm2b2sgehmip1,lastmodifyinguser(kind,lastviewedbymedate,modifiedbymedate,modifieddate,mrw0ftovchx76kgoyskqvpqzuqo0mrsk-nevtbmaqaleloorbdq4mjvgtmunagardgcvqomsjf2dfmbefzskm2b2sgehmip1t4cvexbtpssk2sdjt6951wlkaev-qbpxn2strgesn6t0wc7ahptj_e6akbt7rpykdguoorotjjojr2vprr4zefrh7i8ekftw_f_-u1emtiy6u1k09ydghmcnooax7ywi6zi14bntaw_u7qoq7ml1wakb8i_i19odlvs5t9jpasb_psi\",mrw0ftovchx76kgoyskqvpqzuqo0mrsk-nevtbmaqaleloorbdq4mjvgtmunagardgcvqomsjf2dfmbefzskm2b2sgehmip1t4cvexbtpssk2sdjt6951wlkaev-qbpxn2strgesn6t0wc7ahptj_e6akbt7rpykdgu</t>
  </si>
  <si>
    <t>http:///batch/drive/v2internal?%24ct=multipart%2Fmixed%3B%20boundary%3D%22%3D%3D%3D%3D%3Djco7mlv8cw5n%3D%3D%3D%3D%3D%22&amp;key=AIzaSyAy9VVXHSpS2IJpptzYtGbLP3-3_l0aBk4</t>
  </si>
  <si>
    <t>01/20/2020 16:43:36</t>
  </si>
  <si>
    <t>http:///batch/drive/v2internal?%24ct=multipart%2Fmixed%3B%20boundary%3D%22%3D%3D%3D%3D%3Drla50byinwuo%3D%3D%3D%3D%3D%22&amp;key=AIzaSyAy9VVXHSpS2IJpptzYtGbLP3-3_l0aBk4</t>
  </si>
  <si>
    <t>01/20/2020 16:44:09</t>
  </si>
  <si>
    <t>http:///batch/drive/v2internal?%24ct=multipart%2Fmixed%3B%20boundary%3D%22%3D%3D%3D%3D%3D3ao4rthmw5lp%3D%3D%3D%3D%3D%22&amp;key=AIzaSyAy9VVXHSpS2IJpptzYtGbLP3-3_l0aBk4</t>
  </si>
  <si>
    <t>01/20/2020 16:44:12</t>
  </si>
  <si>
    <t>http:///batch/drive/v2internal?%24ct=multipart%2Fmixed%3B%20boundary%3D%22%3D%3D%3D%3D%3D5pdtm2swp75v%3D%3D%3D%3D%3D%22&amp;key=AIzaSyAy9VVXHSpS2IJpptzYtGbLP3-3_l0aBk4</t>
  </si>
  <si>
    <t>01/20/2020 16:44:15</t>
  </si>
  <si>
    <t>http:///batch/drive/v2internal?%24ct=multipart%2Fmixed%3B%20boundary%3D%22%3D%3D%3D%3D%3Dum0lley55l51%3D%3D%3D%3D%3D%22&amp;key=AIzaSyAy9VVXHSpS2IJpptzYtGbLP3-3_l0aBk4</t>
  </si>
  <si>
    <t>01/20/2020 16:44:41</t>
  </si>
  <si>
    <t>http:///batch/drive/v2internal?%24ct=multipart%2Fmixed%3B%20boundary%3D%22%3D%3D%3D%3D%3D6i23lvnkirz9%3D%3D%3D%3D%3D%22&amp;key=AIzaSyAy9VVXHSpS2IJpptzYtGbLP3-3_l0aBk4</t>
  </si>
  <si>
    <t>01/20/2020 16:44:17</t>
  </si>
  <si>
    <t>http:///batch/drive/v2internal?%24ct=multipart%2Fmixed%3B%20boundary%3D%22%3D%3D%3D%3D%3D41p000cqejrg%3D%3D%3D%3D%3D%22&amp;key=AIzaSyAy9VVXHSpS2IJpptzYtGbLP3-3_l0aBk4</t>
  </si>
  <si>
    <t>01/20/2020 16:44:18</t>
  </si>
  <si>
    <t>http:///batch/drive/v2internal?%24ct=multipart%2Fmixed%3B%20boundary%3D%22%3D%3D%3D%3D%3Dycimdimks9cu%3D%3D%3D%3D%3D%22&amp;key=AIzaSyAy9VVXHSpS2IJpptzYtGbLP3-3_l0aBk4</t>
  </si>
  <si>
    <t>01/20/2020 16:41:35</t>
  </si>
  <si>
    <t>01/20/2020 16:47:23</t>
  </si>
  <si>
    <t>01/20/2020 16:41:37</t>
  </si>
  <si>
    <t>lu104281dy230.tmp</t>
  </si>
  <si>
    <t>\\acsfs\profiles$\victoriaksr\My Documents\lu104281dy230.tmp</t>
  </si>
  <si>
    <t>01/20/2020 16:48:23</t>
  </si>
  <si>
    <t>01/20/2020 16:45:32</t>
  </si>
  <si>
    <t>01/20/2020 16:46:19</t>
  </si>
  <si>
    <t>f677aec2-09a1-4cd0-af77-a32812c47354.tmp</t>
  </si>
  <si>
    <t>\\acsfs\profiles$\paulohaf\Downloads\f677aec2-09a1-4cd0-af77-a32812c47354.tmp</t>
  </si>
  <si>
    <t>01/20/2020 16:46:38</t>
  </si>
  <si>
    <t>CASO 00816277 - WARLEY SANTANA MAGALHAES.pdf</t>
  </si>
  <si>
    <t>\\acsfs\Deptos\EDUCACAO EMPRESARIAL\KÉSIA\OUVIDORIA, PROCON, BACEN E RECLAME AQUI\CASO 00816277 - WARLEY SANTANA MAGALHAES.pdf</t>
  </si>
  <si>
    <t>01/20/2020 16:46:40</t>
  </si>
  <si>
    <t>321c552c-7cdc-4718-a1bc-59002b4aff8f.tmp</t>
  </si>
  <si>
    <t>\\acsfs\profiles$\KARENJSS\Downloads\321c552c-7cdc-4718-a1bc-59002b4aff8f.tmp</t>
  </si>
  <si>
    <t>01/20/2020 16:49:24</t>
  </si>
  <si>
    <t>18-01 RELATORIO DE LOGIN AVON.xlsm</t>
  </si>
  <si>
    <t>\\acsfs\deptos\Operacao\PCP\5 - Comum\CONTROL DESK\2 - DAC2\Control Desk AVON\Relatorios\Status de login\2020\18-01 RELATORIO DE LOGIN AVON.xlsm</t>
  </si>
  <si>
    <t>01/20/2020 16:45:02</t>
  </si>
  <si>
    <t>01/20/2020 16:49:08</t>
  </si>
  <si>
    <t>01/20/2020 16:50:23</t>
  </si>
  <si>
    <t>01/20/2020 16:49:27</t>
  </si>
  <si>
    <t>01/20/2020 16:48:58</t>
  </si>
  <si>
    <t>01/20/2020 16:49:18</t>
  </si>
  <si>
    <t>01/20/2020 16:49:25</t>
  </si>
  <si>
    <t>01/20/2020 16:49:30</t>
  </si>
  <si>
    <t>01/20/2020 16:50:36</t>
  </si>
  <si>
    <t>01/20/2020 16:51:24</t>
  </si>
  <si>
    <t>e918c109-f909-4ac8-9cfa-4ab2be5e8de7.tmp</t>
  </si>
  <si>
    <t>\\acsfs\profiles$\andreapdsg\Downloads\e918c109-f909-4ac8-9cfa-4ab2be5e8de7.tmp</t>
  </si>
  <si>
    <t>01/20/2020 16:47:03</t>
  </si>
  <si>
    <t>01/20/2020 16:52:23</t>
  </si>
  <si>
    <t>01/20/2020 16:50:20</t>
  </si>
  <si>
    <t>01/20/2020 16:53:23</t>
  </si>
  <si>
    <t>Não confirmado 175577.crdownload</t>
  </si>
  <si>
    <t>\\acsfs\ACS\Gabriel da Silva\Contemporânea\VENDAS\Não confirmado 175577.crdownload</t>
  </si>
  <si>
    <t>01/20/2020 16:51:09</t>
  </si>
  <si>
    <t>01/20/2020 16:51:28</t>
  </si>
  <si>
    <t>4b92ae1c-4a62-4b62-b498-b268465bf701.tmp</t>
  </si>
  <si>
    <t>\\acsfs\profiles$\gabrielsma\Downloads\4b92ae1c-4a62-4b62-b498-b268465bf701.tmp</t>
  </si>
  <si>
    <t>01/20/2020 16:51:33</t>
  </si>
  <si>
    <t>01/20/2020 16:48:03</t>
  </si>
  <si>
    <t>01/20/2020 16:48:53</t>
  </si>
  <si>
    <t>bvs-centralcartoes@bv.com.br;cintia.souza-domingues@dxc.com;fernandaab@algartech.com;fernandorsju@algartech.com;marianeps@algartech.com;talmaiardo@algartech.com;thiagordu@algartech.com;</t>
  </si>
  <si>
    <t>bvs-centralcartoes@bv.com.br,cintia.souza-domingues@dxc.com,fernandaab@algartech.com,fernandorsju@algartech.com,marianeps@algartech.com,talmaiardo@algartech.com,thiagordu@algartech.com</t>
  </si>
  <si>
    <t>01/20/2020 16:49:02</t>
  </si>
  <si>
    <t>01/20/2020 16:49:06</t>
  </si>
  <si>
    <t>01/20/2020 16:50:39</t>
  </si>
  <si>
    <t>01/20/2020 16:48:31</t>
  </si>
  <si>
    <t>01/20/2020 16:54:23</t>
  </si>
  <si>
    <t>01/20/2020 16:53:13</t>
  </si>
  <si>
    <t>01/20/2020 16:50:40</t>
  </si>
  <si>
    <t>01/20/2020 16:52:43</t>
  </si>
  <si>
    <t>fd95ff56-0047-49d9-8642-c06f8e7cc24b.tmp</t>
  </si>
  <si>
    <t>\\acsfs\profiles$\valeriasda\Downloads\fd95ff56-0047-49d9-8642-c06f8e7cc24b.tmp</t>
  </si>
  <si>
    <t>01/20/2020 16:50:32</t>
  </si>
  <si>
    <t>01/20/2020 16:51:59</t>
  </si>
  <si>
    <t>01/20/2020 16:55:23</t>
  </si>
  <si>
    <t>01/20/2020 16:54:44</t>
  </si>
  <si>
    <t>01/20/2020 16:54:47</t>
  </si>
  <si>
    <t>01/20/2020 16:55:01</t>
  </si>
  <si>
    <t>"mozilla/5.0 (windows nt 6.1) applewebkit/537.36 (khtml;1;13;13700014;13700109;13700167;13700185;13700235;13700451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];13701749;13701825;13701833;13701901;13701905;13701909;13701921;13701945;13701949;13701953;13701957;13701969;13702064;13702068;13702084;13702088;1579520900840000;1579520901989000;1579527224907;1579532341844;1579537168780;1579538071778;1579544093069;22;39;55;5701393;58;621969351;78;[[13701450;[[null;[];[]]];adfn-csyrvwqermfbxam1mkavsrzjlg0rundo9gysmvmlrxxhlhfmqhcw7_ynhcatkqscdyldsiy;false;false];fedb0gqdtuqawg";ken=ac4w5vi0ka-sxkbznvlqg8lj5-wvx_fz5a:1579520900837&amp;buildlabel=drive.web-frontend_20200108.00_p2;l-ckacf_7r3zozh1hhizn88xwetaapoebcpjm5ey2zyse1nt3xmnhcr-rz9s-zdg-5-xx2v8f_tzsvcfibwrle5qa</t>
  </si>
  <si>
    <t>"mozilla/5.0 (windows nt 6.1) applewebkit/537.36 (khtml,1,13,13700014,13700109,13700167,13700185,13700235,13700451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],13701749,13701825,13701833,13701901,13701905,13701909,13701921,13701945,13701949,13701953,13701957,13701969,13702064,13702068,13702084,13702088,1579520900840000,1579520901989000,1579527224907,1579532341844,1579537168780,1579538071778,1579544093069,22,39,55,5701393,58,621969351,78,[[13701450,[[null,[],[]]],adfn-csyrvwqermfbxam1mkavsrzjlg0rundo9gysmvmlrxxhlhfmqhcw7_ynhcatkqscdyldsiy,false,false],fedb0gqdtuqawg",ken=ac4w5vi0ka-sxkbznvlqg8lj5-wvx_fz5a:1579520900837&amp;buildlabel=drive.web-frontend_20200108.00_p2,l-ckacf_7r3zozh1hhizn88xwetaapoebcpjm5ey2zyse1nt3xmnhcr-rz9s-zdg-5-xx2v8f_tzsvcfibwrle5qa</t>
  </si>
  <si>
    <t>01/20/2020 16:56:23</t>
  </si>
  <si>
    <t>01/20/2020 16:52:32</t>
  </si>
  <si>
    <t>01/20/2020 16:52:33</t>
  </si>
  <si>
    <t>01/20/2020 16:52:40</t>
  </si>
  <si>
    <t>01/20/2020 16:52:51</t>
  </si>
  <si>
    <t>01/20/2020 16:52:57</t>
  </si>
  <si>
    <t>01/20/2020 16:53:00</t>
  </si>
  <si>
    <t>01/20/2020 16:53:09</t>
  </si>
  <si>
    <t>01/20/2020 16:53:25</t>
  </si>
  <si>
    <t>01/20/2020 16:53:30</t>
  </si>
  <si>
    <t>01/20/2020 16:53:32</t>
  </si>
  <si>
    <t>kesiadof@algartech.com;lilianls@algartech.com;suportebv@mutantbr.com;talmaiardo@algartech.com;tatiane.biassi@mutantbr.com;</t>
  </si>
  <si>
    <t>kesiadof@algartech.com,lilianls@algartech.com,suportebv@mutantbr.com,talmaiardo@algartech.com,tatiane.biassi@mutantbr.com</t>
  </si>
  <si>
    <t>01/20/2020 16:53:37</t>
  </si>
  <si>
    <t>01/20/2020 16:54:04</t>
  </si>
  <si>
    <t>01/20/2020 16:54:22</t>
  </si>
  <si>
    <t>01/20/2020 16:54:26</t>
  </si>
  <si>
    <t>01/20/2020 16:54:33</t>
  </si>
  <si>
    <t>01/20/2020 16:54:50</t>
  </si>
  <si>
    <t>01/20/2020 16:54:55</t>
  </si>
  <si>
    <t>01/20/2020 16:55:16</t>
  </si>
  <si>
    <t>01/20/2020 16:55:44</t>
  </si>
  <si>
    <t>01/20/2020 16:56:36</t>
  </si>
  <si>
    <t>01/20/2020 16:57:23</t>
  </si>
  <si>
    <t>eff94ae4-1b2c-4599-a786-fe361e66c312.tmp</t>
  </si>
  <si>
    <t>\\acsfs\profiles$\brendadsl\Downloads\eff94ae4-1b2c-4599-a786-fe361e66c312.tmp</t>
  </si>
  <si>
    <t>01/20/2020 16:57:05</t>
  </si>
  <si>
    <t>01/20/2020 16:58:24</t>
  </si>
  <si>
    <t>icaIcaIcatu.csv.dbr6aq5.partial</t>
  </si>
  <si>
    <t>\\acsfs\ACS\Gabriel da Silva\Contemporânea\VENDAS\icaIcaIcatu.csv.dbr6aq5.partial</t>
  </si>
  <si>
    <t>01/20/2020 16:55:25</t>
  </si>
  <si>
    <t>01/20/2020 16:55:26</t>
  </si>
  <si>
    <t>\\acsfs\Deptos\EDUCACAO EMPRESARIAL\KÉSIA\OUVIDORIA, PROCON, BACEN E RECLAME AQUI\CASO 00821441 - MARCIO MAGALHAES BRANDAO.pdf\</t>
  </si>
  <si>
    <t>\\acsfs\Deptos\EDUCACAO EMPRESARIAL\KÉSIA\OUVIDORIA, PROCON, BACEN E RECLAME AQUI\CASO 00821441 - MARCIO MAGALHAES BRANDAO.pdf\:Zone.Identifier:$DATA</t>
  </si>
  <si>
    <t>01/20/2020 16:55:56</t>
  </si>
  <si>
    <t>01/20/2020 16:55:29</t>
  </si>
  <si>
    <t>01/20/2020 16:59:23</t>
  </si>
  <si>
    <t>01/20/2020 16:58:40</t>
  </si>
  <si>
    <t>f5e3a76f-2f57-4ee5-b53f-16be834a42c1.tmp</t>
  </si>
  <si>
    <t>\\acsfs\profiles$\gabrielamdp\Downloads\f5e3a76f-2f57-4ee5-b53f-16be834a42c1.tmp</t>
  </si>
  <si>
    <t>01/20/2020 16:58:42</t>
  </si>
  <si>
    <t>3ac7e7ab-d74d-4245-ac2b-95620c05168a.tmp</t>
  </si>
  <si>
    <t>\\acsfs\profiles$\gabrielamdp\Downloads\3ac7e7ab-d74d-4245-ac2b-95620c05168a.tmp</t>
  </si>
  <si>
    <t>01/20/2020 16:58:44</t>
  </si>
  <si>
    <t>92bddf7b-9d79-42c0-b4c3-c5694ddcfee4.tmp</t>
  </si>
  <si>
    <t>\\acsfs\profiles$\gabrielamdp\Downloads\92bddf7b-9d79-42c0-b4c3-c5694ddcfee4.tmp</t>
  </si>
  <si>
    <t>01/20/2020 16:57:41</t>
  </si>
  <si>
    <t>01/20/2020 16:56:46</t>
  </si>
  <si>
    <t>01/20/2020 17:00:24</t>
  </si>
  <si>
    <t>01/20/2020 16:55:27</t>
  </si>
  <si>
    <t>01/20/2020 16:55:28</t>
  </si>
  <si>
    <t>01/20/2020 16:56:47</t>
  </si>
  <si>
    <t>01/20/2020 16:59:49</t>
  </si>
  <si>
    <t>01/20/2020 17:01:23</t>
  </si>
  <si>
    <t>01/20/2020 16:56:35</t>
  </si>
  <si>
    <t>01/20/2020 16:56:40</t>
  </si>
  <si>
    <t>01/20/2020 16:57:31</t>
  </si>
  <si>
    <t>01/20/2020 16:57:52</t>
  </si>
  <si>
    <t>01/20/2020 16:57:55</t>
  </si>
  <si>
    <t>01/20/2020 16:58:15</t>
  </si>
  <si>
    <t>01/20/2020 16:59:06</t>
  </si>
  <si>
    <t>01/20/2020 17:02:24</t>
  </si>
  <si>
    <t>\\acsfs\DEPTOS\EDUCACAO EMPRESARIAL\2 - Operações\0 - BV\1 - TREINADORES\Haruna\LAYLLA\Apresentação1.pptx\</t>
  </si>
  <si>
    <t>\\acsfs\DEPTOS\EDUCACAO EMPRESARIAL\2 - Operações\0 - BV\1 - TREINADORES\Haruna\LAYLLA\Apresentação1.pptx</t>
  </si>
  <si>
    <t>\\acsfs\DEPTOS\EDUCACAO EMPRESARIAL\2 - Operações\0 - BV\1 - TREINADORES\Haruna\LAYLLA\</t>
  </si>
  <si>
    <t>Apresentação1.pptx</t>
  </si>
  <si>
    <t>01/20/2020 17:00:06</t>
  </si>
  <si>
    <t>marianacds</t>
  </si>
  <si>
    <t>\\acsfs\Deptos\Operacao\Banco_Votorantim\Comum\00 - COMUM - BV CARTÕES\EQUIPE ADILSON\</t>
  </si>
  <si>
    <t>\\acsfs\Deptos\Operacao\Banco_Votorantim\Comum\00 - COMUM - BV CARTÕES\EQUIPE ADILSON\Thumbs.db</t>
  </si>
  <si>
    <t>01/20/2020 16:58:16</t>
  </si>
  <si>
    <t>01/20/2020 17:03:23</t>
  </si>
  <si>
    <t>01/20/2020 17:00:41</t>
  </si>
  <si>
    <t>01/20/2020 17:00:26</t>
  </si>
  <si>
    <t>01/20/2020 17:04:24</t>
  </si>
  <si>
    <t>01/20/2020 17:01:31</t>
  </si>
  <si>
    <t>01/20/2020 17:05:23</t>
  </si>
  <si>
    <t>01/20/2020 17:00:48</t>
  </si>
  <si>
    <t>1579549295892000]]]p1;4nh7is0kalgbcgki ivs1pes5wikfsotodk5njq2mju3nda4mzgymdq5ngolcn/jj6ivwa7nggewvyytn6pottxcogw5ndczmtg5odk4m;dk5njq2mju3nda4mzgymdq5ngolcn/jj6ivwa7nggewvyytn6pottxcogw5ndczmtg5odk4mdmrbnhlelimskqycw==";</t>
  </si>
  <si>
    <t>1579549295892000]]]p1,4nh7is0kalgbcgki ivs1pes5wikfsotodk5njq2mju3nda4mzgymdq5ngolcn/jj6ivwa7nggewvyytn6pottxcogw5ndczmtg5odk4m,dk5njq2mju3nda4mzgymdq5ngolcn/jj6ivwa7nggewvyytn6pottxcogw5ndczmtg5odk4mdmrbnhlelimskqycw=="</t>
  </si>
  <si>
    <t>01/20/2020 17:01:03</t>
  </si>
  <si>
    <t>01/20/2020 17:01:13</t>
  </si>
  <si>
    <t>01/20/2020 17:01:35</t>
  </si>
  <si>
    <t>"languagecode":"pt-br";"requesttype":"background_request";"scenariotype;"timezone":"-03:00";ess"}};p";</t>
  </si>
  <si>
    <t>"languagecode":"pt-br","requesttype":"background_request","scenariotype,"timezone":"-03:00",ess"}},p"</t>
  </si>
  <si>
    <t>01/20/2020 17:01:38</t>
  </si>
  <si>
    <t>01/20/2020 17:01:42</t>
  </si>
  <si>
    <t>01/20/2020 17:01:45</t>
  </si>
  <si>
    <t>01/20/2020 17:01:52</t>
  </si>
  <si>
    <t>01/20/2020 17:02:02</t>
  </si>
  <si>
    <t>01/20/2020 17:02:08</t>
  </si>
  <si>
    <t>01/20/2020 17:02:21</t>
  </si>
  <si>
    <t>01/20/2020 17:02:42</t>
  </si>
  <si>
    <t>01/20/2020 17:03:04</t>
  </si>
  <si>
    <t>01/20/2020 17:06:24</t>
  </si>
  <si>
    <t>https://udpwfmniceap02/web/guest/home?p_auth=oxlwy5qr&amp;p_p_id=58&amp;p_p_lifecycle=1&amp;p_p_state=maximized&amp;p_p_mode=view&amp;savelastpath=0&amp;_58_struts_action=/login/forgot_password</t>
  </si>
  <si>
    <t>01/20/2020 17:04:20</t>
  </si>
  <si>
    <t>01/20/2020 17:05:44</t>
  </si>
  <si>
    <t>\\acsfs\Deptos\EDUCACAO EMPRESARIAL\FERNANDA MONIT\Fernanda\MONITORIA JANEIRO\Ligaçoes para MUTANT terceiro ciclo janeiro\</t>
  </si>
  <si>
    <t>Felipe Tomaz da Silva_1_6780351818148947070_1_32.wav</t>
  </si>
  <si>
    <t>\\acsfs\Deptos\EDUCACAO EMPRESARIAL\FERNANDA MONIT\Fernanda\MONITORIA JANEIRO\Ligaçoes para MUTANT terceiro ciclo janeiro\Felipe Tomaz da Silva_1_6780351818148947070_1_32.wav</t>
  </si>
  <si>
    <t>01/20/2020 17:07:23</t>
  </si>
  <si>
    <t>\\acsfs\Deptos\Operacao\Banco_Votorantim\Comum\00 - COMUM - BV CARTÕES\EQUIPE MARIANA\</t>
  </si>
  <si>
    <t>\\acsfs\Deptos\Operacao\Banco_Votorantim\Comum\00 - COMUM - BV CARTÕES\EQUIPE MARIANA\Política de Gratificação BV Cartões - Janeiro.ppt</t>
  </si>
  <si>
    <t>01/20/2020 17:02:47</t>
  </si>
  <si>
    <t>\\acsfs\Deptos\Operacao\Banco_Votorantim\Comum\00 - COMUM - BV CARTÕES\EQUIPE MARIANA\Thumbs.db</t>
  </si>
  <si>
    <t>01/20/2020 17:04:06</t>
  </si>
  <si>
    <t>01/20/2020 17:08:24</t>
  </si>
  <si>
    <t>01/20/2020 17:05:09</t>
  </si>
  <si>
    <t>01/20/2020 17:09:23</t>
  </si>
  <si>
    <t>c75ff9bf-c10d-4cca-842c-48b8c6b30749.tmp</t>
  </si>
  <si>
    <t>\\acsfs\profiles$\KARENJSS\Downloads\c75ff9bf-c10d-4cca-842c-48b8c6b30749.tmp</t>
  </si>
  <si>
    <t>01/20/2020 17:05:18</t>
  </si>
  <si>
    <t>2ca8e464-3ef1-40c6-880f-7d017270253b.tmp</t>
  </si>
  <si>
    <t>\\acsfs\profiles$\KARENJSS\Downloads\2ca8e464-3ef1-40c6-880f-7d017270253b.tmp</t>
  </si>
  <si>
    <t>01/20/2020 17:05:51</t>
  </si>
  <si>
    <t>2f2bff56-abc4-48bf-a1f4-a7dcbb4a944e.tmp</t>
  </si>
  <si>
    <t>\\acsfs\profiles$\KARENJSS\Downloads\2f2bff56-abc4-48bf-a1f4-a7dcbb4a944e.tmp</t>
  </si>
  <si>
    <t>01/20/2020 17:08:03</t>
  </si>
  <si>
    <t>01/20/2020 17:10:24</t>
  </si>
  <si>
    <t>01/20/2020 17:06:10</t>
  </si>
  <si>
    <t>01/20/2020 17:11:23</t>
  </si>
  <si>
    <t>b8792a7b-41f2-4dfa-96ea-a1c56f2dc97e.tmp</t>
  </si>
  <si>
    <t>\\acsfs\profiles$\cintiadjl\Downloads\b8792a7b-41f2-4dfa-96ea-a1c56f2dc97e.tmp</t>
  </si>
  <si>
    <t>01/20/2020 17:09:46</t>
  </si>
  <si>
    <t>01/20/2020 17:12:23</t>
  </si>
  <si>
    <t>01/20/2020 17:13:23</t>
  </si>
  <si>
    <t>01/20/2020 17:08:40</t>
  </si>
  <si>
    <t>01/20/2020 17:08:25</t>
  </si>
  <si>
    <t>01/20/2020 17:08:47</t>
  </si>
  <si>
    <t>01/20/2020 17:11:22</t>
  </si>
  <si>
    <t>01/20/2020 17:09:26</t>
  </si>
  <si>
    <t>01/20/2020 17:15:23</t>
  </si>
  <si>
    <t>WEDERSON BRUNO ALVES DOS REIS (23498).contact</t>
  </si>
  <si>
    <t>\\acsfs\profiles$\wedersonbadr\Contacts\WEDERSON BRUNO ALVES DOS REIS (23498).contact</t>
  </si>
  <si>
    <t>01/20/2020 17:09:38</t>
  </si>
  <si>
    <t>01/20/2020 17:09:39</t>
  </si>
  <si>
    <t>01/20/2020 17:09:40</t>
  </si>
  <si>
    <t>01/20/2020 17:15:24</t>
  </si>
  <si>
    <t>01/20/2020 17:09:41</t>
  </si>
  <si>
    <t>01/20/2020 17:09:42</t>
  </si>
  <si>
    <t>01/20/2020 17:09:43</t>
  </si>
  <si>
    <t>01/20/2020 17:09:44</t>
  </si>
  <si>
    <t>01/20/2020 17:09:58</t>
  </si>
  <si>
    <t>01/20/2020 17:09:59</t>
  </si>
  <si>
    <t>01/20/2020 17:11:05</t>
  </si>
  <si>
    <t>01/20/2020 17:12:28</t>
  </si>
  <si>
    <t>01/20/2020 17:14:35</t>
  </si>
  <si>
    <t>01/20/2020 17:16:19</t>
  </si>
  <si>
    <t>01/20/2020 17:17:23</t>
  </si>
  <si>
    <t>2aca5237-4565-4ff8-9719-6c182598ba14.tmp</t>
  </si>
  <si>
    <t>\\acsfs\profiles$\joselrb\Downloads\2aca5237-4565-4ff8-9719-6c182598ba14.tmp</t>
  </si>
  <si>
    <t>01/20/2020 17:18:23</t>
  </si>
  <si>
    <t>01/20/2020 17:16:20</t>
  </si>
  <si>
    <t>01/20/2020 17:16:55</t>
  </si>
  <si>
    <t>01/20/2020 17:19:24</t>
  </si>
  <si>
    <t>01/20/2020 17:17:56</t>
  </si>
  <si>
    <t>01/20/2020 17:19:26</t>
  </si>
  <si>
    <t>01/20/2020 17:20:23</t>
  </si>
  <si>
    <t>01/20/2020 17:16:46</t>
  </si>
  <si>
    <t>Modelo Funil - Consolidado Final.xlsx</t>
  </si>
  <si>
    <t>\\acsfs\DEPTOS\Operacao\Banco_Votorantim\Supervisao\SUPERS BV CARTÕES\ADILSON\Reneg\Modelo Funil - Consolidado Final.xlsx</t>
  </si>
  <si>
    <t>01/20/2020 17:17:36</t>
  </si>
  <si>
    <t>01/20/2020 17:21:24</t>
  </si>
  <si>
    <t>01/20/2020 17:18:42</t>
  </si>
  <si>
    <t>01/20/2020 17:18:46</t>
  </si>
  <si>
    <t>01/20/2020 17:19:06</t>
  </si>
  <si>
    <t>01/20/2020 17:19:48</t>
  </si>
  <si>
    <t>01/20/2020 17:19:53</t>
  </si>
  <si>
    <t>01/20/2020 17:20:15</t>
  </si>
  <si>
    <t>01/20/2020 17:20:51</t>
  </si>
  <si>
    <t>01/20/2020 17:20:29</t>
  </si>
  <si>
    <t>01/20/2020 17:18:52</t>
  </si>
  <si>
    <t>01/20/2020 17:22:23</t>
  </si>
  <si>
    <t>01/20/2020 17:23:24</t>
  </si>
  <si>
    <t>01/20/2020 17:20:07</t>
  </si>
  <si>
    <t>70ca797e-feee-481a-8c18-763149deaa0d.tmp</t>
  </si>
  <si>
    <t>\\acsfs\profiles$\ingridsm\Downloads\70ca797e-feee-481a-8c18-763149deaa0d.tmp</t>
  </si>
  <si>
    <t>01/20/2020 17:20:20</t>
  </si>
  <si>
    <t>01/20/2020 17:25:24</t>
  </si>
  <si>
    <t>01/20/2020 17:20:33</t>
  </si>
  <si>
    <t>01/20/2020 17:24:41</t>
  </si>
  <si>
    <t>6233ae9f-22fa-4514-b887-a9c1b7607767.tmp</t>
  </si>
  <si>
    <t>\\acsfs\profiles$\wedersonbadr\My Documents\My Music\6233ae9f-22fa-4514-b887-a9c1b7607767.tmp</t>
  </si>
  <si>
    <t>01/20/2020 17:21:20</t>
  </si>
  <si>
    <t>01/20/2020 17:26:23</t>
  </si>
  <si>
    <t>01/20/2020 17:21:41</t>
  </si>
  <si>
    <t>01/20/2020 17:22:05</t>
  </si>
  <si>
    <t>01/20/2020 17:22:10</t>
  </si>
  <si>
    <t>01/20/2020 17:22:18</t>
  </si>
  <si>
    <t>01/20/2020 17:22:24</t>
  </si>
  <si>
    <t>01/20/2020 17:22:34</t>
  </si>
  <si>
    <t>01/20/2020 17:22:44</t>
  </si>
  <si>
    <t>01/20/2020 17:22:56</t>
  </si>
  <si>
    <t>01/20/2020 17:23:10</t>
  </si>
  <si>
    <t>01/20/2020 17:23:17</t>
  </si>
  <si>
    <t>01/20/2020 17:23:19</t>
  </si>
  <si>
    <t>01/20/2020 17:23:25</t>
  </si>
  <si>
    <t>01/20/2020 17:24:03</t>
  </si>
  <si>
    <t>01/20/2020 17:24:07</t>
  </si>
  <si>
    <t>01/20/2020 17:24:12</t>
  </si>
  <si>
    <t>01/20/2020 17:24:15</t>
  </si>
  <si>
    <t>01/20/2020 17:23:38</t>
  </si>
  <si>
    <t>01/20/2020 17:24:28</t>
  </si>
  <si>
    <t>01/20/2020 17:24:48</t>
  </si>
  <si>
    <t>01/20/2020 17:24:56</t>
  </si>
  <si>
    <t>01/20/2020 17:24:58</t>
  </si>
  <si>
    <t>01/20/2020 17:25:01</t>
  </si>
  <si>
    <t>01/20/2020 17:28:24</t>
  </si>
  <si>
    <t>01/20/2020 17:23:53</t>
  </si>
  <si>
    <t>01/20/2020 17:29:24</t>
  </si>
  <si>
    <t>01/20/2020 17:27:28</t>
  </si>
  <si>
    <t>01/20/2020 17:31:24</t>
  </si>
  <si>
    <t>6d8dc155-39f1-447f-8171-7878c179dbbf.tmp</t>
  </si>
  <si>
    <t>\\acsfs\profiles$\andreapdsg\Downloads\6d8dc155-39f1-447f-8171-7878c179dbbf.tmp</t>
  </si>
  <si>
    <t>01/20/2020 17:27:34</t>
  </si>
  <si>
    <t>02260897-3b1e-4501-9e88-22090cc73c00.tmp</t>
  </si>
  <si>
    <t>\\acsfs\profiles$\andreapdsg\Downloads\02260897-3b1e-4501-9e88-22090cc73c00.tmp</t>
  </si>
  <si>
    <t>01/20/2020 17:28:22</t>
  </si>
  <si>
    <t>6e145d5f-a446-4231-a54e-9a8e1332d04a.tmp</t>
  </si>
  <si>
    <t>\\acsfs\profiles$\andreapdsg\Downloads\6e145d5f-a446-4231-a54e-9a8e1332d04a.tmp</t>
  </si>
  <si>
    <t>01/20/2020 17:26:22</t>
  </si>
  <si>
    <t>01/20/2020 17:27:03</t>
  </si>
  <si>
    <t>https://udpwfmniceap02/pt_pt/web/guest/home?p_auth=oxlwy5qr&amp;p_p_id=58&amp;p_p_lifecycle=1&amp;p_p_state=maximized&amp;p_p_mode=view&amp;savelastpath=0&amp;_58_struts_action=/login/forgot_password</t>
  </si>
  <si>
    <t>01/20/2020 17:27:15</t>
  </si>
  <si>
    <t>01/20/2020 17:27:44</t>
  </si>
  <si>
    <t>01/20/2020 17:27:52</t>
  </si>
  <si>
    <t>01/20/2020 17:29:31</t>
  </si>
  <si>
    <t>01/20/2020 17:29:42</t>
  </si>
  <si>
    <t>01/20/2020 17:26:42</t>
  </si>
  <si>
    <t>01/20/2020 17:26:57</t>
  </si>
  <si>
    <t>01/20/2020 17:27:00</t>
  </si>
  <si>
    <t>01/20/2020 17:27:21</t>
  </si>
  <si>
    <t>01/20/2020 17:27:26</t>
  </si>
  <si>
    <t>01/20/2020 17:30:14</t>
  </si>
  <si>
    <t>01/20/2020 17:30:15</t>
  </si>
  <si>
    <t>lu1398813h5v.tmp</t>
  </si>
  <si>
    <t>\\acsfs\profiles$\jalilebds\Downloads\lu1398813h5v.tmp</t>
  </si>
  <si>
    <t>01/20/2020 17:32:23</t>
  </si>
  <si>
    <t>01/20/2020 17:31:43</t>
  </si>
  <si>
    <t>01/20/2020 17:33:24</t>
  </si>
  <si>
    <t>01/20/2020 17:33:47</t>
  </si>
  <si>
    <t>01/20/2020 17:35:24</t>
  </si>
  <si>
    <t>"mozilla/5.0 (windows nt 6.1) applewebkit/537.36 (khtml;1;13;13700014;13700109;13700167;13700185;13700235;13700451;137005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];13701749;13701825;13701833;13701901;13701905;13701909;13701921;13701945;13701949;13701953;13701957;13701969;13702064;13702068;13702084;13702088;1579520900840000;1579520901989000;341510534;5701393;[[13701450;[[null;[];[false;adfn-csyrvwqermfbxam1mkavsrzjlg0rundo9gysmvmlrxxhlhfmqhcw7_ynhcatkqscdyldsiy;false;false];fedb0gqdtuqawg";gbvŢ_x001C_���{_x001C__x0015_"�`�ݒ�_x0008_�j�h_x0008_��!��&lt;�_x0014_y�_x000E_��Ò[�a�_x001E_��z�p��_x0017_�wb���)�6��=��|i�`Ê-�efu��~_x0004_x�_x0004_`y����_x001E_o &lt;߇|qa�-���do-vx�ov 廔��m���f _x001A_�׬6_x0005_�v/`�ǻqz_x0013_�_x000F_�ꛇot_x001A_s`�ݻqm�_x001C_}�ޟ]�m2bw`��^m�/��_x0017_�b�;1k��*� �h_x001E_��ɡ�r��mi�`��_x000E_���_�ȱi_x001B_��ߊpmcxx��;ken=ac4w5vi0ka-sxkbznvlqg8lj5-wvx_fz5a:157952090</t>
  </si>
  <si>
    <t>"mozilla/5.0 (windows nt 6.1) applewebkit/537.36 (khtml,1,13,13700014,13700109,13700167,13700185,13700235,13700451,137005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],13701749,13701825,13701833,13701901,13701905,13701909,13701921,13701945,13701949,13701953,13701957,13701969,13702064,13702068,13702084,13702088,1579520900840000,1579520901989000,341510534,5701393,[[13701450,[[null,[],[false,adfn-csyrvwqermfbxam1mkavsrzjlg0rundo9gysmvmlrxxhlhfmqhcw7_ynhcatkqscdyldsiy,false,false],fedb0gqdtuqawg",gbvŢ_x001C_���{_x001C__x0015_"�`�ݒ�_x0008_�j�h_x0008_��!��&lt;�_x0014_y�_x000E_��Ò[�a�_x001E_��z�p��_x0017_�wb���)�6��=��|i�`Ê-�efu��~_x0004_x�_x0004_`y����_x001E_o &lt;߇|qa�-���do-vx�ov 廔��m���f _x001A_�׬6_x0005_�v/`�ǻqz_x0013_�_x000F_�ꛇot_x001A_s`�ݻqm�_x001C_}�ޟ]�m2bw`��^m�/��_x0017_�b�;1k��*� �h_x001E_��ɡ�r��mi�`��_x000E_���_�ȱi_x001B_��ߊpmcxx��,ken=ac4w5vi0ka-sxkbznvlqg8lj5-wvx_fz5a:157952090</t>
  </si>
  <si>
    <t>01/20/2020 17:33:54</t>
  </si>
  <si>
    <t>01/20/2020 17:33:57</t>
  </si>
  <si>
    <t>01/20/2020 17:36:23</t>
  </si>
  <si>
    <t>01/20/2020 17:33:05</t>
  </si>
  <si>
    <t>01/20/2020 17:31:09</t>
  </si>
  <si>
    <t>01/20/2020 17:32:49</t>
  </si>
  <si>
    <t>01/20/2020 17:32:58</t>
  </si>
  <si>
    <t>01/20/2020 17:33:03</t>
  </si>
  <si>
    <t>01/20/2020 17:32:54</t>
  </si>
  <si>
    <t>01/20/2020 17:33:01</t>
  </si>
  <si>
    <t>01/20/2020 17:33:33</t>
  </si>
  <si>
    <t>01/20/2020 17:37:24</t>
  </si>
  <si>
    <t>19a171ad-7bc5-4522-8c62-d01d9e69a4bd.tmp</t>
  </si>
  <si>
    <t>\\acsfs\profiles$\fernandofs\Downloads\19a171ad-7bc5-4522-8c62-d01d9e69a4bd.tmp</t>
  </si>
  <si>
    <t>01/20/2020 17:32:53</t>
  </si>
  <si>
    <t>88c666a7-edbf-46d4-8bf7-2e916488317e.tmp</t>
  </si>
  <si>
    <t>\\acsfs\profiles$\Adrieledgc\Downloads\88c666a7-edbf-46d4-8bf7-2e916488317e.tmp</t>
  </si>
  <si>
    <t>01/20/2020 17:37:02</t>
  </si>
  <si>
    <t>93ba16d4-a5c9-4538-9561-a1f9e59d8650.tmp</t>
  </si>
  <si>
    <t>\\acsfs\profiles$\Adrieledgc\Downloads\93ba16d4-a5c9-4538-9561-a1f9e59d8650.tmp</t>
  </si>
  <si>
    <t>01/20/2020 17:33:53</t>
  </si>
  <si>
    <t>7fa48432-445e-4d27-9546-c880017b230e.tmp</t>
  </si>
  <si>
    <t>\\acsfs\profiles$\nathaliaos\Downloads\7fa48432-445e-4d27-9546-c880017b230e.tmp</t>
  </si>
  <si>
    <t>01/20/2020 17:36:12</t>
  </si>
  <si>
    <t>97ee23d5-3d35-4e99-b247-54779de98208.tmp</t>
  </si>
  <si>
    <t>\\acsfs\profiles$\nathaliaos\Downloads\97ee23d5-3d35-4e99-b247-54779de98208.tmp</t>
  </si>
  <si>
    <t>01/20/2020 17:38:23</t>
  </si>
  <si>
    <t>01/20/2020 17:36:03</t>
  </si>
  <si>
    <t>01/20/2020 17:33:46</t>
  </si>
  <si>
    <t>2d984022-a373-4e52-8a3b-c08053573f8b.tmp</t>
  </si>
  <si>
    <t>\\acsfs\profiles$\ingridsm\Downloads\2d984022-a373-4e52-8a3b-c08053573f8b.tmp</t>
  </si>
  <si>
    <t>01/20/2020 17:35:05</t>
  </si>
  <si>
    <t>01/20/2020 17:37:49</t>
  </si>
  <si>
    <t>01/20/2020 17:39:24</t>
  </si>
  <si>
    <t>01/20/2020 17:37:34</t>
  </si>
  <si>
    <t>01/20/2020 17:40:24</t>
  </si>
  <si>
    <t>01/20/2020 17:38:58</t>
  </si>
  <si>
    <t>01/20/2020 17:38:39</t>
  </si>
  <si>
    <t>01/20/2020 17:38:02</t>
  </si>
  <si>
    <t>01/20/2020 17:41:24</t>
  </si>
  <si>
    <t>01/17/2020 23:59:36</t>
  </si>
  <si>
    <t>01/20/2020 17:42:23</t>
  </si>
  <si>
    <t>db1556ed-3084-4f92-81dd-67bfae53c472.tmp</t>
  </si>
  <si>
    <t>\\acsfs\profiles$\leonardocb\Downloads\db1556ed-3084-4f92-81dd-67bfae53c472.tmp</t>
  </si>
  <si>
    <t>01/20/2020 17:39:58</t>
  </si>
  <si>
    <t>01/20/2020 17:40:32</t>
  </si>
  <si>
    <t>d39d2ee6-1577-4a98-a9c8-e5f53bd6a559.tmp</t>
  </si>
  <si>
    <t>\\acsfs\profiles$\leonardocb\Downloads\d39d2ee6-1577-4a98-a9c8-e5f53bd6a559.tmp</t>
  </si>
  <si>
    <t>01/20/2020 17:39:46</t>
  </si>
  <si>
    <t>01/20/2020 17:41:37</t>
  </si>
  <si>
    <t>7492e1a8-2ab2-4e6d-b4ba-60dbfc92214d.tmp</t>
  </si>
  <si>
    <t>\\acsfs\profiles$\mariajaf\Downloads\7492e1a8-2ab2-4e6d-b4ba-60dbfc92214d.tmp</t>
  </si>
  <si>
    <t>01/20/2020 17:39:41</t>
  </si>
  <si>
    <t>01/20/2020 17:43:24</t>
  </si>
  <si>
    <t>01/20/2020 17:41:46</t>
  </si>
  <si>
    <t>01/20/2020 17:42:27</t>
  </si>
  <si>
    <t>01/20/2020 17:39:01</t>
  </si>
  <si>
    <t>01/20/2020 17:39:17</t>
  </si>
  <si>
    <t>01/20/2020 17:44:24</t>
  </si>
  <si>
    <t>01/20/2020 17:40:41</t>
  </si>
  <si>
    <t>01/20/2020 17:43:53</t>
  </si>
  <si>
    <t>01/20/2020 17:45:24</t>
  </si>
  <si>
    <t>01/20/2020 17:43:19</t>
  </si>
  <si>
    <t>01/20/2020 17:43:22</t>
  </si>
  <si>
    <t>01/20/2020 17:46:24</t>
  </si>
  <si>
    <t>01/20/2020 17:43:23</t>
  </si>
  <si>
    <t>lu1398813h64.tmp</t>
  </si>
  <si>
    <t>\\acsfs\profiles$\jalilebds\Downloads\lu1398813h64.tmp</t>
  </si>
  <si>
    <t>01/20/2020 17:44:46</t>
  </si>
  <si>
    <t>01/20/2020 17:45:22</t>
  </si>
  <si>
    <t>01/20/2020 17:47:24</t>
  </si>
  <si>
    <t>cae839d8-7497-4348-8fa7-b97e4156a44e.tmp</t>
  </si>
  <si>
    <t>\\acsfs\profiles$\joselrb\Downloads\cae839d8-7497-4348-8fa7-b97e4156a44e.tmp</t>
  </si>
  <si>
    <t>01/20/2020 17:43:39</t>
  </si>
  <si>
    <t>b3e12a3d-ad94-4932-8c7d-fd45e2f05b1e.tmp</t>
  </si>
  <si>
    <t>\\acsfs\profiles$\mariajaf\Downloads\b3e12a3d-ad94-4932-8c7d-fd45e2f05b1e.tmp</t>
  </si>
  <si>
    <t>01/20/2020 17:48:24</t>
  </si>
  <si>
    <t>01/20/2020 17:44:00</t>
  </si>
  <si>
    <t>01/20/2020 17:49:24</t>
  </si>
  <si>
    <t>01/20/2020 17:44:15</t>
  </si>
  <si>
    <t>20-01 RELATORIO DE LOGIN AVON.xlsm</t>
  </si>
  <si>
    <t>\\acsfs\deptos\Operacao\PCP\5 - Comum\CONTROL DESK\2 - DAC2\Control Desk AVON\Relatorios\Status de login\2020\20-01 RELATORIO DE LOGIN AVON.xlsm</t>
  </si>
  <si>
    <t>01/20/2020 17:45:05</t>
  </si>
  <si>
    <t>01/20/2020 17:45:31</t>
  </si>
  <si>
    <t>01/20/2020 17:45:32</t>
  </si>
  <si>
    <t>01/20/2020 17:50:24</t>
  </si>
  <si>
    <t>01/20/2020 17:49:27</t>
  </si>
  <si>
    <t>01/20/2020 17:47:02</t>
  </si>
  <si>
    <t>01/20/2020 17:51:23</t>
  </si>
  <si>
    <t>01/20/2020 17:50:09</t>
  </si>
  <si>
    <t>01/20/2020 17:52:24</t>
  </si>
  <si>
    <t>01/20/2020 17:49:41</t>
  </si>
  <si>
    <t>9b1fc53e-c7e5-4d1b-b19d-3f4803d41924.tmp</t>
  </si>
  <si>
    <t>\\acsfs\profiles$\welidicdj\Downloads\9b1fc53e-c7e5-4d1b-b19d-3f4803d41924.tmp</t>
  </si>
  <si>
    <t>01/20/2020 17:51:44</t>
  </si>
  <si>
    <t>01/20/2020 17:53:24</t>
  </si>
  <si>
    <t>01/20/2020 17:52:19</t>
  </si>
  <si>
    <t>01/20/2020 17:55:24</t>
  </si>
  <si>
    <t>01/20/2020 17:52:22</t>
  </si>
  <si>
    <t>01/20/2020 17:53:10</t>
  </si>
  <si>
    <t>01/20/2020 17:53:27</t>
  </si>
  <si>
    <t>01/20/2020 17:53:08</t>
  </si>
  <si>
    <t>819d8a62-8e8d-43c7-951a-07429f0383ce.tmp</t>
  </si>
  <si>
    <t>\\acsfs\profiles$\wedersonbadr\My Documents\My Music\819d8a62-8e8d-43c7-951a-07429f0383ce.tmp</t>
  </si>
  <si>
    <t>01/20/2020 17:56:24</t>
  </si>
  <si>
    <t>01/20/2020 17:50:46</t>
  </si>
  <si>
    <t>82081b28-c419-4481-ab46-ee39e9115ba8.tmp</t>
  </si>
  <si>
    <t>\\acsfs\profiles$\andreapdsg\Downloads\82081b28-c419-4481-ab46-ee39e9115ba8.tmp</t>
  </si>
  <si>
    <t>01/20/2020 17:53:09</t>
  </si>
  <si>
    <t>01/20/2020 17:53:06</t>
  </si>
  <si>
    <t>https://udpmailboxap01.acs.com.br:8443/h/search?si=0&amp;so=0&amp;sc=79250&amp;sfi=2&amp;st=conversation&amp;action=compose</t>
  </si>
  <si>
    <t>01/20/2020 17:52:35</t>
  </si>
  <si>
    <t>01/20/2020 17:57:24</t>
  </si>
  <si>
    <t>01/20/2020 17:55:05</t>
  </si>
  <si>
    <t>01/20/2020 17:58:24</t>
  </si>
  <si>
    <t>01/20/2020 17:58:56</t>
  </si>
  <si>
    <t>01/20/2020 18:00:24</t>
  </si>
  <si>
    <t>01/20/2020 17:59:23</t>
  </si>
  <si>
    <t>01/20/2020 18:01:24</t>
  </si>
  <si>
    <t>01/20/2020 17:59:24</t>
  </si>
  <si>
    <t>01/20/2020 17:59:38</t>
  </si>
  <si>
    <t>01/20/2020 17:59:00</t>
  </si>
  <si>
    <t>lu1398813h6d.tmp</t>
  </si>
  <si>
    <t>\\acsfs\profiles$\jalilebds\Downloads\lu1398813h6d.tmp</t>
  </si>
  <si>
    <t>01/20/2020 18:00:32</t>
  </si>
  <si>
    <t>9f97df63-a34c-4ed8-b39a-a4c5524fcbc0.tmp</t>
  </si>
  <si>
    <t>\\acsfs\profiles$\taylaedoa\Downloads\9f97df63-a34c-4ed8-b39a-a4c5524fcbc0.tmp</t>
  </si>
  <si>
    <t>01/20/2020 18:00:34</t>
  </si>
  <si>
    <t>504346c7-c8b9-42d6-ac16-70a39a05b529.tmp</t>
  </si>
  <si>
    <t>\\acsfs\profiles$\taylaedoa\Downloads\504346c7-c8b9-42d6-ac16-70a39a05b529.tmp</t>
  </si>
  <si>
    <t>01/20/2020 18:01:19</t>
  </si>
  <si>
    <t>01/20/2020 18:02:24</t>
  </si>
  <si>
    <t>14cd1176-3e82-4e31-8dd1-2a42b29f0b4c.tmp</t>
  </si>
  <si>
    <t>\\acsfs\profiles$\fernandofs\Downloads\14cd1176-3e82-4e31-8dd1-2a42b29f0b4c.tmp</t>
  </si>
  <si>
    <t>\\acsfs\profiles$\ALEXANDREMM\lu691285q20gz.tmp\Thumbnails\</t>
  </si>
  <si>
    <t>01/20/2020 17:59:47</t>
  </si>
  <si>
    <t>01/20/2020 17:59:48</t>
  </si>
  <si>
    <t>01/20/2020 18:00:05</t>
  </si>
  <si>
    <t>01/20/2020 17:57:09</t>
  </si>
  <si>
    <t>01/20/2020 18:03:24</t>
  </si>
  <si>
    <t>01/20/2020 17:59:39</t>
  </si>
  <si>
    <t>01/20/2020 18:00:41</t>
  </si>
  <si>
    <t>01/20/2020 18:05:24</t>
  </si>
  <si>
    <t>01/20/2020 18:01:07</t>
  </si>
  <si>
    <t>01/20/2020 18:04:06</t>
  </si>
  <si>
    <t>01/20/2020 18:06:24</t>
  </si>
  <si>
    <t>XLOG_leydianeamd_20012020_135357.log</t>
  </si>
  <si>
    <t>\\acsfs\profiles$\leydianeamd\My Documents\xworkcenter\logs\XLOG_leydianeamd_20012020_135357.log</t>
  </si>
  <si>
    <t>01/20/2020 18:05:14</t>
  </si>
  <si>
    <t>01/20/2020 18:07:24</t>
  </si>
  <si>
    <t>92e4fe96-3686-4f37-9167-aaff626111de.tmp</t>
  </si>
  <si>
    <t>\\acsfs\profiles$\fernandofs\Downloads\92e4fe96-3686-4f37-9167-aaff626111de.tmp</t>
  </si>
  <si>
    <t>01/20/2020 18:06:16</t>
  </si>
  <si>
    <t>0e1501cc-d219-4c7c-bd92-7a3241950746.tmp</t>
  </si>
  <si>
    <t>\\acsfs\profiles$\fernandofs\Downloads\0e1501cc-d219-4c7c-bd92-7a3241950746.tmp</t>
  </si>
  <si>
    <t>01/20/2020 18:05:25</t>
  </si>
  <si>
    <t>01/20/2020 18:06:36</t>
  </si>
  <si>
    <t>01/20/2020 18:04:45</t>
  </si>
  <si>
    <t>01/20/2020 18:08:24</t>
  </si>
  <si>
    <t>01/20/2020 18:05:32</t>
  </si>
  <si>
    <t>01/20/2020 18:06:56</t>
  </si>
  <si>
    <t>01/20/2020 18:07:40</t>
  </si>
  <si>
    <t>01/20/2020 18:07:11</t>
  </si>
  <si>
    <t>01/20/2020 18:12:24</t>
  </si>
  <si>
    <t>190444d9-f874-4af8-8a5b-7de90bd9bc93.tmp</t>
  </si>
  <si>
    <t>\\acsfs\profiles$\fernandofs\Downloads\190444d9-f874-4af8-8a5b-7de90bd9bc93.tmp</t>
  </si>
  <si>
    <t>01/20/2020 18:10:36</t>
  </si>
  <si>
    <t>01/20/2020 18:13:24</t>
  </si>
  <si>
    <t>01/20/2020 18:09:44</t>
  </si>
  <si>
    <t>01/20/2020 18:09:41</t>
  </si>
  <si>
    <t>01/20/2020 18:14:24</t>
  </si>
  <si>
    <t>01/20/2020 18:15:24</t>
  </si>
  <si>
    <t>01/20/2020 18:13:33</t>
  </si>
  <si>
    <t>01/20/2020 18:16:24</t>
  </si>
  <si>
    <t>01/20/2020 18:10:48</t>
  </si>
  <si>
    <t>63923469-2612-4832-8b4f-5599fe4ca6ac.tmp</t>
  </si>
  <si>
    <t>\\acsfs\profiles$\andreapdsg\Downloads\63923469-2612-4832-8b4f-5599fe4ca6ac.tmp</t>
  </si>
  <si>
    <t>01/20/2020 18:13:08</t>
  </si>
  <si>
    <t>01/20/2020 18:13:34</t>
  </si>
  <si>
    <t>01/20/2020 18:13:35</t>
  </si>
  <si>
    <t>lu1398813h6h.tmp</t>
  </si>
  <si>
    <t>\\acsfs\profiles$\jalilebds\Downloads\lu1398813h6h.tmp</t>
  </si>
  <si>
    <t>01/20/2020 18:13:50</t>
  </si>
  <si>
    <t>01/20/2020 18:13:51</t>
  </si>
  <si>
    <t>lu1398813h6l.tmp</t>
  </si>
  <si>
    <t>\\acsfs\profiles$\jalilebds\Downloads\lu1398813h6l.tmp</t>
  </si>
  <si>
    <t>01/20/2020 18:14:59</t>
  </si>
  <si>
    <t>01/20/2020 18:17:24</t>
  </si>
  <si>
    <t>01/20/2020 18:18:25</t>
  </si>
  <si>
    <t>01/20/2020 18:16:38</t>
  </si>
  <si>
    <t>01/20/2020 18:20:25</t>
  </si>
  <si>
    <t>01/20/2020 18:18:12</t>
  </si>
  <si>
    <t>b7fb3540-3fc0-41f0-836c-17503e4bd7ed.tmp</t>
  </si>
  <si>
    <t>\\acsfs\profiles$\henriqueco\Downloads\b7fb3540-3fc0-41f0-836c-17503e4bd7ed.tmp</t>
  </si>
  <si>
    <t>01/20/2020 18:17:51</t>
  </si>
  <si>
    <t>01/20/2020 18:17:03</t>
  </si>
  <si>
    <t>01/20/2020 18:21:25</t>
  </si>
  <si>
    <t>01/20/2020 18:17:04</t>
  </si>
  <si>
    <t>lu1398813h6p.tmp</t>
  </si>
  <si>
    <t>\\acsfs\profiles$\jalilebds\Downloads\lu1398813h6p.tmp</t>
  </si>
  <si>
    <t>01/20/2020 18:16:50</t>
  </si>
  <si>
    <t>01/20/2020 18:22:25</t>
  </si>
  <si>
    <t>527f0898-fdf6-4d9e-91f2-10ce5de0ab96.tmp</t>
  </si>
  <si>
    <t>\\acsfs\profiles$\fernandofs\Downloads\527f0898-fdf6-4d9e-91f2-10ce5de0ab96.tmp</t>
  </si>
  <si>
    <t>01/20/2020 18:21:19</t>
  </si>
  <si>
    <t>01/20/2020 18:18:50</t>
  </si>
  <si>
    <t>01/20/2020 18:23:24</t>
  </si>
  <si>
    <t>eaae792f-2ce8-4992-99a4-e638b23d2ee6.tmp</t>
  </si>
  <si>
    <t>\\acsfs\profiles$\gabrielsma\Downloads\eaae792f-2ce8-4992-99a4-e638b23d2ee6.tmp</t>
  </si>
  <si>
    <t>\\acsfs\profiles$\gabrielsma\Downloads\eaae792f-2ce8-4992-99a4-e638b23d2ee6.tmp\</t>
  </si>
  <si>
    <t>01/20/2020 18:20:22</t>
  </si>
  <si>
    <t>c880e3d5-43a0-4155-abd3-0223ac66ff05.tmp</t>
  </si>
  <si>
    <t>\\acsfs\profiles$\gabrielsma\Downloads\c880e3d5-43a0-4155-abd3-0223ac66ff05.tmp</t>
  </si>
  <si>
    <t>01/20/2020 18:20:30</t>
  </si>
  <si>
    <t>01/20/2020 18:18:41</t>
  </si>
  <si>
    <t>01/20/2020 18:21:15</t>
  </si>
  <si>
    <t>01/20/2020 18:24:25</t>
  </si>
  <si>
    <t>01/20/2020 18:19:43</t>
  </si>
  <si>
    <t>01/20/2020 18:25:24</t>
  </si>
  <si>
    <t>01/20/2020 18:21:36</t>
  </si>
  <si>
    <t>01/20/2020 18:22:38</t>
  </si>
  <si>
    <t>01/20/2020 18:22:39</t>
  </si>
  <si>
    <t>01/20/2020 18:22:40</t>
  </si>
  <si>
    <t>01/20/2020 18:22:41</t>
  </si>
  <si>
    <t>01/20/2020 18:22:42</t>
  </si>
  <si>
    <t>01/20/2020 18:22:43</t>
  </si>
  <si>
    <t>01/20/2020 18:22:44</t>
  </si>
  <si>
    <t>01/20/2020 18:22:45</t>
  </si>
  <si>
    <t>01/20/2020 18:22:46</t>
  </si>
  <si>
    <t>01/20/2020 18:22:47</t>
  </si>
  <si>
    <t>01/20/2020 18:22:48</t>
  </si>
  <si>
    <t>01/20/2020 18:22:49</t>
  </si>
  <si>
    <t>01/20/2020 18:22:50</t>
  </si>
  <si>
    <t>01/20/2020 18:22:51</t>
  </si>
  <si>
    <t>01/20/2020 18:22:52</t>
  </si>
  <si>
    <t>01/20/2020 18:22:53</t>
  </si>
  <si>
    <t>01/20/2020 18:22:54</t>
  </si>
  <si>
    <t>01/20/2020 18:22:55</t>
  </si>
  <si>
    <t>01/20/2020 18:22:56</t>
  </si>
  <si>
    <t>01/20/2020 18:22:57</t>
  </si>
  <si>
    <t>01/20/2020 18:22:58</t>
  </si>
  <si>
    <t>01/20/2020 18:22:59</t>
  </si>
  <si>
    <t>01/20/2020 18:23:00</t>
  </si>
  <si>
    <t>01/20/2020 18:23:01</t>
  </si>
  <si>
    <t>01/20/2020 18:25:18</t>
  </si>
  <si>
    <t>01/20/2020 18:26:25</t>
  </si>
  <si>
    <t>e93f4b81-d6af-46f8-8f8a-529b5329d9c5.tmp</t>
  </si>
  <si>
    <t>\\acsfs\profiles$\rosileiam\Downloads\e93f4b81-d6af-46f8-8f8a-529b5329d9c5.tmp</t>
  </si>
  <si>
    <t>01/20/2020 18:25:47</t>
  </si>
  <si>
    <t>01/20/2020 18:25:48</t>
  </si>
  <si>
    <t>lu1398813h6t.tmp</t>
  </si>
  <si>
    <t>\\acsfs\profiles$\jalilebds\Downloads\lu1398813h6t.tmp</t>
  </si>
  <si>
    <t>01/20/2020 18:24:05</t>
  </si>
  <si>
    <t>01/20/2020 18:27:24</t>
  </si>
  <si>
    <t>XLOG_thaisdss_20012020_145242.log</t>
  </si>
  <si>
    <t>\\acsfs\profiles$\thaisdss\My Documents\xworkcenter\logs\XLOG_thaisdss_20012020_145242.log</t>
  </si>
  <si>
    <t>01/20/2020 18:27:13</t>
  </si>
  <si>
    <t>01/20/2020 18:28:25</t>
  </si>
  <si>
    <t>01/20/2020 18:23:20</t>
  </si>
  <si>
    <t>01/20/2020 18:23:21</t>
  </si>
  <si>
    <t>01/20/2020 18:24:32</t>
  </si>
  <si>
    <t>01/20/2020 18:29:24</t>
  </si>
  <si>
    <t>bfa8f927-d617-4c67-b6ad-5c604d8fe131.tmp</t>
  </si>
  <si>
    <t>\\acsfs\profiles$\gabrielamdp\Downloads\bfa8f927-d617-4c67-b6ad-5c604d8fe131.tmp</t>
  </si>
  <si>
    <t>01/20/2020 18:24:38</t>
  </si>
  <si>
    <t>180c6f15-4c36-4a2f-a17b-abd082dc81ad.tmp</t>
  </si>
  <si>
    <t>\\acsfs\profiles$\gabrielamdp\Downloads\180c6f15-4c36-4a2f-a17b-abd082dc81ad.tmp</t>
  </si>
  <si>
    <t>01/20/2020 18:28:34</t>
  </si>
  <si>
    <t>01/20/2020 18:30:25</t>
  </si>
  <si>
    <t>01/20/2020 18:27:51</t>
  </si>
  <si>
    <t>01/20/2020 18:31:25</t>
  </si>
  <si>
    <t>lu1398813h6x.tmp</t>
  </si>
  <si>
    <t>\\acsfs\profiles$\jalilebds\Downloads\lu1398813h6x.tmp</t>
  </si>
  <si>
    <t>01/20/2020 18:28:06</t>
  </si>
  <si>
    <t>01/20/2020 18:28:07</t>
  </si>
  <si>
    <t>lu1398813h71.tmp</t>
  </si>
  <si>
    <t>\\acsfs\profiles$\jalilebds\Downloads\lu1398813h71.tmp</t>
  </si>
  <si>
    <t>01/20/2020 18:27:25</t>
  </si>
  <si>
    <t>01/20/2020 18:32:25</t>
  </si>
  <si>
    <t>474d5193-8431-420f-bb2a-b06c1bb3ab18.tmp</t>
  </si>
  <si>
    <t>\\acsfs\profiles$\leonardocb\Downloads\474d5193-8431-420f-bb2a-b06c1bb3ab18.tmp</t>
  </si>
  <si>
    <t>01/20/2020 18:28:47</t>
  </si>
  <si>
    <t>4c886322-207f-49db-84bc-9ccecd12b22e.tmp</t>
  </si>
  <si>
    <t>\\acsfs\profiles$\leonardocb\Downloads\4c886322-207f-49db-84bc-9ccecd12b22e.tmp</t>
  </si>
  <si>
    <t>01/20/2020 18:33:25</t>
  </si>
  <si>
    <t>01/20/2020 18:30:03</t>
  </si>
  <si>
    <t>01/20/2020 18:34:25</t>
  </si>
  <si>
    <t>01/20/2020 18:32:38</t>
  </si>
  <si>
    <t>01/20/2020 18:35:25</t>
  </si>
  <si>
    <t>01/20/2020 18:33:33</t>
  </si>
  <si>
    <t>\\acsfs\DEPTOS\Operacao\Banco_Votorantim\Supervisao\SUPERS BV CARTÕES\ADILSON\Reneg\Reneg - Vcto 17-01-20.xlsx</t>
  </si>
  <si>
    <t>01/20/2020 18:36:25</t>
  </si>
  <si>
    <t>01/20/2020 18:32:06</t>
  </si>
  <si>
    <t>https://udpmailboxap01.acs.com.br:8443/h/search?si=0&amp;so=0&amp;sc=79471&amp;sfi=2&amp;st=conversation&amp;action=compose&amp;paction=rowview</t>
  </si>
  <si>
    <t>01/20/2020 18:34:29</t>
  </si>
  <si>
    <t>01/20/2020 18:37:25</t>
  </si>
  <si>
    <t>5adae584-ff9c-4999-81c5-9267bfac57e9.tmp</t>
  </si>
  <si>
    <t>\\acsfs\profiles$\brendadsl\Downloads\5adae584-ff9c-4999-81c5-9267bfac57e9.tmp</t>
  </si>
  <si>
    <t>01/20/2020 18:38:25</t>
  </si>
  <si>
    <t>01/20/2020 18:39:06</t>
  </si>
  <si>
    <t>01/20/2020 18:40:24</t>
  </si>
  <si>
    <t>01/20/2020 18:38:29</t>
  </si>
  <si>
    <t>ca5246fb-d429-4f8f-938a-facb2a99abd6.tmp</t>
  </si>
  <si>
    <t>\\acsfs\profiles$\nycolleemdj\Downloads\ca5246fb-d429-4f8f-938a-facb2a99abd6.tmp</t>
  </si>
  <si>
    <t>01/20/2020 18:39:24</t>
  </si>
  <si>
    <t>01/20/2020 18:40:09</t>
  </si>
  <si>
    <t>01/20/2020 18:37:07</t>
  </si>
  <si>
    <t>01/20/2020 18:41:25</t>
  </si>
  <si>
    <t>01/20/2020 18:39:53</t>
  </si>
  <si>
    <t>01/20/2020 18:39:54</t>
  </si>
  <si>
    <t>lu1398813h75.tmp</t>
  </si>
  <si>
    <t>\\acsfs\profiles$\jalilebds\Downloads\lu1398813h75.tmp</t>
  </si>
  <si>
    <t>01/20/2020 18:39:28</t>
  </si>
  <si>
    <t>01/20/2020 18:42:24</t>
  </si>
  <si>
    <t>9ea9d0a8-60b2-44a4-872d-1d67dd621266.tmp</t>
  </si>
  <si>
    <t>\\acsfs\profiles$\fernandofs\Downloads\9ea9d0a8-60b2-44a4-872d-1d67dd621266.tmp</t>
  </si>
  <si>
    <t>01/20/2020 18:40:10</t>
  </si>
  <si>
    <t>01/20/2020 18:43:25</t>
  </si>
  <si>
    <t>01/20/2020 18:41:43</t>
  </si>
  <si>
    <t>01/20/2020 18:44:25</t>
  </si>
  <si>
    <t>01/20/2020 18:39:50</t>
  </si>
  <si>
    <t>01/20/2020 18:45:25</t>
  </si>
  <si>
    <t>1113732f-9756-45f2-b151-66e47bc4ccf8.tmp</t>
  </si>
  <si>
    <t>\\acsfs\profiles$\nycolleemdj\Downloads\1113732f-9756-45f2-b151-66e47bc4ccf8.tmp</t>
  </si>
  <si>
    <t>01/20/2020 18:43:38</t>
  </si>
  <si>
    <t>01/20/2020 18:46:25</t>
  </si>
  <si>
    <t>01/20/2020 18:43:43</t>
  </si>
  <si>
    <t>01/20/2020 18:45:33</t>
  </si>
  <si>
    <t>01/20/2020 18:48:24</t>
  </si>
  <si>
    <t>01/20/2020 18:48:23</t>
  </si>
  <si>
    <t>01/20/2020 18:50:24</t>
  </si>
  <si>
    <t>01/20/2020 18:46:41</t>
  </si>
  <si>
    <t>01/20/2020 18:51:25</t>
  </si>
  <si>
    <t>92456250-3737-46e6-8f09-93354718495e.tmp</t>
  </si>
  <si>
    <t>\\acsfs\profiles$\brendadsl\Downloads\92456250-3737-46e6-8f09-93354718495e.tmp</t>
  </si>
  <si>
    <t>01/20/2020 18:46:43</t>
  </si>
  <si>
    <t>bfc57d89-40fc-4c41-8d12-d5a6931c0f17.tmp</t>
  </si>
  <si>
    <t>\\acsfs\profiles$\brendadsl\Downloads\bfc57d89-40fc-4c41-8d12-d5a6931c0f17.tmp</t>
  </si>
  <si>
    <t>01/20/2020 18:46:45</t>
  </si>
  <si>
    <t>52f6a63a-9d5b-4da6-8049-6895c2dba255.tmp</t>
  </si>
  <si>
    <t>\\acsfs\profiles$\brendadsl\Downloads\52f6a63a-9d5b-4da6-8049-6895c2dba255.tmp</t>
  </si>
  <si>
    <t>01/20/2020 18:46:46</t>
  </si>
  <si>
    <t>36a148c4-8e94-4f31-b9bf-7fda21ac0708.tmp</t>
  </si>
  <si>
    <t>\\acsfs\profiles$\brendadsl\Downloads\36a148c4-8e94-4f31-b9bf-7fda21ac0708.tmp</t>
  </si>
  <si>
    <t>01/20/2020 18:46:47</t>
  </si>
  <si>
    <t>9b4b04a7-089e-426f-a26a-2114e2f58d8b.tmp</t>
  </si>
  <si>
    <t>\\acsfs\profiles$\brendadsl\Downloads\9b4b04a7-089e-426f-a26a-2114e2f58d8b.tmp</t>
  </si>
  <si>
    <t>01/20/2020 18:49:11</t>
  </si>
  <si>
    <t>1c87167c-0bd4-4d9f-8c62-a448f5201e3e.tmp</t>
  </si>
  <si>
    <t>\\acsfs\profiles$\brendadsl\Downloads\1c87167c-0bd4-4d9f-8c62-a448f5201e3e.tmp</t>
  </si>
  <si>
    <t>01/20/2020 18:49:12</t>
  </si>
  <si>
    <t>2dc9be5a-d4d1-441a-ab4b-ee35d834ab9f.tmp</t>
  </si>
  <si>
    <t>\\acsfs\profiles$\brendadsl\Downloads\2dc9be5a-d4d1-441a-ab4b-ee35d834ab9f.tmp</t>
  </si>
  <si>
    <t>01/20/2020 18:51:17</t>
  </si>
  <si>
    <t>01/20/2020 18:52:24</t>
  </si>
  <si>
    <t>5505d370-4a20-4d20-8ed0-bf12d04b0c8e.tmp</t>
  </si>
  <si>
    <t>\\acsfs\profiles$\myllenardl\Downloads\5505d370-4a20-4d20-8ed0-bf12d04b0c8e.tmp</t>
  </si>
  <si>
    <t>01/20/2020 18:53:25</t>
  </si>
  <si>
    <t>01/20/2020 18:53:14</t>
  </si>
  <si>
    <t>01/20/2020 18:49:43</t>
  </si>
  <si>
    <t>01/20/2020 18:55:25</t>
  </si>
  <si>
    <t>01/20/2020 18:52:36</t>
  </si>
  <si>
    <t>a9409b36-a6c9-4f9e-b3b4-d4d652b31b1f.tmp</t>
  </si>
  <si>
    <t>\\acsfs\profiles$\victorgl\Downloads\a9409b36-a6c9-4f9e-b3b4-d4d652b31b1f.tmp</t>
  </si>
  <si>
    <t>01/20/2020 18:56:24</t>
  </si>
  <si>
    <t>01/20/2020 18:52:09</t>
  </si>
  <si>
    <t>03bf04c6-2783-4568-a3a5-8e7af5a6d3ba.tmp</t>
  </si>
  <si>
    <t>\\acsfs\profiles$\regisadsa\Downloads\03bf04c6-2783-4568-a3a5-8e7af5a6d3ba.tmp</t>
  </si>
  <si>
    <t>01/20/2020 18:52:48</t>
  </si>
  <si>
    <t>3b2dc2a3-be2e-41e5-a9ce-a748d57c410f.tmp</t>
  </si>
  <si>
    <t>\\acsfs\profiles$\regisadsa\Downloads\3b2dc2a3-be2e-41e5-a9ce-a748d57c410f.tmp</t>
  </si>
  <si>
    <t>01/20/2020 18:55:50</t>
  </si>
  <si>
    <t>01/20/2020 18:55:51</t>
  </si>
  <si>
    <t>01/20/2020 18:56:11</t>
  </si>
  <si>
    <t>01/20/2020 18:52:15</t>
  </si>
  <si>
    <t>01/20/2020 18:57:25</t>
  </si>
  <si>
    <t>01/20/2020 18:58:25</t>
  </si>
  <si>
    <t>01/20/2020 18:57:47</t>
  </si>
  <si>
    <t>01/20/2020 18:59:25</t>
  </si>
  <si>
    <t>01/20/2020 18:55:45</t>
  </si>
  <si>
    <t>01/20/2020 19:00:25</t>
  </si>
  <si>
    <t>01/20/2020 19:00:10</t>
  </si>
  <si>
    <t>01/20/2020 19:01:25</t>
  </si>
  <si>
    <t>011aabb2-f7ad-4895-adf1-63738587f411.tmp</t>
  </si>
  <si>
    <t>\\acsfs\profiles$\edicarlosdl\Downloads\011aabb2-f7ad-4895-adf1-63738587f411.tmp</t>
  </si>
  <si>
    <t>01/20/2020 18:58:20</t>
  </si>
  <si>
    <t>5de68ee1-395c-41c8-929b-eefda1e7fa66.tmp</t>
  </si>
  <si>
    <t>\\acsfs\profiles$\andreapdsg\Downloads\5de68ee1-395c-41c8-929b-eefda1e7fa66.tmp</t>
  </si>
  <si>
    <t>01/20/2020 18:56:26</t>
  </si>
  <si>
    <t>01/20/2020 18:56:36</t>
  </si>
  <si>
    <t>01/20/2020 18:56:42</t>
  </si>
  <si>
    <t>01/20/2020 18:56:20</t>
  </si>
  <si>
    <t>01/20/2020 19:02:25</t>
  </si>
  <si>
    <t>f4fcda06-6e2e-4926-97ff-94713e88f3de.tmp</t>
  </si>
  <si>
    <t>\\acsfs\profiles$\regisadsa\Downloads\f4fcda06-6e2e-4926-97ff-94713e88f3de.tmp</t>
  </si>
  <si>
    <t>01/20/2020 19:03:25</t>
  </si>
  <si>
    <t>01/20/2020 19:04:30</t>
  </si>
  <si>
    <t>01/20/2020 19:05:25</t>
  </si>
  <si>
    <t>01/20/2020 19:00:35</t>
  </si>
  <si>
    <t>01/20/2020 19:02:54</t>
  </si>
  <si>
    <t>01/20/2020 19:06:24</t>
  </si>
  <si>
    <t>eb257c78-85f3-4eaa-8467-c783651f84e5.tmp</t>
  </si>
  <si>
    <t>\\acsfs\profiles$\brendadsl\Downloads\eb257c78-85f3-4eaa-8467-c783651f84e5.tmp</t>
  </si>
  <si>
    <t>01/20/2020 19:07:25</t>
  </si>
  <si>
    <t>2633ed87-fa62-4691-b7ff-80012f07d4ce.tmp</t>
  </si>
  <si>
    <t>\\acsfs\profiles$\joselrb\Downloads\2633ed87-fa62-4691-b7ff-80012f07d4ce.tmp</t>
  </si>
  <si>
    <t>01/20/2020 19:06:25</t>
  </si>
  <si>
    <t>0300e54e-bfdc-4042-84d4-4e0165c46055.tmp</t>
  </si>
  <si>
    <t>\\acsfs\profiles$\regisadsa\Downloads\0300e54e-bfdc-4042-84d4-4e0165c46055.tmp</t>
  </si>
  <si>
    <t>01/20/2020 19:05:36</t>
  </si>
  <si>
    <t>01/20/2020 19:08:25</t>
  </si>
  <si>
    <t>01/20/2020 19:06:05</t>
  </si>
  <si>
    <t>01/20/2020 19:06:55</t>
  </si>
  <si>
    <t>01/20/2020 19:07:02</t>
  </si>
  <si>
    <t>01/20/2020 19:07:05</t>
  </si>
  <si>
    <t>01/20/2020 19:06:04</t>
  </si>
  <si>
    <t>cpf cliente.txt</t>
  </si>
  <si>
    <t>\\acsfs\profiles$\julianeas\My Documents\cpf cliente.txt</t>
  </si>
  <si>
    <t>01/20/2020 19:04:46</t>
  </si>
  <si>
    <t>01/20/2020 19:05:47</t>
  </si>
  <si>
    <t>01/20/2020 19:10:25</t>
  </si>
  <si>
    <t>01/20/2020 19:09:38</t>
  </si>
  <si>
    <t>01/20/2020 19:11:25</t>
  </si>
  <si>
    <t>d26d17f0-44ba-4a29-bc3b-ef184cfd4d04.tmp</t>
  </si>
  <si>
    <t>\\acsfs\profiles$\brendadsl\Downloads\d26d17f0-44ba-4a29-bc3b-ef184cfd4d04.tmp</t>
  </si>
  <si>
    <t>01/20/2020 19:08:42</t>
  </si>
  <si>
    <t>01/20/2020 19:09:43</t>
  </si>
  <si>
    <t>01/20/2020 19:12:25</t>
  </si>
  <si>
    <t>01/20/2020 19:10:57</t>
  </si>
  <si>
    <t>2edc702e-274b-4df3-8db0-5a34213d3fe6.tmp</t>
  </si>
  <si>
    <t>\\acsfs\profiles$\regisadsa\Downloads\2edc702e-274b-4df3-8db0-5a34213d3fe6.tmp</t>
  </si>
  <si>
    <t>01/20/2020 19:08:13</t>
  </si>
  <si>
    <t>01/20/2020 19:13:25</t>
  </si>
  <si>
    <t>01/20/2020 19:08:32</t>
  </si>
  <si>
    <t>01/20/2020 19:08:40</t>
  </si>
  <si>
    <t>01/20/2020 19:08:43</t>
  </si>
  <si>
    <t>01/20/2020 19:09:15</t>
  </si>
  <si>
    <t>01/20/2020 19:12:26</t>
  </si>
  <si>
    <t>01/20/2020 19:12:39</t>
  </si>
  <si>
    <t>01/20/2020 19:12:42</t>
  </si>
  <si>
    <t>01/20/2020 19:12:51</t>
  </si>
  <si>
    <t>01/20/2020 19:09:27</t>
  </si>
  <si>
    <t>01/20/2020 19:10:05</t>
  </si>
  <si>
    <t>01/20/2020 19:14:24</t>
  </si>
  <si>
    <t>f84cd2cb-1d23-460c-a928-413b525134ea.tmp</t>
  </si>
  <si>
    <t>\\acsfs\profiles$\gabrielamdp\Downloads\f84cd2cb-1d23-460c-a928-413b525134ea.tmp</t>
  </si>
  <si>
    <t>01/20/2020 19:14:50</t>
  </si>
  <si>
    <t>01/20/2020 19:17:25</t>
  </si>
  <si>
    <t>01/20/2020 19:12:24</t>
  </si>
  <si>
    <t>8a2d977c-457f-4c8d-8f9f-9d9634e38fa3.tmp</t>
  </si>
  <si>
    <t>\\acsfs\profiles$\regisadsa\Downloads\8a2d977c-457f-4c8d-8f9f-9d9634e38fa3.tmp</t>
  </si>
  <si>
    <t>01/20/2020 19:13:38</t>
  </si>
  <si>
    <t>01/20/2020 19:18:25</t>
  </si>
  <si>
    <t>01/20/2020 19:14:57</t>
  </si>
  <si>
    <t>01/20/2020 19:15:20</t>
  </si>
  <si>
    <t>01/20/2020 19:15:21</t>
  </si>
  <si>
    <t>01/20/2020 19:19:34</t>
  </si>
  <si>
    <t>01/20/2020 19:20:24</t>
  </si>
  <si>
    <t>bfb55055-0a63-43c7-81a5-42c97082fe27.tmp</t>
  </si>
  <si>
    <t>\\acsfs\profiles$\nycolleemdj\Downloads\bfb55055-0a63-43c7-81a5-42c97082fe27.tmp</t>
  </si>
  <si>
    <t>01/20/2020 19:18:41</t>
  </si>
  <si>
    <t>Apresentação Reneg.ppt</t>
  </si>
  <si>
    <t>\\acsfs\DEPTOS\Operacao\Banco_Votorantim\Supervisao\SUPERS BV CARTÕES\ADILSON\Apresentação Reneg.ppt</t>
  </si>
  <si>
    <t>\\acsfs\DEPTOS\Operacao\Banco_Votorantim\Supervisao\SUPERS BV CARTÕES\ADILSON\Apresentação Reneg.ppt\s4\</t>
  </si>
  <si>
    <t>01/20/2020 19:20:56</t>
  </si>
  <si>
    <t>01/20/2020 19:22:25</t>
  </si>
  <si>
    <t>01/20/2020 19:17:31</t>
  </si>
  <si>
    <t>9c8c15ca-2b62-454c-b3b1-fb2c3eaf0bf5.tmp</t>
  </si>
  <si>
    <t>\\acsfs\profiles$\Adrieledgc\Downloads\9c8c15ca-2b62-454c-b3b1-fb2c3eaf0bf5.tmp</t>
  </si>
  <si>
    <t>01/20/2020 19:19:09</t>
  </si>
  <si>
    <t>01/20/2020 19:23:24</t>
  </si>
  <si>
    <t>01/20/2020 19:19:49</t>
  </si>
  <si>
    <t>01/20/2020 19:24:25</t>
  </si>
  <si>
    <t>01/20/2020 19:20:30</t>
  </si>
  <si>
    <t>01/20/2020 19:24:21</t>
  </si>
  <si>
    <t>01/20/2020 19:25:24</t>
  </si>
  <si>
    <t>0ff43b13-47ea-483a-8932-aaf58d972daf.tmp</t>
  </si>
  <si>
    <t>\\acsfs\profiles$\henriqueco\Downloads\0ff43b13-47ea-483a-8932-aaf58d972daf.tmp</t>
  </si>
  <si>
    <t>01/20/2020 19:21:56</t>
  </si>
  <si>
    <t>01/20/2020 19:26:25</t>
  </si>
  <si>
    <t>01/20/2020 19:28:25</t>
  </si>
  <si>
    <t>01/20/2020 19:24:02</t>
  </si>
  <si>
    <t>01/20/2020 19:29:24</t>
  </si>
  <si>
    <t>01/20/2020 19:26:11</t>
  </si>
  <si>
    <t>01/20/2020 19:30:25</t>
  </si>
  <si>
    <t>01/20/2020 19:26:15</t>
  </si>
  <si>
    <t>b4986df4-6ce4-410b-930a-716e4f5fc1fb.tmp</t>
  </si>
  <si>
    <t>\\acsfs\profiles$\henriqueco\Downloads\b4986df4-6ce4-410b-930a-716e4f5fc1fb.tmp</t>
  </si>
  <si>
    <t>01/20/2020 19:28:53</t>
  </si>
  <si>
    <t>01/20/2020 19:33:25</t>
  </si>
  <si>
    <t>01/20/2020 19:28:50</t>
  </si>
  <si>
    <t>01/20/2020 19:34:24</t>
  </si>
  <si>
    <t>01/20/2020 19:31:35</t>
  </si>
  <si>
    <t>01/20/2020 19:29:42</t>
  </si>
  <si>
    <t>01/20/2020 19:35:25</t>
  </si>
  <si>
    <t>01/20/2020 19:30:49</t>
  </si>
  <si>
    <t>01/20/2020 19:33:40</t>
  </si>
  <si>
    <t>01/20/2020 19:35:39</t>
  </si>
  <si>
    <t>01/20/2020 19:38:25</t>
  </si>
  <si>
    <t>01/20/2020 19:33:35</t>
  </si>
  <si>
    <t>01/20/2020 19:39:25</t>
  </si>
  <si>
    <t>01/20/2020 19:34:22</t>
  </si>
  <si>
    <t>01/20/2020 19:39:31</t>
  </si>
  <si>
    <t>01/20/2020 19:40:25</t>
  </si>
  <si>
    <t>505e7574-9105-4cb9-a24c-72f22526ca5a.tmp</t>
  </si>
  <si>
    <t>\\acsfs\profiles$\henriqueco\Downloads\505e7574-9105-4cb9-a24c-72f22526ca5a.tmp</t>
  </si>
  <si>
    <t>01/20/2020 19:40:48</t>
  </si>
  <si>
    <t>01/20/2020 19:42:24</t>
  </si>
  <si>
    <t>d6780494-88dc-4015-8fef-e7bd02877df7.tmp</t>
  </si>
  <si>
    <t>\\acsfs\profiles$\nathaliaos\Downloads\d6780494-88dc-4015-8fef-e7bd02877df7.tmp</t>
  </si>
  <si>
    <t>01/20/2020 19:42:53</t>
  </si>
  <si>
    <t>01/20/2020 19:43:25</t>
  </si>
  <si>
    <t>6e5007a3-5364-48be-9ac6-ef29a71c0022.tmp</t>
  </si>
  <si>
    <t>\\acsfs\profiles$\ingridsm\Downloads\6e5007a3-5364-48be-9ac6-ef29a71c0022.tmp</t>
  </si>
  <si>
    <t>01/20/2020 19:39:19</t>
  </si>
  <si>
    <t>01/20/2020 19:44:25</t>
  </si>
  <si>
    <t>01/20/2020 19:40:53</t>
  </si>
  <si>
    <t>01/20/2020 19:45:25</t>
  </si>
  <si>
    <t>01/20/2020 19:40:57</t>
  </si>
  <si>
    <t>01/20/2020 19:40:58</t>
  </si>
  <si>
    <t>Planilha do Microsoft Excel3.xlsx</t>
  </si>
  <si>
    <t>01/20/2020 19:46:25</t>
  </si>
  <si>
    <t>01/20/2020 19:43:33</t>
  </si>
  <si>
    <t>01/20/2020 19:42:07</t>
  </si>
  <si>
    <t>01/20/2020 19:48:25</t>
  </si>
  <si>
    <t>01/20/2020 19:46:52</t>
  </si>
  <si>
    <t>01/20/2020 19:49:25</t>
  </si>
  <si>
    <t>01/20/2020 19:45:27</t>
  </si>
  <si>
    <t>6634f2bd-31e8-4f7b-b8af-683166e1c6a2.tmp</t>
  </si>
  <si>
    <t>\\acsfs\profiles$\gabrielamdp\Downloads\6634f2bd-31e8-4f7b-b8af-683166e1c6a2.tmp</t>
  </si>
  <si>
    <t>01/20/2020 19:48:19</t>
  </si>
  <si>
    <t>01/20/2020 19:53:25</t>
  </si>
  <si>
    <t>01/20/2020 19:52:35</t>
  </si>
  <si>
    <t>01/20/2020 19:50:10</t>
  </si>
  <si>
    <t>01/20/2020 19:54:25</t>
  </si>
  <si>
    <t>01/20/2020 19:51:18</t>
  </si>
  <si>
    <t>01/20/2020 19:49:00</t>
  </si>
  <si>
    <t>9f1b07da-2f7e-46fe-a240-add884cdf88e.tmp</t>
  </si>
  <si>
    <t>\\acsfs\profiles$\gabrielamdp\Downloads\9f1b07da-2f7e-46fe-a240-add884cdf88e.tmp</t>
  </si>
  <si>
    <t>01/20/2020 19:53:38</t>
  </si>
  <si>
    <t>34c49954-a3db-4c04-b833-21b8617992a0.tmp</t>
  </si>
  <si>
    <t>\\acsfs\profiles$\philipegsf\Downloads\34c49954-a3db-4c04-b833-21b8617992a0.tmp</t>
  </si>
  <si>
    <t>01/20/2020 19:52:07</t>
  </si>
  <si>
    <t>01/20/2020 19:56:25</t>
  </si>
  <si>
    <t>Reneg - Consolidado - Revisto.xlsx</t>
  </si>
  <si>
    <t>\\acsfs\DEPTOS\Operacao\Banco_Votorantim\Supervisao\SUPERS BV CARTÕES\ADILSON\Reneg\Reneg - Consolidado - Revisto.xlsx</t>
  </si>
  <si>
    <t>01/20/2020 19:57:06</t>
  </si>
  <si>
    <t>01/20/2020 19:58:26</t>
  </si>
  <si>
    <t>01/20/2020 19:58:04</t>
  </si>
  <si>
    <t>01/20/2020 20:00:25</t>
  </si>
  <si>
    <t>758dfc77-132a-4c48-ba63-b3c5b99e5c44.tmp</t>
  </si>
  <si>
    <t>\\acsfs\profiles$\victorgl\Downloads\758dfc77-132a-4c48-ba63-b3c5b99e5c44.tmp</t>
  </si>
  <si>
    <t>01/20/2020 19:55:01</t>
  </si>
  <si>
    <t>01/20/2020 19:59:12</t>
  </si>
  <si>
    <t>01/20/2020 20:01:25</t>
  </si>
  <si>
    <t>3ca97eec-6d8a-49f9-919a-69ff5ae69079.tmp</t>
  </si>
  <si>
    <t>\\acsfs\profiles$\brendadsl\Downloads\3ca97eec-6d8a-49f9-919a-69ff5ae69079.tmp</t>
  </si>
  <si>
    <t>01/20/2020 20:03:25</t>
  </si>
  <si>
    <t>01/20/2020 20:01:54</t>
  </si>
  <si>
    <t>01/20/2020 20:04:25</t>
  </si>
  <si>
    <t>01/20/2020 20:03:07</t>
  </si>
  <si>
    <t>e2ee5c54-79a5-48f1-b834-2f950727e070.tmp</t>
  </si>
  <si>
    <t>\\acsfs\profiles$\philipegsf\Downloads\e2ee5c54-79a5-48f1-b834-2f950727e070.tmp</t>
  </si>
  <si>
    <t>01/20/2020 20:06:25</t>
  </si>
  <si>
    <t>01/20/2020 20:02:14</t>
  </si>
  <si>
    <t>01/20/2020 20:03:12</t>
  </si>
  <si>
    <t>01/20/2020 20:07:26</t>
  </si>
  <si>
    <t>3e41f8e7-e3f0-42a5-8756-f0063642b90a.tmp</t>
  </si>
  <si>
    <t>\\acsfs\profiles$\mariajaf\Downloads\3e41f8e7-e3f0-42a5-8756-f0063642b90a.tmp</t>
  </si>
  <si>
    <t>01/20/2020 20:04:08</t>
  </si>
  <si>
    <t>01/20/2020 20:08:25</t>
  </si>
  <si>
    <t>01/20/2020 20:03:49</t>
  </si>
  <si>
    <t>01/20/2020 20:09:25</t>
  </si>
  <si>
    <t>01/20/2020 20:04:09</t>
  </si>
  <si>
    <t>01/20/2020 20:04:30</t>
  </si>
  <si>
    <t>01/20/2020 20:04:46</t>
  </si>
  <si>
    <t>b86a9273-3825-4403-b971-c5bea5a3677e.tmp</t>
  </si>
  <si>
    <t>\\acsfs\profiles$\joycemmdl\Downloads\b86a9273-3825-4403-b971-c5bea5a3677e.tmp</t>
  </si>
  <si>
    <t>01/20/2020 20:06:39</t>
  </si>
  <si>
    <t>01/20/2020 20:06:20</t>
  </si>
  <si>
    <t>01/20/2020 20:10:28</t>
  </si>
  <si>
    <t>01/20/2020 20:12:25</t>
  </si>
  <si>
    <t>01/20/2020 20:10:38</t>
  </si>
  <si>
    <t>01/20/2020 20:13:25</t>
  </si>
  <si>
    <t>01/20/2020 20:08:26</t>
  </si>
  <si>
    <t>01/20/2020 20:12:54</t>
  </si>
  <si>
    <t>01/20/2020 20:09:22</t>
  </si>
  <si>
    <t>01/20/2020 20:14:26</t>
  </si>
  <si>
    <t>01/20/2020 20:13:33</t>
  </si>
  <si>
    <t>01/20/2020 20:16:26</t>
  </si>
  <si>
    <t>01/20/2020 20:14:43</t>
  </si>
  <si>
    <t>4ecb087a-f1c3-4915-949d-f52136acdb5b.tmp</t>
  </si>
  <si>
    <t>\\acsfs\profiles$\taylaedoa\Downloads\4ecb087a-f1c3-4915-949d-f52136acdb5b.tmp</t>
  </si>
  <si>
    <t>01/20/2020 20:18:25</t>
  </si>
  <si>
    <t>01/20/2020 20:20:23</t>
  </si>
  <si>
    <t>01/20/2020 20:21:25</t>
  </si>
  <si>
    <t>a1b096cf-bc15-4295-8689-b3124388c643.tmp</t>
  </si>
  <si>
    <t>\\acsfs\profiles$\brendadsl\Downloads\a1b096cf-bc15-4295-8689-b3124388c643.tmp</t>
  </si>
  <si>
    <t>01/20/2020 20:19:35</t>
  </si>
  <si>
    <t>01/20/2020 20:17:08</t>
  </si>
  <si>
    <t>6ee6bdca-a0c6-4c8d-9037-f22516caf438.tmp</t>
  </si>
  <si>
    <t>\\acsfs\profiles$\gabrielamdp\Downloads\6ee6bdca-a0c6-4c8d-9037-f22516caf438.tmp</t>
  </si>
  <si>
    <t>01/20/2020 20:17:10</t>
  </si>
  <si>
    <t>aeb43c9a-4866-4822-8eda-2d0484f23367.tmp</t>
  </si>
  <si>
    <t>\\acsfs\profiles$\gabrielamdp\Downloads\aeb43c9a-4866-4822-8eda-2d0484f23367.tmp</t>
  </si>
  <si>
    <t>01/20/2020 20:17:11</t>
  </si>
  <si>
    <t>f4b3834d-3505-4147-85ef-d8c16ea8033d.tmp</t>
  </si>
  <si>
    <t>\\acsfs\profiles$\gabrielamdp\Downloads\f4b3834d-3505-4147-85ef-d8c16ea8033d.tmp</t>
  </si>
  <si>
    <t>01/20/2020 20:17:12</t>
  </si>
  <si>
    <t>aa659e69-cac7-46ca-9d19-3b0101a71711.tmp</t>
  </si>
  <si>
    <t>\\acsfs\profiles$\gabrielamdp\Downloads\aa659e69-cac7-46ca-9d19-3b0101a71711.tmp</t>
  </si>
  <si>
    <t>01/20/2020 20:17:13</t>
  </si>
  <si>
    <t>ea68954f-bc13-4233-b17a-fe0fe25fca75.tmp</t>
  </si>
  <si>
    <t>\\acsfs\profiles$\gabrielamdp\Downloads\ea68954f-bc13-4233-b17a-fe0fe25fca75.tmp</t>
  </si>
  <si>
    <t>01/20/2020 20:18:26</t>
  </si>
  <si>
    <t>01/20/2020 20:22:25</t>
  </si>
  <si>
    <t>01/20/2020 20:21:17</t>
  </si>
  <si>
    <t>01/20/2020 20:23:25</t>
  </si>
  <si>
    <t>11ca987c-1a11-4465-a5ce-3dd7415bd307.tmp</t>
  </si>
  <si>
    <t>\\acsfs\profiles$\ingridsm\Downloads\11ca987c-1a11-4465-a5ce-3dd7415bd307.tmp</t>
  </si>
  <si>
    <t>01/20/2020 20:20:25</t>
  </si>
  <si>
    <t>01/20/2020 20:25:25</t>
  </si>
  <si>
    <t>01/20/2020 20:23:50</t>
  </si>
  <si>
    <t>01/20/2020 20:20:48</t>
  </si>
  <si>
    <t>01/20/2020 20:26:25</t>
  </si>
  <si>
    <t>e75f55b4-09bb-4885-824b-20f85c96afaa.tmp</t>
  </si>
  <si>
    <t>\\acsfs\profiles$\brendadsl\Downloads\e75f55b4-09bb-4885-824b-20f85c96afaa.tmp</t>
  </si>
  <si>
    <t>01/20/2020 20:22:29</t>
  </si>
  <si>
    <t>01/20/2020 20:27:24</t>
  </si>
  <si>
    <t>01/20/2020 20:26:03</t>
  </si>
  <si>
    <t>01/20/2020 20:28:25</t>
  </si>
  <si>
    <t>01/20/2020 20:27:50</t>
  </si>
  <si>
    <t>01/20/2020 20:29:25</t>
  </si>
  <si>
    <t>01/20/2020 20:28:07</t>
  </si>
  <si>
    <t>01/20/2020 20:28:20</t>
  </si>
  <si>
    <t>01/20/2020 20:27:39</t>
  </si>
  <si>
    <t>01/20/2020 20:31:25</t>
  </si>
  <si>
    <t>1db7c7e7-015d-4ce5-947b-fe76bb3707a1.tmp</t>
  </si>
  <si>
    <t>\\acsfs\profiles$\brendadsl\Downloads\1db7c7e7-015d-4ce5-947b-fe76bb3707a1.tmp</t>
  </si>
  <si>
    <t>01/20/2020 20:30:43</t>
  </si>
  <si>
    <t>d70c54ca-5ab0-4d0e-b2c0-6910b2e932a6.tmp</t>
  </si>
  <si>
    <t>\\acsfs\profiles$\gabrielamdp\Downloads\d70c54ca-5ab0-4d0e-b2c0-6910b2e932a6.tmp</t>
  </si>
  <si>
    <t>01/20/2020 20:29:44</t>
  </si>
  <si>
    <t>01/20/2020 20:33:25</t>
  </si>
  <si>
    <t>da3bde78-3740-4432-8edf-3f94fdcfaf6a.tmp</t>
  </si>
  <si>
    <t>\\acsfs\profiles$\ingridsm\Downloads\da3bde78-3740-4432-8edf-3f94fdcfaf6a.tmp</t>
  </si>
  <si>
    <t>01/20/2020 20:30:06</t>
  </si>
  <si>
    <t>01/20/2020 20:33:06</t>
  </si>
  <si>
    <t>01/20/2020 20:34:25</t>
  </si>
  <si>
    <t>01/20/2020 20:34:49</t>
  </si>
  <si>
    <t>01/20/2020 20:35:24</t>
  </si>
  <si>
    <t>01/20/2020 20:30:48</t>
  </si>
  <si>
    <t>01/20/2020 20:36:25</t>
  </si>
  <si>
    <t>01/20/2020 20:30:49</t>
  </si>
  <si>
    <t>01/20/2020 20:34:13</t>
  </si>
  <si>
    <t>Planilha do Microsoft Excel4.xlsx</t>
  </si>
  <si>
    <t>Planilha do Microsoft Excel5.xlsx</t>
  </si>
  <si>
    <t>01/20/2020 20:31:58</t>
  </si>
  <si>
    <t>01/20/2020 20:31:59</t>
  </si>
  <si>
    <t>01/20/2020 20:38:25</t>
  </si>
  <si>
    <t>01/20/2020 20:37:49</t>
  </si>
  <si>
    <t>01/20/2020 20:39:25</t>
  </si>
  <si>
    <t>01/20/2020 20:36:00</t>
  </si>
  <si>
    <t>01/20/2020 20:43:26</t>
  </si>
  <si>
    <t>01/20/2020 20:42:46</t>
  </si>
  <si>
    <t>01/20/2020 20:44:25</t>
  </si>
  <si>
    <t>01/20/2020 20:40:19</t>
  </si>
  <si>
    <t>01/20/2020 20:42:43</t>
  </si>
  <si>
    <t>01/20/2020 20:45:26</t>
  </si>
  <si>
    <t>b1228e3d-c930-4a18-b09d-6fa55349a890.tmp</t>
  </si>
  <si>
    <t>\\acsfs\profiles$\victorgl\Downloads\b1228e3d-c930-4a18-b09d-6fa55349a890.tmp</t>
  </si>
  <si>
    <t>01/20/2020 20:43:45</t>
  </si>
  <si>
    <t>01/20/2020 20:48:25</t>
  </si>
  <si>
    <t>01/20/2020 20:44:57</t>
  </si>
  <si>
    <t>01/20/2020 20:46:52</t>
  </si>
  <si>
    <t>01/20/2020 20:49:25</t>
  </si>
  <si>
    <t>01/20/2020 20:45:49</t>
  </si>
  <si>
    <t>01/20/2020 20:50:24</t>
  </si>
  <si>
    <t>01/20/2020 20:48:44</t>
  </si>
  <si>
    <t>01/20/2020 20:51:25</t>
  </si>
  <si>
    <t>01/20/2020 20:49:57</t>
  </si>
  <si>
    <t>01/20/2020 20:52:24</t>
  </si>
  <si>
    <t>01/20/2020 20:49:47</t>
  </si>
  <si>
    <t>01/20/2020 20:53:25</t>
  </si>
  <si>
    <t>01/20/2020 20:49:20</t>
  </si>
  <si>
    <t>01/20/2020 20:56:24</t>
  </si>
  <si>
    <t>01/20/2020 20:51:51</t>
  </si>
  <si>
    <t>01/20/2020 20:51:24</t>
  </si>
  <si>
    <t>01/20/2020 20:55:23</t>
  </si>
  <si>
    <t>c080d061-2994-4e73-97e8-d5fa2f4b7fdb.tmp</t>
  </si>
  <si>
    <t>\\acsfs\profiles$\taylaedoa\Downloads\c080d061-2994-4e73-97e8-d5fa2f4b7fdb.tmp</t>
  </si>
  <si>
    <t>01/20/2020 20:56:35</t>
  </si>
  <si>
    <t>01/20/2020 20:57:25</t>
  </si>
  <si>
    <t>XLOG_anakcs_20012020_124238.log</t>
  </si>
  <si>
    <t>\\acsfs\profiles$\anakcs\My Documents\xworkcenter\logs\XLOG_anakcs_20012020_124238.log</t>
  </si>
  <si>
    <t>01/20/2020 20:53:22</t>
  </si>
  <si>
    <t>01/20/2020 20:58:25</t>
  </si>
  <si>
    <t>01/20/2020 20:56:56</t>
  </si>
  <si>
    <t>01/20/2020 21:00:25</t>
  </si>
  <si>
    <t>01/20/2020 21:01:26</t>
  </si>
  <si>
    <t>01/20/2020 20:56:52</t>
  </si>
  <si>
    <t>01/20/2020 20:59:39</t>
  </si>
  <si>
    <t>01/20/2020 21:02:25</t>
  </si>
  <si>
    <t>01/20/2020 21:01:55</t>
  </si>
  <si>
    <t>1a9ff492-0a16-4f87-a73d-337f2b53a8d2.tmp</t>
  </si>
  <si>
    <t>\\acsfs\profiles$\nathaliaos\Downloads\1a9ff492-0a16-4f87-a73d-337f2b53a8d2.tmp</t>
  </si>
  <si>
    <t>01/20/2020 21:01:32</t>
  </si>
  <si>
    <t>01/20/2020 21:03:25</t>
  </si>
  <si>
    <t>01/20/2020 21:03:00</t>
  </si>
  <si>
    <t>01/20/2020 21:04:25</t>
  </si>
  <si>
    <t>01/20/2020 21:02:46</t>
  </si>
  <si>
    <t>Formulário TTV - Lançamento de Hora Extra (5).xlsx</t>
  </si>
  <si>
    <t>01/20/2020 21:03:23</t>
  </si>
  <si>
    <t>01/20/2020 21:03:39</t>
  </si>
  <si>
    <t>01/20/2020 21:02:50</t>
  </si>
  <si>
    <t>01/20/2020 21:05:25</t>
  </si>
  <si>
    <t>01/20/2020 21:08:25</t>
  </si>
  <si>
    <t>01/20/2020 21:13:25</t>
  </si>
  <si>
    <t>01/20/2020 21:13:19</t>
  </si>
  <si>
    <t>01/20/2020 21:14:25</t>
  </si>
  <si>
    <t>01/20/2020 21:11:58</t>
  </si>
  <si>
    <t>01/20/2020 21:15:25</t>
  </si>
  <si>
    <t>01/20/2020 21:13:26</t>
  </si>
  <si>
    <t>01/20/2020 21:17:25</t>
  </si>
  <si>
    <t>01/20/2020 21:18:25</t>
  </si>
  <si>
    <t>01/20/2020 21:16:12</t>
  </si>
  <si>
    <t>01/20/2020 21:19:25</t>
  </si>
  <si>
    <t>01/20/2020 21:18:01</t>
  </si>
  <si>
    <t>01/20/2020 21:20:25</t>
  </si>
  <si>
    <t>5620ee3e-e509-4207-90c7-148ab6d33233.tmp</t>
  </si>
  <si>
    <t>\\acsfs\profiles$\nycolleemdj\Downloads\5620ee3e-e509-4207-90c7-148ab6d33233.tmp</t>
  </si>
  <si>
    <t>01/20/2020 21:17:16</t>
  </si>
  <si>
    <t>01/20/2020 21:21:26</t>
  </si>
  <si>
    <t>87c113a4-2750-4f74-b133-91fbe0a67208.tmp</t>
  </si>
  <si>
    <t>\\acsfs\profiles$\brendadsl\Downloads\87c113a4-2750-4f74-b133-91fbe0a67208.tmp</t>
  </si>
  <si>
    <t>01/20/2020 21:21:35</t>
  </si>
  <si>
    <t>01/20/2020 21:23:25</t>
  </si>
  <si>
    <t>01/20/2020 21:21:02</t>
  </si>
  <si>
    <t>01/20/2020 21:24:25</t>
  </si>
  <si>
    <t>01/20/2020 21:19:15</t>
  </si>
  <si>
    <t>0cdf2316-b7de-41b5-804e-e4d0c1b9b13a.tmp</t>
  </si>
  <si>
    <t>\\acsfs\profiles$\KARENJSS\Downloads\0cdf2316-b7de-41b5-804e-e4d0c1b9b13a.tmp</t>
  </si>
  <si>
    <t>01/20/2020 21:19:44</t>
  </si>
  <si>
    <t>01/20/2020 21:25:25</t>
  </si>
  <si>
    <t>cdb8ba59-3957-40f0-acf0-bc8b3a90022e</t>
  </si>
  <si>
    <t>cdb8ba59-3957-40f0-acf0-bc8b3a90022e;</t>
  </si>
  <si>
    <t>01/20/2020 21:19:46</t>
  </si>
  <si>
    <t>01/20/2020 21:19:48</t>
  </si>
  <si>
    <t>01/20/2020 21:19:50</t>
  </si>
  <si>
    <t>01/20/2020 21:19:53</t>
  </si>
  <si>
    <t>01/20/2020 21:19:54</t>
  </si>
  <si>
    <t>bgrayenywbdwabdfxvdoe0fctvkjgasmw1dktlxrqljcc0dmdvnfwwhd;</t>
  </si>
  <si>
    <t>https://bgrayenywbdwabdfxvdoe0fctvkjgasmw1dktlxrqljcc0dmdvnfwwhd</t>
  </si>
  <si>
    <t>01/20/2020 21:19:56</t>
  </si>
  <si>
    <t>01/20/2020 21:28:25</t>
  </si>
  <si>
    <t>01/20/2020 21:27:46</t>
  </si>
  <si>
    <t>01/20/2020 21:31:25</t>
  </si>
  <si>
    <t>6f59d22a-51d1-4476-b38d-669b912db002.tmp</t>
  </si>
  <si>
    <t>\\acsfs\profiles$\edicarlosdl\Downloads\6f59d22a-51d1-4476-b38d-669b912db002.tmp</t>
  </si>
  <si>
    <t>01/20/2020 21:30:31</t>
  </si>
  <si>
    <t>01/20/2020 21:32:25</t>
  </si>
  <si>
    <t>01/20/2020 21:28:14</t>
  </si>
  <si>
    <t>01/20/2020 21:33:25</t>
  </si>
  <si>
    <t>01/20/2020 21:28:22</t>
  </si>
  <si>
    <t>01/20/2020 21:33:37</t>
  </si>
  <si>
    <t>01/20/2020 21:36:25</t>
  </si>
  <si>
    <t>5150d983-a997-4f10-ac07-247d8a40dca5.tmp</t>
  </si>
  <si>
    <t>\\acsfs\profiles$\gabrielamdp\Downloads\5150d983-a997-4f10-ac07-247d8a40dca5.tmp</t>
  </si>
  <si>
    <t>01/20/2020 21:38:25</t>
  </si>
  <si>
    <t>01/20/2020 21:38:40</t>
  </si>
  <si>
    <t>01/20/2020 21:40:25</t>
  </si>
  <si>
    <t>01/20/2020 21:40:54</t>
  </si>
  <si>
    <t>01/20/2020 21:41:24</t>
  </si>
  <si>
    <t>01/20/2020 21:39:10</t>
  </si>
  <si>
    <t>01/20/2020 21:43:24</t>
  </si>
  <si>
    <t>01/20/2020 21:44:58</t>
  </si>
  <si>
    <t>01/20/2020 21:46:25</t>
  </si>
  <si>
    <t>360b3ea1-e361-4438-9e3e-7ab961e00aef.tmp</t>
  </si>
  <si>
    <t>\\acsfs\profiles$\brendadsl\Downloads\360b3ea1-e361-4438-9e3e-7ab961e00aef.tmp</t>
  </si>
  <si>
    <t>01/20/2020 21:45:25</t>
  </si>
  <si>
    <t>12774606-ed75-407c-b7e8-e9fe180efc48.tmp</t>
  </si>
  <si>
    <t>\\acsfs\profiles$\brendadsl\Downloads\12774606-ed75-407c-b7e8-e9fe180efc48.tmp</t>
  </si>
  <si>
    <t>01/20/2020 21:48:25</t>
  </si>
  <si>
    <t>01/20/2020 21:49:45</t>
  </si>
  <si>
    <t>01/20/2020 21:52:25</t>
  </si>
  <si>
    <t>1e7e47c3-9280-4ef2-9d0d-a9710a2e0b1d.tmp</t>
  </si>
  <si>
    <t>\\acsfs\profiles$\ROBERTM\Downloads\1e7e47c3-9280-4ef2-9d0d-a9710a2e0b1d.tmp</t>
  </si>
  <si>
    <t>01/20/2020 21:51:41</t>
  </si>
  <si>
    <t>87ce1fb3-06eb-4506-bddd-dc5c25d6e90d.tmp</t>
  </si>
  <si>
    <t>\\acsfs\profiles$\ROBERTM\Downloads\87ce1fb3-06eb-4506-bddd-dc5c25d6e90d.tmp</t>
  </si>
  <si>
    <t>01/20/2020 21:53:25</t>
  </si>
  <si>
    <t>01/20/2020 21:55:39</t>
  </si>
  <si>
    <t>01/20/2020 21:57:25</t>
  </si>
  <si>
    <t>01/20/2020 21:52:33</t>
  </si>
  <si>
    <t>d3e3cf05-5fbb-4737-9c26-5a280c457233.tmp</t>
  </si>
  <si>
    <t>\\acsfs\profiles$\ROBERTM\Downloads\d3e3cf05-5fbb-4737-9c26-5a280c457233.tmp</t>
  </si>
  <si>
    <t>01/20/2020 21:57:39</t>
  </si>
  <si>
    <t>01/20/2020 21:58:25</t>
  </si>
  <si>
    <t>https://udpmailboxap01/h/search?si=0&amp;so=0&amp;sc=79612&amp;sfi=6&amp;st=conversation&amp;action=compose</t>
  </si>
  <si>
    <t>lorenacagf@bv.algartech.com;</t>
  </si>
  <si>
    <t>https://lorenacagf@bv.algartech.com</t>
  </si>
  <si>
    <t>01/20/2020 21:57:46</t>
  </si>
  <si>
    <t>01/20/2020 21:59:24</t>
  </si>
  <si>
    <t>01/20/2020 22:00:25</t>
  </si>
  <si>
    <t>XLOG_thaisdss_20012020_182231.log</t>
  </si>
  <si>
    <t>\\acsfs\profiles$\thaisdss\My Documents\xworkcenter\logs\XLOG_thaisdss_20012020_182231.log</t>
  </si>
  <si>
    <t>01/20/2020 21:59:22</t>
  </si>
  <si>
    <t>01/20/2020 22:01:24</t>
  </si>
  <si>
    <t>01/20/2020 22:03:25</t>
  </si>
  <si>
    <t>01/20/2020 22:04:25</t>
  </si>
  <si>
    <t>01/20/2020 22:03:03</t>
  </si>
  <si>
    <t>01/20/2020 22:05:26</t>
  </si>
  <si>
    <t>01/20/2020 22:02:32</t>
  </si>
  <si>
    <t>01/20/2020 22:08:25</t>
  </si>
  <si>
    <t>01/20/2020 22:09:25</t>
  </si>
  <si>
    <t>01/20/2020 22:04:55</t>
  </si>
  <si>
    <t>01/20/2020 22:06:16</t>
  </si>
  <si>
    <t>01/20/2020 22:09:09</t>
  </si>
  <si>
    <t>01/20/2020 22:11:25</t>
  </si>
  <si>
    <t>01/20/2020 22:06:44</t>
  </si>
  <si>
    <t>d7ed6f2f-da31-4ba2-8fd4-778d99372ef5.tmp</t>
  </si>
  <si>
    <t>\\acsfs\profiles$\taylaedoa\Downloads\d7ed6f2f-da31-4ba2-8fd4-778d99372ef5.tmp</t>
  </si>
  <si>
    <t>01/20/2020 22:09:39</t>
  </si>
  <si>
    <t>01/20/2020 22:13:25</t>
  </si>
  <si>
    <t>01/20/2020 22:14:25</t>
  </si>
  <si>
    <t>01/20/2020 22:13:21</t>
  </si>
  <si>
    <t>01/20/2020 22:12:08</t>
  </si>
  <si>
    <t>01/20/2020 22:16:25</t>
  </si>
  <si>
    <t>3d665cc2-0ed5-45c8-a356-e843f6871931.tmp</t>
  </si>
  <si>
    <t>\\acsfs\profiles$\gabrielamdp\Downloads\3d665cc2-0ed5-45c8-a356-e843f6871931.tmp</t>
  </si>
  <si>
    <t>01/20/2020 22:15:10</t>
  </si>
  <si>
    <t>01/20/2020 22:18:25</t>
  </si>
  <si>
    <t>01/20/2020 22:19:25</t>
  </si>
  <si>
    <t>01/20/2020 22:24:25</t>
  </si>
  <si>
    <t>01/20/2020 22:20:50</t>
  </si>
  <si>
    <t>01/20/2020 22:21:22</t>
  </si>
  <si>
    <t>01/20/2020 22:26:25</t>
  </si>
  <si>
    <t>01/20/2020 22:22:47</t>
  </si>
  <si>
    <t>01/20/2020 22:29:25</t>
  </si>
  <si>
    <t>01/20/2020 22:28:29</t>
  </si>
  <si>
    <t>01/20/2020 22:31:25</t>
  </si>
  <si>
    <t>lu1398813h79.tmp</t>
  </si>
  <si>
    <t>\\acsfs\profiles$\jalilebds\Downloads\lu1398813h79.tmp</t>
  </si>
  <si>
    <t>01/20/2020 22:27:48</t>
  </si>
  <si>
    <t>01/20/2020 22:32:25</t>
  </si>
  <si>
    <t>01/20/2020 22:28:33</t>
  </si>
  <si>
    <t>01/20/2020 22:30:39</t>
  </si>
  <si>
    <t>06eb88b2-9585-492f-b0b5-42350ea2b1de.tmp</t>
  </si>
  <si>
    <t>\\acsfs\profiles$\nathaliaos\Downloads\06eb88b2-9585-492f-b0b5-42350ea2b1de.tmp</t>
  </si>
  <si>
    <t>01/20/2020 22:34:25</t>
  </si>
  <si>
    <t>01/20/2020 22:33:04</t>
  </si>
  <si>
    <t>01/20/2020 22:35:25</t>
  </si>
  <si>
    <t>01/20/2020 22:35:42</t>
  </si>
  <si>
    <t>01/20/2020 22:37:25</t>
  </si>
  <si>
    <t>01/20/2020 22:35:58</t>
  </si>
  <si>
    <t>01/20/2020 22:38:25</t>
  </si>
  <si>
    <t>01/20/2020 22:39:25</t>
  </si>
  <si>
    <t>01/20/2020 22:36:26</t>
  </si>
  <si>
    <t>01/20/2020 22:40:25</t>
  </si>
  <si>
    <t>01/20/2020 22:38:56</t>
  </si>
  <si>
    <t>01/20/2020 22:42:25</t>
  </si>
  <si>
    <t>01/20/2020 22:44:25</t>
  </si>
  <si>
    <t>01/20/2020 22:49:25</t>
  </si>
  <si>
    <t>01/20/2020 22:46:57</t>
  </si>
  <si>
    <t>01/20/2020 22:51:25</t>
  </si>
  <si>
    <t>\\acsfs\profiles$\taylaedoa\Favorites\NetScaler Gateway.url\</t>
  </si>
  <si>
    <t>\\acsfs\profiles$\taylaedoa\Favorites\NetScaler Gateway.url\:favicon:$DATA</t>
  </si>
  <si>
    <t>\\acsfs\profiles$\taylaedoa\Favorites\NetScaler Gateway.url</t>
  </si>
  <si>
    <t>01/20/2020 22:54:26</t>
  </si>
  <si>
    <t>01/20/2020 22:52:40</t>
  </si>
  <si>
    <t>01/20/2020 22:56:26</t>
  </si>
  <si>
    <t>01/20/2020 22:59:25</t>
  </si>
  <si>
    <t>01/20/2020 22:55:56</t>
  </si>
  <si>
    <t>557a1f23-95aa-41e7-88a3-5e111cb7711d.tmp</t>
  </si>
  <si>
    <t>\\acsfs\profiles$\mariaavds\Downloads\557a1f23-95aa-41e7-88a3-5e111cb7711d.tmp</t>
  </si>
  <si>
    <t>01/20/2020 22:56:12</t>
  </si>
  <si>
    <t>885d514b-e2aa-45b2-8f69-ad642959714f.tmp</t>
  </si>
  <si>
    <t>\\acsfs\profiles$\mariaavds\Downloads\885d514b-e2aa-45b2-8f69-ad642959714f.tmp</t>
  </si>
  <si>
    <t>01/20/2020 22:57:29</t>
  </si>
  <si>
    <t>49a29d60-014c-4451-82cc-a4906bf8c792.tmp</t>
  </si>
  <si>
    <t>\\acsfs\profiles$\mariaavds\Downloads\49a29d60-014c-4451-82cc-a4906bf8c792.tmp</t>
  </si>
  <si>
    <t>01/20/2020 23:04:26</t>
  </si>
  <si>
    <t>01/20/2020 23:00:02</t>
  </si>
  <si>
    <t>01/20/2020 23:03:53</t>
  </si>
  <si>
    <t>01/20/2020 23:02:16</t>
  </si>
  <si>
    <t>01/20/2020 23:06:25</t>
  </si>
  <si>
    <t>01/20/2020 23:02:10</t>
  </si>
  <si>
    <t>01/20/2020 23:03:45</t>
  </si>
  <si>
    <t>01/20/2020 23:07:25</t>
  </si>
  <si>
    <t>01/20/2020 23:09:25</t>
  </si>
  <si>
    <t>01/20/2020 23:08:47</t>
  </si>
  <si>
    <t>01/20/2020 23:11:25</t>
  </si>
  <si>
    <t>076ce0c3-56f6-4c62-bc3d-f2f0f76a3e76.tmp</t>
  </si>
  <si>
    <t>\\acsfs\profiles$\marlyannegdls\Downloads\076ce0c3-56f6-4c62-bc3d-f2f0f76a3e76.tmp</t>
  </si>
  <si>
    <t>01/20/2020 23:09:48</t>
  </si>
  <si>
    <t>95d0f9d8-62ac-4e19-9fea-38212ae55b10.tmp</t>
  </si>
  <si>
    <t>\\acsfs\profiles$\marlyannegdls\Downloads\95d0f9d8-62ac-4e19-9fea-38212ae55b10.tmp</t>
  </si>
  <si>
    <t>01/20/2020 23:07:03</t>
  </si>
  <si>
    <t>01/20/2020 23:12:25</t>
  </si>
  <si>
    <t>01/20/2020 23:14:26</t>
  </si>
  <si>
    <t>01/20/2020 23:19:26</t>
  </si>
  <si>
    <t>01/20/2020 23:18:19</t>
  </si>
  <si>
    <t>01/20/2020 23:21:26</t>
  </si>
  <si>
    <t>01/20/2020 23:21:07</t>
  </si>
  <si>
    <t>01/20/2020 23:22:26</t>
  </si>
  <si>
    <t>01/20/2020 23:24:26</t>
  </si>
  <si>
    <t>01/20/2020 23:19:15</t>
  </si>
  <si>
    <t>01/20/2020 23:22:06</t>
  </si>
  <si>
    <t>01/20/2020 23:27:26</t>
  </si>
  <si>
    <t>01/20/2020 23:29:26</t>
  </si>
  <si>
    <t>01/20/2020 23:27:09</t>
  </si>
  <si>
    <t>01/20/2020 23:30:59</t>
  </si>
  <si>
    <t>01/20/2020 23:33:25</t>
  </si>
  <si>
    <t>01/20/2020 23:34:26</t>
  </si>
  <si>
    <t>01/20/2020 23:31:14</t>
  </si>
  <si>
    <t>01/20/2020 23:30:54</t>
  </si>
  <si>
    <t>01/20/2020 23:35:25</t>
  </si>
  <si>
    <t>01/20/2020 23:33:23</t>
  </si>
  <si>
    <t>01/20/2020 23:36:26</t>
  </si>
  <si>
    <t>01/20/2020 23:39:25</t>
  </si>
  <si>
    <t>01/20/2020 23:44:26</t>
  </si>
  <si>
    <t>01/20/2020 23:41:13</t>
  </si>
  <si>
    <t>01/20/2020 23:44:28</t>
  </si>
  <si>
    <t>01/20/2020 23:47:26</t>
  </si>
  <si>
    <t>01/20/2020 23:45:40</t>
  </si>
  <si>
    <t>01/20/2020 23:49:26</t>
  </si>
  <si>
    <t>01/20/2020 23:47:40</t>
  </si>
  <si>
    <t>01/20/2020 23:52:41</t>
  </si>
  <si>
    <t>01/20/2020 23:53:26</t>
  </si>
  <si>
    <t>01/20/2020 23:51:38</t>
  </si>
  <si>
    <t>01/20/2020 23:51:34</t>
  </si>
  <si>
    <t>01/20/2020 23:54:25</t>
  </si>
  <si>
    <t>01/20/2020 23:57:39</t>
  </si>
  <si>
    <t>01/20/2020 23:58:26</t>
  </si>
  <si>
    <t>01/20/2020 23:59:27</t>
  </si>
  <si>
    <t>01/20/2020 23:59:40</t>
  </si>
  <si>
    <t>01/21/2020 00:01:27</t>
  </si>
  <si>
    <t>01/21/2020 00:01:33</t>
  </si>
  <si>
    <t>01/21/2020 00:03:27</t>
  </si>
  <si>
    <t>01/21/2020 00:04:26</t>
  </si>
  <si>
    <t>01/21/2020 00:02:18</t>
  </si>
  <si>
    <t>01/21/2020 00:03:32</t>
  </si>
  <si>
    <t>01/21/2020 00:03:14</t>
  </si>
  <si>
    <t>01/21/2020 00:05:27</t>
  </si>
  <si>
    <t>01/21/2020 00:03:10</t>
  </si>
  <si>
    <t>01/21/2020 00:04:15</t>
  </si>
  <si>
    <t>01/21/2020 00:06:26</t>
  </si>
  <si>
    <t>01/21/2020 00:04:52</t>
  </si>
  <si>
    <t>01/21/2020 00:02:40</t>
  </si>
  <si>
    <t>01/21/2020 00:04:38</t>
  </si>
  <si>
    <t>01/21/2020 00:08:26</t>
  </si>
  <si>
    <t>01/21/2020 00:04:30</t>
  </si>
  <si>
    <t>01/21/2020 00:09:26</t>
  </si>
  <si>
    <t>01/21/2020 00:07:01</t>
  </si>
  <si>
    <t>01/21/2020 00:06:13</t>
  </si>
  <si>
    <t>01/21/2020 00:06:02</t>
  </si>
  <si>
    <t>01/21/2020 00:10:26</t>
  </si>
  <si>
    <t>01/21/2020 00:08:27</t>
  </si>
  <si>
    <t>01/21/2020 00:11:26</t>
  </si>
  <si>
    <t>01/21/2020 00:09:45</t>
  </si>
  <si>
    <t>01/21/2020 00:09:04</t>
  </si>
  <si>
    <t>01/21/2020 00:12:26</t>
  </si>
  <si>
    <t>01/21/2020 00:11:04</t>
  </si>
  <si>
    <t>01/21/2020 00:11:12</t>
  </si>
  <si>
    <t>01/21/2020 00:13:26</t>
  </si>
  <si>
    <t>01/21/2020 00:11:31</t>
  </si>
  <si>
    <t>01/21/2020 00:07:51</t>
  </si>
  <si>
    <t>01/21/2020 00:11:56</t>
  </si>
  <si>
    <t>01/21/2020 00:14:27</t>
  </si>
  <si>
    <t>01/21/2020 00:10:06</t>
  </si>
  <si>
    <t>01/21/2020 00:12:22</t>
  </si>
  <si>
    <t>01/21/2020 00:12:49</t>
  </si>
  <si>
    <t>01/21/2020 00:12:56</t>
  </si>
  <si>
    <t>01/21/2020 00:15:27</t>
  </si>
  <si>
    <t>01/21/2020 00:14:12</t>
  </si>
  <si>
    <t>01/21/2020 00:15:39</t>
  </si>
  <si>
    <t>01/21/2020 00:16:26</t>
  </si>
  <si>
    <t>01/21/2020 00:17:26</t>
  </si>
  <si>
    <t>01/21/2020 00:15:59</t>
  </si>
  <si>
    <t>01/21/2020 00:15:09</t>
  </si>
  <si>
    <t>01/21/2020 00:19:26</t>
  </si>
  <si>
    <t>01/21/2020 00:17:43</t>
  </si>
  <si>
    <t>01/21/2020 00:20:26</t>
  </si>
  <si>
    <t>01/21/2020 00:21:39</t>
  </si>
  <si>
    <t>01/21/2020 00:23:27</t>
  </si>
  <si>
    <t>01/21/2020 00:24:26</t>
  </si>
  <si>
    <t>01/21/2020 00:22:10</t>
  </si>
  <si>
    <t>01/21/2020 00:26:26</t>
  </si>
  <si>
    <t>01/21/2020 00:27:35</t>
  </si>
  <si>
    <t>01/21/2020 00:28:26</t>
  </si>
  <si>
    <t>01/21/2020 00:29:26</t>
  </si>
  <si>
    <t>01/21/2020 00:28:25</t>
  </si>
  <si>
    <t>01/21/2020 00:30:27</t>
  </si>
  <si>
    <t>01/21/2020 00:28:40</t>
  </si>
  <si>
    <t>01/21/2020 00:31:27</t>
  </si>
  <si>
    <t>01/21/2020 00:28:03</t>
  </si>
  <si>
    <t>01/21/2020 00:29:28</t>
  </si>
  <si>
    <t>01/21/2020 00:34:26</t>
  </si>
  <si>
    <t>01/21/2020 00:32:14</t>
  </si>
  <si>
    <t>01/21/2020 00:43:23</t>
  </si>
  <si>
    <t>01/21/2020 00:44:26</t>
  </si>
  <si>
    <t>01/21/2020 00:45:35</t>
  </si>
  <si>
    <t>01/21/2020 00:46:26</t>
  </si>
  <si>
    <t>01/21/2020 00:43:02</t>
  </si>
  <si>
    <t>01/21/2020 00:47:26</t>
  </si>
  <si>
    <t>01/21/2020 00:49:26</t>
  </si>
  <si>
    <t>01/21/2020 00:48:54</t>
  </si>
  <si>
    <t>01/21/2020 00:48:56</t>
  </si>
  <si>
    <t>01/21/2020 00:51:26</t>
  </si>
  <si>
    <t>01/21/2020 00:54:27</t>
  </si>
  <si>
    <t>01/21/2020 00:55:46</t>
  </si>
  <si>
    <t>01/21/2020 00:58:27</t>
  </si>
  <si>
    <t>01/21/2020 00:59:27</t>
  </si>
  <si>
    <t>01/21/2020 00:59:06</t>
  </si>
  <si>
    <t>01/21/2020 01:00:26</t>
  </si>
  <si>
    <t>01/21/2020 00:59:00</t>
  </si>
  <si>
    <t>01/21/2020 01:19:26</t>
  </si>
  <si>
    <t>01/21/2020 01:07:31</t>
  </si>
  <si>
    <t>01/21/2020 01:20:26</t>
  </si>
  <si>
    <t>01/21/2020 01:17:45</t>
  </si>
  <si>
    <t>01/21/2020 01:21:26</t>
  </si>
  <si>
    <t>01/21/2020 01:22:26</t>
  </si>
  <si>
    <t>01/21/2020 01:23:27</t>
  </si>
  <si>
    <t>01/21/2020 01:17:00</t>
  </si>
  <si>
    <t>01/21/2020 01:14:38</t>
  </si>
  <si>
    <t>01/21/2020 01:26:15</t>
  </si>
  <si>
    <t>01/21/2020 01:26:28</t>
  </si>
  <si>
    <t>01/21/2020 01:28:28</t>
  </si>
  <si>
    <t>01/21/2020 01:28:26</t>
  </si>
  <si>
    <t>01/21/2020 01:30:28</t>
  </si>
  <si>
    <t>01/21/2020 01:33:27</t>
  </si>
  <si>
    <t>01/21/2020 01:38:27</t>
  </si>
  <si>
    <t>01/21/2020 01:43:27</t>
  </si>
  <si>
    <t>01/21/2020 01:48:28</t>
  </si>
  <si>
    <t>01/21/2020 01:44:16</t>
  </si>
  <si>
    <t>01/21/2020 01:45:38</t>
  </si>
  <si>
    <t>01/21/2020 01:49:27</t>
  </si>
  <si>
    <t>01/21/2020 01:48:40</t>
  </si>
  <si>
    <t>01/21/2020 01:53:28</t>
  </si>
  <si>
    <t>01/21/2020 01:52:46</t>
  </si>
  <si>
    <t>01/21/2020 01:55:27</t>
  </si>
  <si>
    <t>01/21/2020 01:58:27</t>
  </si>
  <si>
    <t>01/21/2020 02:03:27</t>
  </si>
  <si>
    <t>01/21/2020 02:04:35</t>
  </si>
  <si>
    <t>01/21/2020 02:07:28</t>
  </si>
  <si>
    <t>01/21/2020 02:08:27</t>
  </si>
  <si>
    <t>01/21/2020 02:04:00</t>
  </si>
  <si>
    <t>01/21/2020 02:06:38</t>
  </si>
  <si>
    <t>01/21/2020 02:10:27</t>
  </si>
  <si>
    <t>01/21/2020 02:06:53</t>
  </si>
  <si>
    <t>01/21/2020 02:11:27</t>
  </si>
  <si>
    <t>01/21/2020 02:11:07</t>
  </si>
  <si>
    <t>01/21/2020 02:12:27</t>
  </si>
  <si>
    <t>01/21/2020 02:13:28</t>
  </si>
  <si>
    <t>01/21/2020 02:12:28</t>
  </si>
  <si>
    <t>01/21/2020 02:10:40</t>
  </si>
  <si>
    <t>01/21/2020 02:18:27</t>
  </si>
  <si>
    <t>01/21/2020 02:15:41</t>
  </si>
  <si>
    <t>01/21/2020 02:16:12</t>
  </si>
  <si>
    <t>01/21/2020 02:23:27</t>
  </si>
  <si>
    <t>01/21/2020 02:24:33</t>
  </si>
  <si>
    <t>01/21/2020 02:25:28</t>
  </si>
  <si>
    <t>01/21/2020 02:26:04</t>
  </si>
  <si>
    <t>01/21/2020 02:27:28</t>
  </si>
  <si>
    <t>01/21/2020 02:28:27</t>
  </si>
  <si>
    <t>01/21/2020 02:23:29</t>
  </si>
  <si>
    <t>01/21/2020 02:28:07</t>
  </si>
  <si>
    <t>01/21/2020 02:30:27</t>
  </si>
  <si>
    <t>01/21/2020 04:23:47</t>
  </si>
  <si>
    <t>01/21/2020 02:28:16</t>
  </si>
  <si>
    <t>01/21/2020 04:23:48</t>
  </si>
  <si>
    <t>01/21/2020 04:23:49</t>
  </si>
  <si>
    <t>01/21/2020 02:28:57</t>
  </si>
  <si>
    <t>01/21/2020 02:45:52</t>
  </si>
  <si>
    <t>01/21/2020 02:51:55</t>
  </si>
  <si>
    <t>01/21/2020 02:35:00</t>
  </si>
  <si>
    <t>01/21/2020 02:47:54</t>
  </si>
  <si>
    <t>01/21/2020 02:55:40</t>
  </si>
  <si>
    <t>01/21/2020 02:53:30</t>
  </si>
  <si>
    <t>01/21/2020 02:53:59</t>
  </si>
  <si>
    <t>01/21/2020 03:05:53</t>
  </si>
  <si>
    <t>01/21/2020 02:34:52</t>
  </si>
  <si>
    <t>01/21/2020 04:09:44</t>
  </si>
  <si>
    <t>01/21/2020 04:09:45</t>
  </si>
  <si>
    <t>01/21/2020 04:09:46</t>
  </si>
  <si>
    <t>01/21/2020 04:09:47</t>
  </si>
  <si>
    <t>01/21/2020 04:09:48</t>
  </si>
  <si>
    <t>01/21/2020 04:09:54</t>
  </si>
  <si>
    <t>01/21/2020 04:09:55</t>
  </si>
  <si>
    <t>01/21/2020 04:10:00</t>
  </si>
  <si>
    <t>01/21/2020 04:10:34</t>
  </si>
  <si>
    <t>01/21/2020 04:10:35</t>
  </si>
  <si>
    <t>01/21/2020 04:11:20</t>
  </si>
  <si>
    <t>01/21/2020 04:11:24</t>
  </si>
  <si>
    <t>01/21/2020 04:11:25</t>
  </si>
  <si>
    <t>01/21/2020 04:11:29</t>
  </si>
  <si>
    <t>01/21/2020 04:11:30</t>
  </si>
  <si>
    <t>01/21/2020 04:12:25</t>
  </si>
  <si>
    <t>01/21/2020 04:12:27</t>
  </si>
  <si>
    <t>01/21/2020 04:12:28</t>
  </si>
  <si>
    <t>01/21/2020 04:12:29</t>
  </si>
  <si>
    <t>01/21/2020 04:12:30</t>
  </si>
  <si>
    <t>01/21/2020 04:12:31</t>
  </si>
  <si>
    <t>01/21/2020 04:12:32</t>
  </si>
  <si>
    <t>01/21/2020 04:12:33</t>
  </si>
  <si>
    <t>01/21/2020 04:12:34</t>
  </si>
  <si>
    <t>01/21/2020 04:12:35</t>
  </si>
  <si>
    <t>01/21/2020 04:12:36</t>
  </si>
  <si>
    <t>01/21/2020 04:15:03</t>
  </si>
  <si>
    <t>01/21/2020 04:18:03</t>
  </si>
  <si>
    <t>01/21/2020 04:19:15</t>
  </si>
  <si>
    <t>01/21/2020 04:25:28</t>
  </si>
  <si>
    <t>01/21/2020 04:21:03</t>
  </si>
  <si>
    <t>01/21/2020 04:26:27</t>
  </si>
  <si>
    <t>01/21/2020 04:24:02</t>
  </si>
  <si>
    <t>01/21/2020 04:25:13</t>
  </si>
  <si>
    <t>01/21/2020 04:27:28</t>
  </si>
  <si>
    <t>01/21/2020 04:30:28</t>
  </si>
  <si>
    <t>01/21/2020 04:27:02</t>
  </si>
  <si>
    <t>01/21/2020 04:31:27</t>
  </si>
  <si>
    <t>01/21/2020 04:30:02</t>
  </si>
  <si>
    <t>01/21/2020 04:31:23</t>
  </si>
  <si>
    <t>01/21/2020 04:35:27</t>
  </si>
  <si>
    <t>01/21/2020 04:34:19</t>
  </si>
  <si>
    <t>01/21/2020 04:33:02</t>
  </si>
  <si>
    <t>01/21/2020 04:36:27</t>
  </si>
  <si>
    <t>01/21/2020 04:33:34</t>
  </si>
  <si>
    <t>01/21/2020 04:34:43</t>
  </si>
  <si>
    <t>01/21/2020 04:33:17</t>
  </si>
  <si>
    <t>01/21/2020 04:33:08</t>
  </si>
  <si>
    <t>01/21/2020 04:37:27</t>
  </si>
  <si>
    <t>25379346-146c-4803-b786-0c005ff8e1dc.tmp</t>
  </si>
  <si>
    <t>\\acsfs\profiles$\ROBERTM\Downloads\25379346-146c-4803-b786-0c005ff8e1dc.tmp</t>
  </si>
  <si>
    <t>01/21/2020 04:34:14</t>
  </si>
  <si>
    <t>bacd19f8-f1fc-4bed-a155-a95e8d7a7beb.tmp</t>
  </si>
  <si>
    <t>\\acsfs\profiles$\ROBERTM\Downloads\bacd19f8-f1fc-4bed-a155-a95e8d7a7beb.tmp</t>
  </si>
  <si>
    <t>01/21/2020 04:36:15</t>
  </si>
  <si>
    <t>01/21/2020 04:39:27</t>
  </si>
  <si>
    <t>01/21/2020 04:36:21</t>
  </si>
  <si>
    <t>01/21/2020 04:40:28</t>
  </si>
  <si>
    <t>01/21/2020 04:36:02</t>
  </si>
  <si>
    <t>01/21/2020 04:41:27</t>
  </si>
  <si>
    <t>01/21/2020 04:38:49</t>
  </si>
  <si>
    <t>01/21/2020 04:38:50</t>
  </si>
  <si>
    <t>01/21/2020 04:40:30</t>
  </si>
  <si>
    <t>01/21/2020 04:40:25</t>
  </si>
  <si>
    <t>01/21/2020 04:44:27</t>
  </si>
  <si>
    <t>01/21/2020 04:40:45</t>
  </si>
  <si>
    <t>01/21/2020 04:45:28</t>
  </si>
  <si>
    <t>01/21/2020 04:42:02</t>
  </si>
  <si>
    <t>01/21/2020 04:46:27</t>
  </si>
  <si>
    <t>01/21/2020 04:44:03</t>
  </si>
  <si>
    <t>01/21/2020 04:44:52</t>
  </si>
  <si>
    <t>01/21/2020 04:48:27</t>
  </si>
  <si>
    <t>01/21/2020 04:51:27</t>
  </si>
  <si>
    <t>01/21/2020 04:46:06</t>
  </si>
  <si>
    <t>01/21/2020 04:48:03</t>
  </si>
  <si>
    <t>01/21/2020 04:50:03</t>
  </si>
  <si>
    <t>01/21/2020 04:47:52</t>
  </si>
  <si>
    <t>01/21/2020 04:53:27</t>
  </si>
  <si>
    <t>01/21/2020 04:56:27</t>
  </si>
  <si>
    <t>01/21/2020 04:54:03</t>
  </si>
  <si>
    <t>01/21/2020 04:55:34</t>
  </si>
  <si>
    <t>01/21/2020 04:57:28</t>
  </si>
  <si>
    <t>01/21/2020 04:57:25</t>
  </si>
  <si>
    <t>01/21/2020 04:58:27</t>
  </si>
  <si>
    <t>01/21/2020 04:58:42</t>
  </si>
  <si>
    <t>01/21/2020 04:59:27</t>
  </si>
  <si>
    <t>01/21/2020 05:01:27</t>
  </si>
  <si>
    <t>01/21/2020 04:56:03</t>
  </si>
  <si>
    <t>01/21/2020 05:05:27</t>
  </si>
  <si>
    <t>01/21/2020 05:00:03</t>
  </si>
  <si>
    <t>01/21/2020 05:02:52</t>
  </si>
  <si>
    <t>01/21/2020 05:03:47</t>
  </si>
  <si>
    <t>01/21/2020 05:06:27</t>
  </si>
  <si>
    <t>01/21/2020 05:05:03</t>
  </si>
  <si>
    <t>01/21/2020 05:08:27</t>
  </si>
  <si>
    <t>01/21/2020 05:02:03</t>
  </si>
  <si>
    <t>01/21/2020 05:06:03</t>
  </si>
  <si>
    <t>01/21/2020 05:07:36</t>
  </si>
  <si>
    <t>01/21/2020 05:09:47</t>
  </si>
  <si>
    <t>01/21/2020 05:10:27</t>
  </si>
  <si>
    <t>01/21/2020 05:11:27</t>
  </si>
  <si>
    <t>01/21/2020 05:09:28</t>
  </si>
  <si>
    <t>01/21/2020 05:13:27</t>
  </si>
  <si>
    <t>01/21/2020 05:11:31</t>
  </si>
  <si>
    <t>01/21/2020 05:12:03</t>
  </si>
  <si>
    <t>01/21/2020 05:09:10</t>
  </si>
  <si>
    <t>01/21/2020 05:14:27</t>
  </si>
  <si>
    <t>01/21/2020 05:11:05</t>
  </si>
  <si>
    <t>01/21/2020 05:15:27</t>
  </si>
  <si>
    <t>01/21/2020 05:16:27</t>
  </si>
  <si>
    <t>01/21/2020 05:12:50</t>
  </si>
  <si>
    <t>01/21/2020 05:17:15</t>
  </si>
  <si>
    <t>01/21/2020 05:18:27</t>
  </si>
  <si>
    <t>01/21/2020 05:13:03</t>
  </si>
  <si>
    <t>01/21/2020 05:15:47</t>
  </si>
  <si>
    <t>01/21/2020 05:20:27</t>
  </si>
  <si>
    <t>01/21/2020 05:19:29</t>
  </si>
  <si>
    <t>01/21/2020 05:21:27</t>
  </si>
  <si>
    <t>01/21/2020 05:20:19</t>
  </si>
  <si>
    <t>01/21/2020 05:22:28</t>
  </si>
  <si>
    <t>01/21/2020 05:21:03</t>
  </si>
  <si>
    <t>01/21/2020 05:23:27</t>
  </si>
  <si>
    <t>01/21/2020 05:18:03</t>
  </si>
  <si>
    <t>01/21/2020 05:19:03</t>
  </si>
  <si>
    <t>01/21/2020 05:21:47</t>
  </si>
  <si>
    <t>01/21/2020 05:25:27</t>
  </si>
  <si>
    <t>01/21/2020 05:26:28</t>
  </si>
  <si>
    <t>01/21/2020 05:24:03</t>
  </si>
  <si>
    <t>01/21/2020 05:28:27</t>
  </si>
  <si>
    <t>01/21/2020 05:25:03</t>
  </si>
  <si>
    <t>01/21/2020 05:27:31</t>
  </si>
  <si>
    <t>01/21/2020 05:27:09</t>
  </si>
  <si>
    <t>01/21/2020 05:29:27</t>
  </si>
  <si>
    <t>01/21/2020 05:27:35</t>
  </si>
  <si>
    <t>01/21/2020 05:30:27</t>
  </si>
  <si>
    <t>01/21/2020 05:27:47</t>
  </si>
  <si>
    <t>01/21/2020 05:31:28</t>
  </si>
  <si>
    <t>01/21/2020 05:30:03</t>
  </si>
  <si>
    <t>01/21/2020 05:33:28</t>
  </si>
  <si>
    <t>01/21/2020 05:31:03</t>
  </si>
  <si>
    <t>01/21/2020 05:33:47</t>
  </si>
  <si>
    <t>01/21/2020 05:35:28</t>
  </si>
  <si>
    <t>01/21/2020 05:34:27</t>
  </si>
  <si>
    <t>01/21/2020 05:36:27</t>
  </si>
  <si>
    <t>01/21/2020 05:33:25</t>
  </si>
  <si>
    <t>01/21/2020 05:33:12</t>
  </si>
  <si>
    <t>01/21/2020 05:35:00</t>
  </si>
  <si>
    <t>01/21/2020 05:38:27</t>
  </si>
  <si>
    <t>01/21/2020 05:36:03</t>
  </si>
  <si>
    <t>01/21/2020 05:36:36</t>
  </si>
  <si>
    <t>01/21/2020 05:40:27</t>
  </si>
  <si>
    <t>01/21/2020 05:39:47</t>
  </si>
  <si>
    <t>01/21/2020 05:41:27</t>
  </si>
  <si>
    <t>01/21/2020 05:38:14</t>
  </si>
  <si>
    <t>01/21/2020 05:42:28</t>
  </si>
  <si>
    <t>01/21/2020 05:40:03</t>
  </si>
  <si>
    <t>01/21/2020 05:43:27</t>
  </si>
  <si>
    <t>01/21/2020 05:42:03</t>
  </si>
  <si>
    <t>01/21/2020 05:43:32</t>
  </si>
  <si>
    <t>01/21/2020 05:44:27</t>
  </si>
  <si>
    <t>01/21/2020 05:42:00</t>
  </si>
  <si>
    <t>01/21/2020 05:45:27</t>
  </si>
  <si>
    <t>01/21/2020 05:46:27</t>
  </si>
  <si>
    <t>01/21/2020 05:46:03</t>
  </si>
  <si>
    <t>01/21/2020 05:48:27</t>
  </si>
  <si>
    <t>01/21/2020 05:47:41</t>
  </si>
  <si>
    <t>01/21/2020 05:49:28</t>
  </si>
  <si>
    <t>01/21/2020 05:45:47</t>
  </si>
  <si>
    <t>01/21/2020 05:50:27</t>
  </si>
  <si>
    <t>01/21/2020 05:49:47</t>
  </si>
  <si>
    <t>01/21/2020 05:49:10</t>
  </si>
  <si>
    <t>01/21/2020 05:51:27</t>
  </si>
  <si>
    <t>01/21/2020 05:49:55</t>
  </si>
  <si>
    <t>01/21/2020 05:52:27</t>
  </si>
  <si>
    <t>b2bf8907-194a-4e67-9343-049ed2c9f377.tmp</t>
  </si>
  <si>
    <t>\\acsfs\profiles$\ROZENCAM\Downloads\b2bf8907-194a-4e67-9343-049ed2c9f377.tmp</t>
  </si>
  <si>
    <t>01/21/2020 05:48:03</t>
  </si>
  <si>
    <t>01/21/2020 05:53:27</t>
  </si>
  <si>
    <t>01/21/2020 05:52:03</t>
  </si>
  <si>
    <t>01/21/2020 05:51:47</t>
  </si>
  <si>
    <t>01/21/2020 05:55:27</t>
  </si>
  <si>
    <t>01/21/2020 05:56:27</t>
  </si>
  <si>
    <t>01/21/2020 05:54:03</t>
  </si>
  <si>
    <t>01/21/2020 05:58:27</t>
  </si>
  <si>
    <t>01/21/2020 05:53:36</t>
  </si>
  <si>
    <t>01/21/2020 05:54:18</t>
  </si>
  <si>
    <t>11ae3053-9e11-4445-bf3e-4011dab8cce4.tmp</t>
  </si>
  <si>
    <t>\\acsfs\profiles$\lucasqdss\Downloads\11ae3053-9e11-4445-bf3e-4011dab8cce4.tmp</t>
  </si>
  <si>
    <t>01/21/2020 05:56:41</t>
  </si>
  <si>
    <t>355f6e97-3a0a-4303-a754-f8dd8f490722.tmp</t>
  </si>
  <si>
    <t>\\acsfs\profiles$\lucasqdss\Downloads\355f6e97-3a0a-4303-a754-f8dd8f490722.tmp</t>
  </si>
  <si>
    <t>01/21/2020 05:55:45</t>
  </si>
  <si>
    <t>01/21/2020 06:00:27</t>
  </si>
  <si>
    <t>01/21/2020 05:57:35</t>
  </si>
  <si>
    <t>01/21/2020 05:57:47</t>
  </si>
  <si>
    <t>01/21/2020 06:01:27</t>
  </si>
  <si>
    <t>01/21/2020 05:58:03</t>
  </si>
  <si>
    <t>01/21/2020 06:03:27</t>
  </si>
  <si>
    <t>01/21/2020 06:00:03</t>
  </si>
  <si>
    <t>01/21/2020 06:03:48</t>
  </si>
  <si>
    <t>01/21/2020 06:05:28</t>
  </si>
  <si>
    <t>01/21/2020 06:06:27</t>
  </si>
  <si>
    <t>01/21/2020 06:02:29</t>
  </si>
  <si>
    <t>01/21/2020 06:05:30</t>
  </si>
  <si>
    <t>01/21/2020 06:03:37</t>
  </si>
  <si>
    <t>01/21/2020 06:08:27</t>
  </si>
  <si>
    <t>01/21/2020 06:04:03</t>
  </si>
  <si>
    <t>01/21/2020 06:06:05</t>
  </si>
  <si>
    <t>01/21/2020 06:07:04</t>
  </si>
  <si>
    <t>01/21/2020 06:07:05</t>
  </si>
  <si>
    <t>01/21/2020 06:05:06</t>
  </si>
  <si>
    <t>01/21/2020 06:10:27</t>
  </si>
  <si>
    <t>01/21/2020 06:05:15</t>
  </si>
  <si>
    <t>01/21/2020 06:05:16</t>
  </si>
  <si>
    <t>01/21/2020 06:09:47</t>
  </si>
  <si>
    <t>01/21/2020 06:11:27</t>
  </si>
  <si>
    <t>01/21/2020 06:12:03</t>
  </si>
  <si>
    <t>01/21/2020 06:13:27</t>
  </si>
  <si>
    <t>01/21/2020 06:12:52</t>
  </si>
  <si>
    <t>01/21/2020 06:15:27</t>
  </si>
  <si>
    <t>01/21/2020 06:12:28</t>
  </si>
  <si>
    <t>01/21/2020 06:16:27</t>
  </si>
  <si>
    <t>01/20/2020 15:36:47</t>
  </si>
  <si>
    <t>01/21/2020 06:17:28</t>
  </si>
  <si>
    <t>01/21/2020 06:13:03</t>
  </si>
  <si>
    <t>01/21/2020 06:18:27</t>
  </si>
  <si>
    <t>01/21/2020 06:15:47</t>
  </si>
  <si>
    <t>01/21/2020 06:20:28</t>
  </si>
  <si>
    <t>01/21/2020 06:21:27</t>
  </si>
  <si>
    <t>01/20/2020 15:36:22</t>
  </si>
  <si>
    <t>01/21/2020 06:22:28</t>
  </si>
  <si>
    <t>bd5a860f-cd21-414d-b905-519058ec8f62.tmp</t>
  </si>
  <si>
    <t>\\acsfs\profiles$\jalilebds\Downloads\bd5a860f-cd21-414d-b905-519058ec8f62.tmp</t>
  </si>
  <si>
    <t>01/21/2020 06:18:22</t>
  </si>
  <si>
    <t>01/21/2020 06:18:03</t>
  </si>
  <si>
    <t>01/21/2020 06:23:27</t>
  </si>
  <si>
    <t>01/21/2020 06:19:03</t>
  </si>
  <si>
    <t>01/21/2020 06:23:03</t>
  </si>
  <si>
    <t>01/21/2020 06:24:27</t>
  </si>
  <si>
    <t>6e7c56bb-a4d6-4e4a-8b56-0a932c026a97.tmp</t>
  </si>
  <si>
    <t>\\acsfs\profiles$\ALYNYA\Downloads\6e7c56bb-a4d6-4e4a-8b56-0a932c026a97.tmp</t>
  </si>
  <si>
    <t>01/21/2020 06:20:24</t>
  </si>
  <si>
    <t>01/21/2020 06:25:28</t>
  </si>
  <si>
    <t>01/21/2020 06:21:47</t>
  </si>
  <si>
    <t>01/21/2020 06:23:30</t>
  </si>
  <si>
    <t>01/21/2020 06:23:31</t>
  </si>
  <si>
    <t>01/21/2020 06:23:32</t>
  </si>
  <si>
    <t>01/21/2020 06:23:33</t>
  </si>
  <si>
    <t>01/21/2020 06:23:34</t>
  </si>
  <si>
    <t>01/21/2020 06:23:35</t>
  </si>
  <si>
    <t>01/21/2020 06:23:36</t>
  </si>
  <si>
    <t>01/21/2020 06:23:38</t>
  </si>
  <si>
    <t>01/21/2020 06:23:39</t>
  </si>
  <si>
    <t>01/21/2020 06:23:40</t>
  </si>
  <si>
    <t>01/21/2020 06:23:41</t>
  </si>
  <si>
    <t>01/21/2020 06:23:43</t>
  </si>
  <si>
    <t>01/21/2020 06:26:27</t>
  </si>
  <si>
    <t>01/20/2020 16:27:26</t>
  </si>
  <si>
    <t>01/20/2020 16:27:29</t>
  </si>
  <si>
    <t>01/21/2020 06:25:07</t>
  </si>
  <si>
    <t>01/21/2020 06:27:27</t>
  </si>
  <si>
    <t>4719287c-df61-4ab5-976a-c43326129241.tmp</t>
  </si>
  <si>
    <t>\\acsfs\profiles$\ROZENCAM\Downloads\4719287c-df61-4ab5-976a-c43326129241.tmp</t>
  </si>
  <si>
    <t>01/21/2020 06:25:52</t>
  </si>
  <si>
    <t>01/21/2020 06:26:51</t>
  </si>
  <si>
    <t>01/21/2020 06:24:03</t>
  </si>
  <si>
    <t>01/21/2020 06:28:27</t>
  </si>
  <si>
    <t>01/21/2020 06:25:03</t>
  </si>
  <si>
    <t>01/21/2020 06:24:23</t>
  </si>
  <si>
    <t>01/21/2020 06:29:27</t>
  </si>
  <si>
    <t>fd8dee21-3bb7-4db4-a841-91e58217e562.tmp</t>
  </si>
  <si>
    <t>\\acsfs\profiles$\ALYNYA\Downloads\fd8dee21-3bb7-4db4-a841-91e58217e562.tmp</t>
  </si>
  <si>
    <t>01/21/2020 06:26:35</t>
  </si>
  <si>
    <t>01/21/2020 06:28:02</t>
  </si>
  <si>
    <t>01/21/2020 06:30:27</t>
  </si>
  <si>
    <t>01/21/2020 06:28:47</t>
  </si>
  <si>
    <t>01/21/2020 06:31:27</t>
  </si>
  <si>
    <t>01/21/2020 06:27:22</t>
  </si>
  <si>
    <t>01/21/2020 06:27:36</t>
  </si>
  <si>
    <t>3cc60cd8-25d0-4289-b80c-81d7fb8b77b6.tmp</t>
  </si>
  <si>
    <t>\\acsfs\profiles$\BRUNAAR\Downloads\3cc60cd8-25d0-4289-b80c-81d7fb8b77b6.tmp</t>
  </si>
  <si>
    <t>01/21/2020 06:28:55</t>
  </si>
  <si>
    <t>aeee80db-d49e-4384-9e29-b21f0a4c1cd8.tmp</t>
  </si>
  <si>
    <t>\\acsfs\profiles$\BRUNAAR\Downloads\aeee80db-d49e-4384-9e29-b21f0a4c1cd8.tmp</t>
  </si>
  <si>
    <t>01/21/2020 06:30:32</t>
  </si>
  <si>
    <t>01/21/2020 06:30:03</t>
  </si>
  <si>
    <t>01/21/2020 06:33:27</t>
  </si>
  <si>
    <t>01/21/2020 06:31:03</t>
  </si>
  <si>
    <t>01/21/2020 06:30:07</t>
  </si>
  <si>
    <t>01/21/2020 06:29:28</t>
  </si>
  <si>
    <t>01/21/2020 06:34:27</t>
  </si>
  <si>
    <t>01/21/2020 06:29:46</t>
  </si>
  <si>
    <t>9ee777e3-cbbf-4fcf-a90a-8697a94fad65.tmp</t>
  </si>
  <si>
    <t>\\acsfs\profiles$\ALYNYA\Downloads\9ee777e3-cbbf-4fcf-a90a-8697a94fad65.tmp</t>
  </si>
  <si>
    <t>01/21/2020 06:34:47</t>
  </si>
  <si>
    <t>01/21/2020 06:35:28</t>
  </si>
  <si>
    <t>01/21/2020 06:36:27</t>
  </si>
  <si>
    <t>01/21/2020 06:35:43</t>
  </si>
  <si>
    <t>01/21/2020 06:37:28</t>
  </si>
  <si>
    <t>01/21/2020 06:36:04</t>
  </si>
  <si>
    <t>01/21/2020 06:38:27</t>
  </si>
  <si>
    <t>01/21/2020 06:36:09</t>
  </si>
  <si>
    <t>01/21/2020 06:35:57</t>
  </si>
  <si>
    <t>01/21/2020 06:40:27</t>
  </si>
  <si>
    <t>01/21/2020 06:41:27</t>
  </si>
  <si>
    <t>01/21/2020 06:36:49</t>
  </si>
  <si>
    <t>01/21/2020 06:36:50</t>
  </si>
  <si>
    <t>lu260804ah2mk.tmp</t>
  </si>
  <si>
    <t>\\acsfs\profiles$\BRUNAAR\Numero\lu260804ah2mk.tmp</t>
  </si>
  <si>
    <t>01/21/2020 06:40:10</t>
  </si>
  <si>
    <t>01/21/2020 06:42:04</t>
  </si>
  <si>
    <t>01/21/2020 06:43:27</t>
  </si>
  <si>
    <t>01/21/2020 06:43:28</t>
  </si>
  <si>
    <t>01/21/2020 06:44:28</t>
  </si>
  <si>
    <t>01/21/2020 06:43:09</t>
  </si>
  <si>
    <t>01/21/2020 06:40:48</t>
  </si>
  <si>
    <t>01/21/2020 06:45:27</t>
  </si>
  <si>
    <t>01/21/2020 06:43:53</t>
  </si>
  <si>
    <t>01/21/2020 06:46:28</t>
  </si>
  <si>
    <t>01/21/2020 06:44:15</t>
  </si>
  <si>
    <t>01/21/2020 06:46:12</t>
  </si>
  <si>
    <t>01/21/2020 06:47:28</t>
  </si>
  <si>
    <t>9e932ed0-bc64-4521-9cb8-86d31b40787b.tmp</t>
  </si>
  <si>
    <t>\\acsfs\profiles$\lorraynevam\Downloads\9e932ed0-bc64-4521-9cb8-86d31b40787b.tmp</t>
  </si>
  <si>
    <t>01/21/2020 06:46:55</t>
  </si>
  <si>
    <t>295fdfa3-83d5-4d03-b396-52b6dbb362f8.tmp</t>
  </si>
  <si>
    <t>\\acsfs\profiles$\lorraynevam\Downloads\295fdfa3-83d5-4d03-b396-52b6dbb362f8.tmp</t>
  </si>
  <si>
    <t>01/21/2020 06:46:44</t>
  </si>
  <si>
    <t>01/21/2020 06:47:31</t>
  </si>
  <si>
    <t>01/21/2020 06:49:27</t>
  </si>
  <si>
    <t>b40b8a5c-33a9-4f88-9ffb-2e8bb22ddc60.tmp</t>
  </si>
  <si>
    <t>\\acsfs\profiles$\monicargds\Downloads\b40b8a5c-33a9-4f88-9ffb-2e8bb22ddc60.tmp</t>
  </si>
  <si>
    <t>226b6a32-1daf-45fe-8864-34f6c2f60a59.tmp</t>
  </si>
  <si>
    <t>\\acsfs\profiles$\monicargds\Downloads\226b6a32-1daf-45fe-8864-34f6c2f60a59.tmp</t>
  </si>
  <si>
    <t>01/21/2020 06:47:32</t>
  </si>
  <si>
    <t>170a303c-e158-4585-acfb-8974c0e8a984.tmp</t>
  </si>
  <si>
    <t>\\acsfs\profiles$\monicargds\Downloads\170a303c-e158-4585-acfb-8974c0e8a984.tmp</t>
  </si>
  <si>
    <t>01/21/2020 06:46:48</t>
  </si>
  <si>
    <t>01/21/2020 06:50:27</t>
  </si>
  <si>
    <t>01/21/2020 06:47:50</t>
  </si>
  <si>
    <t>01/21/2020 06:51:27</t>
  </si>
  <si>
    <t>01/21/2020 06:52:28</t>
  </si>
  <si>
    <t>c3852a29-4fdf-4906-962d-669db133768d.tmp</t>
  </si>
  <si>
    <t>\\acsfs\profiles$\lorraynevam\Downloads\c3852a29-4fdf-4906-962d-669db133768d.tmp</t>
  </si>
  <si>
    <t>01/21/2020 06:49:42</t>
  </si>
  <si>
    <t>01/21/2020 06:49:43</t>
  </si>
  <si>
    <t>01/21/2020 06:51:37</t>
  </si>
  <si>
    <t>01/21/2020 06:53:27</t>
  </si>
  <si>
    <t>01/21/2020 06:48:04</t>
  </si>
  <si>
    <t>01/21/2020 06:53:05</t>
  </si>
  <si>
    <t>01/21/2020 06:54:28</t>
  </si>
  <si>
    <t>1b994e28-dd7a-4a24-b842-bd3394710471.tmp</t>
  </si>
  <si>
    <t>\\acsfs\profiles$\anafsb\Downloads\1b994e28-dd7a-4a24-b842-bd3394710471.tmp</t>
  </si>
  <si>
    <t>b6ff928a-b19e-45f1-a943-807283647e5a.tmp</t>
  </si>
  <si>
    <t>\\acsfs\profiles$\anafsb\Downloads\b6ff928a-b19e-45f1-a943-807283647e5a.tmp</t>
  </si>
  <si>
    <t>01/21/2020 06:53:21</t>
  </si>
  <si>
    <t>22b82e6a-db9c-4b8d-a052-e5585ab5f399.tmp</t>
  </si>
  <si>
    <t>\\acsfs\profiles$\anafsb\Downloads\22b82e6a-db9c-4b8d-a052-e5585ab5f399.tmp</t>
  </si>
  <si>
    <t>01/21/2020 06:49:22</t>
  </si>
  <si>
    <t>01/21/2020 06:51:25</t>
  </si>
  <si>
    <t>01/21/2020 06:55:27</t>
  </si>
  <si>
    <t>01/21/2020 06:52:48</t>
  </si>
  <si>
    <t>01/21/2020 06:56:27</t>
  </si>
  <si>
    <t>01/21/2020 06:52:54</t>
  </si>
  <si>
    <t>01/21/2020 06:57:27</t>
  </si>
  <si>
    <t>1df01a5b-14e7-4aad-bc44-c7e1cdc1f2cf.tmp</t>
  </si>
  <si>
    <t>\\acsfs\profiles$\lorraynevam\Downloads\1df01a5b-14e7-4aad-bc44-c7e1cdc1f2cf.tmp</t>
  </si>
  <si>
    <t>01/21/2020 06:56:56</t>
  </si>
  <si>
    <t>01/21/2020 06:55:47</t>
  </si>
  <si>
    <t>01/21/2020 06:58:27</t>
  </si>
  <si>
    <t>01/21/2020 06:54:03</t>
  </si>
  <si>
    <t>01/21/2020 06:54:04</t>
  </si>
  <si>
    <t>01/21/2020 06:54:09</t>
  </si>
  <si>
    <t>01/21/2020 06:59:28</t>
  </si>
  <si>
    <t>d0c27fcf-8189-4ae9-8974-7e8a7a0e3328.tmp</t>
  </si>
  <si>
    <t>\\acsfs\profiles$\anafsb\Downloads\d0c27fcf-8189-4ae9-8974-7e8a7a0e3328.tmp</t>
  </si>
  <si>
    <t>01/21/2020 06:54:13</t>
  </si>
  <si>
    <t>b1160b0e-04bf-46ed-a9b7-e085ec5bd855.tmp</t>
  </si>
  <si>
    <t>\\acsfs\profiles$\anafsb\Downloads\b1160b0e-04bf-46ed-a9b7-e085ec5bd855.tmp</t>
  </si>
  <si>
    <t>01/21/2020 06:58:48</t>
  </si>
  <si>
    <t>01/21/2020 07:00:27</t>
  </si>
  <si>
    <t>01/21/2020 06:59:36</t>
  </si>
  <si>
    <t>01/21/2020 07:01:28</t>
  </si>
  <si>
    <t>01/21/2020 06:58:05</t>
  </si>
  <si>
    <t>01/21/2020 07:00:03</t>
  </si>
  <si>
    <t>01/21/2020 07:03:27</t>
  </si>
  <si>
    <t>01/21/2020 06:58:37</t>
  </si>
  <si>
    <t>af9f55b9-6c4f-4705-ae25-276699233efd.tmp</t>
  </si>
  <si>
    <t>\\acsfs\profiles$\lucasgpe\Downloads\af9f55b9-6c4f-4705-ae25-276699233efd.tmp</t>
  </si>
  <si>
    <t>01/21/2020 07:00:06</t>
  </si>
  <si>
    <t>c0577ebc-4f2b-4434-8e7f-4f279e98ddff.tmp</t>
  </si>
  <si>
    <t>\\acsfs\profiles$\lucasgpe\Downloads\c0577ebc-4f2b-4434-8e7f-4f279e98ddff.tmp</t>
  </si>
  <si>
    <t>01/21/2020 07:02:36</t>
  </si>
  <si>
    <t>01/21/2020 07:04:27</t>
  </si>
  <si>
    <t>ccc90c3d-cb92-4cc7-9059-47b18172c663.tmp</t>
  </si>
  <si>
    <t>\\acsfs\profiles$\anafsb\Downloads\ccc90c3d-cb92-4cc7-9059-47b18172c663.tmp</t>
  </si>
  <si>
    <t>01/21/2020 07:03:40</t>
  </si>
  <si>
    <t>01/21/2020 07:04:48</t>
  </si>
  <si>
    <t>01/21/2020 07:05:27</t>
  </si>
  <si>
    <t>01/21/2020 07:06:28</t>
  </si>
  <si>
    <t>01/20/2020 21:49:03</t>
  </si>
  <si>
    <t>01/21/2020 07:02:02</t>
  </si>
  <si>
    <t>01/21/2020 07:07:27</t>
  </si>
  <si>
    <t>01/21/2020 07:05:23</t>
  </si>
  <si>
    <t>https://udpmailboxap01.acs.com.br:8443/h/search;jsessionid=1mq8g134c5x071cvu1mqtkx02r?si=0&amp;so=0&amp;sc=79621&amp;st=conversation&amp;action=compose</t>
  </si>
  <si>
    <t>01/21/2020 07:05:53</t>
  </si>
  <si>
    <t>01/21/2020 07:03:38</t>
  </si>
  <si>
    <t>95c1bd0f-17f1-47f6-8da3-672826af4247.tmp</t>
  </si>
  <si>
    <t>\\acsfs\profiles$\lorraynevam\Downloads\95c1bd0f-17f1-47f6-8da3-672826af4247.tmp</t>
  </si>
  <si>
    <t>01/21/2020 07:08:28</t>
  </si>
  <si>
    <t>01/21/2020 07:04:05</t>
  </si>
  <si>
    <t>01/21/2020 07:04:06</t>
  </si>
  <si>
    <t>01/21/2020 07:06:04</t>
  </si>
  <si>
    <t>01/21/2020 07:05:07</t>
  </si>
  <si>
    <t>01/21/2020 07:10:28</t>
  </si>
  <si>
    <t>01/21/2020 07:05:10</t>
  </si>
  <si>
    <t>01/21/2020 07:05:11</t>
  </si>
  <si>
    <t>01/21/2020 07:05:12</t>
  </si>
  <si>
    <t>01/21/2020 07:05:13</t>
  </si>
  <si>
    <t>01/21/2020 07:05:14</t>
  </si>
  <si>
    <t>01/21/2020 07:05:15</t>
  </si>
  <si>
    <t>01/21/2020 07:05:16</t>
  </si>
  <si>
    <t>01/21/2020 07:05:17</t>
  </si>
  <si>
    <t>01/21/2020 07:05:18</t>
  </si>
  <si>
    <t>01/21/2020 07:05:19</t>
  </si>
  <si>
    <t>01/21/2020 07:05:20</t>
  </si>
  <si>
    <t>01/21/2020 07:05:21</t>
  </si>
  <si>
    <t>01/21/2020 07:05:22</t>
  </si>
  <si>
    <t>01/21/2020 07:05:24</t>
  </si>
  <si>
    <t>01/21/2020 07:05:25</t>
  </si>
  <si>
    <t>01/21/2020 07:05:26</t>
  </si>
  <si>
    <t>01/21/2020 07:05:28</t>
  </si>
  <si>
    <t>01/21/2020 07:05:29</t>
  </si>
  <si>
    <t>01/21/2020 07:05:30</t>
  </si>
  <si>
    <t>01/21/2020 07:11:27</t>
  </si>
  <si>
    <t>01/21/2020 07:09:26</t>
  </si>
  <si>
    <t>01/21/2020 07:12:27</t>
  </si>
  <si>
    <t>01/21/2020 07:07:32</t>
  </si>
  <si>
    <t>01/21/2020 07:07:51</t>
  </si>
  <si>
    <t>01/21/2020 07:13:27</t>
  </si>
  <si>
    <t>01/21/2020 07:10:03</t>
  </si>
  <si>
    <t>01/21/2020 07:12:04</t>
  </si>
  <si>
    <t>01/21/2020 07:11:38</t>
  </si>
  <si>
    <t>01/21/2020 07:15:28</t>
  </si>
  <si>
    <t>7c4359d0-b916-4122-b140-038514b5ff8c.tmp</t>
  </si>
  <si>
    <t>\\acsfs\profiles$\inarajst\Downloads\7c4359d0-b916-4122-b140-038514b5ff8c.tmp</t>
  </si>
  <si>
    <t>01/21/2020 07:11:44</t>
  </si>
  <si>
    <t>202c1717-98cd-40b9-abff-ca33b44163ed.tmp</t>
  </si>
  <si>
    <t>\\acsfs\profiles$\inarajst\Downloads\202c1717-98cd-40b9-abff-ca33b44163ed.tmp</t>
  </si>
  <si>
    <t>01/21/2020 07:12:02</t>
  </si>
  <si>
    <t>408558d1-9bde-4617-8d00-9353e8a13dfa.tmp</t>
  </si>
  <si>
    <t>\\acsfs\profiles$\inarajst\Downloads\408558d1-9bde-4617-8d00-9353e8a13dfa.tmp</t>
  </si>
  <si>
    <t>01/21/2020 07:12:06</t>
  </si>
  <si>
    <t>abe63e49-e9fd-460f-bc7e-89085e6ecdad.tmp</t>
  </si>
  <si>
    <t>\\acsfs\profiles$\inarajst\Downloads\abe63e49-e9fd-460f-bc7e-89085e6ecdad.tmp</t>
  </si>
  <si>
    <t>01/21/2020 07:13:02</t>
  </si>
  <si>
    <t>7de8a27f-4c84-4789-88b8-da4f5bb267b9.tmp</t>
  </si>
  <si>
    <t>\\acsfs\profiles$\inarajst\Downloads\7de8a27f-4c84-4789-88b8-da4f5bb267b9.tmp</t>
  </si>
  <si>
    <t>01/21/2020 07:14:04</t>
  </si>
  <si>
    <t>e96c4450-4114-450c-8ac8-f3ccf1c017f0.tmp</t>
  </si>
  <si>
    <t>\\acsfs\profiles$\inarajst\Downloads\e96c4450-4114-450c-8ac8-f3ccf1c017f0.tmp</t>
  </si>
  <si>
    <t>01/21/2020 07:14:11</t>
  </si>
  <si>
    <t>01/21/2020 07:10:48</t>
  </si>
  <si>
    <t>01/21/2020 07:12:59</t>
  </si>
  <si>
    <t>01/21/2020 07:16:28</t>
  </si>
  <si>
    <t>01/21/2020 07:13:56</t>
  </si>
  <si>
    <t>01/21/2020 07:17:27</t>
  </si>
  <si>
    <t>449f6a60-3d4b-4285-a91d-47049a3a4f89.tmp</t>
  </si>
  <si>
    <t>\\acsfs\profiles$\lorraynevam\Downloads\449f6a60-3d4b-4285-a91d-47049a3a4f89.tmp</t>
  </si>
  <si>
    <t>01/21/2020 07:13:55</t>
  </si>
  <si>
    <t>01/21/2020 07:18:28</t>
  </si>
  <si>
    <t>01/21/2020 07:17:40</t>
  </si>
  <si>
    <t>2ddad6cc-1cad-49ee-9b9d-62179516cd64.tmp</t>
  </si>
  <si>
    <t>\\acsfs\profiles$\claudiajca\Downloads\2ddad6cc-1cad-49ee-9b9d-62179516cd64.tmp</t>
  </si>
  <si>
    <t>01/21/2020 07:16:03</t>
  </si>
  <si>
    <t>01/21/2020 07:16:48</t>
  </si>
  <si>
    <t>01/21/2020 07:20:28</t>
  </si>
  <si>
    <t>01/21/2020 07:21:27</t>
  </si>
  <si>
    <t>01/21/2020 07:18:55</t>
  </si>
  <si>
    <t>01/21/2020 07:22:27</t>
  </si>
  <si>
    <t>01/21/2020 07:21:41</t>
  </si>
  <si>
    <t>01/21/2020 07:18:27</t>
  </si>
  <si>
    <t>01/21/2020 07:23:27</t>
  </si>
  <si>
    <t>1d624a87-3f44-4f0a-959d-1925359c43f5.tmp</t>
  </si>
  <si>
    <t>\\acsfs\profiles$\claudiajca\Downloads\1d624a87-3f44-4f0a-959d-1925359c43f5.tmp</t>
  </si>
  <si>
    <t>01/21/2020 07:18:03</t>
  </si>
  <si>
    <t>01/21/2020 07:20:20</t>
  </si>
  <si>
    <t>01/21/2020 07:20:21</t>
  </si>
  <si>
    <t>01/21/2020 07:22:03</t>
  </si>
  <si>
    <t>01/21/2020 07:22:37</t>
  </si>
  <si>
    <t>8d773121-e6f1-45db-a672-9248c7902b27.tmp</t>
  </si>
  <si>
    <t>\\acsfs\profiles$\lucasqdss\Downloads\8d773121-e6f1-45db-a672-9248c7902b27.tmp</t>
  </si>
  <si>
    <t>01/21/2020 07:20:23</t>
  </si>
  <si>
    <t>01/21/2020 07:24:27</t>
  </si>
  <si>
    <t>01/21/2020 07:20:41</t>
  </si>
  <si>
    <t>01/21/2020 07:25:27</t>
  </si>
  <si>
    <t>b410b347-5bb3-4fab-85be-5193a028607e.tmp</t>
  </si>
  <si>
    <t>\\acsfs\profiles$\inarajst\Downloads\b410b347-5bb3-4fab-85be-5193a028607e.tmp</t>
  </si>
  <si>
    <t>01/21/2020 07:20:39</t>
  </si>
  <si>
    <t>01/21/2020 07:22:48</t>
  </si>
  <si>
    <t>01/21/2020 07:26:27</t>
  </si>
  <si>
    <t>01/21/2020 07:24:53</t>
  </si>
  <si>
    <t>01/21/2020 07:27:28</t>
  </si>
  <si>
    <t>01/21/2020 07:26:23</t>
  </si>
  <si>
    <t>01/21/2020 07:23:13</t>
  </si>
  <si>
    <t>\\acsfs\profiles$\gustavoab\My Documents\</t>
  </si>
  <si>
    <t>\\acsfs\profiles$\gustavoab\My Documents\Capturar 1.PNG</t>
  </si>
  <si>
    <t>01/21/2020 07:26:04</t>
  </si>
  <si>
    <t>01/21/2020 07:28:27</t>
  </si>
  <si>
    <t>01/21/2020 07:23:53</t>
  </si>
  <si>
    <t>b052fd0e-aab2-407a-8317-e8e28bb166a7.tmp</t>
  </si>
  <si>
    <t>\\acsfs\profiles$\lucasgpe\Downloads\b052fd0e-aab2-407a-8317-e8e28bb166a7.tmp</t>
  </si>
  <si>
    <t>01/21/2020 07:27:14</t>
  </si>
  <si>
    <t>01/21/2020 07:29:28</t>
  </si>
  <si>
    <t>7f2fd01e-cf58-4a53-9034-aae1c8cb9786.tmp</t>
  </si>
  <si>
    <t>\\acsfs\profiles$\maxmillianosv\Downloads\7f2fd01e-cf58-4a53-9034-aae1c8cb9786.tmp</t>
  </si>
  <si>
    <t>01/21/2020 07:26:29</t>
  </si>
  <si>
    <t>bb9bdd63-decb-4c15-9355-a13feca4537e.tmp</t>
  </si>
  <si>
    <t>\\acsfs\profiles$\anafsb\Downloads\bb9bdd63-decb-4c15-9355-a13feca4537e.tmp</t>
  </si>
  <si>
    <t>01/21/2020 07:25:22</t>
  </si>
  <si>
    <t>d5e87be6-a704-41de-a4a8-a25a541ffb99.tmp</t>
  </si>
  <si>
    <t>\\acsfs\profiles$\dhiulliananads\Downloads\d5e87be6-a704-41de-a4a8-a25a541ffb99.tmp</t>
  </si>
  <si>
    <t>01/21/2020 07:26:01</t>
  </si>
  <si>
    <t>5b589238-8044-4763-bff7-e34990dc628d.tmp</t>
  </si>
  <si>
    <t>\\acsfs\profiles$\dhiulliananads\Downloads\5b589238-8044-4763-bff7-e34990dc628d.tmp</t>
  </si>
  <si>
    <t>01/21/2020 07:26:43</t>
  </si>
  <si>
    <t>01/21/2020 07:27:20</t>
  </si>
  <si>
    <t>01/21/2020 07:30:27</t>
  </si>
  <si>
    <t>e679ebc6-2fd0-4c89-a0d9-9a236e92e06b.tmp</t>
  </si>
  <si>
    <t>\\acsfs\profiles$\inarajst\Downloads\e679ebc6-2fd0-4c89-a0d9-9a236e92e06b.tmp</t>
  </si>
  <si>
    <t>01/21/2020 07:28:37</t>
  </si>
  <si>
    <t>01/21/2020 07:28:48</t>
  </si>
  <si>
    <t>01/21/2020 07:31:27</t>
  </si>
  <si>
    <t>01/21/2020 07:26:54</t>
  </si>
  <si>
    <t>01/21/2020 07:26:59</t>
  </si>
  <si>
    <t>01/21/2020 07:27:17</t>
  </si>
  <si>
    <t>01/21/2020 07:27:50</t>
  </si>
  <si>
    <t>01/21/2020 07:27:54</t>
  </si>
  <si>
    <t>01/21/2020 07:28:46</t>
  </si>
  <si>
    <t>01/21/2020 07:28:49</t>
  </si>
  <si>
    <t>01/21/2020 07:29:04</t>
  </si>
  <si>
    <t>01/21/2020 07:25:54</t>
  </si>
  <si>
    <t>45a42d26-6ea3-40e7-ad39-84588abd04c1.tmp</t>
  </si>
  <si>
    <t>\\acsfs\profiles$\mariajra\Downloads\45a42d26-6ea3-40e7-ad39-84588abd04c1.tmp</t>
  </si>
  <si>
    <t>01/21/2020 07:26:50</t>
  </si>
  <si>
    <t>3c8e5401-925f-4236-b1e5-7d199d78387f.tmp</t>
  </si>
  <si>
    <t>\\acsfs\profiles$\mariajra\Downloads\3c8e5401-925f-4236-b1e5-7d199d78387f.tmp</t>
  </si>
  <si>
    <t>01/21/2020 07:30:02</t>
  </si>
  <si>
    <t>e2bf8411-b8f5-466c-b28b-5c50e1d22e64.tmp</t>
  </si>
  <si>
    <t>\\acsfs\profiles$\mariajra\Downloads\e2bf8411-b8f5-466c-b28b-5c50e1d22e64.tmp</t>
  </si>
  <si>
    <t>01/21/2020 07:30:38</t>
  </si>
  <si>
    <t>0c494b0c-67c5-43ca-a80b-ce1bb0fb18a1.tmp</t>
  </si>
  <si>
    <t>\\acsfs\profiles$\mariajra\Downloads\0c494b0c-67c5-43ca-a80b-ce1bb0fb18a1.tmp</t>
  </si>
  <si>
    <t>01/21/2020 07:29:59</t>
  </si>
  <si>
    <t>01/21/2020 07:30:00</t>
  </si>
  <si>
    <t>lu260804ah2mo.tmp</t>
  </si>
  <si>
    <t>\\acsfs\profiles$\BRUNAAR\Numero\lu260804ah2mo.tmp</t>
  </si>
  <si>
    <t>01/21/2020 07:27:01</t>
  </si>
  <si>
    <t>6296c177-8b68-4207-99e9-a92a532d6d0c.tmp</t>
  </si>
  <si>
    <t>\\acsfs\profiles$\sarahbal\Downloads\6296c177-8b68-4207-99e9-a92a532d6d0c.tmp</t>
  </si>
  <si>
    <t>01/21/2020 07:27:13</t>
  </si>
  <si>
    <t>efcb9688-e85f-4956-bbaf-74fd08dcf04a.tmp</t>
  </si>
  <si>
    <t>\\acsfs\profiles$\sarahbal\Downloads\efcb9688-e85f-4956-bbaf-74fd08dcf04a.tmp</t>
  </si>
  <si>
    <t>01/21/2020 07:27:48</t>
  </si>
  <si>
    <t>80c1cae2-1473-46b8-9a99-f109f273bc2a.tmp</t>
  </si>
  <si>
    <t>\\acsfs\profiles$\sarahbal\Downloads\80c1cae2-1473-46b8-9a99-f109f273bc2a.tmp</t>
  </si>
  <si>
    <t>01/21/2020 07:28:23</t>
  </si>
  <si>
    <t>33ad0dbb-b576-4a85-9ad3-d98132e4dafd.tmp</t>
  </si>
  <si>
    <t>\\acsfs\profiles$\sarahbal\Downloads\33ad0dbb-b576-4a85-9ad3-d98132e4dafd.tmp</t>
  </si>
  <si>
    <t>01/21/2020 07:30:36</t>
  </si>
  <si>
    <t>d64adf84-b176-45c1-a0d6-34dec3431227.tmp</t>
  </si>
  <si>
    <t>\\acsfs\profiles$\sarahbal\Downloads\d64adf84-b176-45c1-a0d6-34dec3431227.tmp</t>
  </si>
  <si>
    <t>01/21/2020 07:26:53</t>
  </si>
  <si>
    <t>01/21/2020 07:32:27</t>
  </si>
  <si>
    <t>01/21/2020 07:27:23</t>
  </si>
  <si>
    <t>01/21/2020 07:27:53</t>
  </si>
  <si>
    <t>01/21/2020 07:29:03</t>
  </si>
  <si>
    <t>01/21/2020 07:27:51</t>
  </si>
  <si>
    <t>01/21/2020 07:30:59</t>
  </si>
  <si>
    <t>01/21/2020 07:28:04</t>
  </si>
  <si>
    <t>01/21/2020 07:33:27</t>
  </si>
  <si>
    <t>01/21/2020 07:32:04</t>
  </si>
  <si>
    <t>01/21/2020 07:28:53</t>
  </si>
  <si>
    <t>01/21/2020 07:34:28</t>
  </si>
  <si>
    <t>799bfe1c-4fe0-40f1-8d4d-d4be17d5fb43.tmp</t>
  </si>
  <si>
    <t>\\acsfs\profiles$\maxmillianosv\Downloads\799bfe1c-4fe0-40f1-8d4d-d4be17d5fb43.tmp</t>
  </si>
  <si>
    <t>01/21/2020 07:28:58</t>
  </si>
  <si>
    <t>1f72e5b4-8893-4894-9e20-2018ca8289e6.tmp</t>
  </si>
  <si>
    <t>\\acsfs\profiles$\maxmillianosv\Downloads\1f72e5b4-8893-4894-9e20-2018ca8289e6.tmp</t>
  </si>
  <si>
    <t>01/21/2020 07:29:05</t>
  </si>
  <si>
    <t>e0c11dfa-222b-41f7-a7f9-2de2bb56bb3a.tmp</t>
  </si>
  <si>
    <t>\\acsfs\profiles$\maxmillianosv\Downloads\e0c11dfa-222b-41f7-a7f9-2de2bb56bb3a.tmp</t>
  </si>
  <si>
    <t>01/21/2020 07:29:30</t>
  </si>
  <si>
    <t>17629d09-b400-44e0-8f0d-e96d8246f728.tmp</t>
  </si>
  <si>
    <t>\\acsfs\profiles$\maxmillianosv\Downloads\17629d09-b400-44e0-8f0d-e96d8246f728.tmp</t>
  </si>
  <si>
    <t>01/21/2020 07:29:48</t>
  </si>
  <si>
    <t>2e3d5b75-25a0-406e-b9f0-c78543073021.tmp</t>
  </si>
  <si>
    <t>\\acsfs\profiles$\maxmillianosv\Downloads\2e3d5b75-25a0-406e-b9f0-c78543073021.tmp</t>
  </si>
  <si>
    <t>01/21/2020 07:29:11</t>
  </si>
  <si>
    <t>01/21/2020 07:33:05</t>
  </si>
  <si>
    <t>01/21/2020 07:34:17</t>
  </si>
  <si>
    <t>01/21/2020 07:35:27</t>
  </si>
  <si>
    <t>01/21/2020 07:29:58</t>
  </si>
  <si>
    <t>e4acdecc-eca3-4669-ab8e-ce1e900c5580.tmp</t>
  </si>
  <si>
    <t>\\acsfs\profiles$\danielpdl\Downloads\e4acdecc-eca3-4669-ab8e-ce1e900c5580.tmp</t>
  </si>
  <si>
    <t>01/21/2020 07:32:09</t>
  </si>
  <si>
    <t>d48ebe47-d1b7-4b1b-ae9a-b13edb58cb0d.tmp</t>
  </si>
  <si>
    <t>\\acsfs\profiles$\danielpdl\Downloads\d48ebe47-d1b7-4b1b-ae9a-b13edb58cb0d.tmp</t>
  </si>
  <si>
    <t>01/21/2020 07:32:14</t>
  </si>
  <si>
    <t>fdcfca81-d658-4d6c-b864-6fe4b87d1b29.tmp</t>
  </si>
  <si>
    <t>\\acsfs\profiles$\danielpdl\Downloads\fdcfca81-d658-4d6c-b864-6fe4b87d1b29.tmp</t>
  </si>
  <si>
    <t>01/21/2020 07:32:19</t>
  </si>
  <si>
    <t>eab4cc27-863a-4b80-8539-efd707cc1a8b.tmp</t>
  </si>
  <si>
    <t>\\acsfs\profiles$\danielpdl\Downloads\eab4cc27-863a-4b80-8539-efd707cc1a8b.tmp</t>
  </si>
  <si>
    <t>01/21/2020 07:32:25</t>
  </si>
  <si>
    <t>e763faa8-7762-4c6b-a24f-bb4bc4b52848.tmp</t>
  </si>
  <si>
    <t>\\acsfs\profiles$\danielpdl\Downloads\e763faa8-7762-4c6b-a24f-bb4bc4b52848.tmp</t>
  </si>
  <si>
    <t>01/21/2020 07:34:48</t>
  </si>
  <si>
    <t>01/21/2020 07:33:39</t>
  </si>
  <si>
    <t>01/21/2020 07:36:28</t>
  </si>
  <si>
    <t>01/21/2020 07:30:54</t>
  </si>
  <si>
    <t>01/21/2020 07:33:04</t>
  </si>
  <si>
    <t>01/21/2020 07:33:13</t>
  </si>
  <si>
    <t>01/21/2020 07:33:21</t>
  </si>
  <si>
    <t>01/21/2020 07:33:24</t>
  </si>
  <si>
    <t>01/21/2020 07:33:42</t>
  </si>
  <si>
    <t>01/21/2020 07:33:48</t>
  </si>
  <si>
    <t>01/21/2020 07:34:10</t>
  </si>
  <si>
    <t>01/21/2020 07:34:13</t>
  </si>
  <si>
    <t>01/21/2020 07:34:14</t>
  </si>
  <si>
    <t>01/21/2020 07:31:45</t>
  </si>
  <si>
    <t>c3c21101-1585-4c64-a2ec-02a3d21a002d.tmp</t>
  </si>
  <si>
    <t>\\acsfs\profiles$\mariajra\Downloads\c3c21101-1585-4c64-a2ec-02a3d21a002d.tmp</t>
  </si>
  <si>
    <t>01/21/2020 07:34:22</t>
  </si>
  <si>
    <t>0327a958-f47d-430e-88e8-294b933e8770.tmp</t>
  </si>
  <si>
    <t>\\acsfs\profiles$\mariajra\Downloads\0327a958-f47d-430e-88e8-294b933e8770.tmp</t>
  </si>
  <si>
    <t>01/21/2020 07:34:35</t>
  </si>
  <si>
    <t>01/21/2020 07:36:23</t>
  </si>
  <si>
    <t>01/21/2020 07:37:27</t>
  </si>
  <si>
    <t>01/21/2020 07:33:59</t>
  </si>
  <si>
    <t>01/21/2020 07:34:00</t>
  </si>
  <si>
    <t>01/21/2020 07:34:01</t>
  </si>
  <si>
    <t>01/21/2020 07:34:02</t>
  </si>
  <si>
    <t>01/21/2020 07:34:03</t>
  </si>
  <si>
    <t>01/21/2020 07:34:04</t>
  </si>
  <si>
    <t>01/21/2020 07:34:05</t>
  </si>
  <si>
    <t>01/21/2020 07:34:06</t>
  </si>
  <si>
    <t>01/21/2020 07:34:07</t>
  </si>
  <si>
    <t>01/21/2020 07:38:28</t>
  </si>
  <si>
    <t>01/21/2020 07:34:08</t>
  </si>
  <si>
    <t>01/21/2020 07:34:09</t>
  </si>
  <si>
    <t>01/21/2020 07:34:11</t>
  </si>
  <si>
    <t>01/21/2020 07:34:12</t>
  </si>
  <si>
    <t>01/21/2020 07:34:15</t>
  </si>
  <si>
    <t>01/21/2020 07:34:16</t>
  </si>
  <si>
    <t>01/21/2020 07:34:18</t>
  </si>
  <si>
    <t>01/21/2020 07:34:19</t>
  </si>
  <si>
    <t>01/21/2020 07:34:20</t>
  </si>
  <si>
    <t>01/21/2020 07:34:21</t>
  </si>
  <si>
    <t>01/21/2020 07:37:56</t>
  </si>
  <si>
    <t>01/21/2020 07:37:05</t>
  </si>
  <si>
    <t>01/21/2020 07:35:09</t>
  </si>
  <si>
    <t>cf1ec55f-7fcc-4fef-9cc1-87dd23dedc0f.tmp</t>
  </si>
  <si>
    <t>\\acsfs\profiles$\lucasgpe\Downloads\cf1ec55f-7fcc-4fef-9cc1-87dd23dedc0f.tmp</t>
  </si>
  <si>
    <t>01/21/2020 07:38:24</t>
  </si>
  <si>
    <t>01/21/2020 07:39:27</t>
  </si>
  <si>
    <t>817df234-87cf-41f0-903d-d158fc4db319.tmp</t>
  </si>
  <si>
    <t>\\acsfs\profiles$\websondsa\Downloads\817df234-87cf-41f0-903d-d158fc4db319.tmp</t>
  </si>
  <si>
    <t>01/21/2020 07:38:27</t>
  </si>
  <si>
    <t>1a0b5b81-f93b-4f69-9d38-a765bc260c25.tmp</t>
  </si>
  <si>
    <t>\\acsfs\profiles$\websondsa\Downloads\1a0b5b81-f93b-4f69-9d38-a765bc260c25.tmp</t>
  </si>
  <si>
    <t>768a4a87-112c-46c5-9e19-e6d4f5e8919f.tmp</t>
  </si>
  <si>
    <t>\\acsfs\profiles$\websondsa\Downloads\768a4a87-112c-46c5-9e19-e6d4f5e8919f.tmp</t>
  </si>
  <si>
    <t>c1d590f7-81a4-4dfc-82a5-4403cf17b930.tmp</t>
  </si>
  <si>
    <t>\\acsfs\profiles$\websondsa\Downloads\c1d590f7-81a4-4dfc-82a5-4403cf17b930.tmp</t>
  </si>
  <si>
    <t>75565fb7-6a62-46dd-8f95-f45e11c90ba7.tmp</t>
  </si>
  <si>
    <t>\\acsfs\profiles$\websondsa\Downloads\75565fb7-6a62-46dd-8f95-f45e11c90ba7.tmp</t>
  </si>
  <si>
    <t>01/21/2020 07:38:20</t>
  </si>
  <si>
    <t>01/21/2020 07:40:27</t>
  </si>
  <si>
    <t>37155719-fbe5-4433-a6ed-b0aec096a6b7.tmp</t>
  </si>
  <si>
    <t>\\acsfs\profiles$\inarajst\Downloads\37155719-fbe5-4433-a6ed-b0aec096a6b7.tmp</t>
  </si>
  <si>
    <t>01/21/2020 07:36:08</t>
  </si>
  <si>
    <t>01/21/2020 07:38:12</t>
  </si>
  <si>
    <t>01/21/2020 07:38:13</t>
  </si>
  <si>
    <t>01/21/2020 07:41:27</t>
  </si>
  <si>
    <t>01/21/2020 07:36:24</t>
  </si>
  <si>
    <t>01/21/2020 07:36:27</t>
  </si>
  <si>
    <t>01/21/2020 07:37:30</t>
  </si>
  <si>
    <t>01/21/2020 07:37:39</t>
  </si>
  <si>
    <t>01/21/2020 07:37:42</t>
  </si>
  <si>
    <t>01/21/2020 07:37:45</t>
  </si>
  <si>
    <t>01/21/2020 07:38:08</t>
  </si>
  <si>
    <t>01/21/2020 07:37:34</t>
  </si>
  <si>
    <t>01/21/2020 07:38:57</t>
  </si>
  <si>
    <t>01/21/2020 07:40:23</t>
  </si>
  <si>
    <t>01/21/2020 07:42:27</t>
  </si>
  <si>
    <t>ddbc94de-8804-4da3-94be-d6615ad1d301.tmp</t>
  </si>
  <si>
    <t>\\acsfs\profiles$\ROZENCAM\Downloads\ddbc94de-8804-4da3-94be-d6615ad1d301.tmp</t>
  </si>
  <si>
    <t>01/21/2020 07:37:23</t>
  </si>
  <si>
    <t>01/21/2020 07:38:53</t>
  </si>
  <si>
    <t>01/21/2020 07:39:23</t>
  </si>
  <si>
    <t>01/21/2020 07:39:53</t>
  </si>
  <si>
    <t>01/21/2020 07:38:22</t>
  </si>
  <si>
    <t>f6d82c11-ff0a-425a-af12-32499ae18b13.tmp</t>
  </si>
  <si>
    <t>\\acsfs\profiles$\vivianalds\Downloads\f6d82c11-ff0a-425a-af12-32499ae18b13.tmp</t>
  </si>
  <si>
    <t>01/21/2020 07:38:45</t>
  </si>
  <si>
    <t>611862ff-e27d-4324-88d0-bf6e17df6bdf.tmp</t>
  </si>
  <si>
    <t>\\acsfs\profiles$\vivianalds\Downloads\611862ff-e27d-4324-88d0-bf6e17df6bdf.tmp</t>
  </si>
  <si>
    <t>01/21/2020 07:40:29</t>
  </si>
  <si>
    <t>f6a0f7f9-02ad-476b-a29b-0933d1faec9f.tmp</t>
  </si>
  <si>
    <t>\\acsfs\profiles$\vivianalds\Downloads\f6a0f7f9-02ad-476b-a29b-0933d1faec9f.tmp</t>
  </si>
  <si>
    <t>01/21/2020 07:38:04</t>
  </si>
  <si>
    <t>01/21/2020 07:43:27</t>
  </si>
  <si>
    <t>01/21/2020 07:39:57</t>
  </si>
  <si>
    <t>01/21/2020 07:44:27</t>
  </si>
  <si>
    <t>cd0eb090-a581-4a5c-85c4-e790f5c56ec5.tmp</t>
  </si>
  <si>
    <t>\\acsfs\profiles$\websondsa\Downloads\cd0eb090-a581-4a5c-85c4-e790f5c56ec5.tmp</t>
  </si>
  <si>
    <t>01/21/2020 07:40:13</t>
  </si>
  <si>
    <t>92dd55de-026f-4c8a-bf62-65c1d9c7db31.tmp</t>
  </si>
  <si>
    <t>\\acsfs\profiles$\websondsa\Downloads\92dd55de-026f-4c8a-bf62-65c1d9c7db31.tmp</t>
  </si>
  <si>
    <t>01/21/2020 07:40:16</t>
  </si>
  <si>
    <t>01/21/2020 07:42:49</t>
  </si>
  <si>
    <t>01/21/2020 07:45:27</t>
  </si>
  <si>
    <t>b10b98db-f923-4e6b-b298-ed7bd5ab2447.tmp</t>
  </si>
  <si>
    <t>\\acsfs\profiles$\inarajst\Downloads\b10b98db-f923-4e6b-b298-ed7bd5ab2447.tmp</t>
  </si>
  <si>
    <t>01/21/2020 07:40:48</t>
  </si>
  <si>
    <t>01/21/2020 07:46:27</t>
  </si>
  <si>
    <t>01/21/2020 07:43:02</t>
  </si>
  <si>
    <t>01/21/2020 07:42:31</t>
  </si>
  <si>
    <t>01/21/2020 07:42:32</t>
  </si>
  <si>
    <t>01/21/2020 07:42:33</t>
  </si>
  <si>
    <t>01/21/2020 07:42:34</t>
  </si>
  <si>
    <t>01/21/2020 07:42:35</t>
  </si>
  <si>
    <t>01/21/2020 07:42:36</t>
  </si>
  <si>
    <t>01/21/2020 07:42:37</t>
  </si>
  <si>
    <t>01/21/2020 07:42:38</t>
  </si>
  <si>
    <t>01/21/2020 07:42:39</t>
  </si>
  <si>
    <t>01/21/2020 07:42:40</t>
  </si>
  <si>
    <t>01/21/2020 07:42:41</t>
  </si>
  <si>
    <t>01/21/2020 07:42:42</t>
  </si>
  <si>
    <t>01/21/2020 07:42:43</t>
  </si>
  <si>
    <t>01/21/2020 07:42:44</t>
  </si>
  <si>
    <t>01/21/2020 07:42:45</t>
  </si>
  <si>
    <t>01/21/2020 07:42:46</t>
  </si>
  <si>
    <t>01/21/2020 07:42:47</t>
  </si>
  <si>
    <t>01/21/2020 07:42:48</t>
  </si>
  <si>
    <t>01/21/2020 07:42:50</t>
  </si>
  <si>
    <t>01/21/2020 07:42:51</t>
  </si>
  <si>
    <t>01/21/2020 07:42:52</t>
  </si>
  <si>
    <t>01/21/2020 07:42:53</t>
  </si>
  <si>
    <t>01/21/2020 07:43:53</t>
  </si>
  <si>
    <t>01/21/2020 07:47:27</t>
  </si>
  <si>
    <t>01/21/2020 07:44:23</t>
  </si>
  <si>
    <t>01/21/2020 07:44:53</t>
  </si>
  <si>
    <t>01/21/2020 07:45:35</t>
  </si>
  <si>
    <t>01/21/2020 07:48:27</t>
  </si>
  <si>
    <t>01/21/2020 07:43:04</t>
  </si>
  <si>
    <t>01/21/2020 07:44:04</t>
  </si>
  <si>
    <t>01/21/2020 07:48:51</t>
  </si>
  <si>
    <t>01/21/2020 07:49:27</t>
  </si>
  <si>
    <t>08b0eba8-72f7-42cc-a8bd-9cbb5df09c5e.tmp</t>
  </si>
  <si>
    <t>\\acsfs\profiles$\websondsa\Downloads\08b0eba8-72f7-42cc-a8bd-9cbb5df09c5e.tmp</t>
  </si>
  <si>
    <t>01/21/2020 07:48:44</t>
  </si>
  <si>
    <t>8cb15fc0-2245-43e4-8360-369906c955b5.tmp</t>
  </si>
  <si>
    <t>\\acsfs\profiles$\geovannasm\Downloads\8cb15fc0-2245-43e4-8360-369906c955b5.tmp</t>
  </si>
  <si>
    <t>01/21/2020 07:48:53</t>
  </si>
  <si>
    <t>770ecdf5-bba2-4c3f-830d-2dfc3c874bd6.tmp</t>
  </si>
  <si>
    <t>\\acsfs\profiles$\geovannasm\Downloads\770ecdf5-bba2-4c3f-830d-2dfc3c874bd6.tmp</t>
  </si>
  <si>
    <t>01/21/2020 07:45:43</t>
  </si>
  <si>
    <t>01/21/2020 07:50:28</t>
  </si>
  <si>
    <t>01/21/2020 07:46:48</t>
  </si>
  <si>
    <t>01/21/2020 07:51:27</t>
  </si>
  <si>
    <t>01/21/2020 07:48:23</t>
  </si>
  <si>
    <t>01/21/2020 07:52:28</t>
  </si>
  <si>
    <t>01/21/2020 07:49:23</t>
  </si>
  <si>
    <t>01/21/2020 07:49:53</t>
  </si>
  <si>
    <t>01/21/2020 07:51:23</t>
  </si>
  <si>
    <t>01/21/2020 07:49:04</t>
  </si>
  <si>
    <t>01/21/2020 07:53:27</t>
  </si>
  <si>
    <t>01/21/2020 07:50:04</t>
  </si>
  <si>
    <t>01/21/2020 07:49:10</t>
  </si>
  <si>
    <t>01/21/2020 07:54:27</t>
  </si>
  <si>
    <t>17801afa-5095-41e9-a305-783dd1d5299d.tmp</t>
  </si>
  <si>
    <t>\\acsfs\profiles$\websondsa\Downloads\17801afa-5095-41e9-a305-783dd1d5299d.tmp</t>
  </si>
  <si>
    <t>36f62982-fc02-42e1-9255-044688f1236b.tmp</t>
  </si>
  <si>
    <t>\\acsfs\profiles$\geovannasm\Downloads\36f62982-fc02-42e1-9255-044688f1236b.tmp</t>
  </si>
  <si>
    <t>01/21/2020 07:49:20</t>
  </si>
  <si>
    <t>4cf8546b-a807-4dc1-9260-619422e92221.tmp</t>
  </si>
  <si>
    <t>\\acsfs\profiles$\geovannasm\Downloads\4cf8546b-a807-4dc1-9260-619422e92221.tmp</t>
  </si>
  <si>
    <t>01/21/2020 07:51:43</t>
  </si>
  <si>
    <t>414a92a6-2c1f-4932-838c-c54a95f7edb0.tmp</t>
  </si>
  <si>
    <t>\\acsfs\profiles$\geovannasm\Downloads\414a92a6-2c1f-4932-838c-c54a95f7edb0.tmp</t>
  </si>
  <si>
    <t>01/21/2020 07:52:33</t>
  </si>
  <si>
    <t>5df97c66-c461-4e49-a6ea-d26e1939d933.tmp</t>
  </si>
  <si>
    <t>\\acsfs\profiles$\geovannasm\Downloads\5df97c66-c461-4e49-a6ea-d26e1939d933.tmp</t>
  </si>
  <si>
    <t>01/21/2020 07:53:02</t>
  </si>
  <si>
    <t>b244e998-9585-46b2-a636-fb919bc8bc5b.tmp</t>
  </si>
  <si>
    <t>\\acsfs\profiles$\geovannasm\Downloads\b244e998-9585-46b2-a636-fb919bc8bc5b.tmp</t>
  </si>
  <si>
    <t>01/21/2020 07:52:48</t>
  </si>
  <si>
    <t>01/21/2020 07:55:27</t>
  </si>
  <si>
    <t>01/21/2020 07:53:19</t>
  </si>
  <si>
    <t>01/21/2020 07:55:19</t>
  </si>
  <si>
    <t>01/21/2020 07:56:27</t>
  </si>
  <si>
    <t>01/21/2020 07:54:24</t>
  </si>
  <si>
    <t>antoniocoj@algartech.com;joaogvc@algartech.com;marianadjc@algartech.com;planejamentodeoperacoesetrafego@bv.com.br;rafaelggs@algartech.com;raphaelmco@algartech.com.br;ricardodfm@algartech.com.br;taysdss@algartech.com;viniciussg@algartech.com;</t>
  </si>
  <si>
    <t>antoniocoj@algartech.com,joaogvc@algartech.com,marianadjc@algartech.com,planejamentodeoperacoesetrafego@bv.com.br,rafaelggs@algartech.com,raphaelmco@algartech.com.br,ricardodfm@algartech.com.br,taysdss@algartech.com,viniciussg@algartech.com</t>
  </si>
  <si>
    <t>01/21/2020 07:54:39</t>
  </si>
  <si>
    <t>01/21/2020 07:54:54</t>
  </si>
  <si>
    <t>01/21/2020 07:55:30</t>
  </si>
  <si>
    <t>01/21/2020 07:55:36</t>
  </si>
  <si>
    <t>01/21/2020 07:55:39</t>
  </si>
  <si>
    <t>01/21/2020 07:53:32</t>
  </si>
  <si>
    <t>acc73303-81bf-4428-879e-45a4bad71401.tmp</t>
  </si>
  <si>
    <t>\\acsfs\profiles$\mariajra\Downloads\acc73303-81bf-4428-879e-45a4bad71401.tmp</t>
  </si>
  <si>
    <t>01/21/2020 07:53:55</t>
  </si>
  <si>
    <t>\\acsfs\profiles$\mariajra\Downloads\$RECYCLE.BIN\</t>
  </si>
  <si>
    <t>$IUX4WT0.pdf</t>
  </si>
  <si>
    <t>\\acsfs\profiles$\mariajra\Downloads\$RECYCLE.BIN\$IUX4WT0.pdf</t>
  </si>
  <si>
    <t>$I077ORW.pdf</t>
  </si>
  <si>
    <t>\\acsfs\profiles$\mariajra\Downloads\$RECYCLE.BIN\$I077ORW.pdf</t>
  </si>
  <si>
    <t>$IFJKA8T.pdf</t>
  </si>
  <si>
    <t>\\acsfs\profiles$\mariajra\Downloads\$RECYCLE.BIN\$IFJKA8T.pdf</t>
  </si>
  <si>
    <t>$IDY1YSD.pdf</t>
  </si>
  <si>
    <t>\\acsfs\profiles$\mariajra\Downloads\$RECYCLE.BIN\$IDY1YSD.pdf</t>
  </si>
  <si>
    <t>01/21/2020 07:53:56</t>
  </si>
  <si>
    <t>$IZFSN1R.pdf</t>
  </si>
  <si>
    <t>\\acsfs\profiles$\mariajra\Downloads\$RECYCLE.BIN\$IZFSN1R.pdf</t>
  </si>
  <si>
    <t>$I7WJNU4.pdf</t>
  </si>
  <si>
    <t>\\acsfs\profiles$\mariajra\Downloads\$RECYCLE.BIN\$I7WJNU4.pdf</t>
  </si>
  <si>
    <t>$IDZQ03P.pdf</t>
  </si>
  <si>
    <t>\\acsfs\profiles$\mariajra\Downloads\$RECYCLE.BIN\$IDZQ03P.pdf</t>
  </si>
  <si>
    <t>6246c722-5e9f-4f57-9269-6a9e4c542981.tmp</t>
  </si>
  <si>
    <t>\\acsfs\profiles$\mariajra\Downloads\6246c722-5e9f-4f57-9269-6a9e4c542981.tmp</t>
  </si>
  <si>
    <t>01/21/2020 07:54:40</t>
  </si>
  <si>
    <t>$I4VFCM3.pdf</t>
  </si>
  <si>
    <t>\\acsfs\profiles$\mariajra\Downloads\$RECYCLE.BIN\$I4VFCM3.pdf</t>
  </si>
  <si>
    <t>01/21/2020 07:54:41</t>
  </si>
  <si>
    <t>$I501N6D.pdf</t>
  </si>
  <si>
    <t>\\acsfs\profiles$\mariajra\Downloads\$RECYCLE.BIN\$I501N6D.pdf</t>
  </si>
  <si>
    <t>$I9XO549.pdf</t>
  </si>
  <si>
    <t>\\acsfs\profiles$\mariajra\Downloads\$RECYCLE.BIN\$I9XO549.pdf</t>
  </si>
  <si>
    <t>$ISZGMJN.pdf</t>
  </si>
  <si>
    <t>\\acsfs\profiles$\mariajra\Downloads\$RECYCLE.BIN\$ISZGMJN.pdf</t>
  </si>
  <si>
    <t>01/21/2020 07:54:42</t>
  </si>
  <si>
    <t>$I4B24X8.pdf</t>
  </si>
  <si>
    <t>\\acsfs\profiles$\mariajra\Downloads\$RECYCLE.BIN\$I4B24X8.pdf</t>
  </si>
  <si>
    <t>$INDR745.xls</t>
  </si>
  <si>
    <t>\\acsfs\profiles$\mariajra\Downloads\$RECYCLE.BIN\$INDR745.xls</t>
  </si>
  <si>
    <t>$I1KPXLE.pdf</t>
  </si>
  <si>
    <t>\\acsfs\profiles$\mariajra\Downloads\$RECYCLE.BIN\$I1KPXLE.pdf</t>
  </si>
  <si>
    <t>01/21/2020 07:52:35</t>
  </si>
  <si>
    <t>lu260804ah2ms.tmp</t>
  </si>
  <si>
    <t>\\acsfs\profiles$\BRUNAAR\Numero\lu260804ah2ms.tmp</t>
  </si>
  <si>
    <t>01/21/2020 07:55:31</t>
  </si>
  <si>
    <t>01/21/2020 07:56:23</t>
  </si>
  <si>
    <t>01/21/2020 07:57:27</t>
  </si>
  <si>
    <t>01/21/2020 07:56:44</t>
  </si>
  <si>
    <t>52fc6bec-4776-4110-8a6e-1fd71a7c3c15.tmp</t>
  </si>
  <si>
    <t>\\acsfs\profiles$\felipetds\Downloads\52fc6bec-4776-4110-8a6e-1fd71a7c3c15.tmp</t>
  </si>
  <si>
    <t>01/21/2020 07:56:57</t>
  </si>
  <si>
    <t>01/21/2020 07:57:10</t>
  </si>
  <si>
    <t>cc3e3102-58fb-4eb5-8e36-cb97139aa339.tmp</t>
  </si>
  <si>
    <t>\\acsfs\profiles$\wenderbnm\Downloads\cc3e3102-58fb-4eb5-8e36-cb97139aa339.tmp</t>
  </si>
  <si>
    <t>01/21/2020 07:57:38</t>
  </si>
  <si>
    <t>01/21/2020 07:58:28</t>
  </si>
  <si>
    <t>01/21/2020 07:55:04</t>
  </si>
  <si>
    <t>01/21/2020 07:56:04</t>
  </si>
  <si>
    <t>01/21/2020 07:58:48</t>
  </si>
  <si>
    <t>01/21/2020 08:00:28</t>
  </si>
  <si>
    <t>01/21/2020 07:56:13</t>
  </si>
  <si>
    <t>b13dc191-d9ba-4894-b47b-aecbee3ec489.tmp</t>
  </si>
  <si>
    <t>\\acsfs\profiles$\nayarasds\Downloads\b13dc191-d9ba-4894-b47b-aecbee3ec489.tmp</t>
  </si>
  <si>
    <t>01/21/2020 07:57:57</t>
  </si>
  <si>
    <t>6a46c866-e6ff-485f-a9bc-787cf90eaaa9.tmp</t>
  </si>
  <si>
    <t>\\acsfs\profiles$\nayarasds\Downloads\6a46c866-e6ff-485f-a9bc-787cf90eaaa9.tmp</t>
  </si>
  <si>
    <t>01/21/2020 07:58:27</t>
  </si>
  <si>
    <t>ec721f6f-1a5d-409e-91a6-b10d1db6d5cb.tmp</t>
  </si>
  <si>
    <t>\\acsfs\profiles$\nayarasds\Downloads\ec721f6f-1a5d-409e-91a6-b10d1db6d5cb.tmp</t>
  </si>
  <si>
    <t>01/21/2020 07:58:54</t>
  </si>
  <si>
    <t>c2b02c5c-da70-4865-9398-97b80836a775.tmp</t>
  </si>
  <si>
    <t>\\acsfs\profiles$\nayarasds\Downloads\c2b02c5c-da70-4865-9398-97b80836a775.tmp</t>
  </si>
  <si>
    <t>01/21/2020 07:59:04</t>
  </si>
  <si>
    <t>21336e22-6451-4397-b152-d9f20a568aa4.tmp</t>
  </si>
  <si>
    <t>\\acsfs\profiles$\nayarasds\Downloads\21336e22-6451-4397-b152-d9f20a568aa4.tmp</t>
  </si>
  <si>
    <t>01/21/2020 07:59:41</t>
  </si>
  <si>
    <t>3183c96f-15b4-4d7c-9834-87daf91933d6.tmp</t>
  </si>
  <si>
    <t>\\acsfs\profiles$\nayarasds\Downloads\3183c96f-15b4-4d7c-9834-87daf91933d6.tmp</t>
  </si>
  <si>
    <t>01/21/2020 08:01:27</t>
  </si>
  <si>
    <t>01/21/2020 07:57:50</t>
  </si>
  <si>
    <t>01/21/2020 07:56:46</t>
  </si>
  <si>
    <t>01/21/2020 08:02:27</t>
  </si>
  <si>
    <t>1f4f3f81-0e17-4fe2-9526-6ac6ca7653a8.tmp</t>
  </si>
  <si>
    <t>\\acsfs\profiles$\ERICALSR\Downloads\1f4f3f81-0e17-4fe2-9526-6ac6ca7653a8.tmp</t>
  </si>
  <si>
    <t>01/21/2020 07:57:26</t>
  </si>
  <si>
    <t>01/21/2020 07:57:55</t>
  </si>
  <si>
    <t>72e0d40b-bd56-4bbc-a06b-78f8ccf396d1.tmp</t>
  </si>
  <si>
    <t>\\acsfs\profiles$\ERICALSR\Downloads\72e0d40b-bd56-4bbc-a06b-78f8ccf396d1.tmp</t>
  </si>
  <si>
    <t>01/21/2020 08:00:33</t>
  </si>
  <si>
    <t>01/21/2020 07:59:53</t>
  </si>
  <si>
    <t>01/21/2020 08:00:23</t>
  </si>
  <si>
    <t>01/21/2020 08:00:53</t>
  </si>
  <si>
    <t>01/21/2020 08:01:23</t>
  </si>
  <si>
    <t>01/21/2020 07:57:48</t>
  </si>
  <si>
    <t>16fbeecc-a59c-4b8b-92f4-d6d3370816ff.tmp</t>
  </si>
  <si>
    <t>\\acsfs\profiles$\felipetds\Downloads\16fbeecc-a59c-4b8b-92f4-d6d3370816ff.tmp</t>
  </si>
  <si>
    <t>01/21/2020 08:00:00</t>
  </si>
  <si>
    <t>01/21/2020 07:58:01</t>
  </si>
  <si>
    <t>ebf39185-33d3-463b-b536-a316180e1714.tmp</t>
  </si>
  <si>
    <t>\\acsfs\profiles$\wenderbnm\Downloads\ebf39185-33d3-463b-b536-a316180e1714.tmp</t>
  </si>
  <si>
    <t>01/21/2020 07:59:00</t>
  </si>
  <si>
    <t>01/21/2020 08:03:27</t>
  </si>
  <si>
    <t>01/21/2020 07:59:34</t>
  </si>
  <si>
    <t>CASO 00822165 - OPERADOR LUCAS QUITONIO DE SOUZA SILVA_1_6782113210006834513_1_32.wav</t>
  </si>
  <si>
    <t>\\acsfs\Deptos\EDUCACAO EMPRESARIAL\KÉSIA\OUVIDORIA, PROCON, BACEN E RECLAME AQUI\CASO 00822165 - OPERADOR LUCAS QUITONIO DE SOUZA SILVA_1_6782113210006834513_1_32.wav</t>
  </si>
  <si>
    <t>01/21/2020 08:00:10</t>
  </si>
  <si>
    <t>CASO 00822165 - OPERADOR PEDRO HENRIQUE ALMEIDA BATISTA_1_6782194745665990349_1_32.wav</t>
  </si>
  <si>
    <t>\\acsfs\Deptos\EDUCACAO EMPRESARIAL\KÉSIA\OUVIDORIA, PROCON, BACEN E RECLAME AQUI\CASO 00822165 - OPERADOR PEDRO HENRIQUE ALMEIDA BATISTA_1_6782194745665990349_1_32.wav</t>
  </si>
  <si>
    <t>01/21/2020 08:01:04</t>
  </si>
  <si>
    <t>01/21/2020 08:02:04</t>
  </si>
  <si>
    <t>01/21/2020 07:58:21</t>
  </si>
  <si>
    <t>6f7693f7-144f-4f53-ba63-eb23979dcf15.tmp</t>
  </si>
  <si>
    <t>\\acsfs\profiles$\luanarda\Downloads\6f7693f7-144f-4f53-ba63-eb23979dcf15.tmp</t>
  </si>
  <si>
    <t>01/21/2020 07:59:52</t>
  </si>
  <si>
    <t>efa55bb4-c9c1-4787-9b47-f46eb1fd993c.tmp</t>
  </si>
  <si>
    <t>\\acsfs\profiles$\luanarda\Downloads\efa55bb4-c9c1-4787-9b47-f46eb1fd993c.tmp</t>
  </si>
  <si>
    <t>01/21/2020 08:01:03</t>
  </si>
  <si>
    <t>01/21/2020 07:58:31</t>
  </si>
  <si>
    <t>01/21/2020 07:59:18</t>
  </si>
  <si>
    <t>6e950d00-114d-41d9-a7b2-cc05a2c1f824.tmp</t>
  </si>
  <si>
    <t>\\acsfs\profiles$\paulovadc\Downloads\6e950d00-114d-41d9-a7b2-cc05a2c1f824.tmp</t>
  </si>
  <si>
    <t>01/21/2020 08:01:52</t>
  </si>
  <si>
    <t>96dc056a-f9fa-4c75-aaea-f9d058a4e97e.tmp</t>
  </si>
  <si>
    <t>\\acsfs\profiles$\paulovadc\Downloads\96dc056a-f9fa-4c75-aaea-f9d058a4e97e.tmp</t>
  </si>
  <si>
    <t>01/21/2020 08:03:16</t>
  </si>
  <si>
    <t>01/21/2020 08:04:27</t>
  </si>
  <si>
    <t>7f4de1a4-3bf9-4052-b5a9-6df9f470793a.tmp</t>
  </si>
  <si>
    <t>\\acsfs\profiles$\RAFAELRF\Downloads\7f4de1a4-3bf9-4052-b5a9-6df9f470793a.tmp</t>
  </si>
  <si>
    <t>01/21/2020 08:04:03</t>
  </si>
  <si>
    <t>09a65953-c199-408a-8b69-b422acd0d5fb.tmp</t>
  </si>
  <si>
    <t>\\acsfs\profiles$\RAFAELRF\Downloads\09a65953-c199-408a-8b69-b422acd0d5fb.tmp</t>
  </si>
  <si>
    <t>01/21/2020 08:00:41</t>
  </si>
  <si>
    <t>01/21/2020 08:05:28</t>
  </si>
  <si>
    <t>c3532ee0-96e2-4be6-a173-c79bff84a663.tmp</t>
  </si>
  <si>
    <t>\\acsfs\profiles$\inarajst\Downloads\c3532ee0-96e2-4be6-a173-c79bff84a663.tmp</t>
  </si>
  <si>
    <t>01/21/2020 08:03:11</t>
  </si>
  <si>
    <t>1e5a6c79-a53e-4665-9688-0e8f84e83af4.tmp</t>
  </si>
  <si>
    <t>\\acsfs\profiles$\inarajst\Downloads\1e5a6c79-a53e-4665-9688-0e8f84e83af4.tmp</t>
  </si>
  <si>
    <t>01/21/2020 08:01:36</t>
  </si>
  <si>
    <t>01/21/2020 08:04:49</t>
  </si>
  <si>
    <t>01/21/2020 08:02:22</t>
  </si>
  <si>
    <t>01/21/2020 08:06:27</t>
  </si>
  <si>
    <t>01/21/2020 08:05:31</t>
  </si>
  <si>
    <t>01/21/2020 08:01:30</t>
  </si>
  <si>
    <t>7c2f096f-f149-4f69-a8d8-9f38e01ecb21.tmp</t>
  </si>
  <si>
    <t>\\acsfs\profiles$\gabrielaff\Downloads\7c2f096f-f149-4f69-a8d8-9f38e01ecb21.tmp</t>
  </si>
  <si>
    <t>01/21/2020 08:02:51</t>
  </si>
  <si>
    <t>983db6cd-5fe5-403a-9aa2-b1c58063a694.tmp</t>
  </si>
  <si>
    <t>\\acsfs\profiles$\gabrielaff\Downloads\983db6cd-5fe5-403a-9aa2-b1c58063a694.tmp</t>
  </si>
  <si>
    <t>01/21/2020 08:02:25</t>
  </si>
  <si>
    <t>01/21/2020 08:07:28</t>
  </si>
  <si>
    <t>03fc58a3-52c9-48aa-bd10-131ec7cdb11d.tmp</t>
  </si>
  <si>
    <t>\\acsfs\profiles$\ANAPDSB\Downloads\03fc58a3-52c9-48aa-bd10-131ec7cdb11d.tmp</t>
  </si>
  <si>
    <t>01/21/2020 08:02:32</t>
  </si>
  <si>
    <t>01/21/2020 08:03:39</t>
  </si>
  <si>
    <t>30e5540f-3b3a-4837-a5a5-4e199cde96e7.tmp</t>
  </si>
  <si>
    <t>\\acsfs\profiles$\ANAPDSB\Downloads\30e5540f-3b3a-4837-a5a5-4e199cde96e7.tmp</t>
  </si>
  <si>
    <t>01/21/2020 08:03:23</t>
  </si>
  <si>
    <t>01/21/2020 08:03:53</t>
  </si>
  <si>
    <t>01/21/2020 08:04:23</t>
  </si>
  <si>
    <t>01/21/2020 08:04:53</t>
  </si>
  <si>
    <t>01/21/2020 08:05:23</t>
  </si>
  <si>
    <t>01/21/2020 08:06:23</t>
  </si>
  <si>
    <t>01/21/2020 08:04:56</t>
  </si>
  <si>
    <t>01/21/2020 08:03:35</t>
  </si>
  <si>
    <t>01/21/2020 08:08:27</t>
  </si>
  <si>
    <t>01/21/2020 08:03:50</t>
  </si>
  <si>
    <t>01/21/2020 08:07:45</t>
  </si>
  <si>
    <t>01/21/2020 08:09:27</t>
  </si>
  <si>
    <t>7618f696-25f2-4578-a135-e4d9fa3e81ad.tmp</t>
  </si>
  <si>
    <t>\\acsfs\profiles$\milenaas\Downloads\7618f696-25f2-4578-a135-e4d9fa3e81ad.tmp</t>
  </si>
  <si>
    <t>01/21/2020 08:09:03</t>
  </si>
  <si>
    <t>b4a5985a-18d9-4786-8747-56fdbe47efb2.tmp</t>
  </si>
  <si>
    <t>\\acsfs\profiles$\milenaas\Downloads\b4a5985a-18d9-4786-8747-56fdbe47efb2.tmp</t>
  </si>
  <si>
    <t>01/21/2020 08:09:47</t>
  </si>
  <si>
    <t>01/21/2020 08:10:27</t>
  </si>
  <si>
    <t>01/21/2020 08:11:28</t>
  </si>
  <si>
    <t>01/21/2020 08:09:09</t>
  </si>
  <si>
    <t>01/21/2020 08:10:19</t>
  </si>
  <si>
    <t>01/21/2020 08:12:27</t>
  </si>
  <si>
    <t>01/21/2020 08:06:53</t>
  </si>
  <si>
    <t>01/21/2020 08:07:23</t>
  </si>
  <si>
    <t>01/21/2020 08:09:23</t>
  </si>
  <si>
    <t>01/21/2020 08:09:53</t>
  </si>
  <si>
    <t>01/21/2020 08:09:58</t>
  </si>
  <si>
    <t>01/21/2020 08:10:40</t>
  </si>
  <si>
    <t>01/21/2020 08:13:28</t>
  </si>
  <si>
    <t>01/21/2020 08:08:04</t>
  </si>
  <si>
    <t>01/21/2020 08:09:04</t>
  </si>
  <si>
    <t>01/21/2020 08:12:04</t>
  </si>
  <si>
    <t>01/21/2020 08:14:27</t>
  </si>
  <si>
    <t>7eae16f7-3602-4ac7-b7a8-8910898ce74f.tmp</t>
  </si>
  <si>
    <t>\\acsfs\profiles$\milenaas\Downloads\7eae16f7-3602-4ac7-b7a8-8910898ce74f.tmp</t>
  </si>
  <si>
    <t>7416640a-b75b-4f38-8ca5-83b12c921ff6.tmp</t>
  </si>
  <si>
    <t>\\acsfs\profiles$\milenaas\Downloads\7416640a-b75b-4f38-8ca5-83b12c921ff6.tmp</t>
  </si>
  <si>
    <t>01/21/2020 08:10:48</t>
  </si>
  <si>
    <t>01/21/2020 08:15:28</t>
  </si>
  <si>
    <t>01/21/2020 08:15:09</t>
  </si>
  <si>
    <t>01/21/2020 08:13:26</t>
  </si>
  <si>
    <t>01/21/2020 08:16:27</t>
  </si>
  <si>
    <t>05baefe9-a026-433c-8f06-a1777a722e14.tmp</t>
  </si>
  <si>
    <t>\\acsfs\profiles$\DALVADFB\Downloads\05baefe9-a026-433c-8f06-a1777a722e14.tmp</t>
  </si>
  <si>
    <t>01/21/2020 08:15:31</t>
  </si>
  <si>
    <t>f913f1a5-edad-4eb5-a226-3d136be1c9ef.tmp</t>
  </si>
  <si>
    <t>\\acsfs\profiles$\DALVADFB\Downloads\f913f1a5-edad-4eb5-a226-3d136be1c9ef.tmp</t>
  </si>
  <si>
    <t>01/21/2020 08:12:58</t>
  </si>
  <si>
    <t>01/21/2020 08:16:10</t>
  </si>
  <si>
    <t>01/21/2020 08:17:27</t>
  </si>
  <si>
    <t>b5e908df-36df-41ec-abdf-7b29c6b89de6.tmp</t>
  </si>
  <si>
    <t>\\acsfs\profiles$\larissaad\Downloads\b5e908df-36df-41ec-abdf-7b29c6b89de6.tmp</t>
  </si>
  <si>
    <t>01/21/2020 08:13:23</t>
  </si>
  <si>
    <t>01/21/2020 08:13:53</t>
  </si>
  <si>
    <t>01/21/2020 08:14:23</t>
  </si>
  <si>
    <t>01/21/2020 08:14:53</t>
  </si>
  <si>
    <t>01/21/2020 08:14:38</t>
  </si>
  <si>
    <t>01/21/2020 08:18:28</t>
  </si>
  <si>
    <t>\\acsfs\Deptos\EDUCACAO EMPRESARIAL\KÉSIA\LAUDO - Cópia.docx\</t>
  </si>
  <si>
    <t>\\acsfs\Deptos\EDUCACAO EMPRESARIAL\KÉSIA\LAUDO - Cópia.docx</t>
  </si>
  <si>
    <t>LAUDO - Cópia.docx</t>
  </si>
  <si>
    <t>01/21/2020 08:14:04</t>
  </si>
  <si>
    <t>01/21/2020 08:15:04</t>
  </si>
  <si>
    <t>01/21/2020 08:16:48</t>
  </si>
  <si>
    <t>01/21/2020 08:20:27</t>
  </si>
  <si>
    <t>01/21/2020 08:17:18</t>
  </si>
  <si>
    <t>01/21/2020 08:21:28</t>
  </si>
  <si>
    <t>01/21/2020 08:17:57</t>
  </si>
  <si>
    <t>01/21/2020 08:20:47</t>
  </si>
  <si>
    <t>01/21/2020 08:20:37</t>
  </si>
  <si>
    <t>01/21/2020 08:18:27</t>
  </si>
  <si>
    <t>01/21/2020 08:22:27</t>
  </si>
  <si>
    <t>d3c02999-f15d-41a6-a1fb-5d50883ddf74.tmp</t>
  </si>
  <si>
    <t>\\acsfs\profiles$\larissaad\Downloads\d3c02999-f15d-41a6-a1fb-5d50883ddf74.tmp</t>
  </si>
  <si>
    <t>01/21/2020 08:21:40</t>
  </si>
  <si>
    <t>71dfd5db-e72d-4260-941a-600fbbe98bc6.tmp</t>
  </si>
  <si>
    <t>\\acsfs\profiles$\antoniosva\Downloads\71dfd5db-e72d-4260-941a-600fbbe98bc6.tmp</t>
  </si>
  <si>
    <t>01/21/2020 08:20:55</t>
  </si>
  <si>
    <t>01/21/2020 08:23:27</t>
  </si>
  <si>
    <t>01/21/2020 08:21:37</t>
  </si>
  <si>
    <t>01/21/2020 08:21:38</t>
  </si>
  <si>
    <t>01/21/2020 08:20:28</t>
  </si>
  <si>
    <t>01/21/2020 08:18:36</t>
  </si>
  <si>
    <t>01/21/2020 08:20:06</t>
  </si>
  <si>
    <t>01/21/2020 08:21:06</t>
  </si>
  <si>
    <t>01/21/2020 08:21:31</t>
  </si>
  <si>
    <t>01/21/2020 08:21:23</t>
  </si>
  <si>
    <t>01/21/2020 08:24:28</t>
  </si>
  <si>
    <t>01/21/2020 08:19:39</t>
  </si>
  <si>
    <t>01/21/2020 08:25:27</t>
  </si>
  <si>
    <t>0698f1c0-f688-4021-bba8-302c7701dbd1.tmp</t>
  </si>
  <si>
    <t>\\acsfs\profiles$\thallitaqna\Downloads\0698f1c0-f688-4021-bba8-302c7701dbd1.tmp</t>
  </si>
  <si>
    <t>01/21/2020 08:19:46</t>
  </si>
  <si>
    <t>Não confirmado 5990.crdownload</t>
  </si>
  <si>
    <t>\\acsfs\profiles$\thallitaqna\Downloads\Não confirmado 5990.crdownload</t>
  </si>
  <si>
    <t>01/21/2020 08:20:38</t>
  </si>
  <si>
    <t>4edd6761-f563-4686-afae-46cb6414a22b.tmp</t>
  </si>
  <si>
    <t>\\acsfs\profiles$\quindaizaagds\Downloads\4edd6761-f563-4686-afae-46cb6414a22b.tmp</t>
  </si>
  <si>
    <t>01/21/2020 08:22:41</t>
  </si>
  <si>
    <t>dee91b58-a504-4f40-ad6c-dbe85e6a6a72.tmp</t>
  </si>
  <si>
    <t>\\acsfs\profiles$\quindaizaagds\Downloads\dee91b58-a504-4f40-ad6c-dbe85e6a6a72.tmp</t>
  </si>
  <si>
    <t>01/21/2020 08:22:48</t>
  </si>
  <si>
    <t>01/21/2020 08:26:28</t>
  </si>
  <si>
    <t>01/21/2020 08:24:36</t>
  </si>
  <si>
    <t>01/21/2020 08:23:23</t>
  </si>
  <si>
    <t>01/21/2020 08:27:27</t>
  </si>
  <si>
    <t>01/21/2020 08:23:53</t>
  </si>
  <si>
    <t>01/21/2020 08:24:23</t>
  </si>
  <si>
    <t>01/21/2020 08:22:02</t>
  </si>
  <si>
    <t>373e6c42-3ff0-4095-a1c8-ce0ec7854993.tmp</t>
  </si>
  <si>
    <t>\\acsfs\profiles$\antoniosva\Downloads\373e6c42-3ff0-4095-a1c8-ce0ec7854993.tmp</t>
  </si>
  <si>
    <t>01/21/2020 08:22:51</t>
  </si>
  <si>
    <t>7fa8a65f-1052-4e31-92f1-0ab197d1e554.tmp</t>
  </si>
  <si>
    <t>\\acsfs\profiles$\antoniosva\Downloads\7fa8a65f-1052-4e31-92f1-0ab197d1e554.tmp</t>
  </si>
  <si>
    <t>01/21/2020 08:24:22</t>
  </si>
  <si>
    <t>acb3f486-3efa-4380-8241-985c936f16e8.tmp</t>
  </si>
  <si>
    <t>\\acsfs\profiles$\antoniosva\Downloads\acb3f486-3efa-4380-8241-985c936f16e8.tmp</t>
  </si>
  <si>
    <t>01/21/2020 08:24:43</t>
  </si>
  <si>
    <t>bdf5b0fb-562e-447e-abd2-eb576a1a3138.tmp</t>
  </si>
  <si>
    <t>\\acsfs\profiles$\antoniosva\Downloads\bdf5b0fb-562e-447e-abd2-eb576a1a3138.tmp</t>
  </si>
  <si>
    <t>01/21/2020 08:25:17</t>
  </si>
  <si>
    <t>5e5bf4b5-1008-4d2b-a80f-b12539809ebd.tmp</t>
  </si>
  <si>
    <t>\\acsfs\profiles$\antoniosva\Downloads\5e5bf4b5-1008-4d2b-a80f-b12539809ebd.tmp</t>
  </si>
  <si>
    <t>01/21/2020 08:25:45</t>
  </si>
  <si>
    <t>2821b82d-b7fd-4773-9e3c-2cfdedb79432.tmp</t>
  </si>
  <si>
    <t>\\acsfs\profiles$\antoniosva\Downloads\2821b82d-b7fd-4773-9e3c-2cfdedb79432.tmp</t>
  </si>
  <si>
    <t>01/21/2020 08:25:29</t>
  </si>
  <si>
    <t>01/21/2020 08:26:47</t>
  </si>
  <si>
    <t>cf5aeed5-ba7a-46a5-bb20-94d07309dcbb.tmp</t>
  </si>
  <si>
    <t>\\acsfs\profiles$\nataliacsl\Downloads\cf5aeed5-ba7a-46a5-bb20-94d07309dcbb.tmp</t>
  </si>
  <si>
    <t>01/21/2020 08:26:49</t>
  </si>
  <si>
    <t>a87481aa-9258-40b0-af34-d18069b72426.tmp</t>
  </si>
  <si>
    <t>\\acsfs\profiles$\nataliacsl\Downloads\a87481aa-9258-40b0-af34-d18069b72426.tmp</t>
  </si>
  <si>
    <t>01/21/2020 08:26:04</t>
  </si>
  <si>
    <t>01/21/2020 08:25:13</t>
  </si>
  <si>
    <t>01/21/2020 08:28:27</t>
  </si>
  <si>
    <t>01/21/2020 08:26:06</t>
  </si>
  <si>
    <t>01/21/2020 08:27:06</t>
  </si>
  <si>
    <t>01/21/2020 08:23:38</t>
  </si>
  <si>
    <t>d38c8e37-68b8-4b71-8313-29ed75c70b97.tmp</t>
  </si>
  <si>
    <t>\\acsfs\profiles$\nathaliarmr\Downloads\d38c8e37-68b8-4b71-8313-29ed75c70b97.tmp</t>
  </si>
  <si>
    <t>23e77aa8-1af7-4b28-b66a-e1ca012f5b4a.tmp</t>
  </si>
  <si>
    <t>\\acsfs\profiles$\nathaliarmr\Downloads\23e77aa8-1af7-4b28-b66a-e1ca012f5b4a.tmp</t>
  </si>
  <si>
    <t>01/21/2020 08:27:17</t>
  </si>
  <si>
    <t>01/21/2020 08:29:27</t>
  </si>
  <si>
    <t>cf1e6c9a-82fc-47d1-9894-1ee9e66652f8.tmp</t>
  </si>
  <si>
    <t>\\acsfs\profiles$\KARENDSR\Downloads\cf1e6c9a-82fc-47d1-9894-1ee9e66652f8.tmp</t>
  </si>
  <si>
    <t>01/21/2020 08:28:05</t>
  </si>
  <si>
    <t>6633628a-bf4c-42a4-bd65-1448b5e67982.tmp</t>
  </si>
  <si>
    <t>\\acsfs\profiles$\KARENDSR\Downloads\6633628a-bf4c-42a4-bd65-1448b5e67982.tmp</t>
  </si>
  <si>
    <t>01/21/2020 08:30:27</t>
  </si>
  <si>
    <t>01/21/2020 08:25:00</t>
  </si>
  <si>
    <t>01/21/2020 08:28:48</t>
  </si>
  <si>
    <t>01/21/2020 08:26:58</t>
  </si>
  <si>
    <t>8505479e-d61b-4a38-8ef0-dc905e345c0d.tmp</t>
  </si>
  <si>
    <t>\\acsfs\profiles$\wedersonbadr\My Documents\My Music\8505479e-d61b-4a38-8ef0-dc905e345c0d.tmp</t>
  </si>
  <si>
    <t>01/21/2020 08:27:08</t>
  </si>
  <si>
    <t>51d84488-9260-4b70-92c0-69a3c917941c.tmp</t>
  </si>
  <si>
    <t>\\acsfs\profiles$\wedersonbadr\My Documents\My Music\51d84488-9260-4b70-92c0-69a3c917941c.tmp</t>
  </si>
  <si>
    <t>01/21/2020 08:27:41</t>
  </si>
  <si>
    <t>7bc7c17c-cc2d-4af8-89cd-2d3c3458eaa2.tmp</t>
  </si>
  <si>
    <t>\\acsfs\profiles$\wedersonbadr\My Documents\My Music\7bc7c17c-cc2d-4af8-89cd-2d3c3458eaa2.tmp</t>
  </si>
  <si>
    <t>01/21/2020 08:27:04</t>
  </si>
  <si>
    <t>01/21/2020 08:31:27</t>
  </si>
  <si>
    <t>47d26e0b-565c-44e4-8149-4c2f54208872.tmp</t>
  </si>
  <si>
    <t>\\acsfs\profiles$\LUCASNS\Downloads\47d26e0b-565c-44e4-8149-4c2f54208872.tmp</t>
  </si>
  <si>
    <t>c8c36183-bfb8-45a4-b92f-1d9754cd1a5c.tmp</t>
  </si>
  <si>
    <t>\\acsfs\profiles$\LUCASNS\Downloads\c8c36183-bfb8-45a4-b92f-1d9754cd1a5c.tmp</t>
  </si>
  <si>
    <t>01/21/2020 08:27:11</t>
  </si>
  <si>
    <t>01/21/2020 08:27:18</t>
  </si>
  <si>
    <t>01/21/2020 08:27:43</t>
  </si>
  <si>
    <t>01/21/2020 08:30:23</t>
  </si>
  <si>
    <t>e05a4b75-f387-448e-a0df-128bed16d803.tmp</t>
  </si>
  <si>
    <t>\\acsfs\profiles$\danielac\Downloads\e05a4b75-f387-448e-a0df-128bed16d803.tmp</t>
  </si>
  <si>
    <t>01/21/2020 08:30:53</t>
  </si>
  <si>
    <t>214eeb19-10ae-4bdf-9882-6715382b0aa2.tmp</t>
  </si>
  <si>
    <t>\\acsfs\profiles$\danielac\Downloads\214eeb19-10ae-4bdf-9882-6715382b0aa2.tmp</t>
  </si>
  <si>
    <t>01/21/2020 08:31:46</t>
  </si>
  <si>
    <t>01/21/2020 08:32:27</t>
  </si>
  <si>
    <t>01/21/2020 08:29:42</t>
  </si>
  <si>
    <t>ec59307d-0d19-4e72-83ac-a1399df21f9b.tmp</t>
  </si>
  <si>
    <t>\\acsfs\profiles$\felipetds\Downloads\ec59307d-0d19-4e72-83ac-a1399df21f9b.tmp</t>
  </si>
  <si>
    <t>01/21/2020 08:30:42</t>
  </si>
  <si>
    <t>a75234f2-d3e0-46bb-a430-9dbfc794a089.tmp</t>
  </si>
  <si>
    <t>\\acsfs\profiles$\lorrainerdl\Downloads\a75234f2-d3e0-46bb-a430-9dbfc794a089.tmp</t>
  </si>
  <si>
    <t>01/21/2020 08:31:03</t>
  </si>
  <si>
    <t>ef723cb9-daa3-42eb-ae2c-94b3f990fe33.tmp</t>
  </si>
  <si>
    <t>\\acsfs\profiles$\lorrainerdl\Downloads\ef723cb9-daa3-42eb-ae2c-94b3f990fe33.tmp</t>
  </si>
  <si>
    <t>01/21/2020 08:31:57</t>
  </si>
  <si>
    <t>080e1bc7-e205-4957-8791-b15280360b2b.tmp</t>
  </si>
  <si>
    <t>\\acsfs\profiles$\lorrainerdl\Downloads\080e1bc7-e205-4957-8791-b15280360b2b.tmp</t>
  </si>
  <si>
    <t>01/21/2020 08:32:06</t>
  </si>
  <si>
    <t>01/21/2020 08:33:27</t>
  </si>
  <si>
    <t>01/21/2020 08:30:40</t>
  </si>
  <si>
    <t>aedd7536-d55e-47a9-a545-97e87cba9972.tmp</t>
  </si>
  <si>
    <t>\\acsfs\profiles$\nathaliarmr\Downloads\aedd7536-d55e-47a9-a545-97e87cba9972.tmp</t>
  </si>
  <si>
    <t>01/21/2020 08:30:49</t>
  </si>
  <si>
    <t>01/21/2020 08:34:27</t>
  </si>
  <si>
    <t>b1e2d39e-4e61-4c61-8922-e4307304495a.tmp</t>
  </si>
  <si>
    <t>\\acsfs\profiles$\KARENDSR\Downloads\b1e2d39e-4e61-4c61-8922-e4307304495a.tmp</t>
  </si>
  <si>
    <t>01/21/2020 08:33:09</t>
  </si>
  <si>
    <t>34af72a6-fd96-4302-a000-b713dc12147b.tmp</t>
  </si>
  <si>
    <t>\\acsfs\profiles$\KARENDSR\Downloads\34af72a6-fd96-4302-a000-b713dc12147b.tmp</t>
  </si>
  <si>
    <t>01/21/2020 08:32:12</t>
  </si>
  <si>
    <t>01/21/2020 08:35:28</t>
  </si>
  <si>
    <t>c6ed6da5-fcd8-4e1c-9cd4-fc6bf6bbd1a0.tmp</t>
  </si>
  <si>
    <t>\\acsfs\profiles$\quindaizaagds\Downloads\c6ed6da5-fcd8-4e1c-9cd4-fc6bf6bbd1a0.tmp</t>
  </si>
  <si>
    <t>01/21/2020 08:32:49</t>
  </si>
  <si>
    <t>01/21/2020 08:34:48</t>
  </si>
  <si>
    <t>01/21/2020 08:33:18</t>
  </si>
  <si>
    <t>01/21/2020 08:30:50</t>
  </si>
  <si>
    <t>01/21/2020 08:36:27</t>
  </si>
  <si>
    <t>\\acsfs\DEPTOS\Operacao\Banco_Votorantim\Supervisao\SUPERS BV CARTÕES\ADILSON\Reneg\Modelo Funil - Consolidado Reneg Oficial.xlsx</t>
  </si>
  <si>
    <t>01/21/2020 08:35:25</t>
  </si>
  <si>
    <t>bdb4de5b-0833-4b9e-9503-3460aaa540b3.tmp</t>
  </si>
  <si>
    <t>\\acsfs\profiles$\andrezacapf\Downloads\bdb4de5b-0833-4b9e-9503-3460aaa540b3.tmp</t>
  </si>
  <si>
    <t>01/21/2020 08:35:31</t>
  </si>
  <si>
    <t>b3714b95-da9f-4f24-90ce-27600b63b5b8.tmp</t>
  </si>
  <si>
    <t>\\acsfs\profiles$\andrezacapf\Downloads\b3714b95-da9f-4f24-90ce-27600b63b5b8.tmp</t>
  </si>
  <si>
    <t>01/21/2020 08:35:32</t>
  </si>
  <si>
    <t>923b9b3f-64d0-4bc9-88fc-ec0a86edb14a.tmp</t>
  </si>
  <si>
    <t>\\acsfs\profiles$\andrezacapf\Downloads\923b9b3f-64d0-4bc9-88fc-ec0a86edb14a.tmp</t>
  </si>
  <si>
    <t>01/21/2020 08:35:34</t>
  </si>
  <si>
    <t>1f71784c-1fca-4551-9d16-1877ebe10713.tmp</t>
  </si>
  <si>
    <t>\\acsfs\profiles$\andrezacapf\Downloads\1f71784c-1fca-4551-9d16-1877ebe10713.tmp</t>
  </si>
  <si>
    <t>01/21/2020 08:35:37</t>
  </si>
  <si>
    <t>c4ccc40d-64cf-47f4-8325-90def14900f0.tmp</t>
  </si>
  <si>
    <t>\\acsfs\profiles$\andrezacapf\Downloads\c4ccc40d-64cf-47f4-8325-90def14900f0.tmp</t>
  </si>
  <si>
    <t>01/21/2020 08:31:47</t>
  </si>
  <si>
    <t>f04c3149-0591-45a0-879c-5b1306507a05.tmp</t>
  </si>
  <si>
    <t>\\acsfs\profiles$\danielac\Downloads\f04c3149-0591-45a0-879c-5b1306507a05.tmp</t>
  </si>
  <si>
    <t>01/21/2020 08:32:53</t>
  </si>
  <si>
    <t>01/21/2020 08:37:27</t>
  </si>
  <si>
    <t>148b2f06-7297-4757-ae8e-c544020afbdd.tmp</t>
  </si>
  <si>
    <t>\\acsfs\profiles$\larissaad\Downloads\148b2f06-7297-4757-ae8e-c544020afbdd.tmp</t>
  </si>
  <si>
    <t>01/21/2020 08:32:13</t>
  </si>
  <si>
    <t>01/21/2020 08:32:55</t>
  </si>
  <si>
    <t>01/21/2020 08:32:58</t>
  </si>
  <si>
    <t>01/21/2020 08:34:01</t>
  </si>
  <si>
    <t>01/21/2020 08:34:53</t>
  </si>
  <si>
    <t>01/21/2020 08:35:23</t>
  </si>
  <si>
    <t>01/21/2020 08:35:53</t>
  </si>
  <si>
    <t>01/21/2020 08:36:23</t>
  </si>
  <si>
    <t>01/21/2020 08:34:13</t>
  </si>
  <si>
    <t>65002abd-cd27-4caf-a970-3902800f0eec.tmp</t>
  </si>
  <si>
    <t>\\acsfs\profiles$\lorrainerdl\Downloads\65002abd-cd27-4caf-a970-3902800f0eec.tmp</t>
  </si>
  <si>
    <t>01/21/2020 08:37:37</t>
  </si>
  <si>
    <t>01/21/2020 08:38:27</t>
  </si>
  <si>
    <t>01/21/2020 08:37:03</t>
  </si>
  <si>
    <t>\\acsfs\Deptos\EDUCACAO EMPRESARIAL\KÉSIA\Ligações 3º ciclo - Janeiro 2020\</t>
  </si>
  <si>
    <t>RAFAELA MARQUES SOUZA VALIM_1_6781046271411035902_1_32.wav</t>
  </si>
  <si>
    <t>\\acsfs\Deptos\EDUCACAO EMPRESARIAL\KÉSIA\Ligações 3º ciclo - Janeiro 2020\RAFAELA MARQUES SOUZA VALIM_1_6781046271411035902_1_32.wav</t>
  </si>
  <si>
    <t>01/21/2020 08:34:03</t>
  </si>
  <si>
    <t>01/21/2020 08:33:06</t>
  </si>
  <si>
    <t>01/21/2020 08:36:42</t>
  </si>
  <si>
    <t>01/21/2020 08:34:20</t>
  </si>
  <si>
    <t>01/21/2020 08:35:22</t>
  </si>
  <si>
    <t>01/21/2020 08:39:27</t>
  </si>
  <si>
    <t>0ec4c6af-fe7b-46df-9377-08bc24fb93dd.tmp</t>
  </si>
  <si>
    <t>\\acsfs\profiles$\KARENDSR\Downloads\0ec4c6af-fe7b-46df-9377-08bc24fb93dd.tmp</t>
  </si>
  <si>
    <t>01/21/2020 08:36:07</t>
  </si>
  <si>
    <t>bd914250-a154-40d7-b8f3-39bcddaaf3e6.tmp</t>
  </si>
  <si>
    <t>\\acsfs\profiles$\KARENDSR\Downloads\bd914250-a154-40d7-b8f3-39bcddaaf3e6.tmp</t>
  </si>
  <si>
    <t>01/21/2020 08:36:38</t>
  </si>
  <si>
    <t>01/21/2020 08:40:27</t>
  </si>
  <si>
    <t>Briga (3).cxu3zdw.partial</t>
  </si>
  <si>
    <t>\\acsfs\profiles$\nathalydds\Downloads\Briga (3).cxu3zdw.partial</t>
  </si>
  <si>
    <t>01/21/2020 08:39:14</t>
  </si>
  <si>
    <t>01/21/2020 08:36:21</t>
  </si>
  <si>
    <t>01/21/2020 08:41:28</t>
  </si>
  <si>
    <t>c6c585a6-d380-403d-b23b-5730df7b91b9.tmp</t>
  </si>
  <si>
    <t>\\acsfs\profiles$\victoriaksr\Downloads\c6c585a6-d380-403d-b23b-5730df7b91b9.tmp</t>
  </si>
  <si>
    <t>01/21/2020 08:36:28</t>
  </si>
  <si>
    <t>01/21/2020 08:37:23</t>
  </si>
  <si>
    <t>658cf783-04fc-4025-a660-d708d414fa26.tmp</t>
  </si>
  <si>
    <t>\\acsfs\profiles$\victoriaksr\Downloads\658cf783-04fc-4025-a660-d708d414fa26.tmp</t>
  </si>
  <si>
    <t>01/21/2020 08:39:02</t>
  </si>
  <si>
    <t>01/21/2020 08:38:37</t>
  </si>
  <si>
    <t>01/21/2020 08:37:10</t>
  </si>
  <si>
    <t>01/21/2020 08:37:14</t>
  </si>
  <si>
    <t>01/21/2020 08:37:21</t>
  </si>
  <si>
    <t>01/21/2020 08:37:28</t>
  </si>
  <si>
    <t>01/21/2020 08:37:32</t>
  </si>
  <si>
    <t>01/21/2020 08:37:43</t>
  </si>
  <si>
    <t>01/21/2020 08:37:46</t>
  </si>
  <si>
    <t>01/21/2020 08:37:51</t>
  </si>
  <si>
    <t>01/21/2020 08:37:57</t>
  </si>
  <si>
    <t>01/21/2020 08:38:03</t>
  </si>
  <si>
    <t>01/21/2020 08:38:17</t>
  </si>
  <si>
    <t>mail.google.com/_/upload?authuser=0&amp;dcp=asu-n&amp;upload_id=AEnB2UpneJsuRRrQ6yUu7EG7NWKegD8RGD8au0mT51_UwlVkQA--w4_r2elkr9BUqk3kbSV-tAiG94ABeNBEznBlriM1gwPSh9YDcOwE5rMaONILIpDCBsE&amp;upload_protocol=resumable</t>
  </si>
  <si>
    <t>01/21/2020 08:39:55</t>
  </si>
  <si>
    <t>01/21/2020 08:39:56</t>
  </si>
  <si>
    <t>lu260804ah2mw.tmp</t>
  </si>
  <si>
    <t>\\acsfs\profiles$\BRUNAAR\Numero\lu260804ah2mw.tmp</t>
  </si>
  <si>
    <t>01/21/2020 08:36:01</t>
  </si>
  <si>
    <t>325324dd-a079-498d-910f-cdf044fbc215.tmp</t>
  </si>
  <si>
    <t>\\acsfs\profiles$\andrezacapf\Downloads\325324dd-a079-498d-910f-cdf044fbc215.tmp</t>
  </si>
  <si>
    <t>01/21/2020 08:36:05</t>
  </si>
  <si>
    <t>ebfb1832-ac45-4ade-aa3b-a196c3cf2676.tmp</t>
  </si>
  <si>
    <t>\\acsfs\profiles$\andrezacapf\Downloads\ebfb1832-ac45-4ade-aa3b-a196c3cf2676.tmp</t>
  </si>
  <si>
    <t>01/21/2020 08:37:22</t>
  </si>
  <si>
    <t>01/21/2020 08:38:35</t>
  </si>
  <si>
    <t>01/21/2020 08:42:27</t>
  </si>
  <si>
    <t>11cf5060-0a69-4a65-b07a-42bc0496071e.tmp</t>
  </si>
  <si>
    <t>\\acsfs\profiles$\larissaad\Downloads\11cf5060-0a69-4a65-b07a-42bc0496071e.tmp</t>
  </si>
  <si>
    <t>01/21/2020 08:36:53</t>
  </si>
  <si>
    <t>01/21/2020 08:40:49</t>
  </si>
  <si>
    <t>e1964d79-e2e6-47a3-8412-9c1007ecfd35.tmp</t>
  </si>
  <si>
    <t>\\acsfs\profiles$\lorraynevam\Downloads\e1964d79-e2e6-47a3-8412-9c1007ecfd35.tmp</t>
  </si>
  <si>
    <t>01/21/2020 08:41:06</t>
  </si>
  <si>
    <t>635045e1-b96e-4282-aa38-f928c57c0eea.tmp</t>
  </si>
  <si>
    <t>\\acsfs\profiles$\lorraynevam\Downloads\635045e1-b96e-4282-aa38-f928c57c0eea.tmp</t>
  </si>
  <si>
    <t>01/21/2020 08:38:43</t>
  </si>
  <si>
    <t>01/21/2020 08:43:27</t>
  </si>
  <si>
    <t>01/21/2020 08:38:59</t>
  </si>
  <si>
    <t>01/21/2020 08:39:20</t>
  </si>
  <si>
    <t>01/21/2020 08:39:37</t>
  </si>
  <si>
    <t>01/21/2020 08:38:06</t>
  </si>
  <si>
    <t>01/21/2020 08:42:06</t>
  </si>
  <si>
    <t>01/21/2020 08:40:15</t>
  </si>
  <si>
    <t>01/21/2020 08:40:35</t>
  </si>
  <si>
    <t>01/21/2020 08:40:38</t>
  </si>
  <si>
    <t>01/21/2020 08:40:50</t>
  </si>
  <si>
    <t>01/21/2020 08:40:58</t>
  </si>
  <si>
    <t>01/21/2020 08:42:03</t>
  </si>
  <si>
    <t>01/21/2020 08:42:09</t>
  </si>
  <si>
    <t>01/21/2020 08:40:48</t>
  </si>
  <si>
    <t>01/21/2020 08:45:27</t>
  </si>
  <si>
    <t>01/21/2020 08:43:56</t>
  </si>
  <si>
    <t>01/21/2020 08:44:05</t>
  </si>
  <si>
    <t>01/21/2020 08:44:06</t>
  </si>
  <si>
    <t>01/21/2020 08:45:25</t>
  </si>
  <si>
    <t>01/21/2020 08:46:27</t>
  </si>
  <si>
    <t>01/21/2020 08:45:29</t>
  </si>
  <si>
    <t>01/21/2020 08:47:04</t>
  </si>
  <si>
    <t>01/21/2020 08:48:27</t>
  </si>
  <si>
    <t>ef38fa0a-ff7b-4c97-b5cb-86512484eff6.tmp</t>
  </si>
  <si>
    <t>\\acsfs\profiles$\criciavdo\Downloads\ef38fa0a-ff7b-4c97-b5cb-86512484eff6.tmp</t>
  </si>
  <si>
    <t>01/21/2020 08:48:06</t>
  </si>
  <si>
    <t>01/21/2020 08:46:52</t>
  </si>
  <si>
    <t>01/21/2020 08:48:18</t>
  </si>
  <si>
    <t>01/21/2020 08:49:28</t>
  </si>
  <si>
    <t>01/21/2020 08:46:28</t>
  </si>
  <si>
    <t>01/21/2020 08:50:27</t>
  </si>
  <si>
    <t>a12b4152-099c-43b7-b27c-c629c4269822.tmp</t>
  </si>
  <si>
    <t>\\acsfs\profiles$\THYAGOSP\Downloads\a12b4152-099c-43b7-b27c-c629c4269822.tmp</t>
  </si>
  <si>
    <t>01/21/2020 08:47:44</t>
  </si>
  <si>
    <t>80eeb383-bc61-410c-802a-fff1b815a137.tmp</t>
  </si>
  <si>
    <t>\\acsfs\profiles$\THYAGOSP\Downloads\80eeb383-bc61-410c-802a-fff1b815a137.tmp</t>
  </si>
  <si>
    <t>01/21/2020 08:46:37</t>
  </si>
  <si>
    <t>bc3532f0-6084-4b6e-a27c-7ef5cbbe2763.tmp</t>
  </si>
  <si>
    <t>\\acsfs\profiles$\yurics\Downloads\bc3532f0-6084-4b6e-a27c-7ef5cbbe2763.tmp</t>
  </si>
  <si>
    <t>01/21/2020 08:46:48</t>
  </si>
  <si>
    <t>01/21/2020 08:45:59</t>
  </si>
  <si>
    <t>01/21/2020 08:51:28</t>
  </si>
  <si>
    <t>01/21/2020 08:49:15</t>
  </si>
  <si>
    <t>01/21/2020 08:48:03</t>
  </si>
  <si>
    <t>joaogvc@algartech.com;marianadjc@algartech.com;marianadjc@algartech.com.br;rafaelggs@algartech.com;taysdss@algartech.com;viniciussg@algartech.com;</t>
  </si>
  <si>
    <t>joaogvc@algartech.com,marianadjc@algartech.com,marianadjc@algartech.com.br,rafaelggs@algartech.com,taysdss@algartech.com,viniciussg@algartech.com</t>
  </si>
  <si>
    <t>01/21/2020 08:48:04</t>
  </si>
  <si>
    <t>01/21/2020 08:47:40</t>
  </si>
  <si>
    <t>68b5ceea-faf2-4eb4-ba4e-b9b311ff8fa1.tmp</t>
  </si>
  <si>
    <t>\\acsfs\profiles$\valeriasda\Downloads\68b5ceea-faf2-4eb4-ba4e-b9b311ff8fa1.tmp</t>
  </si>
  <si>
    <t>01/21/2020 08:48:58</t>
  </si>
  <si>
    <t>9900e837-4ea8-4fca-985e-7f3d5264dd23.tmp</t>
  </si>
  <si>
    <t>\\acsfs\profiles$\valeriasda\Downloads\9900e837-4ea8-4fca-985e-7f3d5264dd23.tmp</t>
  </si>
  <si>
    <t>01/21/2020 08:49:05</t>
  </si>
  <si>
    <t>e095f9aa-187f-452d-83bb-f2dbb381bc45.tmp</t>
  </si>
  <si>
    <t>\\acsfs\profiles$\valeriasda\Downloads\e095f9aa-187f-452d-83bb-f2dbb381bc45.tmp</t>
  </si>
  <si>
    <t>01/21/2020 08:48:50</t>
  </si>
  <si>
    <t>01/21/2020 08:52:27</t>
  </si>
  <si>
    <t>86a376c2-e11d-457a-a499-5b90b4c931e5.tmp</t>
  </si>
  <si>
    <t>\\acsfs\profiles$\lorrainerdl\Downloads\86a376c2-e11d-457a-a499-5b90b4c931e5.tmp</t>
  </si>
  <si>
    <t>01/21/2020 08:51:53</t>
  </si>
  <si>
    <t>657ee41a-f71c-4bc5-8bbc-4ba164d9e2ce.tmp</t>
  </si>
  <si>
    <t>\\acsfs\profiles$\kamilamrc\Downloads\657ee41a-f71c-4bc5-8bbc-4ba164d9e2ce.tmp</t>
  </si>
  <si>
    <t>01/21/2020 08:49:14</t>
  </si>
  <si>
    <t>01/21/2020 08:53:28</t>
  </si>
  <si>
    <t>01/21/2020 08:49:16</t>
  </si>
  <si>
    <t>01/21/2020 08:49:17</t>
  </si>
  <si>
    <t>01/21/2020 08:49:18</t>
  </si>
  <si>
    <t>01/21/2020 08:49:19</t>
  </si>
  <si>
    <t>01/21/2020 08:49:20</t>
  </si>
  <si>
    <t>01/21/2020 08:49:21</t>
  </si>
  <si>
    <t>01/21/2020 08:49:22</t>
  </si>
  <si>
    <t>01/21/2020 08:49:23</t>
  </si>
  <si>
    <t>01/21/2020 08:49:24</t>
  </si>
  <si>
    <t>01/21/2020 08:49:25</t>
  </si>
  <si>
    <t>01/21/2020 08:49:26</t>
  </si>
  <si>
    <t>01/21/2020 08:49:27</t>
  </si>
  <si>
    <t>01/21/2020 08:49:29</t>
  </si>
  <si>
    <t>01/21/2020 08:51:57</t>
  </si>
  <si>
    <t>01/21/2020 08:50:06</t>
  </si>
  <si>
    <t>01/21/2020 08:49:36</t>
  </si>
  <si>
    <t>Erro fatal ANA FLAVIA SOARES BARBOSA 2.PNG</t>
  </si>
  <si>
    <t>\\acsfs\ACS\001 - Qualidade Lilian\PAULO\Pasta Tainara\Erro fatal ANA FLAVIA SOARES BARBOSA 2.PNG</t>
  </si>
  <si>
    <t>01/21/2020 08:51:40</t>
  </si>
  <si>
    <t>01/21/2020 08:55:27</t>
  </si>
  <si>
    <t>Mentira (2).vvaezky.partial</t>
  </si>
  <si>
    <t>\\acsfs\profiles$\nathalydds\Downloads\Mentira (2).vvaezky.partial</t>
  </si>
  <si>
    <t>01/21/2020 08:54:07</t>
  </si>
  <si>
    <t>\\acsfs\profiles$\nathalydds\Downloads\$RECYCLE.BIN\</t>
  </si>
  <si>
    <t>$IA7ML7U.doc</t>
  </si>
  <si>
    <t>\\acsfs\profiles$\nathalydds\Downloads\$RECYCLE.BIN\$IA7ML7U.doc</t>
  </si>
  <si>
    <t>01/21/2020 08:54:08</t>
  </si>
  <si>
    <t>$IAJ6KAY.doc</t>
  </si>
  <si>
    <t>\\acsfs\profiles$\nathalydds\Downloads\$RECYCLE.BIN\$IAJ6KAY.doc</t>
  </si>
  <si>
    <t>01/21/2020 08:54:19</t>
  </si>
  <si>
    <t>$IRG53UG.crdownload</t>
  </si>
  <si>
    <t>\\acsfs\profiles$\nathalydds\Downloads\$RECYCLE.BIN\$IRG53UG.crdownload</t>
  </si>
  <si>
    <t>$IQP5C20.crdownload</t>
  </si>
  <si>
    <t>\\acsfs\profiles$\nathalydds\Downloads\$RECYCLE.BIN\$IQP5C20.crdownload</t>
  </si>
  <si>
    <t>$IQDO83A.crdownload</t>
  </si>
  <si>
    <t>\\acsfs\profiles$\nathalydds\Downloads\$RECYCLE.BIN\$IQDO83A.crdownload</t>
  </si>
  <si>
    <t>$IRVAURN.crdownload</t>
  </si>
  <si>
    <t>\\acsfs\profiles$\nathalydds\Downloads\$RECYCLE.BIN\$IRVAURN.crdownload</t>
  </si>
  <si>
    <t>$I5MCN63.crdownload</t>
  </si>
  <si>
    <t>\\acsfs\profiles$\nathalydds\Downloads\$RECYCLE.BIN\$I5MCN63.crdownload</t>
  </si>
  <si>
    <t>01/21/2020 08:54:20</t>
  </si>
  <si>
    <t>$IXMFSEA.crdownload</t>
  </si>
  <si>
    <t>\\acsfs\profiles$\nathalydds\Downloads\$RECYCLE.BIN\$IXMFSEA.crdownload</t>
  </si>
  <si>
    <t>$IQO39GF.crdownload</t>
  </si>
  <si>
    <t>\\acsfs\profiles$\nathalydds\Downloads\$RECYCLE.BIN\$IQO39GF.crdownload</t>
  </si>
  <si>
    <t>01/21/2020 08:52:48</t>
  </si>
  <si>
    <t>01/21/2020 08:51:27</t>
  </si>
  <si>
    <t>01/21/2020 08:56:27</t>
  </si>
  <si>
    <t>01/21/2020 08:55:01</t>
  </si>
  <si>
    <t>01/21/2020 08:55:08</t>
  </si>
  <si>
    <t>01/21/2020 08:55:26</t>
  </si>
  <si>
    <t>01/21/2020 08:55:30</t>
  </si>
  <si>
    <t>01/21/2020 08:55:34</t>
  </si>
  <si>
    <t>01/21/2020 08:55:49</t>
  </si>
  <si>
    <t>01/21/2020 08:52:02</t>
  </si>
  <si>
    <t>01/21/2020 08:55:46</t>
  </si>
  <si>
    <t>e9ad6fc9-0dd0-4628-9bf7-4e857080c35b.tmp</t>
  </si>
  <si>
    <t>\\acsfs\profiles$\sarahbal\Downloads\e9ad6fc9-0dd0-4628-9bf7-4e857080c35b.tmp</t>
  </si>
  <si>
    <t>01/21/2020 08:56:37</t>
  </si>
  <si>
    <t>01/21/2020 08:57:27</t>
  </si>
  <si>
    <t>01/21/2020 08:53:13</t>
  </si>
  <si>
    <t>c80d9064-7d25-4cd6-8cfd-eb342a388f2d.tmp</t>
  </si>
  <si>
    <t>\\acsfs\profiles$\kamilamrc\Downloads\c80d9064-7d25-4cd6-8cfd-eb342a388f2d.tmp</t>
  </si>
  <si>
    <t>01/21/2020 08:53:40</t>
  </si>
  <si>
    <t>b39ac817-f19b-4161-8c75-738ab9ab104e.tmp</t>
  </si>
  <si>
    <t>\\acsfs\profiles$\kamilamrc\Downloads\b39ac817-f19b-4161-8c75-738ab9ab104e.tmp</t>
  </si>
  <si>
    <t>01/21/2020 08:54:01</t>
  </si>
  <si>
    <t>1fce09b6-5f2a-4f19-8dc7-5b924b5a08da.tmp</t>
  </si>
  <si>
    <t>\\acsfs\profiles$\kamilamrc\Downloads\1fce09b6-5f2a-4f19-8dc7-5b924b5a08da.tmp</t>
  </si>
  <si>
    <t>01/21/2020 08:54:05</t>
  </si>
  <si>
    <t>bea03496-7977-4b2e-a9d8-4272b74b2946.tmp</t>
  </si>
  <si>
    <t>\\acsfs\profiles$\kamilamrc\Downloads\bea03496-7977-4b2e-a9d8-4272b74b2946.tmp</t>
  </si>
  <si>
    <t>01/21/2020 08:54:09</t>
  </si>
  <si>
    <t>a61dc741-33bb-4aae-9de5-7ba553aea445.tmp</t>
  </si>
  <si>
    <t>\\acsfs\profiles$\kamilamrc\Downloads\a61dc741-33bb-4aae-9de5-7ba553aea445.tmp</t>
  </si>
  <si>
    <t>01/21/2020 08:56:15</t>
  </si>
  <si>
    <t>9c287e15-5ebd-4515-9674-c355f056af5f.tmp</t>
  </si>
  <si>
    <t>\\acsfs\profiles$\danielmlds\Downloads\9c287e15-5ebd-4515-9674-c355f056af5f.tmp</t>
  </si>
  <si>
    <t>01/21/2020 08:53:22</t>
  </si>
  <si>
    <t>01/21/2020 08:58:27</t>
  </si>
  <si>
    <t>01/21/2020 08:54:06</t>
  </si>
  <si>
    <t>01/21/2020 08:56:06</t>
  </si>
  <si>
    <t>01/21/2020 08:57:18</t>
  </si>
  <si>
    <t>65436a48-71a4-4505-90ae-6203022c2640.tmp</t>
  </si>
  <si>
    <t>\\acsfs\profiles$\lucasgpe\Downloads\65436a48-71a4-4505-90ae-6203022c2640.tmp</t>
  </si>
  <si>
    <t>01/21/2020 08:56:55</t>
  </si>
  <si>
    <t>01/21/2020 08:59:27</t>
  </si>
  <si>
    <t>01/21/2020 08:55:35</t>
  </si>
  <si>
    <t>d7d27e54-e483-431b-8a96-47c14e2b41e0.tmp</t>
  </si>
  <si>
    <t>\\acsfs\profiles$\isabellegtds\Downloads\d7d27e54-e483-431b-8a96-47c14e2b41e0.tmp</t>
  </si>
  <si>
    <t>01/21/2020 08:57:01</t>
  </si>
  <si>
    <t>4f14a002-fe23-45d4-926a-c1eb6d777f57.tmp</t>
  </si>
  <si>
    <t>\\acsfs\profiles$\isabellegtds\Downloads\4f14a002-fe23-45d4-926a-c1eb6d777f57.tmp</t>
  </si>
  <si>
    <t>01/21/2020 08:58:48</t>
  </si>
  <si>
    <t>01/21/2020 09:00:27</t>
  </si>
  <si>
    <t>01/20/2020 18:24:30</t>
  </si>
  <si>
    <t>01/21/2020 09:01:27</t>
  </si>
  <si>
    <t>01/20/2020 18:24:33</t>
  </si>
  <si>
    <t>01/21/2020 08:56:09</t>
  </si>
  <si>
    <t>01/21/2020 09:00:23</t>
  </si>
  <si>
    <t>RELATORIO DE LOGIN - BV CARTÕES 17-01 - Cópia.xlsm</t>
  </si>
  <si>
    <t>\\acsfs\DEPTOS\Operacao\PCP\5 - Comum\PLANEJAMENTO BV\14 - ACOMPANHAMENTO\1 - REPORT ACOMPANHAMENTO\2020\1 - JANEIRO\CARTÕES\Login Logout Cartões\RELATORIO DE LOGIN - BV CARTÕES 17-01 - Cópia.xlsm</t>
  </si>
  <si>
    <t>01/21/2020 08:57:00</t>
  </si>
  <si>
    <t>925d4c12-9910-4026-958a-a5fd0e3bf7c2.tmp</t>
  </si>
  <si>
    <t>\\acsfs\profiles$\talitafdc\Downloads\925d4c12-9910-4026-958a-a5fd0e3bf7c2.tmp</t>
  </si>
  <si>
    <t>01/21/2020 08:58:25</t>
  </si>
  <si>
    <t>2e343a4d-75f1-4b15-bb6a-04dde9aff44c.tmp</t>
  </si>
  <si>
    <t>\\acsfs\profiles$\talitafdc\Downloads\2e343a4d-75f1-4b15-bb6a-04dde9aff44c.tmp</t>
  </si>
  <si>
    <t>01/21/2020 08:59:36</t>
  </si>
  <si>
    <t>ee3e373d-9a75-4200-97d3-194f54be712e.tmp</t>
  </si>
  <si>
    <t>\\acsfs\profiles$\talitafdc\Downloads\ee3e373d-9a75-4200-97d3-194f54be712e.tmp</t>
  </si>
  <si>
    <t>01/21/2020 08:57:35</t>
  </si>
  <si>
    <t>01/21/2020 09:00:18</t>
  </si>
  <si>
    <t>01/21/2020 09:02:28</t>
  </si>
  <si>
    <t>01/21/2020 09:00:19</t>
  </si>
  <si>
    <t>01/21/2020 08:56:53</t>
  </si>
  <si>
    <t>01/21/2020 08:57:23</t>
  </si>
  <si>
    <t>01/21/2020 09:00:15</t>
  </si>
  <si>
    <t>4ac2d589-ea0a-44c8-adb6-6de248d2168b.tmp</t>
  </si>
  <si>
    <t>\\acsfs\profiles$\gabriellalpr\Downloads\4ac2d589-ea0a-44c8-adb6-6de248d2168b.tmp</t>
  </si>
  <si>
    <t>01/21/2020 09:00:34</t>
  </si>
  <si>
    <t>4ff43e3d-0b5a-4f50-bfd3-dd8e24fa9b85.tmp</t>
  </si>
  <si>
    <t>\\acsfs\profiles$\gabriellalpr\Downloads\4ff43e3d-0b5a-4f50-bfd3-dd8e24fa9b85.tmp</t>
  </si>
  <si>
    <t>01/21/2020 08:58:04</t>
  </si>
  <si>
    <t>01/21/2020 08:58:18</t>
  </si>
  <si>
    <t>7d307fb2-29ba-40fb-937f-0427f336a247.tmp</t>
  </si>
  <si>
    <t>\\acsfs\profiles$\danielmlds\Downloads\7d307fb2-29ba-40fb-937f-0427f336a247.tmp</t>
  </si>
  <si>
    <t>01/21/2020 09:03:27</t>
  </si>
  <si>
    <t>01/21/2020 09:00:56</t>
  </si>
  <si>
    <t>01/21/2020 09:01:11</t>
  </si>
  <si>
    <t>01/21/2020 09:01:12</t>
  </si>
  <si>
    <t>01/21/2020 09:01:19</t>
  </si>
  <si>
    <t>01/21/2020 09:00:06</t>
  </si>
  <si>
    <t>01/21/2020 09:01:35</t>
  </si>
  <si>
    <t>mail.google.com/sync/u/0/i/fd?hl=pt-BR&amp;c=160</t>
  </si>
  <si>
    <t>01/21/2020 09:02:06</t>
  </si>
  <si>
    <t>01/21/2020 09:02:05</t>
  </si>
  <si>
    <t>01/21/2020 09:02:45</t>
  </si>
  <si>
    <t>CASO 00822165 - REF 175693905 - MARCO AURELIO ZANON.pdf</t>
  </si>
  <si>
    <t>\\acsfs\Deptos\EDUCACAO EMPRESARIAL\KÉSIA\OUVIDORIA, PROCON, BACEN E RECLAME AQUI\CASO 00822165 - REF 175693905 - MARCO AURELIO ZANON.pdf</t>
  </si>
  <si>
    <t>01/21/2020 08:58:33</t>
  </si>
  <si>
    <t>01/21/2020 09:02:46</t>
  </si>
  <si>
    <t>01/21/2020 09:04:27</t>
  </si>
  <si>
    <t>01/21/2020 09:00:17</t>
  </si>
  <si>
    <t>vanessacas</t>
  </si>
  <si>
    <t>https://parceiro.metlife.com.br/cotadorml/cotacoes/cadcotacao.aspx</t>
  </si>
  <si>
    <t>01/21/2020 09:00:39</t>
  </si>
  <si>
    <t>01/21/2020 09:05:27</t>
  </si>
  <si>
    <t>0e928897-a303-48bc-ada3-55a91b8a957b.tmp</t>
  </si>
  <si>
    <t>\\acsfs\profiles$\yurics\Downloads\0e928897-a303-48bc-ada3-55a91b8a957b.tmp</t>
  </si>
  <si>
    <t>01/21/2020 09:01:39</t>
  </si>
  <si>
    <t>9ab6f57f-487b-4e7e-888b-d346b2843909.tmp</t>
  </si>
  <si>
    <t>\\acsfs\profiles$\yurics\Downloads\9ab6f57f-487b-4e7e-888b-d346b2843909.tmp</t>
  </si>
  <si>
    <t>01/21/2020 09:01:48</t>
  </si>
  <si>
    <t>cafc8400-e155-47c4-89ef-a32eceb265b7.tmp</t>
  </si>
  <si>
    <t>\\acsfs\profiles$\yurics\Downloads\cafc8400-e155-47c4-89ef-a32eceb265b7.tmp</t>
  </si>
  <si>
    <t>01/21/2020 09:04:35</t>
  </si>
  <si>
    <t>01/21/2020 09:01:54</t>
  </si>
  <si>
    <t>01/21/2020 09:04:49</t>
  </si>
  <si>
    <t>01/21/2020 09:04:34</t>
  </si>
  <si>
    <t>01/21/2020 09:06:27</t>
  </si>
  <si>
    <t>f36618c0-3705-491d-8ed9-f3c9df0fa73d.tmp</t>
  </si>
  <si>
    <t>\\acsfs\profiles$\gabrielsma\Downloads\f36618c0-3705-491d-8ed9-f3c9df0fa73d.tmp</t>
  </si>
  <si>
    <t>01/21/2020 09:04:39</t>
  </si>
  <si>
    <t>01/21/2020 09:02:47</t>
  </si>
  <si>
    <t>01/21/2020 09:02:48</t>
  </si>
  <si>
    <t>01/21/2020 09:02:49</t>
  </si>
  <si>
    <t>01/21/2020 09:02:50</t>
  </si>
  <si>
    <t>01/21/2020 09:02:52</t>
  </si>
  <si>
    <t>01/21/2020 09:02:53</t>
  </si>
  <si>
    <t>01/21/2020 09:02:54</t>
  </si>
  <si>
    <t>01/21/2020 09:02:55</t>
  </si>
  <si>
    <t>01/21/2020 09:02:57</t>
  </si>
  <si>
    <t>01/21/2020 09:03:01</t>
  </si>
  <si>
    <t>01/21/2020 09:03:02</t>
  </si>
  <si>
    <t>01/21/2020 09:03:03</t>
  </si>
  <si>
    <t>01/21/2020 09:03:04</t>
  </si>
  <si>
    <t>01/21/2020 09:03:05</t>
  </si>
  <si>
    <t>01/21/2020 09:03:06</t>
  </si>
  <si>
    <t>01/21/2020 09:03:07</t>
  </si>
  <si>
    <t>01/21/2020 09:03:08</t>
  </si>
  <si>
    <t>01/21/2020 09:03:09</t>
  </si>
  <si>
    <t>01/21/2020 09:03:10</t>
  </si>
  <si>
    <t>01/21/2020 09:03:11</t>
  </si>
  <si>
    <t>01/21/2020 09:03:12</t>
  </si>
  <si>
    <t>01/21/2020 09:03:13</t>
  </si>
  <si>
    <t>01/21/2020 09:03:14</t>
  </si>
  <si>
    <t>01/21/2020 09:03:15</t>
  </si>
  <si>
    <t>01/21/2020 09:03:16</t>
  </si>
  <si>
    <t>01/21/2020 09:03:17</t>
  </si>
  <si>
    <t>01/21/2020 09:03:54</t>
  </si>
  <si>
    <t>70f812e6-0edf-44a5-8188-e2f927d18a0c.tmp</t>
  </si>
  <si>
    <t>\\acsfs\profiles$\gabrielhca\Downloads\70f812e6-0edf-44a5-8188-e2f927d18a0c.tmp</t>
  </si>
  <si>
    <t>01/21/2020 09:04:33</t>
  </si>
  <si>
    <t>7d52e7f8-f96c-4a9d-b0d8-8ff9c6a84db1.tmp</t>
  </si>
  <si>
    <t>\\acsfs\profiles$\gabrielhca\Downloads\7d52e7f8-f96c-4a9d-b0d8-8ff9c6a84db1.tmp</t>
  </si>
  <si>
    <t>01/21/2020 09:05:43</t>
  </si>
  <si>
    <t>96543abc-1eaf-4c2d-aed2-32dfc6f27571.tmp</t>
  </si>
  <si>
    <t>\\acsfs\profiles$\gabrielhca\Downloads\96543abc-1eaf-4c2d-aed2-32dfc6f27571.tmp</t>
  </si>
  <si>
    <t>01/21/2020 09:07:27</t>
  </si>
  <si>
    <t>01/21/2020 09:03:58</t>
  </si>
  <si>
    <t>3e5ff7cd-d5dc-4291-9a0f-0a390fec3af8.tmp</t>
  </si>
  <si>
    <t>\\acsfs\profiles$\larissaad\Downloads\3e5ff7cd-d5dc-4291-9a0f-0a390fec3af8.tmp</t>
  </si>
  <si>
    <t>01/21/2020 09:01:53</t>
  </si>
  <si>
    <t>01/21/2020 09:06:23</t>
  </si>
  <si>
    <t>01/21/2020 09:03:34</t>
  </si>
  <si>
    <t>e12622f2-b2b8-47fe-92a6-9882c1bba28c.tmp</t>
  </si>
  <si>
    <t>\\acsfs\profiles$\gabriellalpr\Downloads\e12622f2-b2b8-47fe-92a6-9882c1bba28c.tmp</t>
  </si>
  <si>
    <t>01/21/2020 09:05:30</t>
  </si>
  <si>
    <t>0c5f2757-6c57-4c04-822e-5366ce90a66a.tmp</t>
  </si>
  <si>
    <t>\\acsfs\profiles$\gabriellalpr\Downloads\0c5f2757-6c57-4c04-822e-5366ce90a66a.tmp</t>
  </si>
  <si>
    <t>01/21/2020 09:04:43</t>
  </si>
  <si>
    <t>7adc4dd9-7df1-4098-882f-272608c00e57.tmp</t>
  </si>
  <si>
    <t>\\acsfs\profiles$\kamilamrc\Downloads\7adc4dd9-7df1-4098-882f-272608c00e57.tmp</t>
  </si>
  <si>
    <t>01/21/2020 09:05:51</t>
  </si>
  <si>
    <t>01/21/2020 09:08:27</t>
  </si>
  <si>
    <t>01/21/2020 09:05:12</t>
  </si>
  <si>
    <t>01/21/2020 09:03:42</t>
  </si>
  <si>
    <t>CASO 00822165 - REF 175722944 - MARCO AURELIO ZANON.pdf</t>
  </si>
  <si>
    <t>\\acsfs\Deptos\EDUCACAO EMPRESARIAL\KÉSIA\OUVIDORIA, PROCON, BACEN E RECLAME AQUI\CASO 00822165 - REF 175722944 - MARCO AURELIO ZANON.pdf</t>
  </si>
  <si>
    <t>01/21/2020 09:03:59</t>
  </si>
  <si>
    <t>01/21/2020 09:06:07</t>
  </si>
  <si>
    <t>01/21/2020 09:04:05</t>
  </si>
  <si>
    <t>01/21/2020 09:08:06</t>
  </si>
  <si>
    <t>01/21/2020 09:05:52</t>
  </si>
  <si>
    <t>01/21/2020 09:07:09</t>
  </si>
  <si>
    <t>01/21/2020 09:05:59</t>
  </si>
  <si>
    <t>01/21/2020 09:09:27</t>
  </si>
  <si>
    <t>01/21/2020 09:06:32</t>
  </si>
  <si>
    <t>01/21/2020 09:06:22</t>
  </si>
  <si>
    <t>01/21/2020 09:10:28</t>
  </si>
  <si>
    <t>7a3d0d69-ff62-405f-a9b1-4eb9db79169c.tmp</t>
  </si>
  <si>
    <t>\\acsfs\profiles$\mariagsg\Downloads\7a3d0d69-ff62-405f-a9b1-4eb9db79169c.tmp</t>
  </si>
  <si>
    <t>a5b63360-9490-4708-95f8-39597e099bd9.tmp</t>
  </si>
  <si>
    <t>\\acsfs\profiles$\mariagsg\Downloads\a5b63360-9490-4708-95f8-39597e099bd9.tmp</t>
  </si>
  <si>
    <t>Q29udHJvbGxlci5QYXl3YXJlXzEtMg-- (11).ica</t>
  </si>
  <si>
    <t>\\acsfs\profiles$\mariagsg\Downloads\Q29udHJvbGxlci5QYXl3YXJlXzEtMg-- (11).ica</t>
  </si>
  <si>
    <t>01/21/2020 09:07:00</t>
  </si>
  <si>
    <t>01/21/2020 09:06:19</t>
  </si>
  <si>
    <t>f6f445d6-11c7-4fcb-95d3-36de1516c3e5.tmp</t>
  </si>
  <si>
    <t>\\acsfs\profiles$\quindaizaagds\Downloads\f6f445d6-11c7-4fcb-95d3-36de1516c3e5.tmp</t>
  </si>
  <si>
    <t>01/21/2020 09:05:56</t>
  </si>
  <si>
    <t>01/21/2020 09:05:57</t>
  </si>
  <si>
    <t>01/21/2020 09:08:11</t>
  </si>
  <si>
    <t>01/21/2020 09:11:27</t>
  </si>
  <si>
    <t>f31bf6cb-2a35-41c5-b4ec-42214956fe85.tmp</t>
  </si>
  <si>
    <t>\\acsfs\profiles$\esterasg\Downloads\f31bf6cb-2a35-41c5-b4ec-42214956fe85.tmp</t>
  </si>
  <si>
    <t>01/21/2020 09:09:07</t>
  </si>
  <si>
    <t>a81f61a1-f628-43ad-9933-69b2cf2a8fb8.tmp</t>
  </si>
  <si>
    <t>\\acsfs\profiles$\esterasg\Downloads\a81f61a1-f628-43ad-9933-69b2cf2a8fb8.tmp</t>
  </si>
  <si>
    <t>01/21/2020 09:09:37</t>
  </si>
  <si>
    <t>2c49d536-8be7-4ce6-98d5-565a870f5c2a.tmp</t>
  </si>
  <si>
    <t>\\acsfs\profiles$\esterasg\Downloads\2c49d536-8be7-4ce6-98d5-565a870f5c2a.tmp</t>
  </si>
  <si>
    <t>01/21/2020 09:10:09</t>
  </si>
  <si>
    <t>a69e9403-382d-4265-b1f4-053516265b49.tmp</t>
  </si>
  <si>
    <t>\\acsfs\profiles$\esterasg\Downloads\a69e9403-382d-4265-b1f4-053516265b49.tmp</t>
  </si>
  <si>
    <t>01/21/2020 09:10:19</t>
  </si>
  <si>
    <t>98150e7e-7cf6-4297-ab16-4cb077472905.tmp</t>
  </si>
  <si>
    <t>\\acsfs\profiles$\esterasg\Downloads\98150e7e-7cf6-4297-ab16-4cb077472905.tmp</t>
  </si>
  <si>
    <t>01/21/2020 09:08:29</t>
  </si>
  <si>
    <t>01/21/2020 09:08:33</t>
  </si>
  <si>
    <t>01/21/2020 09:08:41</t>
  </si>
  <si>
    <t>01/21/2020 09:08:52</t>
  </si>
  <si>
    <t>01/21/2020 09:09:09</t>
  </si>
  <si>
    <t>01/21/2020 09:09:16</t>
  </si>
  <si>
    <t>01/21/2020 09:09:26</t>
  </si>
  <si>
    <t>01/21/2020 09:09:35</t>
  </si>
  <si>
    <t>01/21/2020 09:09:36</t>
  </si>
  <si>
    <t>01/21/2020 09:09:48</t>
  </si>
  <si>
    <t>01/21/2020 09:09:53</t>
  </si>
  <si>
    <t>01/21/2020 09:10:02</t>
  </si>
  <si>
    <t>RELATORIO DE LOGIN - BV CARTÕES 20-01.xlsm</t>
  </si>
  <si>
    <t>\\acsfs\DEPTOS\Operacao\PCP\5 - Comum\PLANEJAMENTO BV\14 - ACOMPANHAMENTO\1 - REPORT ACOMPANHAMENTO\2020\1 - JANEIRO\CARTÕES\Login Logout Cartões\RELATORIO DE LOGIN - BV CARTÕES 20-01.xlsm</t>
  </si>
  <si>
    <t>01/21/2020 09:06:31</t>
  </si>
  <si>
    <t>2ce22769-197f-4e11-8215-92fe107334a7.tmp</t>
  </si>
  <si>
    <t>\\acsfs\profiles$\gabrielhca\Downloads\2ce22769-197f-4e11-8215-92fe107334a7.tmp</t>
  </si>
  <si>
    <t>01/21/2020 09:09:05</t>
  </si>
  <si>
    <t>c0e07418-d094-4e0e-9559-4ea98154676e.tmp</t>
  </si>
  <si>
    <t>\\acsfs\profiles$\gabrielaff\Downloads\c0e07418-d094-4e0e-9559-4ea98154676e.tmp</t>
  </si>
  <si>
    <t>01/21/2020 09:10:18</t>
  </si>
  <si>
    <t>0875a98e-7865-460c-a5fc-cb848d33d6fe.tmp</t>
  </si>
  <si>
    <t>\\acsfs\profiles$\gabrielaff\Downloads\0875a98e-7865-460c-a5fc-cb848d33d6fe.tmp</t>
  </si>
  <si>
    <t>01/21/2020 09:12:27</t>
  </si>
  <si>
    <t>01/20/2020 16:12:14</t>
  </si>
  <si>
    <t>01/21/2020 09:10:12</t>
  </si>
  <si>
    <t>01/21/2020 09:10:42</t>
  </si>
  <si>
    <t>01/21/2020 09:11:16</t>
  </si>
  <si>
    <t>4c58b83e-37e7-4900-b074-398df0dfe5da.tmp</t>
  </si>
  <si>
    <t>\\acsfs\profiles$\rafaelacdoc\Downloads\4c58b83e-37e7-4900-b074-398df0dfe5da.tmp</t>
  </si>
  <si>
    <t>01/21/2020 09:11:18</t>
  </si>
  <si>
    <t>9e79edac-4be9-40d3-a353-ef021b2d96e0.tmp</t>
  </si>
  <si>
    <t>\\acsfs\profiles$\rafaelacdoc\Downloads\9e79edac-4be9-40d3-a353-ef021b2d96e0.tmp</t>
  </si>
  <si>
    <t>01/21/2020 09:10:53</t>
  </si>
  <si>
    <t>01/21/2020 09:11:23</t>
  </si>
  <si>
    <t>2687ed3c-3c03-460f-9961-de5b95213f63.tmp</t>
  </si>
  <si>
    <t>\\acsfs\profiles$\lorrainerdl\Downloads\2687ed3c-3c03-460f-9961-de5b95213f63.tmp</t>
  </si>
  <si>
    <t>01/21/2020 09:10:23</t>
  </si>
  <si>
    <t>01/21/2020 09:13:28</t>
  </si>
  <si>
    <t>0193023f-b2b9-44ba-afb9-c779bc494244.tmp</t>
  </si>
  <si>
    <t>\\acsfs\profiles$\Flaviojmm\Downloads\0193023f-b2b9-44ba-afb9-c779bc494244.tmp</t>
  </si>
  <si>
    <t>01/21/2020 09:08:13</t>
  </si>
  <si>
    <t>01/21/2020 09:09:55</t>
  </si>
  <si>
    <t>01/21/2020 09:11:56</t>
  </si>
  <si>
    <t>"mozilla/5.0 (windows nt 6.1) applewebkit/537.36 (khtml;0;0]ot;;1;12;13;137;13700014;13700109;13700167;13700185;13700235;13700451;13700563;13700607;13700883;13700946;13700951;13700982;13700982�;13701078;13701139;13701207;13701214;13701235;13701239;13701262;13701276;13701298;13701418;13701422;13701430;13701458;13701486;13701506;13701510;13701534;13701537;13701573;13701577;13701589;13701609;13701613;13701625;13701653;13701657;13701693;13701709]];13701709]]];13701749;13701825;13701833;13701901;13701905;13701909;13701921;13701945;13701949;13701953;13701957;13701969;13702064;13702068;13702084;13702088;142;1579520900840000;1579520901989000;1579521807978;1579524214946;1579529030884;1579546802300;1579564008808;1579579960944;195;2400];28;4;5701393;6.1;621969351;82;84;87;["mozilla/5.0 (windows nt 6.1) applewebkit/537.36 (khtml;[1;[[13701450;[[null;[];[]]];[false;[null;adfn-csyrvwqermfbxam1mkavsrzjlg0rundo9gysmvmlrxxhlhfmqhcw7_ynhcatkqscdyldsiy;andrelpsa@algartech.com;drive.web-frontend_20200108.00_p2;false;false];false</t>
  </si>
  <si>
    <t>"mozilla/5.0 (windows nt 6.1) applewebkit/537.36 (khtml,0,0]ot;,1,12,13,137,13700014,13700109,13700167,13700185,13700235,13700451,13700563,13700607,13700883,13700946,13700951,13700982,13700982�,13701078,13701139,13701207,13701214,13701235,13701239,13701262,13701276,13701298,13701418,13701422,13701430,13701458,13701486,13701506,13701510,13701534,13701537,13701573,13701577,13701589,13701609,13701613,13701625,13701653,13701657,13701693,13701709]],13701709]]],13701749,13701825,13701833,13701901,13701905,13701909,13701921,13701945,13701949,13701953,13701957,13701969,13702064,13702068,13702084,13702088,142,1579520900840000,1579520901989000,1579521807978,1579524214946,1579529030884,1579546802300,1579564008808,1579579960944,195,2400],28,4,5701393,6.1,621969351,82,84,87,["mozilla/5.0 (windows nt 6.1) applewebkit/537.36 (khtml,[1,[[13701450,[[null,[],[]]],[false,[null,adfn-csyrvwqermfbxam1mkavsrzjlg0rundo9gysmvmlrxxhlhfmqhcw7_ynhcatkqscdyldsiy,andrelpsa@algartech.com,drive.web-frontend_20200108.00_p2,false,false],false</t>
  </si>
  <si>
    <t>01/21/2020 09:12:12</t>
  </si>
  <si>
    <t>01/21/2020 09:12:19</t>
  </si>
  <si>
    <t>01/21/2020 09:12:41</t>
  </si>
  <si>
    <t>01/21/2020 09:12:50</t>
  </si>
  <si>
    <t>01/21/2020 09:09:24</t>
  </si>
  <si>
    <t>01/21/2020 09:14:27</t>
  </si>
  <si>
    <t>01/21/2020 09:09:50</t>
  </si>
  <si>
    <t>01/21/2020 09:10:21</t>
  </si>
  <si>
    <t>5e6317a4-6ddc-4da3-b511-c57a6453e6d8.tmp</t>
  </si>
  <si>
    <t>\\acsfs\profiles$\geovannasm\Downloads\5e6317a4-6ddc-4da3-b511-c57a6453e6d8.tmp</t>
  </si>
  <si>
    <t>01/21/2020 09:11:49</t>
  </si>
  <si>
    <t>01/21/2020 09:13:47</t>
  </si>
  <si>
    <t>01/21/2020 09:10:59</t>
  </si>
  <si>
    <t>01/21/2020 09:15:28</t>
  </si>
  <si>
    <t>01/21/2020 09:11:00</t>
  </si>
  <si>
    <t>01/21/2020 09:11:43</t>
  </si>
  <si>
    <t>0f1f52bc-b8a8-4c54-b456-afaf5aaa7ca9.tmp</t>
  </si>
  <si>
    <t>\\acsfs\profiles$\danielpdl\Downloads\0f1f52bc-b8a8-4c54-b456-afaf5aaa7ca9.tmp</t>
  </si>
  <si>
    <t>01/21/2020 09:10:49</t>
  </si>
  <si>
    <t>01/21/2020 09:11:14</t>
  </si>
  <si>
    <t>01/21/2020 09:16:27</t>
  </si>
  <si>
    <t>Não confirmado 129686.crdownload</t>
  </si>
  <si>
    <t>\\acsfs\ACS\Gabriel da Silva\Contemporânea\Gen\Não confirmado 129686.crdownload</t>
  </si>
  <si>
    <t>\\acsfs\ACS\Gabriel da Silva\Contemporânea\Gen\Não confirmado 129686.crdownload\</t>
  </si>
  <si>
    <t>Main.csv</t>
  </si>
  <si>
    <t>01/21/2020 09:12:38</t>
  </si>
  <si>
    <t>\\acsfs\ACS\Gabriel da Silva\Contemporânea\Gen\Leticia Teixeira\</t>
  </si>
  <si>
    <t>Não confirmado 993532.crdownload</t>
  </si>
  <si>
    <t>\\acsfs\ACS\Gabriel da Silva\Contemporânea\Gen\Leticia Teixeira\Não confirmado 993532.crdownload</t>
  </si>
  <si>
    <t>\\acsfs\ACS\Gabriel da Silva\Contemporânea\Gen\Leticia Teixeira\Não confirmado 993532.crdownload\</t>
  </si>
  <si>
    <t>01/21/2020 09:13:00</t>
  </si>
  <si>
    <t>Não confirmado 529979.crdownload</t>
  </si>
  <si>
    <t>\\acsfs\ACS\Gabriel da Silva\Contemporânea\Gen\Leticia Teixeira\Não confirmado 529979.crdownload</t>
  </si>
  <si>
    <t>\\acsfs\ACS\Gabriel da Silva\Contemporânea\Gen\Leticia Teixeira\Não confirmado 529979.crdownload\</t>
  </si>
  <si>
    <t>01/21/2020 09:13:57</t>
  </si>
  <si>
    <t>Não confirmado 309706.crdownload</t>
  </si>
  <si>
    <t>\\acsfs\ACS\Gabriel da Silva\Contemporânea\Gen\Leticia Teixeira\Não confirmado 309706.crdownload</t>
  </si>
  <si>
    <t>\\acsfs\ACS\Gabriel da Silva\Contemporânea\Gen\Leticia Teixeira\Não confirmado 309706.crdownload\</t>
  </si>
  <si>
    <t>01/21/2020 09:14:54</t>
  </si>
  <si>
    <t>\\acsfs\ACS\Gabriel da Silva\Contemporânea\Gen\Leticia Teixeira\Main.csv</t>
  </si>
  <si>
    <t>01/21/2020 09:15:04</t>
  </si>
  <si>
    <t>01/21/2020 09:15:05</t>
  </si>
  <si>
    <t>01/21/2020 09:15:06</t>
  </si>
  <si>
    <t>38d6f404-e779-4f0e-9784-d602ba04c742.tmp</t>
  </si>
  <si>
    <t>\\acsfs\profiles$\esterasg\Downloads\38d6f404-e779-4f0e-9784-d602ba04c742.tmp</t>
  </si>
  <si>
    <t>01/21/2020 09:14:16</t>
  </si>
  <si>
    <t>01/21/2020 09:15:37</t>
  </si>
  <si>
    <t>01/21/2020 09:16:02</t>
  </si>
  <si>
    <t>01/21/2020 09:11:26</t>
  </si>
  <si>
    <t>a0a19b82-f7ef-415b-a06e-17ff13e4936a.tmp</t>
  </si>
  <si>
    <t>\\acsfs\profiles$\gabrielaff\Downloads\a0a19b82-f7ef-415b-a06e-17ff13e4936a.tmp</t>
  </si>
  <si>
    <t>01/21/2020 09:11:58</t>
  </si>
  <si>
    <t>01/21/2020 09:17:28</t>
  </si>
  <si>
    <t>01/21/2020 09:14:50</t>
  </si>
  <si>
    <t>01/21/2020 09:12:53</t>
  </si>
  <si>
    <t>01/21/2020 09:13:23</t>
  </si>
  <si>
    <t>01/21/2020 09:13:53</t>
  </si>
  <si>
    <t>01/21/2020 09:14:23</t>
  </si>
  <si>
    <t>01/21/2020 09:15:23</t>
  </si>
  <si>
    <t>01/21/2020 09:12:51</t>
  </si>
  <si>
    <t>01/21/2020 09:18:27</t>
  </si>
  <si>
    <t>8afa4a32-6d9a-4ecf-b4ec-c37868b28b65.tmp</t>
  </si>
  <si>
    <t>\\acsfs\profiles$\Flaviojmm\Downloads\8afa4a32-6d9a-4ecf-b4ec-c37868b28b65.tmp</t>
  </si>
  <si>
    <t>01/21/2020 09:13:54</t>
  </si>
  <si>
    <t>01/21/2020 09:13:32</t>
  </si>
  <si>
    <t>"mozilla/5.0 (windows nt 6.1) applewebkit/537.36 (khtml;1;100;101;102;103;117;13;13700109;1370056;13700563;13700607;13700883;13701139;13701214;13701298;13701418;13701458;13701577;13701589;13701613;13701625;13701657;13701749;13701825;13701901;13701921;13701949;13701953;13701969;13702064;13702088;1579520900840000;1579520901989000;1579535660799;1579548608462;1579548909491;1579549210510;1579549511540;1579549811594;1579550112593;1579550413615;1579550714646;1579551015673;1579551316701;1579551617721;1579556483146;50;621969351;93;94;95;96;97;98;99;[[13701450;[];[]]];adfn-csyrvwqermfbxam1mkavsrzjlg0rundo9gysmvmlrxxhlhfmqhcw7_ynhcatkqscdyldsiy;ancestorhasaugmentedpermissions;containsunsubscribedchildren;displayname;domain;emailaddress;false;false];fedb0gqdtuqawg";file(kind;fileid;filesize;hasthumbnail;hasvisitorpermissions;id;id);items(deleted;ken;ken=ac4w5vi0ka-sxkbznvlqg8lj5-wvx_fz5a:1579520900837&amp;buildlabel=drive.web-frontend_20200108.00_p2ll;ken=ac4w5vi0ka-sxkbznvlqg8lj5-wvx_fz5a:1579520900837&amp;buildlabel=drive.web-</t>
  </si>
  <si>
    <t>"mozilla/5.0 (windows nt 6.1) applewebkit/537.36 (khtml,1,100,101,102,103,117,13,13700109,1370056,13700563,13700607,13700883,13701139,13701214,13701298,13701418,13701458,13701577,13701589,13701613,13701625,13701657,13701749,13701825,13701901,13701921,13701949,13701953,13701969,13702064,13702088,1579520900840000,1579520901989000,1579535660799,1579548608462,1579548909491,1579549210510,1579549511540,1579549811594,1579550112593,1579550413615,1579550714646,1579551015673,1579551316701,1579551617721,1579556483146,50,621969351,93,94,95,96,97,98,99,[[13701450,[],[]]],adfn-csyrvwqermfbxam1mkavsrzjlg0rundo9gysmvmlrxxhlhfmqhcw7_ynhcatkqscdyldsiy,ancestorhasaugmentedpermissions,containsunsubscribedchildren,displayname,domain,emailaddress,false,false],fedb0gqdtuqawg",file(kind,fileid,filesize,hasthumbnail,hasvisitorpermissions,id,id),items(deleted,ken,ken=ac4w5vi0ka-sxkbznvlqg8lj5-wvx_fz5a:1579520900837&amp;buildlabel=drive.web-frontend_20200108.00_p2ll,ken=ac4w5vi0ka-sxkbznvlqg8lj5-wvx_fz5a:1579520900837&amp;buildlabel=drive.web-</t>
  </si>
  <si>
    <t>01/21/2020 09:13:55</t>
  </si>
  <si>
    <t>"mozilla/5.0 (windows nt 6.1) applewebkit/537.36 (khtml;1;113;124;13;13700109;1370056;13700607;13700883;13701139;13701214;13701298;13701418;13701458;13701577;13701589;13701613;13701625;13701657;13701749;13701825;13701901;13701921;13701949;13701953;13701969;13702064;13702088;1579520900840000;1579520901989000;1579555279040;1579558590331;621969351;[[13701450;[];[]]];adfn-csyrvwqermfbxam1mkavsrzjlg0rundo9gysmvmlrxxhlhfmqhcw7_ynhcatkqscdyldsiy;ancestorhasaugmentedpermissions;containsunsubscribedchildren;displayname;domain;emailaddress;false;false];fedb0gqdtuqawg";file(kind;fileid;filesize;hasthumbnail;hasvisitorpermissions;id;id);items(deleted;ken;ken=ac4w5vi0ka-sxkbznvlqg8lj5-wvx_fz5a:1579520900837&amp;buildlabel=drive.web-frontend_20200108.00_p23701613;ken=ac4w5vi0ka-sxkbznvlqg8lj5-wvx_fz5a:1579520900837&amp;buildlabel=drive.web-frontend_20200108.00_p2��_x0008_e;kind;l-ckacf_7r3zozh1hhizn88xwetaapoebcpjm5ey2zyse1nt3xmnhcr-rz9s-zdg-5-xx2v8f_tzsvcfibwrle5qaq53vh6r8m19mnq0rhk68ibitnjgrsmrdalihic4l1lxyqga8ovr5etkjjbkmsgw0htomrw0f</t>
  </si>
  <si>
    <t>"mozilla/5.0 (windows nt 6.1) applewebkit/537.36 (khtml,1,113,124,13,13700109,1370056,13700607,13700883,13701139,13701214,13701298,13701418,13701458,13701577,13701589,13701613,13701625,13701657,13701749,13701825,13701901,13701921,13701949,13701953,13701969,13702064,13702088,1579520900840000,1579520901989000,1579555279040,1579558590331,621969351,[[13701450,[],[]]],adfn-csyrvwqermfbxam1mkavsrzjlg0rundo9gysmvmlrxxhlhfmqhcw7_ynhcatkqscdyldsiy,ancestorhasaugmentedpermissions,containsunsubscribedchildren,displayname,domain,emailaddress,false,false],fedb0gqdtuqawg",file(kind,fileid,filesize,hasthumbnail,hasvisitorpermissions,id,id),items(deleted,ken,ken=ac4w5vi0ka-sxkbznvlqg8lj5-wvx_fz5a:1579520900837&amp;buildlabel=drive.web-frontend_20200108.00_p23701613,ken=ac4w5vi0ka-sxkbznvlqg8lj5-wvx_fz5a:1579520900837&amp;buildlabel=drive.web-frontend_20200108.00_p2��_x0008_e,kind,l-ckacf_7r3zozh1hhizn88xwetaapoebcpjm5ey2zyse1nt3xmnhcr-rz9s-zdg-5-xx2v8f_tzsvcfibwrle5qaq53vh6r8m19mnq0rhk68ibitnjgrsmrdalihic4l1lxyqga8ovr5etkjjbkmsgw0htomrw0f</t>
  </si>
  <si>
    <t>01/21/2020 09:14:06</t>
  </si>
  <si>
    <t>01/21/2020 09:16:52</t>
  </si>
  <si>
    <t>f57602aa-f312-4f67-8b12-7fadacca88f3.tmp</t>
  </si>
  <si>
    <t>\\acsfs\profiles$\paulovadc\Downloads\f57602aa-f312-4f67-8b12-7fadacca88f3.tmp</t>
  </si>
  <si>
    <t>01/21/2020 09:18:21</t>
  </si>
  <si>
    <t>01/21/2020 09:19:28</t>
  </si>
  <si>
    <t>01/21/2020 09:19:00</t>
  </si>
  <si>
    <t>01/21/2020 09:15:44</t>
  </si>
  <si>
    <t>01/21/2020 09:18:45</t>
  </si>
  <si>
    <t>01/21/2020 09:20:28</t>
  </si>
  <si>
    <t>01/21/2020 09:16:49</t>
  </si>
  <si>
    <t>01/21/2020 09:19:18</t>
  </si>
  <si>
    <t>01/21/2020 09:19:32</t>
  </si>
  <si>
    <t>01/21/2020 09:21:27</t>
  </si>
  <si>
    <t>01/21/2020 09:17:33</t>
  </si>
  <si>
    <t>leticiaTeixeira_Login_0111.csv.crdownload</t>
  </si>
  <si>
    <t>\\acsfs\ACS\Gabriel da Silva\Contemporânea\Gen\Leticia Teixeira\leticiaTeixeira_Login_0111.csv.crdownload</t>
  </si>
  <si>
    <t>01/21/2020 09:18:18</t>
  </si>
  <si>
    <t>leticiaTeixeira_Login_0411.csv.crdownload</t>
  </si>
  <si>
    <t>\\acsfs\ACS\Gabriel da Silva\Contemporânea\Gen\Leticia Teixeira\leticiaTeixeira_Login_0411.csv.crdownload</t>
  </si>
  <si>
    <t>01/21/2020 09:18:39</t>
  </si>
  <si>
    <t>leticiaTeixeira_Login_0511.csv.crdownload</t>
  </si>
  <si>
    <t>\\acsfs\ACS\Gabriel da Silva\Contemporânea\Gen\Leticia Teixeira\leticiaTeixeira_Login_0511.csv.crdownload</t>
  </si>
  <si>
    <t>01/21/2020 09:19:01</t>
  </si>
  <si>
    <t>leticiaTeixeira_Login_0611.csv.crdownload</t>
  </si>
  <si>
    <t>\\acsfs\ACS\Gabriel da Silva\Contemporânea\Gen\Leticia Teixeira\leticiaTeixeira_Login_0611.csv.crdownload</t>
  </si>
  <si>
    <t>01/21/2020 09:19:30</t>
  </si>
  <si>
    <t>leticiaTeixeira_Login_0711.csv.crdownload</t>
  </si>
  <si>
    <t>\\acsfs\ACS\Gabriel da Silva\Contemporânea\Gen\Leticia Teixeira\leticiaTeixeira_Login_0711.csv.crdownload</t>
  </si>
  <si>
    <t>01/21/2020 09:19:56</t>
  </si>
  <si>
    <t>leticiaTeixeira_Login_0811.csv.crdownload</t>
  </si>
  <si>
    <t>\\acsfs\ACS\Gabriel da Silva\Contemporânea\Gen\Leticia Teixeira\leticiaTeixeira_Login_0811.csv.crdownload</t>
  </si>
  <si>
    <t>01/21/2020 09:18:13</t>
  </si>
  <si>
    <t>01/21/2020 09:16:19</t>
  </si>
  <si>
    <t>01/21/2020 09:16:24</t>
  </si>
  <si>
    <t>01/21/2020 09:16:25</t>
  </si>
  <si>
    <t>01/21/2020 09:16:30</t>
  </si>
  <si>
    <t>01/21/2020 09:20:54</t>
  </si>
  <si>
    <t>01/21/2020 09:22:28</t>
  </si>
  <si>
    <t>01/21/2020 09:20:01</t>
  </si>
  <si>
    <t>dfbcf217-cd41-4462-9568-3aa73817d154.tmp</t>
  </si>
  <si>
    <t>\\acsfs\profiles$\PEDROHAB\Downloads\dfbcf217-cd41-4462-9568-3aa73817d154.tmp</t>
  </si>
  <si>
    <t>01/21/2020 09:20:07</t>
  </si>
  <si>
    <t>f112894d-9f4c-41f9-844c-806db3908bd7.tmp</t>
  </si>
  <si>
    <t>\\acsfs\profiles$\PEDROHAB\Downloads\f112894d-9f4c-41f9-844c-806db3908bd7.tmp</t>
  </si>
  <si>
    <t>01/21/2020 09:21:19</t>
  </si>
  <si>
    <t>01/21/2020 09:21:29</t>
  </si>
  <si>
    <t>01/21/2020 09:21:55</t>
  </si>
  <si>
    <t>01/21/2020 09:22:10</t>
  </si>
  <si>
    <t>01/21/2020 09:20:06</t>
  </si>
  <si>
    <t>01/21/2020 09:23:27</t>
  </si>
  <si>
    <t>01/21/2020 09:21:08</t>
  </si>
  <si>
    <t>01/21/2020 09:21:35</t>
  </si>
  <si>
    <t>01/21/2020 09:24:27</t>
  </si>
  <si>
    <t>430ef3b1-89ef-4b20-b80e-6062881f260b.tmp</t>
  </si>
  <si>
    <t>\\acsfs\profiles$\adelvinsonle\Downloads\430ef3b1-89ef-4b20-b80e-6062881f260b.tmp</t>
  </si>
  <si>
    <t>01/21/2020 09:21:44</t>
  </si>
  <si>
    <t>01/21/2020 09:23:54</t>
  </si>
  <si>
    <t>28646a25-8187-4cbc-a49b-db0ff4d2ee3f.tmp</t>
  </si>
  <si>
    <t>\\acsfs\profiles$\adelvinsonle\Downloads\28646a25-8187-4cbc-a49b-db0ff4d2ee3f.tmp</t>
  </si>
  <si>
    <t>01/21/2020 09:20:24</t>
  </si>
  <si>
    <t>4d5836b5-264a-4af9-9e95-a045d2792fd3.tmp</t>
  </si>
  <si>
    <t>\\acsfs\profiles$\geovannasm\Downloads\4d5836b5-264a-4af9-9e95-a045d2792fd3.tmp</t>
  </si>
  <si>
    <t>01/21/2020 09:22:11</t>
  </si>
  <si>
    <t>01/21/2020 09:20:56</t>
  </si>
  <si>
    <t>01/21/2020 09:25:27</t>
  </si>
  <si>
    <t>01/21/2020 09:21:42</t>
  </si>
  <si>
    <t>01/21/2020 09:22:49</t>
  </si>
  <si>
    <t>01/21/2020 09:24:22</t>
  </si>
  <si>
    <t>01/21/2020 09:26:27</t>
  </si>
  <si>
    <t>38162436-91fd-4155-abd5-f4e5fdabbcc7.tmp</t>
  </si>
  <si>
    <t>\\acsfs\profiles$\henriquehmdo\Downloads\38162436-91fd-4155-abd5-f4e5fdabbcc7.tmp</t>
  </si>
  <si>
    <t>01/21/2020 09:24:39</t>
  </si>
  <si>
    <t>01/21/2020 09:20:36</t>
  </si>
  <si>
    <t>leticiaTeixeira_Login_1111.csv.crdownload</t>
  </si>
  <si>
    <t>\\acsfs\ACS\Gabriel da Silva\Contemporânea\Gen\Leticia Teixeira\leticiaTeixeira_Login_1111.csv.crdownload</t>
  </si>
  <si>
    <t>01/21/2020 09:21:09</t>
  </si>
  <si>
    <t>leticiaTeixeira_Login_1211.csv.crdownload</t>
  </si>
  <si>
    <t>\\acsfs\ACS\Gabriel da Silva\Contemporânea\Gen\Leticia Teixeira\leticiaTeixeira_Login_1211.csv.crdownload</t>
  </si>
  <si>
    <t>01/21/2020 09:21:33</t>
  </si>
  <si>
    <t>leticiaTeixeira_Login_1311.csv.crdownload</t>
  </si>
  <si>
    <t>\\acsfs\ACS\Gabriel da Silva\Contemporânea\Gen\Leticia Teixeira\leticiaTeixeira_Login_1311.csv.crdownload</t>
  </si>
  <si>
    <t>leticiaTeixeira_Login_1411.csv.crdownload</t>
  </si>
  <si>
    <t>\\acsfs\ACS\Gabriel da Silva\Contemporânea\Gen\Leticia Teixeira\leticiaTeixeira_Login_1411.csv.crdownload</t>
  </si>
  <si>
    <t>01/21/2020 09:23:02</t>
  </si>
  <si>
    <t>leticiaTeixeira_Login_1811.csv.crdownload</t>
  </si>
  <si>
    <t>\\acsfs\ACS\Gabriel da Silva\Contemporânea\Gen\Leticia Teixeira\leticiaTeixeira_Login_1811.csv.crdownload</t>
  </si>
  <si>
    <t>01/21/2020 09:23:28</t>
  </si>
  <si>
    <t>leticiaTeixeira_Login_1911.csv.crdownload</t>
  </si>
  <si>
    <t>\\acsfs\ACS\Gabriel da Silva\Contemporânea\Gen\Leticia Teixeira\leticiaTeixeira_Login_1911.csv.crdownload</t>
  </si>
  <si>
    <t>01/21/2020 09:23:56</t>
  </si>
  <si>
    <t>leticiaTeixeira_Login_2011.csv.crdownload</t>
  </si>
  <si>
    <t>\\acsfs\ACS\Gabriel da Silva\Contemporânea\Gen\Leticia Teixeira\leticiaTeixeira_Login_2011.csv.crdownload</t>
  </si>
  <si>
    <t>01/21/2020 09:24:13</t>
  </si>
  <si>
    <t>leticiaTeixeira_Login_2111.csv.crdownload</t>
  </si>
  <si>
    <t>\\acsfs\ACS\Gabriel da Silva\Contemporânea\Gen\Leticia Teixeira\leticiaTeixeira_Login_2111.csv.crdownload</t>
  </si>
  <si>
    <t>01/21/2020 09:24:53</t>
  </si>
  <si>
    <t>leticiaTeixeira_Login_2211.csv.crdownload</t>
  </si>
  <si>
    <t>\\acsfs\ACS\Gabriel da Silva\Contemporânea\Gen\Leticia Teixeira\leticiaTeixeira_Login_2211.csv.crdownload</t>
  </si>
  <si>
    <t>01/21/2020 09:25:33</t>
  </si>
  <si>
    <t>leticiaTeixeira_Login_2511.csv.crdownload</t>
  </si>
  <si>
    <t>\\acsfs\ACS\Gabriel da Silva\Contemporânea\Gen\Leticia Teixeira\leticiaTeixeira_Login_2511.csv.crdownload</t>
  </si>
  <si>
    <t>01/21/2020 09:26:28</t>
  </si>
  <si>
    <t>01/21/2020 09:24:28</t>
  </si>
  <si>
    <t>01/21/2020 09:22:08</t>
  </si>
  <si>
    <t>01/21/2020 09:27:27</t>
  </si>
  <si>
    <t>e7f5aec9-aa18-4aef-8c31-3bbe5cec26ab.tmp</t>
  </si>
  <si>
    <t>\\acsfs\profiles$\matheushds\Downloads\e7f5aec9-aa18-4aef-8c31-3bbe5cec26ab.tmp</t>
  </si>
  <si>
    <t>01/21/2020 09:23:31</t>
  </si>
  <si>
    <t>01/21/2020 09:24:54</t>
  </si>
  <si>
    <t>01/21/2020 09:25:24</t>
  </si>
  <si>
    <t>01/21/2020 09:22:22</t>
  </si>
  <si>
    <t>01/21/2020 09:22:31</t>
  </si>
  <si>
    <t>01/21/2020 09:22:41</t>
  </si>
  <si>
    <t>01/21/2020 09:22:47</t>
  </si>
  <si>
    <t>01/21/2020 09:23:07</t>
  </si>
  <si>
    <t>01/21/2020 09:23:10</t>
  </si>
  <si>
    <t>01/21/2020 09:23:13</t>
  </si>
  <si>
    <t>01/21/2020 09:23:16</t>
  </si>
  <si>
    <t>01/21/2020 09:24:03</t>
  </si>
  <si>
    <t>01/21/2020 09:24:06</t>
  </si>
  <si>
    <t>01/21/2020 09:26:26</t>
  </si>
  <si>
    <t>01/21/2020 09:26:35</t>
  </si>
  <si>
    <t>01/21/2020 09:27:14</t>
  </si>
  <si>
    <t>01/21/2020 09:28:27</t>
  </si>
  <si>
    <t>32b7b167-1c7b-4f15-b107-6b4ad7045d0b.tmp</t>
  </si>
  <si>
    <t>\\acsfs\profiles$\kellzylenneasr\Downloads\32b7b167-1c7b-4f15-b107-6b4ad7045d0b.tmp</t>
  </si>
  <si>
    <t>01/21/2020 09:24:33</t>
  </si>
  <si>
    <t>198e985d-382f-4d00-8742-92bebb6558c5.tmp</t>
  </si>
  <si>
    <t>\\acsfs\profiles$\kellzylenneasr\Downloads\198e985d-382f-4d00-8742-92bebb6558c5.tmp</t>
  </si>
  <si>
    <t>01/21/2020 09:26:06</t>
  </si>
  <si>
    <t>01/21/2020 09:27:06</t>
  </si>
  <si>
    <t>01/21/2020 09:26:03</t>
  </si>
  <si>
    <t>1c61181a-afa5-4607-9de9-bd980501676b.tmp</t>
  </si>
  <si>
    <t>\\acsfs\profiles$\lucasgpe\Downloads\1c61181a-afa5-4607-9de9-bd980501676b.tmp</t>
  </si>
  <si>
    <t>01/21/2020 09:29:27</t>
  </si>
  <si>
    <t>01/21/2020 09:29:03</t>
  </si>
  <si>
    <t>01/21/2020 09:28:49</t>
  </si>
  <si>
    <t>01/21/2020 09:30:27</t>
  </si>
  <si>
    <t>01/21/2020 09:29:16</t>
  </si>
  <si>
    <t>01/21/2020 09:29:37</t>
  </si>
  <si>
    <t>01/21/2020 09:25:54</t>
  </si>
  <si>
    <t>01/21/2020 09:31:28</t>
  </si>
  <si>
    <t>f1a22b8f-3c80-47bb-9a98-8b99fc61dbe9.tmp</t>
  </si>
  <si>
    <t>\\acsfs\profiles$\henriquehmdo\Downloads\f1a22b8f-3c80-47bb-9a98-8b99fc61dbe9.tmp</t>
  </si>
  <si>
    <t>01/21/2020 09:26:07</t>
  </si>
  <si>
    <t>leticiaTeixeira_Login_2611.csv.crdownload</t>
  </si>
  <si>
    <t>\\acsfs\ACS\Gabriel da Silva\Contemporânea\Gen\Leticia Teixeira\leticiaTeixeira_Login_2611.csv.crdownload</t>
  </si>
  <si>
    <t>leticiaTeixeira_Login_2711.csv.crdownload</t>
  </si>
  <si>
    <t>\\acsfs\ACS\Gabriel da Silva\Contemporânea\Gen\Leticia Teixeira\leticiaTeixeira_Login_2711.csv.crdownload</t>
  </si>
  <si>
    <t>01/21/2020 09:26:57</t>
  </si>
  <si>
    <t>leticiaTeixeira_Login_2811.csv.crdownload</t>
  </si>
  <si>
    <t>\\acsfs\ACS\Gabriel da Silva\Contemporânea\Gen\Leticia Teixeira\leticiaTeixeira_Login_2811.csv.crdownload</t>
  </si>
  <si>
    <t>01/21/2020 09:27:24</t>
  </si>
  <si>
    <t>leticiaTeixeira_Login_2911.csv.crdownload</t>
  </si>
  <si>
    <t>\\acsfs\ACS\Gabriel da Silva\Contemporânea\Gen\Leticia Teixeira\leticiaTeixeira_Login_2911.csv.crdownload</t>
  </si>
  <si>
    <t>01/21/2020 09:29:24</t>
  </si>
  <si>
    <t>Não confirmado 176898.crdownload</t>
  </si>
  <si>
    <t>\\acsfs\ACS\Gabriel da Silva\Contemporânea\NPS\NPS_Voz\Janeiro.20\Não confirmado 176898.crdownload</t>
  </si>
  <si>
    <t>01/21/2020 09:30:33</t>
  </si>
  <si>
    <t>Não confirmado 872566.crdownload</t>
  </si>
  <si>
    <t>\\acsfs\ACS\Gabriel da Silva\Contemporânea\Gen\Não confirmado 872566.crdownload</t>
  </si>
  <si>
    <t>01/21/2020 09:31:00</t>
  </si>
  <si>
    <t>01/21/2020 09:32:27</t>
  </si>
  <si>
    <t>bb1f92d2-b243-4de8-844b-f666a4351321.tmp</t>
  </si>
  <si>
    <t>\\acsfs\profiles$\ROZENCAM\Downloads\bb1f92d2-b243-4de8-844b-f666a4351321.tmp</t>
  </si>
  <si>
    <t>01/21/2020 09:31:03</t>
  </si>
  <si>
    <t>4206f139-34e2-49ba-93b6-29fdbf8875f1.tmp</t>
  </si>
  <si>
    <t>\\acsfs\profiles$\matheushds\Downloads\4206f139-34e2-49ba-93b6-29fdbf8875f1.tmp</t>
  </si>
  <si>
    <t>01/21/2020 09:26:54</t>
  </si>
  <si>
    <t>01/21/2020 09:28:24</t>
  </si>
  <si>
    <t>01/21/2020 09:30:24</t>
  </si>
  <si>
    <t>01/21/2020 09:30:54</t>
  </si>
  <si>
    <t>01/21/2020 09:31:24</t>
  </si>
  <si>
    <t>01/21/2020 09:30:16</t>
  </si>
  <si>
    <t>01/21/2020 09:27:18</t>
  </si>
  <si>
    <t>01/21/2020 09:27:21</t>
  </si>
  <si>
    <t>01/21/2020 09:27:25</t>
  </si>
  <si>
    <t>01/21/2020 09:28:06</t>
  </si>
  <si>
    <t>01/21/2020 09:28:35</t>
  </si>
  <si>
    <t>01/21/2020 09:28:51</t>
  </si>
  <si>
    <t>01/21/2020 09:29:07</t>
  </si>
  <si>
    <t>01/21/2020 09:29:26</t>
  </si>
  <si>
    <t>01/21/2020 09:29:39</t>
  </si>
  <si>
    <t>01/21/2020 09:29:59</t>
  </si>
  <si>
    <t>01/21/2020 09:29:15</t>
  </si>
  <si>
    <t>01/21/2020 09:33:28</t>
  </si>
  <si>
    <t>01/21/2020 09:32:51</t>
  </si>
  <si>
    <t>55654fef-1996-4b2d-a842-fc2080f5c05b.tmp</t>
  </si>
  <si>
    <t>\\acsfs\profiles$\luanarda\Downloads\55654fef-1996-4b2d-a842-fc2080f5c05b.tmp</t>
  </si>
  <si>
    <t>01/21/2020 09:32:06</t>
  </si>
  <si>
    <t>01/21/2020 09:33:06</t>
  </si>
  <si>
    <t>01/21/2020 09:30:07</t>
  </si>
  <si>
    <t>01/21/2020 09:34:27</t>
  </si>
  <si>
    <t>659cd942-d3ee-4106-b931-c53b31480cda.tmp</t>
  </si>
  <si>
    <t>\\acsfs\profiles$\ALYNYA\Downloads\659cd942-d3ee-4106-b931-c53b31480cda.tmp</t>
  </si>
  <si>
    <t>01/21/2020 09:32:13</t>
  </si>
  <si>
    <t>01/21/2020 09:32:47</t>
  </si>
  <si>
    <t>01/21/2020 09:35:28</t>
  </si>
  <si>
    <t>01/21/2020 09:34:49</t>
  </si>
  <si>
    <t>01/21/2020 09:32:22</t>
  </si>
  <si>
    <t>01/21/2020 09:36:27</t>
  </si>
  <si>
    <t>.~lock.leticiaTeixeira_Login_0111.csv#</t>
  </si>
  <si>
    <t>\\acsfs\ACS\Gabriel da Silva\Contemporânea\Gen\Leticia Teixeira\.~lock.leticiaTeixeira_Login_0111.csv#</t>
  </si>
  <si>
    <t>01/21/2020 09:31:39</t>
  </si>
  <si>
    <t>01/21/2020 09:33:45</t>
  </si>
  <si>
    <t>01/21/2020 09:35:35</t>
  </si>
  <si>
    <t>01/21/2020 09:35:29</t>
  </si>
  <si>
    <t>01/21/2020 09:35:18</t>
  </si>
  <si>
    <t>01/21/2020 09:32:03</t>
  </si>
  <si>
    <t>01/21/2020 09:37:27</t>
  </si>
  <si>
    <t>02a09e72-3045-425c-8ff4-e05745e73a1b.tmp</t>
  </si>
  <si>
    <t>\\acsfs\profiles$\matheushds\Downloads\02a09e72-3045-425c-8ff4-e05745e73a1b.tmp</t>
  </si>
  <si>
    <t>01/21/2020 09:32:48</t>
  </si>
  <si>
    <t>157e61db-5478-4bde-a1ee-8430c4a09c40.tmp</t>
  </si>
  <si>
    <t>\\acsfs\profiles$\matheushds\Downloads\157e61db-5478-4bde-a1ee-8430c4a09c40.tmp</t>
  </si>
  <si>
    <t>01/21/2020 09:33:54</t>
  </si>
  <si>
    <t>01/21/2020 09:34:24</t>
  </si>
  <si>
    <t>01/21/2020 09:34:54</t>
  </si>
  <si>
    <t>01/21/2020 09:35:24</t>
  </si>
  <si>
    <t>495330d2-0880-4288-8c5b-bdb7fbb6e147.tmp</t>
  </si>
  <si>
    <t>\\acsfs\profiles$\PEDROHAB\Downloads\495330d2-0880-4288-8c5b-bdb7fbb6e147.tmp</t>
  </si>
  <si>
    <t>01/21/2020 09:33:53</t>
  </si>
  <si>
    <t>Unconfirmed 648476.crdownload</t>
  </si>
  <si>
    <t>\\acsfs\profiles$\PEDROHAB\Downloads\Unconfirmed 648476.crdownload</t>
  </si>
  <si>
    <t>01/21/2020 09:34:07</t>
  </si>
  <si>
    <t>effa3f9b-ed42-42d7-b273-ce1439e7908a.tmp</t>
  </si>
  <si>
    <t>\\acsfs\profiles$\PEDROHAB\Downloads\effa3f9b-ed42-42d7-b273-ce1439e7908a.tmp</t>
  </si>
  <si>
    <t>01/21/2020 09:34:09</t>
  </si>
  <si>
    <t>6f1c8924-bc7c-4ef3-ba77-7199a8e3919e.tmp</t>
  </si>
  <si>
    <t>\\acsfs\profiles$\PEDROHAB\Downloads\6f1c8924-bc7c-4ef3-ba77-7199a8e3919e.tmp</t>
  </si>
  <si>
    <t>01/21/2020 09:36:41</t>
  </si>
  <si>
    <t>01/21/2020 09:38:28</t>
  </si>
  <si>
    <t>01/21/2020 09:38:06</t>
  </si>
  <si>
    <t>01/21/2020 09:35:26</t>
  </si>
  <si>
    <t>cf6754a9-6852-4b2e-aacd-2ca511629c00.tmp</t>
  </si>
  <si>
    <t>\\acsfs\profiles$\nathaliarmr\Downloads\cf6754a9-6852-4b2e-aacd-2ca511629c00.tmp</t>
  </si>
  <si>
    <t>01/21/2020 09:34:57</t>
  </si>
  <si>
    <t>01/21/2020 09:37:31</t>
  </si>
  <si>
    <t>01/21/2020 09:37:34</t>
  </si>
  <si>
    <t>01/21/2020 09:35:17</t>
  </si>
  <si>
    <t>01/21/2020 09:40:27</t>
  </si>
  <si>
    <t>01/21/2020 09:37:40</t>
  </si>
  <si>
    <t>01/21/2020 09:41:27</t>
  </si>
  <si>
    <t>f782e4d6-9e41-459f-ab3c-09facfadd4e6.tmp</t>
  </si>
  <si>
    <t>\\acsfs\profiles$\jhonatadss\Downloads\f782e4d6-9e41-459f-ab3c-09facfadd4e6.tmp</t>
  </si>
  <si>
    <t>01/21/2020 09:39:15</t>
  </si>
  <si>
    <t>1b65356e-07f2-4f07-be81-bc711e528f55.tmp</t>
  </si>
  <si>
    <t>\\acsfs\profiles$\jhonatadss\Downloads\1b65356e-07f2-4f07-be81-bc711e528f55.tmp</t>
  </si>
  <si>
    <t>01/21/2020 09:40:15</t>
  </si>
  <si>
    <t>c1e89366-5674-4956-b7d7-4aaf10f1d844.tmp</t>
  </si>
  <si>
    <t>\\acsfs\profiles$\jhonatadss\Downloads\c1e89366-5674-4956-b7d7-4aaf10f1d844.tmp</t>
  </si>
  <si>
    <t>01/21/2020 09:40:24</t>
  </si>
  <si>
    <t>1834fd6c-e562-4ddc-adbf-162d230751f6.tmp</t>
  </si>
  <si>
    <t>\\acsfs\profiles$\jhonatadss\Downloads\1834fd6c-e562-4ddc-adbf-162d230751f6.tmp</t>
  </si>
  <si>
    <t>01/21/2020 09:36:37</t>
  </si>
  <si>
    <t>01/21/2020 09:37:23</t>
  </si>
  <si>
    <t>Guilherme Login.xlsx</t>
  </si>
  <si>
    <t>\\acsfs\DEPTOS\Operacao\PCP\5 - Comum\JUKA\Guilherme Login.xlsx</t>
  </si>
  <si>
    <t>01/21/2020 09:37:24</t>
  </si>
  <si>
    <t>01/21/2020 09:42:28</t>
  </si>
  <si>
    <t>01/21/2020 09:38:55</t>
  </si>
  <si>
    <t>01/21/2020 09:39:25</t>
  </si>
  <si>
    <t>01/21/2020 09:39:55</t>
  </si>
  <si>
    <t>01/21/2020 09:40:25</t>
  </si>
  <si>
    <t>01/21/2020 09:41:25</t>
  </si>
  <si>
    <t>01/21/2020 09:40:46</t>
  </si>
  <si>
    <t>01/21/2020 09:41:31</t>
  </si>
  <si>
    <t>01/21/2020 09:41:36</t>
  </si>
  <si>
    <t>01/21/2020 09:40:22</t>
  </si>
  <si>
    <t>01/21/2020 09:43:27</t>
  </si>
  <si>
    <t>01/21/2020 09:40:45</t>
  </si>
  <si>
    <t>01/21/2020 09:40:58</t>
  </si>
  <si>
    <t>fernandaab@algartech.com;larisacc@algartech.com;marianerdo@algartech.com;talmaiardo@algartech.com;thiagordu@algartech.com;vitorgmp@algartech.com;</t>
  </si>
  <si>
    <t>fernandaab@algartech.com,larisacc@algartech.com,marianerdo@algartech.com,talmaiardo@algartech.com,thiagordu@algartech.com,vitorgmp@algartech.com</t>
  </si>
  <si>
    <t>01/21/2020 09:41:00</t>
  </si>
  <si>
    <t>01/21/2020 09:41:24</t>
  </si>
  <si>
    <t>01/21/2020 09:41:37</t>
  </si>
  <si>
    <t>01/21/2020 09:39:07</t>
  </si>
  <si>
    <t>01/21/2020 09:43:08</t>
  </si>
  <si>
    <t>01/21/2020 09:43:09</t>
  </si>
  <si>
    <t>01/21/2020 09:43:11</t>
  </si>
  <si>
    <t>01/21/2020 09:43:12</t>
  </si>
  <si>
    <t>01/21/2020 09:42:12</t>
  </si>
  <si>
    <t>01/21/2020 09:44:28</t>
  </si>
  <si>
    <t>01/21/2020 09:40:09</t>
  </si>
  <si>
    <t>01/21/2020 09:45:27</t>
  </si>
  <si>
    <t>LUANA LOPES DA SILVA (5175).contact</t>
  </si>
  <si>
    <t>\\acsfs\profiles$\luanaldsi\Contacts\LUANA LOPES DA SILVA (5175).contact</t>
  </si>
  <si>
    <t>01/21/2020 09:40:44</t>
  </si>
  <si>
    <t>01/21/2020 09:40:47</t>
  </si>
  <si>
    <t>01/21/2020 09:40:48</t>
  </si>
  <si>
    <t>01/21/2020 09:40:50</t>
  </si>
  <si>
    <t>01/21/2020 09:40:51</t>
  </si>
  <si>
    <t>01/21/2020 09:40:52</t>
  </si>
  <si>
    <t>01/21/2020 09:40:53</t>
  </si>
  <si>
    <t>01/21/2020 09:40:54</t>
  </si>
  <si>
    <t>01/21/2020 09:41:38</t>
  </si>
  <si>
    <t>01/21/2020 09:41:39</t>
  </si>
  <si>
    <t>01/21/2020 09:41:40</t>
  </si>
  <si>
    <t>01/21/2020 09:41:41</t>
  </si>
  <si>
    <t>01/21/2020 09:43:22</t>
  </si>
  <si>
    <t>01/21/2020 09:40:49</t>
  </si>
  <si>
    <t>01/21/2020 09:43:02</t>
  </si>
  <si>
    <t>01/21/2020 09:41:09</t>
  </si>
  <si>
    <t>01/21/2020 09:46:28</t>
  </si>
  <si>
    <t>80b8733e-68f5-4cac-9a91-e7d5cccd3f1f.tmp</t>
  </si>
  <si>
    <t>\\acsfs\profiles$\jhonatadss\Downloads\80b8733e-68f5-4cac-9a91-e7d5cccd3f1f.tmp</t>
  </si>
  <si>
    <t>01/21/2020 09:43:37</t>
  </si>
  <si>
    <t>abd90f07-ae5c-4a43-90cc-2060d3c9fbe7.tmp</t>
  </si>
  <si>
    <t>\\acsfs\profiles$\BRUNAAR\Downloads\abd90f07-ae5c-4a43-90cc-2060d3c9fbe7.tmp</t>
  </si>
  <si>
    <t>01/21/2020 09:41:19</t>
  </si>
  <si>
    <t>01/21/2020 09:43:40</t>
  </si>
  <si>
    <t>01/21/2020 09:42:26</t>
  </si>
  <si>
    <t>becbc05b-fb2a-4e19-ba34-f599a14ca610.tmp</t>
  </si>
  <si>
    <t>\\acsfs\profiles$\inarajst\Downloads\becbc05b-fb2a-4e19-ba34-f599a14ca610.tmp</t>
  </si>
  <si>
    <t>01/21/2020 09:46:06</t>
  </si>
  <si>
    <t>0d7e483e-1c10-4b7b-935d-dcec5d08fde7.tmp</t>
  </si>
  <si>
    <t>\\acsfs\profiles$\inarajst\Downloads\0d7e483e-1c10-4b7b-935d-dcec5d08fde7.tmp</t>
  </si>
  <si>
    <t>01/21/2020 09:44:35</t>
  </si>
  <si>
    <t>5c68581f-f3f2-4828-a8d6-0ee14cd90963.tmp</t>
  </si>
  <si>
    <t>\\acsfs\profiles$\gabrielaff\Downloads\5c68581f-f3f2-4828-a8d6-0ee14cd90963.tmp</t>
  </si>
  <si>
    <t>01/21/2020 09:47:28</t>
  </si>
  <si>
    <t>01/21/2020 09:41:55</t>
  </si>
  <si>
    <t>01/21/2020 09:42:25</t>
  </si>
  <si>
    <t>01/21/2020 09:42:55</t>
  </si>
  <si>
    <t>01/21/2020 09:45:25</t>
  </si>
  <si>
    <t>01/21/2020 09:45:55</t>
  </si>
  <si>
    <t>01/21/2020 09:46:25</t>
  </si>
  <si>
    <t>01/21/2020 09:42:54</t>
  </si>
  <si>
    <t>ab960405-afc4-4a97-8825-38d96f68dbbe.tmp</t>
  </si>
  <si>
    <t>\\acsfs\profiles$\felipetds\Downloads\ab960405-afc4-4a97-8825-38d96f68dbbe.tmp</t>
  </si>
  <si>
    <t>01/21/2020 09:45:08</t>
  </si>
  <si>
    <t>01/21/2020 09:48:28</t>
  </si>
  <si>
    <t>01/21/2020 09:45:12</t>
  </si>
  <si>
    <t>01/21/2020 09:46:21</t>
  </si>
  <si>
    <t>Erica Luziana Silva Ribeiro_1_6780267396271776862_1_32.wav</t>
  </si>
  <si>
    <t>\\acsfs\Deptos\EDUCACAO EMPRESARIAL\FERNANDA MONIT\Fernanda\MONITORIA JANEIRO\Ligaçoes para MUTANT terceiro ciclo janeiro\Erica Luziana Silva Ribeiro_1_6780267396271776862_1_32.wav</t>
  </si>
  <si>
    <t>d130703e-31d5-40bd-94c9-225326df42e6.tmp</t>
  </si>
  <si>
    <t>\\acsfs\profiles$\lorenabmc\Downloads\d130703e-31d5-40bd-94c9-225326df42e6.tmp</t>
  </si>
  <si>
    <t>01/21/2020 09:43:33</t>
  </si>
  <si>
    <t>f6a6c6f5-3e3b-4774-9d3d-220f00eb06c6.tmp</t>
  </si>
  <si>
    <t>\\acsfs\profiles$\lorenabmc\Downloads\f6a6c6f5-3e3b-4774-9d3d-220f00eb06c6.tmp</t>
  </si>
  <si>
    <t>01/21/2020 09:43:35</t>
  </si>
  <si>
    <t>c92095e5-2826-44f0-b22e-e0e6c415edd0.tmp</t>
  </si>
  <si>
    <t>\\acsfs\profiles$\lorenabmc\Downloads\c92095e5-2826-44f0-b22e-e0e6c415edd0.tmp</t>
  </si>
  <si>
    <t>01/21/2020 09:43:41</t>
  </si>
  <si>
    <t>ROZENCA MAIOLINO_1_6781023151602080662_1_32.wav</t>
  </si>
  <si>
    <t>\\acsfs\Deptos\EDUCACAO EMPRESARIAL\KÉSIA\Ligações 3º ciclo - Janeiro 2020\ROZENCA MAIOLINO_1_6781023151602080662_1_32.wav</t>
  </si>
  <si>
    <t>01/21/2020 09:44:07</t>
  </si>
  <si>
    <t>01/21/2020 09:46:51</t>
  </si>
  <si>
    <t>01/21/2020 09:50:28</t>
  </si>
  <si>
    <t>a8ecbff5-c500-4ce8-9bdb-ae402332e319.tmp</t>
  </si>
  <si>
    <t>\\acsfs\profiles$\luanaldsi\Downloads\a8ecbff5-c500-4ce8-9bdb-ae402332e319.tmp</t>
  </si>
  <si>
    <t>01/21/2020 09:46:54</t>
  </si>
  <si>
    <t>1cd1fcec-a16f-4add-b096-a20e984de385.tmp</t>
  </si>
  <si>
    <t>\\acsfs\profiles$\luanaldsi\Downloads\1cd1fcec-a16f-4add-b096-a20e984de385.tmp</t>
  </si>
  <si>
    <t>01/21/2020 09:46:55</t>
  </si>
  <si>
    <t>8855d672-85cd-4a76-97f1-d3d8319f258d.tmp</t>
  </si>
  <si>
    <t>\\acsfs\profiles$\luanaldsi\Downloads\8855d672-85cd-4a76-97f1-d3d8319f258d.tmp</t>
  </si>
  <si>
    <t>01/21/2020 09:46:49</t>
  </si>
  <si>
    <t>01/21/2020 09:47:35</t>
  </si>
  <si>
    <t>01/21/2020 09:49:12</t>
  </si>
  <si>
    <t>01/21/2020 09:49:33</t>
  </si>
  <si>
    <t>01/21/2020 09:49:18</t>
  </si>
  <si>
    <t>01/21/2020 09:51:28</t>
  </si>
  <si>
    <t>01/21/2020 09:49:14</t>
  </si>
  <si>
    <t>LoginLogoutConsolidado.xlsx</t>
  </si>
  <si>
    <t>\\acsfs\ACS\Gabriel da Silva\Contemporânea\Gen\Leticia Teixeira\LoginLogoutConsolidado.xlsx</t>
  </si>
  <si>
    <t>01/21/2020 09:49:00</t>
  </si>
  <si>
    <t>01/21/2020 09:49:27</t>
  </si>
  <si>
    <t>01/21/2020 09:49:49</t>
  </si>
  <si>
    <t>01/21/2020 09:49:56</t>
  </si>
  <si>
    <t>01/21/2020 09:50:00</t>
  </si>
  <si>
    <t>01/21/2020 09:50:03</t>
  </si>
  <si>
    <t>antoniocoj@algartech.com;joaogvc@algartech.com;leonardoao@algartech.com;marianadjc@algartech.com;paulacn@algartech.com;rafaelggs@algartech.com;ricardodfm@algartech.com.br;taysdss@algartech.com;thiagordu@algartech.com;viniciussg@algartech.com;</t>
  </si>
  <si>
    <t>antoniocoj@algartech.com,joaogvc@algartech.com,leonardoao@algartech.com,marianadjc@algartech.com,paulacn@algartech.com,rafaelggs@algartech.com,ricardodfm@algartech.com.br,taysdss@algartech.com,thiagordu@algartech.com,viniciussg@algartech.com</t>
  </si>
  <si>
    <t>01/21/2020 09:50:09</t>
  </si>
  <si>
    <t>01/21/2020 09:50:20</t>
  </si>
  <si>
    <t>01/21/2020 09:50:30</t>
  </si>
  <si>
    <t>01/21/2020 09:50:33</t>
  </si>
  <si>
    <t>01/21/2020 09:50:36</t>
  </si>
  <si>
    <t>01/21/2020 09:50:45</t>
  </si>
  <si>
    <t>01/21/2020 09:47:37</t>
  </si>
  <si>
    <t>01/21/2020 09:46:45</t>
  </si>
  <si>
    <t>5e612cdf-d7ee-4d28-b0b6-a9a98294ae44.tmp</t>
  </si>
  <si>
    <t>\\acsfs\profiles$\inarajst\Downloads\5e612cdf-d7ee-4d28-b0b6-a9a98294ae44.tmp</t>
  </si>
  <si>
    <t>01/21/2020 09:47:55</t>
  </si>
  <si>
    <t>01/21/2020 09:52:28</t>
  </si>
  <si>
    <t>01/21/2020 09:48:25</t>
  </si>
  <si>
    <t>01/21/2020 09:48:55</t>
  </si>
  <si>
    <t>01/21/2020 09:49:55</t>
  </si>
  <si>
    <t>01/21/2020 09:50:25</t>
  </si>
  <si>
    <t>01/21/2020 09:51:26</t>
  </si>
  <si>
    <t>01/21/2020 09:47:52</t>
  </si>
  <si>
    <t>c2a44edf-0343-4305-8717-c600e9ea9429.tmp</t>
  </si>
  <si>
    <t>\\acsfs\profiles$\lorrainerdl\Downloads\c2a44edf-0343-4305-8717-c600e9ea9429.tmp</t>
  </si>
  <si>
    <t>01bc7b0f-bf14-46fa-9a50-2f1043a0545d.tmp</t>
  </si>
  <si>
    <t>\\acsfs\profiles$\wenderbnm\Downloads\01bc7b0f-bf14-46fa-9a50-2f1043a0545d.tmp</t>
  </si>
  <si>
    <t>01/21/2020 09:49:36</t>
  </si>
  <si>
    <t>01/21/2020 09:53:28</t>
  </si>
  <si>
    <t>01/21/2020 09:50:37</t>
  </si>
  <si>
    <t>01/21/2020 09:48:33</t>
  </si>
  <si>
    <t>2eb404c6-66e7-4524-b850-3f5381fe6cfb.tmp</t>
  </si>
  <si>
    <t>\\acsfs\profiles$\lorenabmc\Downloads\2eb404c6-66e7-4524-b850-3f5381fe6cfb.tmp</t>
  </si>
  <si>
    <t>01/21/2020 09:50:44</t>
  </si>
  <si>
    <t>Erro fatal AYALA BORBA FILHO.PNG</t>
  </si>
  <si>
    <t>\\acsfs\ACS\001 - Qualidade Lilian\PAULO\Pasta Tainara\Erro fatal AYALA BORBA FILHO.PNG</t>
  </si>
  <si>
    <t>01/21/2020 09:49:07</t>
  </si>
  <si>
    <t>01/21/2020 09:50:07</t>
  </si>
  <si>
    <t>01/21/2020 09:52:41</t>
  </si>
  <si>
    <t>01/21/2020 09:55:28</t>
  </si>
  <si>
    <t>615f250c-2f62-4378-8f9d-4555c3b4600d.tmp</t>
  </si>
  <si>
    <t>\\acsfs\profiles$\luanaldsi\Downloads\615f250c-2f62-4378-8f9d-4555c3b4600d.tmp</t>
  </si>
  <si>
    <t>01/21/2020 09:50:50</t>
  </si>
  <si>
    <t>01/21/2020 09:52:49</t>
  </si>
  <si>
    <t>01/21/2020 09:56:28</t>
  </si>
  <si>
    <t>01/21/2020 09:51:19</t>
  </si>
  <si>
    <t>antoniocoj@algartech.com;joaogvc@algartech.com;leonardoao@algartech.com;marianadjc@algartech.com;paulacn@algartech.com;rafaelggs@algartech.com;ricardodfm@algartech.com.br;taysdss@algartech.com;thiagordu@algartech.com;</t>
  </si>
  <si>
    <t>antoniocoj@algartech.com,joaogvc@algartech.com,leonardoao@algartech.com,marianadjc@algartech.com,paulacn@algartech.com,rafaelggs@algartech.com,ricardodfm@algartech.com.br,taysdss@algartech.com,thiagordu@algartech.com</t>
  </si>
  <si>
    <t>01/21/2020 09:51:22</t>
  </si>
  <si>
    <t>01/21/2020 09:51:32</t>
  </si>
  <si>
    <t>01/21/2020 09:51:39</t>
  </si>
  <si>
    <t>01/21/2020 09:51:44</t>
  </si>
  <si>
    <t>01/21/2020 09:51:50</t>
  </si>
  <si>
    <t>01/21/2020 09:51:51</t>
  </si>
  <si>
    <t>01/21/2020 09:51:58</t>
  </si>
  <si>
    <t>01/21/2020 09:52:34</t>
  </si>
  <si>
    <t>01/21/2020 09:54:59</t>
  </si>
  <si>
    <t>01/21/2020 09:51:43</t>
  </si>
  <si>
    <t>01/21/2020 09:56:03</t>
  </si>
  <si>
    <t>01/21/2020 09:54:23</t>
  </si>
  <si>
    <t>01/21/2020 09:57:29</t>
  </si>
  <si>
    <t>95dd977b-26c9-4431-810f-af03f4dae6e5.tmp</t>
  </si>
  <si>
    <t>\\acsfs\profiles$\larissaad\Downloads\95dd977b-26c9-4431-810f-af03f4dae6e5.tmp</t>
  </si>
  <si>
    <t>01/21/2020 09:55:04</t>
  </si>
  <si>
    <t>9a080dd3-6518-47a9-9e75-38ed5a32cd2a.tmp</t>
  </si>
  <si>
    <t>\\acsfs\profiles$\LAISLG\Downloads\9a080dd3-6518-47a9-9e75-38ed5a32cd2a.tmp</t>
  </si>
  <si>
    <t>01/21/2020 09:55:17</t>
  </si>
  <si>
    <t>01/21/2020 09:51:56</t>
  </si>
  <si>
    <t>01/21/2020 09:52:26</t>
  </si>
  <si>
    <t>01/21/2020 09:53:26</t>
  </si>
  <si>
    <t>01/21/2020 09:53:56</t>
  </si>
  <si>
    <t>01/21/2020 09:54:26</t>
  </si>
  <si>
    <t>01/21/2020 09:54:56</t>
  </si>
  <si>
    <t>01/21/2020 09:53:51</t>
  </si>
  <si>
    <t>01/21/2020 09:58:28</t>
  </si>
  <si>
    <t>01/21/2020 09:54:06</t>
  </si>
  <si>
    <t>01/21/2020 09:54:11</t>
  </si>
  <si>
    <t>01/21/2020 09:54:18</t>
  </si>
  <si>
    <t>01/21/2020 09:54:21</t>
  </si>
  <si>
    <t>01/21/2020 09:54:37</t>
  </si>
  <si>
    <t>01/21/2020 09:54:42</t>
  </si>
  <si>
    <t>01/21/2020 09:54:52</t>
  </si>
  <si>
    <t>01/21/2020 09:56:09</t>
  </si>
  <si>
    <t>ALEXANDRE MILHOMEM MARACAIPE_1_6781023555329006495_1_32.wav</t>
  </si>
  <si>
    <t>\\acsfs\Deptos\EDUCACAO EMPRESARIAL\KÉSIA\Ligações 3º ciclo - Janeiro 2020\ALEXANDRE MILHOMEM MARACAIPE_1_6781023555329006495_1_32.wav</t>
  </si>
  <si>
    <t>01/21/2020 09:53:57</t>
  </si>
  <si>
    <t>01/21/2020 09:55:43</t>
  </si>
  <si>
    <t>01/21/2020 09:57:35</t>
  </si>
  <si>
    <t>29198718-39c9-416c-9c79-1a694116c84a.tmp</t>
  </si>
  <si>
    <t>\\acsfs\profiles$\lucasgpe\Downloads\29198718-39c9-416c-9c79-1a694116c84a.tmp</t>
  </si>
  <si>
    <t>01/21/2020 09:55:07</t>
  </si>
  <si>
    <t>01/21/2020 09:56:07</t>
  </si>
  <si>
    <t>01/21/2020 09:59:29</t>
  </si>
  <si>
    <t>01/21/2020 09:54:24</t>
  </si>
  <si>
    <t>01/21/2020 09:54:48</t>
  </si>
  <si>
    <t>01/21/2020 09:55:03</t>
  </si>
  <si>
    <t>01/21/2020 09:55:06</t>
  </si>
  <si>
    <t>01/21/2020 09:55:40</t>
  </si>
  <si>
    <t>01/21/2020 09:55:44</t>
  </si>
  <si>
    <t>01/21/2020 09:59:00</t>
  </si>
  <si>
    <t>7388c8fd-7759-48ab-bd02-717afd8e3ea5.tmp</t>
  </si>
  <si>
    <t>\\acsfs\profiles$\geovannasm\Downloads\7388c8fd-7759-48ab-bd02-717afd8e3ea5.tmp</t>
  </si>
  <si>
    <t>01/21/2020 09:59:08</t>
  </si>
  <si>
    <t>2b59dfb4-4c27-424c-b6db-17d16fafa2ec.tmp</t>
  </si>
  <si>
    <t>\\acsfs\profiles$\geovannasm\Downloads\2b59dfb4-4c27-424c-b6db-17d16fafa2ec.tmp</t>
  </si>
  <si>
    <t>01/21/2020 09:58:43</t>
  </si>
  <si>
    <t>de3c57f6-cd4f-40e0-b229-e9a5de6e7b64.tmp</t>
  </si>
  <si>
    <t>\\acsfs\profiles$\ALYNYA\Downloads\de3c57f6-cd4f-40e0-b229-e9a5de6e7b64.tmp</t>
  </si>
  <si>
    <t>01/21/2020 09:56:43</t>
  </si>
  <si>
    <t>01/21/2020 10:00:28</t>
  </si>
  <si>
    <t>9b6e45c4-0646-4ea2-bdff-9a6b006e2809.tmp</t>
  </si>
  <si>
    <t>\\acsfs\profiles$\quindaizaagds\Downloads\9b6e45c4-0646-4ea2-bdff-9a6b006e2809.tmp</t>
  </si>
  <si>
    <t>01/21/2020 09:58:13</t>
  </si>
  <si>
    <t>9318c5e8-c23c-421f-8748-f0b7e9d16968.tmp</t>
  </si>
  <si>
    <t>\\acsfs\profiles$\quindaizaagds\Downloads\9318c5e8-c23c-421f-8748-f0b7e9d16968.tmp</t>
  </si>
  <si>
    <t>01/21/2020 09:59:24</t>
  </si>
  <si>
    <t>35726bbf-4c7d-4ca4-aaa8-5c9c978bee32.tmp</t>
  </si>
  <si>
    <t>\\acsfs\profiles$\THYAGOSP\Downloads\35726bbf-4c7d-4ca4-aaa8-5c9c978bee32.tmp</t>
  </si>
  <si>
    <t>01/21/2020 09:58:38</t>
  </si>
  <si>
    <t>01/21/2020 09:58:49</t>
  </si>
  <si>
    <t>01/21/2020 10:01:28</t>
  </si>
  <si>
    <t>01/21/2020 09:56:04</t>
  </si>
  <si>
    <t>01/21/2020 09:56:06</t>
  </si>
  <si>
    <t>01/21/2020 09:56:10</t>
  </si>
  <si>
    <t>01/21/2020 09:56:16</t>
  </si>
  <si>
    <t>01/21/2020 09:56:31</t>
  </si>
  <si>
    <t>01/21/2020 09:56:56</t>
  </si>
  <si>
    <t>Grade Horária.xlsx</t>
  </si>
  <si>
    <t>\\acsfs\DEPTOS\Operacao\PCP\5 - Comum\JUKA\Grade Horária.xlsx</t>
  </si>
  <si>
    <t>01/21/2020 09:57:33</t>
  </si>
  <si>
    <t>01/21/2020 09:57:34</t>
  </si>
  <si>
    <t>01/21/2020 09:59:02</t>
  </si>
  <si>
    <t>01/21/2020 10:02:29</t>
  </si>
  <si>
    <t>01/21/2020 09:57:10</t>
  </si>
  <si>
    <t>a7f63267-b997-42b4-8d6d-0c639617fbac.tmp</t>
  </si>
  <si>
    <t>\\acsfs\profiles$\LAISLG\Downloads\a7f63267-b997-42b4-8d6d-0c639617fbac.tmp</t>
  </si>
  <si>
    <t>01/21/2020 09:57:26</t>
  </si>
  <si>
    <t>01/21/2020 09:57:56</t>
  </si>
  <si>
    <t>01/21/2020 09:58:26</t>
  </si>
  <si>
    <t>01/21/2020 09:59:56</t>
  </si>
  <si>
    <t>01/21/2020 10:00:27</t>
  </si>
  <si>
    <t>01/21/2020 09:59:09</t>
  </si>
  <si>
    <t>01/21/2020 10:03:28</t>
  </si>
  <si>
    <t>7a873b47-0ca4-44ac-adaf-ef934569586a.tmp</t>
  </si>
  <si>
    <t>\\acsfs\profiles$\gabrielafs\Downloads\7a873b47-0ca4-44ac-adaf-ef934569586a.tmp</t>
  </si>
  <si>
    <t>01/21/2020 09:59:12</t>
  </si>
  <si>
    <t>d37b52c5-3efc-4118-b714-c0b3bcdf9277.tmp</t>
  </si>
  <si>
    <t>\\acsfs\profiles$\gabrielafs\Downloads\d37b52c5-3efc-4118-b714-c0b3bcdf9277.tmp</t>
  </si>
  <si>
    <t>01/21/2020 09:59:18</t>
  </si>
  <si>
    <t>460d4435-a464-4418-a5f7-c783b8210899.tmp</t>
  </si>
  <si>
    <t>\\acsfs\profiles$\gabrielafs\Downloads\460d4435-a464-4418-a5f7-c783b8210899.tmp</t>
  </si>
  <si>
    <t>01/21/2020 09:59:20</t>
  </si>
  <si>
    <t>256e6acf-67bd-43f2-9e52-47f46e17fe24.tmp</t>
  </si>
  <si>
    <t>\\acsfs\profiles$\gabrielafs\Downloads\256e6acf-67bd-43f2-9e52-47f46e17fe24.tmp</t>
  </si>
  <si>
    <t>01/21/2020 10:00:24</t>
  </si>
  <si>
    <t>e24264ca-de78-4eee-8234-c8f54533b4c7.tmp</t>
  </si>
  <si>
    <t>\\acsfs\profiles$\gabrielafs\Downloads\e24264ca-de78-4eee-8234-c8f54533b4c7.tmp</t>
  </si>
  <si>
    <t>206c9913-9b63-44c1-90b2-02b66c2e202a.tmp</t>
  </si>
  <si>
    <t>\\acsfs\profiles$\gabrielafs\Downloads\206c9913-9b63-44c1-90b2-02b66c2e202a.tmp</t>
  </si>
  <si>
    <t>01/21/2020 09:57:44</t>
  </si>
  <si>
    <t>ISABELLE GOMES TEIXEIRA DOS SANTOS_1_6780337271094715835_1_32.wav</t>
  </si>
  <si>
    <t>\\acsfs\Deptos\EDUCACAO EMPRESARIAL\FERNANDA MONIT\Fernanda\MONITORIA JANEIRO\Ligaçoes para MUTANT terceiro ciclo janeiro\ISABELLE GOMES TEIXEIRA DOS SANTOS_1_6780337271094715835_1_32.wav</t>
  </si>
  <si>
    <t>01/21/2020 10:02:25</t>
  </si>
  <si>
    <t>01/21/2020 10:01:07</t>
  </si>
  <si>
    <t>01/21/2020 10:02:09</t>
  </si>
  <si>
    <t>01/21/2020 10:05:28</t>
  </si>
  <si>
    <t>01/21/2020 10:02:57</t>
  </si>
  <si>
    <t>bf750b59-8b44-4508-9ffc-622ff15ad07c.tmp</t>
  </si>
  <si>
    <t>\\acsfs\profiles$\quindaizaagds\Downloads\bf750b59-8b44-4508-9ffc-622ff15ad07c.tmp</t>
  </si>
  <si>
    <t>01/21/2020 10:04:50</t>
  </si>
  <si>
    <t>01/21/2020 10:01:11</t>
  </si>
  <si>
    <t>01/21/2020 10:01:22</t>
  </si>
  <si>
    <t>01/21/2020 10:01:31</t>
  </si>
  <si>
    <t>01/21/2020 10:05:36</t>
  </si>
  <si>
    <t>01/21/2020 10:06:28</t>
  </si>
  <si>
    <t>8942b458-2e18-4b58-b5c2-fbf6fc370dd3.tmp</t>
  </si>
  <si>
    <t>\\acsfs\profiles$\esterasg\Downloads\8942b458-2e18-4b58-b5c2-fbf6fc370dd3.tmp</t>
  </si>
  <si>
    <t>01/21/2020 10:05:06</t>
  </si>
  <si>
    <t>01/21/2020 10:02:27</t>
  </si>
  <si>
    <t>01/21/2020 10:02:40</t>
  </si>
  <si>
    <t>01/21/2020 10:02:49</t>
  </si>
  <si>
    <t>01/21/2020 10:04:57</t>
  </si>
  <si>
    <t>01/21/2020 10:07:28</t>
  </si>
  <si>
    <t>01/21/2020 10:06:08</t>
  </si>
  <si>
    <t>https://udpmailboxap01.acs.com.br:8443/h/search;jsessionid=185pyont28b5bg6831spz4uuc?si=0&amp;so=0&amp;sc=79913&amp;st=conversation&amp;action=compose</t>
  </si>
  <si>
    <t>01/21/2020 10:06:38</t>
  </si>
  <si>
    <t>01/21/2020 10:02:58</t>
  </si>
  <si>
    <t>01/21/2020 10:04:59</t>
  </si>
  <si>
    <t>01/21/2020 10:08:29</t>
  </si>
  <si>
    <t>01/21/2020 10:05:05</t>
  </si>
  <si>
    <t>01/21/2020 10:05:39</t>
  </si>
  <si>
    <t>01/21/2020 10:05:51</t>
  </si>
  <si>
    <t>01/21/2020 10:05:54</t>
  </si>
  <si>
    <t>01/21/2020 10:06:05</t>
  </si>
  <si>
    <t>01/21/2020 10:06:10</t>
  </si>
  <si>
    <t>01/21/2020 10:06:18</t>
  </si>
  <si>
    <t>01/21/2020 10:07:08</t>
  </si>
  <si>
    <t>01/21/2020 10:08:07</t>
  </si>
  <si>
    <t>01/21/2020 10:05:47</t>
  </si>
  <si>
    <t>01/21/2020 10:09:28</t>
  </si>
  <si>
    <t>01/21/2020 10:07:11</t>
  </si>
  <si>
    <t>01/21/2020 10:10:29</t>
  </si>
  <si>
    <t>01/21/2020 10:06:09</t>
  </si>
  <si>
    <t>01/21/2020 10:11:28</t>
  </si>
  <si>
    <t>01/21/2020 10:06:43</t>
  </si>
  <si>
    <t>01/21/2020 10:06:45</t>
  </si>
  <si>
    <t>01/21/2020 10:09:32</t>
  </si>
  <si>
    <t>Reneg - Vcto 24-01.xlsx</t>
  </si>
  <si>
    <t>\\acsfs\DEPTOS\Operacao\Banco_Votorantim\Comum\00 - COMUM - BV CARTÕES\EQUIPE ADILSON\Reneg\Reneg - Vcto 24-01.xlsx</t>
  </si>
  <si>
    <t>01/21/2020 10:10:45</t>
  </si>
  <si>
    <t>01/21/2020 10:08:12</t>
  </si>
  <si>
    <t>01/21/2020 10:12:28</t>
  </si>
  <si>
    <t>01/21/2020 10:08:38</t>
  </si>
  <si>
    <t>01/21/2020 10:09:08</t>
  </si>
  <si>
    <t>01/21/2020 10:11:08</t>
  </si>
  <si>
    <t>01/21/2020 10:11:38</t>
  </si>
  <si>
    <t>01/21/2020 10:10:08</t>
  </si>
  <si>
    <t>01/21/2020 10:13:29</t>
  </si>
  <si>
    <t>01/21/2020 10:11:17</t>
  </si>
  <si>
    <t>1a9a92e3-c7c2-4f19-b763-44bb569f6218.tmp</t>
  </si>
  <si>
    <t>\\acsfs\profiles$\lorenabmc\Downloads\1a9a92e3-c7c2-4f19-b763-44bb569f6218.tmp</t>
  </si>
  <si>
    <t>01/21/2020 10:09:44</t>
  </si>
  <si>
    <t>01/21/2020 10:09:48</t>
  </si>
  <si>
    <t>01/21/2020 10:10:19</t>
  </si>
  <si>
    <t>01/21/2020 10:10:32</t>
  </si>
  <si>
    <t>01/21/2020 10:10:44</t>
  </si>
  <si>
    <t>01/21/2020 10:10:59</t>
  </si>
  <si>
    <t>01/21/2020 10:11:07</t>
  </si>
  <si>
    <t>01/21/2020 10:11:31</t>
  </si>
  <si>
    <t>01/21/2020 10:11:32</t>
  </si>
  <si>
    <t>01/21/2020 10:09:18</t>
  </si>
  <si>
    <t>01/21/2020 10:14:28</t>
  </si>
  <si>
    <t>01/21/2020 10:11:03</t>
  </si>
  <si>
    <t>01/21/2020 10:15:28</t>
  </si>
  <si>
    <t>1d91910d-da62-4132-b7b5-1601247bf711.tmp</t>
  </si>
  <si>
    <t>\\acsfs\profiles$\henriquehmdo\Downloads\1d91910d-da62-4132-b7b5-1601247bf711.tmp</t>
  </si>
  <si>
    <t>01/21/2020 10:12:51</t>
  </si>
  <si>
    <t>01/21/2020 10:13:03</t>
  </si>
  <si>
    <t>bf4fe590-a3d8-47f6-9f94-130591ffab10.tmp</t>
  </si>
  <si>
    <t>\\acsfs\profiles$\henriquehmdo\Downloads\bf4fe590-a3d8-47f6-9f94-130591ffab10.tmp</t>
  </si>
  <si>
    <t>01/21/2020 10:14:29</t>
  </si>
  <si>
    <t>01/21/2020 10:11:34</t>
  </si>
  <si>
    <t>01/21/2020 10:11:35</t>
  </si>
  <si>
    <t>01/21/2020 10:10:02</t>
  </si>
  <si>
    <t>01/21/2020 10:10:49</t>
  </si>
  <si>
    <t>01/21/2020 10:12:52</t>
  </si>
  <si>
    <t>01/21/2020 10:14:11</t>
  </si>
  <si>
    <t>01/21/2020 10:16:28</t>
  </si>
  <si>
    <t>01/21/2020 10:12:40</t>
  </si>
  <si>
    <t>5820ca89-5c12-4b30-9815-deff9dd62ce5.tmp</t>
  </si>
  <si>
    <t>\\acsfs\profiles$\esterasg\Downloads\5820ca89-5c12-4b30-9815-deff9dd62ce5.tmp</t>
  </si>
  <si>
    <t>01/21/2020 10:14:47</t>
  </si>
  <si>
    <t>6308d674-c245-450b-8d45-798a6dbacade.tmp</t>
  </si>
  <si>
    <t>\\acsfs\profiles$\esterasg\Downloads\6308d674-c245-450b-8d45-798a6dbacade.tmp</t>
  </si>
  <si>
    <t>01/21/2020 10:12:08</t>
  </si>
  <si>
    <t>01/21/2020 10:17:28</t>
  </si>
  <si>
    <t>01/21/2020 10:12:38</t>
  </si>
  <si>
    <t>01/21/2020 10:13:08</t>
  </si>
  <si>
    <t>01/21/2020 10:14:38</t>
  </si>
  <si>
    <t>01/21/2020 10:15:08</t>
  </si>
  <si>
    <t>01/21/2020 10:16:38</t>
  </si>
  <si>
    <t>01/21/2020 10:18:28</t>
  </si>
  <si>
    <t>CRICIA VITAL DE OLIVEIRA_1_6780660463088769656_1_32.wav</t>
  </si>
  <si>
    <t>\\acsfs\Deptos\EDUCACAO EMPRESARIAL\KÉSIA\Ligações 3º ciclo - Janeiro 2020\CRICIA VITAL DE OLIVEIRA_1_6780660463088769656_1_32.wav</t>
  </si>
  <si>
    <t>01/21/2020 10:15:54</t>
  </si>
  <si>
    <t>01/21/2020 10:16:17</t>
  </si>
  <si>
    <t>01/21/2020 10:16:27</t>
  </si>
  <si>
    <t>01/21/2020 10:16:35</t>
  </si>
  <si>
    <t>01/21/2020 10:16:49</t>
  </si>
  <si>
    <t>01/21/2020 10:17:04</t>
  </si>
  <si>
    <t>01/21/2020 10:17:14</t>
  </si>
  <si>
    <t>01/21/2020 10:17:17</t>
  </si>
  <si>
    <t>01/21/2020 10:14:07</t>
  </si>
  <si>
    <t>01/21/2020 10:17:07</t>
  </si>
  <si>
    <t>01/21/2020 10:16:14</t>
  </si>
  <si>
    <t>01/21/2020 10:19:28</t>
  </si>
  <si>
    <t>https://senildapdo@algartech.com,viniciussg@algartech.com</t>
  </si>
  <si>
    <t>01/21/2020 10:16:48</t>
  </si>
  <si>
    <t>01/21/2020 10:15:41</t>
  </si>
  <si>
    <t>05584162-fa74-4533-9027-fb77f164310e.tmp</t>
  </si>
  <si>
    <t>\\acsfs\profiles$\monicargds\Downloads\05584162-fa74-4533-9027-fb77f164310e.tmp</t>
  </si>
  <si>
    <t>2ccb4518-440b-48fd-a274-9ee003cc14c6.tmp</t>
  </si>
  <si>
    <t>\\acsfs\profiles$\monicargds\Downloads\2ccb4518-440b-48fd-a274-9ee003cc14c6.tmp</t>
  </si>
  <si>
    <t>01/21/2020 10:18:02</t>
  </si>
  <si>
    <t>image2020-01-21-100046.pdf</t>
  </si>
  <si>
    <t>IMG-20200117-WA0002.jpg</t>
  </si>
  <si>
    <t>IMG-20200117-WA0003.jpg</t>
  </si>
  <si>
    <t>IMG-20200117-WA0004.jpg</t>
  </si>
  <si>
    <t>01/21/2020 10:18:11</t>
  </si>
  <si>
    <t>97a8a576-d661-474f-a5b0-1def0c6c8495.tmp</t>
  </si>
  <si>
    <t>\\acsfs\profiles$\dhiulliananads\Downloads\97a8a576-d661-474f-a5b0-1def0c6c8495.tmp</t>
  </si>
  <si>
    <t>01/21/2020 10:20:28</t>
  </si>
  <si>
    <t>01/21/2020 10:18:06</t>
  </si>
  <si>
    <t>01/21/2020 10:21:28</t>
  </si>
  <si>
    <t>01/21/2020 10:17:09</t>
  </si>
  <si>
    <t>0d611447-9b22-42bc-831b-022f2eada739.tmp</t>
  </si>
  <si>
    <t>\\acsfs\profiles$\gabrielhca\Downloads\0d611447-9b22-42bc-831b-022f2eada739.tmp</t>
  </si>
  <si>
    <t>01/21/2020 10:18:19</t>
  </si>
  <si>
    <t>1179db08-46d0-48f0-aa0a-ca1e6086a409.tmp</t>
  </si>
  <si>
    <t>\\acsfs\profiles$\inarajst\Downloads\1179db08-46d0-48f0-aa0a-ca1e6086a409.tmp</t>
  </si>
  <si>
    <t>01/21/2020 10:20:20</t>
  </si>
  <si>
    <t>638a04c8-ab7f-40da-b6c8-10a7a59b6ab2.tmp</t>
  </si>
  <si>
    <t>\\acsfs\profiles$\sarahbal\Downloads\638a04c8-ab7f-40da-b6c8-10a7a59b6ab2.tmp</t>
  </si>
  <si>
    <t>5196c143-15a4-40a2-9aa7-6f1239a93664.tmp</t>
  </si>
  <si>
    <t>\\acsfs\profiles$\sarahbal\Downloads\5196c143-15a4-40a2-9aa7-6f1239a93664.tmp</t>
  </si>
  <si>
    <t>01/21/2020 10:20:01</t>
  </si>
  <si>
    <t>01/21/2020 10:22:29</t>
  </si>
  <si>
    <t>eca839d3-dc6f-4c08-8c28-d4fe08451da1.tmp</t>
  </si>
  <si>
    <t>\\acsfs\profiles$\matheushds\Downloads\eca839d3-dc6f-4c08-8c28-d4fe08451da1.tmp</t>
  </si>
  <si>
    <t>01/21/2020 10:20:11</t>
  </si>
  <si>
    <t>01/21/2020 10:20:12</t>
  </si>
  <si>
    <t>01/21/2020 10:17:38</t>
  </si>
  <si>
    <t>01/21/2020 10:18:08</t>
  </si>
  <si>
    <t>01/21/2020 10:20:08</t>
  </si>
  <si>
    <t>01/21/2020 10:20:38</t>
  </si>
  <si>
    <t>01/21/2020 10:22:09</t>
  </si>
  <si>
    <t>01/21/2020 10:23:28</t>
  </si>
  <si>
    <t>1c7ebf7f-69fc-4ba4-b93e-5e4c4b1c16fa.tmp</t>
  </si>
  <si>
    <t>\\acsfs\profiles$\gabrielafs\Downloads\1c7ebf7f-69fc-4ba4-b93e-5e4c4b1c16fa.tmp</t>
  </si>
  <si>
    <t>01/21/2020 10:20:41</t>
  </si>
  <si>
    <t>01/21/2020 10:17:46</t>
  </si>
  <si>
    <t>62cd26a4-be88-40c2-9b4a-e4a436fdf0a1.tmp</t>
  </si>
  <si>
    <t>\\acsfs\profiles$\cintiadjl\Downloads\62cd26a4-be88-40c2-9b4a-e4a436fdf0a1.tmp</t>
  </si>
  <si>
    <t>01/21/2020 10:19:09</t>
  </si>
  <si>
    <t>c39543a9-4ff3-4bc5-b266-c6ac17c0a1ac.tmp</t>
  </si>
  <si>
    <t>\\acsfs\profiles$\cintiadjl\Downloads\c39543a9-4ff3-4bc5-b266-c6ac17c0a1ac.tmp</t>
  </si>
  <si>
    <t>01/21/2020 10:20:43</t>
  </si>
  <si>
    <t>474a93a3-6b3c-458e-9bf2-28f63455205a.tmp</t>
  </si>
  <si>
    <t>\\acsfs\profiles$\cintiadjl\Downloads\474a93a3-6b3c-458e-9bf2-28f63455205a.tmp</t>
  </si>
  <si>
    <t>01/21/2020 10:21:08</t>
  </si>
  <si>
    <t>01/21/2020 10:20:07</t>
  </si>
  <si>
    <t>01/21/2020 10:23:07</t>
  </si>
  <si>
    <t>01/21/2020 10:21:58</t>
  </si>
  <si>
    <t>01/21/2020 10:24:29</t>
  </si>
  <si>
    <t>01/21/2020 10:22:49</t>
  </si>
  <si>
    <t>01/21/2020 10:25:28</t>
  </si>
  <si>
    <t>01/21/2020 10:23:29</t>
  </si>
  <si>
    <t>01/21/2020 10:21:52</t>
  </si>
  <si>
    <t>01/21/2020 10:26:29</t>
  </si>
  <si>
    <t>01/21/2020 10:22:26</t>
  </si>
  <si>
    <t>01/21/2020 10:21:00</t>
  </si>
  <si>
    <t>14e37ebc-7a0c-4218-b02d-a558726882c8.tmp</t>
  </si>
  <si>
    <t>\\acsfs\profiles$\talitafdc\Downloads\14e37ebc-7a0c-4218-b02d-a558726882c8.tmp</t>
  </si>
  <si>
    <t>01/21/2020 10:22:11</t>
  </si>
  <si>
    <t>01/21/2020 10:21:38</t>
  </si>
  <si>
    <t>01/21/2020 10:27:28</t>
  </si>
  <si>
    <t>01/21/2020 10:23:38</t>
  </si>
  <si>
    <t>01/21/2020 10:24:54</t>
  </si>
  <si>
    <t>01/21/2020 10:28:28</t>
  </si>
  <si>
    <t>01/21/2020 10:27:46</t>
  </si>
  <si>
    <t>01/21/2020 10:23:52</t>
  </si>
  <si>
    <t>01/21/2020 10:23:53</t>
  </si>
  <si>
    <t>01/21/2020 10:23:57</t>
  </si>
  <si>
    <t>01/21/2020 10:24:49</t>
  </si>
  <si>
    <t>01/21/2020 10:24:52</t>
  </si>
  <si>
    <t>01/21/2020 10:25:00</t>
  </si>
  <si>
    <t>01/21/2020 10:26:10</t>
  </si>
  <si>
    <t>01/21/2020 10:26:28</t>
  </si>
  <si>
    <t>01/21/2020 10:26:32</t>
  </si>
  <si>
    <t>01/21/2020 10:26:43</t>
  </si>
  <si>
    <t>01/21/2020 10:27:09</t>
  </si>
  <si>
    <t>01/21/2020 10:27:26</t>
  </si>
  <si>
    <t>01/21/2020 10:27:29</t>
  </si>
  <si>
    <t>01/21/2020 10:27:45</t>
  </si>
  <si>
    <t>01/21/2020 10:26:07</t>
  </si>
  <si>
    <t>01/21/2020 10:23:40</t>
  </si>
  <si>
    <t>01/21/2020 10:29:29</t>
  </si>
  <si>
    <t>01/21/2020 10:23:54</t>
  </si>
  <si>
    <t>01/21/2020 10:24:06</t>
  </si>
  <si>
    <t>01/21/2020 10:27:43</t>
  </si>
  <si>
    <t>01/21/2020 10:30:28</t>
  </si>
  <si>
    <t>01/21/2020 10:25:37</t>
  </si>
  <si>
    <t>01/21/2020 10:28:50</t>
  </si>
  <si>
    <t>01/21/2020 10:31:28</t>
  </si>
  <si>
    <t>01/21/2020 10:32:28</t>
  </si>
  <si>
    <t>01/21/2020 10:29:16</t>
  </si>
  <si>
    <t>01/21/2020 10:28:15</t>
  </si>
  <si>
    <t>01/21/2020 10:33:28</t>
  </si>
  <si>
    <t>.~lock.Reneg Vcto 24-01-20 Flavio.ods#</t>
  </si>
  <si>
    <t>\\acsfs\profiles$\Flaviojmm\My Documents\.~lock.Reneg Vcto 24-01-20 Flavio.ods#</t>
  </si>
  <si>
    <t>lu1047229x0w.tmp</t>
  </si>
  <si>
    <t>\\acsfs\profiles$\Flaviojmm\My Documents\lu1047229x0w.tmp</t>
  </si>
  <si>
    <t>\\acsfs\profiles$\Flaviojmm\My Documents\lu1047229x0w.tmp\</t>
  </si>
  <si>
    <t>\\acsfs\profiles$\Flaviojmm\My Documents\lu1047229x0w.tmp\META-INF\</t>
  </si>
  <si>
    <t>\\acsfs\profiles$\Flaviojmm\My Documents\lu1047229x0w.tmp\Thumbnails\</t>
  </si>
  <si>
    <t>01/21/2020 10:32:21</t>
  </si>
  <si>
    <t>01/21/2020 10:29:22</t>
  </si>
  <si>
    <t>https://udpwfmniceap02/web/guest/home?p_auth=tujaclj1&amp;p_p_id=58&amp;p_p_lifecycle=1&amp;p_p_state=maximized&amp;p_p_mode=view&amp;savelastpath=0&amp;_58_struts_action=/login/forgot_password</t>
  </si>
  <si>
    <t>01/21/2020 10:28:29</t>
  </si>
  <si>
    <t>01/21/2020 10:30:18</t>
  </si>
  <si>
    <t>01/21/2020 10:30:25</t>
  </si>
  <si>
    <t>01/21/2020 10:32:50</t>
  </si>
  <si>
    <t>01/21/2020 10:29:07</t>
  </si>
  <si>
    <t>01/21/2020 10:32:07</t>
  </si>
  <si>
    <t>01/21/2020 10:31:47</t>
  </si>
  <si>
    <t>01/21/2020 10:34:28</t>
  </si>
  <si>
    <t>01/21/2020 10:31:31</t>
  </si>
  <si>
    <t>01/21/2020 10:31:43</t>
  </si>
  <si>
    <t>01/21/2020 10:35:28</t>
  </si>
  <si>
    <t>01/21/2020 10:33:45</t>
  </si>
  <si>
    <t>01/21/2020 10:34:50</t>
  </si>
  <si>
    <t>01/21/2020 10:31:21</t>
  </si>
  <si>
    <t>01/21/2020 10:36:28</t>
  </si>
  <si>
    <t>01/21/2020 10:33:35</t>
  </si>
  <si>
    <t>01/21/2020 10:36:00</t>
  </si>
  <si>
    <t>01/21/2020 10:36:01</t>
  </si>
  <si>
    <t>01/21/2020 10:33:38</t>
  </si>
  <si>
    <t>01/21/2020 10:37:28</t>
  </si>
  <si>
    <t>01/21/2020 10:34:08</t>
  </si>
  <si>
    <t>01/21/2020 10:34:38</t>
  </si>
  <si>
    <t>01/21/2020 10:35:08</t>
  </si>
  <si>
    <t>01/21/2020 10:35:38</t>
  </si>
  <si>
    <t>01/21/2020 10:36:38</t>
  </si>
  <si>
    <t>01/21/2020 10:37:50</t>
  </si>
  <si>
    <t>01/21/2020 10:38:28</t>
  </si>
  <si>
    <t>682aacc6-c329-4d2f-9a17-bce129cecdb2.tmp</t>
  </si>
  <si>
    <t>\\acsfs\profiles$\lorenabmc\Downloads\682aacc6-c329-4d2f-9a17-bce129cecdb2.tmp</t>
  </si>
  <si>
    <t>01/21/2020 10:36:48</t>
  </si>
  <si>
    <t>01/21/2020 10:37:08</t>
  </si>
  <si>
    <t>01/21/2020 10:37:29</t>
  </si>
  <si>
    <t>01/21/2020 10:37:46</t>
  </si>
  <si>
    <t>DANIEL MARINHO LIMA DA SILVA_1_6780293329284303523_1_32.wav</t>
  </si>
  <si>
    <t>\\acsfs\Deptos\EDUCACAO EMPRESARIAL\KÉSIA\Ligações 3º ciclo - Janeiro 2020\DANIEL MARINHO LIMA DA SILVA_1_6780293329284303523_1_32.wav</t>
  </si>
  <si>
    <t>01/21/2020 10:35:15</t>
  </si>
  <si>
    <t>Erro fatal BRENDA DANYELLE SANTOS LISBOA.PNG</t>
  </si>
  <si>
    <t>\\acsfs\ACS\001 - Qualidade Lilian\PAULO\Pasta Tainara\Erro fatal BRENDA DANYELLE SANTOS LISBOA.PNG</t>
  </si>
  <si>
    <t>01/21/2020 10:36:40</t>
  </si>
  <si>
    <t>01/21/2020 10:34:52</t>
  </si>
  <si>
    <t>595d2f6f-0abf-42bc-8961-78387233c98e.tmp</t>
  </si>
  <si>
    <t>\\acsfs\profiles$\lucasgpe\Downloads\595d2f6f-0abf-42bc-8961-78387233c98e.tmp</t>
  </si>
  <si>
    <t>01/21/2020 10:35:07</t>
  </si>
  <si>
    <t>01/21/2020 10:38:07</t>
  </si>
  <si>
    <t>01/21/2020 10:35:06</t>
  </si>
  <si>
    <t>01/21/2020 10:39:28</t>
  </si>
  <si>
    <t>01/21/2020 10:36:16</t>
  </si>
  <si>
    <t>01/21/2020 10:40:28</t>
  </si>
  <si>
    <t>01/21/2020 10:36:22</t>
  </si>
  <si>
    <t>01/21/2020 10:38:57</t>
  </si>
  <si>
    <t>01/21/2020 10:38:58</t>
  </si>
  <si>
    <t>01/21/2020 10:39:39</t>
  </si>
  <si>
    <t>01/21/2020 10:41:29</t>
  </si>
  <si>
    <t>lu260804ah2n0.tmp</t>
  </si>
  <si>
    <t>\\acsfs\profiles$\BRUNAAR\Numero\lu260804ah2n0.tmp</t>
  </si>
  <si>
    <t>01/21/2020 10:36:02</t>
  </si>
  <si>
    <t>01/21/2020 10:36:03</t>
  </si>
  <si>
    <t>01/21/2020 10:36:54</t>
  </si>
  <si>
    <t>01/21/2020 10:36:55</t>
  </si>
  <si>
    <t>01/21/2020 10:37:49</t>
  </si>
  <si>
    <t>mail.google.com/sync/u/0/i/s?hl=pt-BR&amp;c=2283</t>
  </si>
  <si>
    <t>01/21/2020 10:38:10</t>
  </si>
  <si>
    <t>mail.google.com/sync/u/0/i/s?hl=pt-BR&amp;c=2287</t>
  </si>
  <si>
    <t>mail.google.com/sync/u/0/i/s?hl=pt-BR&amp;c=2290</t>
  </si>
  <si>
    <t>01/21/2020 10:38:30</t>
  </si>
  <si>
    <t>01/21/2020 10:38:34</t>
  </si>
  <si>
    <t>mail.google.com/sync/u/0/i/s?hl=pt-BR&amp;c=2293</t>
  </si>
  <si>
    <t>01/21/2020 10:38:39</t>
  </si>
  <si>
    <t>mail.google.com/sync/u/0/i/s?hl=pt-BR&amp;c=2295</t>
  </si>
  <si>
    <t>01/21/2020 10:39:07</t>
  </si>
  <si>
    <t>mail.google.com/_/upload?authuser=0&amp;dcp=asu-n&amp;upload_id=AEnB2UrqVnWKbk-DwJMvYnOieAMT_c81apSdllSNJy3Zdg_yJjtJ3Ql6ZT7nU2VfVFnwUk733Kc1ALuhKE02XBG0oDlSRqG7fw&amp;upload_protocol=resumable</t>
  </si>
  <si>
    <t>01/21/2020 10:39:18</t>
  </si>
  <si>
    <t>mail.google.com/sync/u/0/i/s?hl=pt-BR&amp;c=2301</t>
  </si>
  <si>
    <t>ancest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,picture,rpermissions,shared,sharedwithmedate,thumbnailversion,title,userpermission(role),workspaceids</t>
  </si>
  <si>
    <t>01/21/2020 10:39:40</t>
  </si>
  <si>
    <t>01/21/2020 10:39:53</t>
  </si>
  <si>
    <t>01/21/2020 10:39:54</t>
  </si>
  <si>
    <t>01/21/2020 10:37:45</t>
  </si>
  <si>
    <t>2dd2d86c-1065-4efa-b4d3-c7ca6d68f31e.tmp</t>
  </si>
  <si>
    <t>\\acsfs\profiles$\inarajst\Downloads\2dd2d86c-1065-4efa-b4d3-c7ca6d68f31e.tmp</t>
  </si>
  <si>
    <t>3867236f-888d-4e8e-b221-5acbb9fb9704.tmp</t>
  </si>
  <si>
    <t>\\acsfs\profiles$\sarahbal\Downloads\3867236f-888d-4e8e-b221-5acbb9fb9704.tmp</t>
  </si>
  <si>
    <t>01/21/2020 10:40:58</t>
  </si>
  <si>
    <t>01/21/2020 10:41:08</t>
  </si>
  <si>
    <t>01/21/2020 10:41:09</t>
  </si>
  <si>
    <t>01/21/2020 10:38:56</t>
  </si>
  <si>
    <t>01/21/2020 10:42:28</t>
  </si>
  <si>
    <t>18dfca41-50a3-47db-a534-cd50e6d46661.tmp</t>
  </si>
  <si>
    <t>\\acsfs\profiles$\ANAPDSB\Downloads\18dfca41-50a3-47db-a534-cd50e6d46661.tmp</t>
  </si>
  <si>
    <t>01/21/2020 10:39:08</t>
  </si>
  <si>
    <t>01/21/2020 10:39:38</t>
  </si>
  <si>
    <t>01/21/2020 10:41:38</t>
  </si>
  <si>
    <t>77c1c8aa-de63-4746-9c79-528166461046.tmp</t>
  </si>
  <si>
    <t>\\acsfs\profiles$\PEDROHAB\Downloads\77c1c8aa-de63-4746-9c79-528166461046.tmp</t>
  </si>
  <si>
    <t>01/21/2020 10:39:10</t>
  </si>
  <si>
    <t>01/21/2020 10:43:28</t>
  </si>
  <si>
    <t>lu1047229x11.tmp</t>
  </si>
  <si>
    <t>\\acsfs\profiles$\Flaviojmm\My Documents\lu1047229x11.tmp</t>
  </si>
  <si>
    <t>\\acsfs\profiles$\Flaviojmm\My Documents\lu1047229x11.tmp\</t>
  </si>
  <si>
    <t>\\acsfs\profiles$\Flaviojmm\My Documents\lu1047229x11.tmp\META-INF\</t>
  </si>
  <si>
    <t>\\acsfs\profiles$\Flaviojmm\My Documents\lu1047229x11.tmp\Thumbnails\</t>
  </si>
  <si>
    <t>01/21/2020 10:38:24</t>
  </si>
  <si>
    <t>\\acsfs\Deptos\EDUCACAO EMPRESARIAL\FERNANDA MONIT\Fernanda\ALERTA DE ATENDIMENTO (2).xlsx\</t>
  </si>
  <si>
    <t>\\acsfs\Deptos\EDUCACAO EMPRESARIAL\FERNANDA MONIT\Fernanda\MONITORIA JANEIRO\ALERTA DE ATENDIMENTO (2).xlsx</t>
  </si>
  <si>
    <t>ALERTA DE ATENDIMENTO (2).xlsx</t>
  </si>
  <si>
    <t>01/21/2020 10:41:07</t>
  </si>
  <si>
    <t>01/21/2020 10:43:09</t>
  </si>
  <si>
    <t>01/21/2020 10:44:29</t>
  </si>
  <si>
    <t>01/21/2020 10:39:51</t>
  </si>
  <si>
    <t>01/21/2020 10:39:13</t>
  </si>
  <si>
    <t>01/21/2020 10:39:14</t>
  </si>
  <si>
    <t>01/21/2020 10:43:46</t>
  </si>
  <si>
    <t>01/21/2020 10:40:27</t>
  </si>
  <si>
    <t>01/21/2020 10:45:28</t>
  </si>
  <si>
    <t>7084364b-944b-45d2-8321-6a3083173e5d.tmp</t>
  </si>
  <si>
    <t>\\acsfs\profiles$\mariagsg\Downloads\7084364b-944b-45d2-8321-6a3083173e5d.tmp</t>
  </si>
  <si>
    <t>01/21/2020 10:40:50</t>
  </si>
  <si>
    <t>01/21/2020 10:44:22</t>
  </si>
  <si>
    <t>01/21/2020 10:44:35</t>
  </si>
  <si>
    <t>01/21/2020 10:46:29</t>
  </si>
  <si>
    <t>01/21/2020 10:42:20</t>
  </si>
  <si>
    <t>01/21/2020 10:41:19</t>
  </si>
  <si>
    <t>01/21/2020 10:41:21</t>
  </si>
  <si>
    <t>01/21/2020 10:41:36</t>
  </si>
  <si>
    <t>01/21/2020 10:42:47</t>
  </si>
  <si>
    <t>01/21/2020 10:43:01</t>
  </si>
  <si>
    <t>01/21/2020 10:43:02</t>
  </si>
  <si>
    <t>82e55ba6-be3c-4265-ab96-e5004ede6c9a.tmp</t>
  </si>
  <si>
    <t>\\acsfs\profiles$\gabrielaff\Downloads\82e55ba6-be3c-4265-ab96-e5004ede6c9a.tmp</t>
  </si>
  <si>
    <t>01/21/2020 10:44:41</t>
  </si>
  <si>
    <t>01/21/2020 10:47:28</t>
  </si>
  <si>
    <t>01/21/2020 10:45:08</t>
  </si>
  <si>
    <t>01/21/2020 10:45:35</t>
  </si>
  <si>
    <t>01/21/2020 10:42:08</t>
  </si>
  <si>
    <t>01/21/2020 10:43:38</t>
  </si>
  <si>
    <t>01/21/2020 10:44:08</t>
  </si>
  <si>
    <t>01/21/2020 10:45:38</t>
  </si>
  <si>
    <t>01/21/2020 10:44:54</t>
  </si>
  <si>
    <t>01/21/2020 10:44:24</t>
  </si>
  <si>
    <t>01/21/2020 10:48:29</t>
  </si>
  <si>
    <t>01/21/2020 10:46:44</t>
  </si>
  <si>
    <t>01/21/2020 10:45:41</t>
  </si>
  <si>
    <t>01/21/2020 10:45:46</t>
  </si>
  <si>
    <t>01/21/2020 10:45:49</t>
  </si>
  <si>
    <t>01/21/2020 10:45:54</t>
  </si>
  <si>
    <t>01/21/2020 10:46:07</t>
  </si>
  <si>
    <t>01/21/2020 10:46:45</t>
  </si>
  <si>
    <t>01/21/2020 10:48:14</t>
  </si>
  <si>
    <t>kesiadof@algartech.com;talmaiardo@algartech.com;thiagordu@algartech.com;</t>
  </si>
  <si>
    <t>kesiadof@algartech.com,talmaiardo@algartech.com,thiagordu@algartech.com</t>
  </si>
  <si>
    <t>01/21/2020 10:44:06</t>
  </si>
  <si>
    <t>01/21/2020 10:44:07</t>
  </si>
  <si>
    <t>01/21/2020 10:47:03</t>
  </si>
  <si>
    <t>01/21/2020 10:49:28</t>
  </si>
  <si>
    <t>058af4ee-2a61-4b59-b569-f6185b0037ef.tmp</t>
  </si>
  <si>
    <t>\\acsfs\profiles$\adelvinsonle\Downloads\058af4ee-2a61-4b59-b569-f6185b0037ef.tmp</t>
  </si>
  <si>
    <t>01/21/2020 10:47:22</t>
  </si>
  <si>
    <t>e7218d4f-8bdd-41a4-8fb4-ee17ee8170e0.tmp</t>
  </si>
  <si>
    <t>\\acsfs\profiles$\geovannasm\Downloads\e7218d4f-8bdd-41a4-8fb4-ee17ee8170e0.tmp</t>
  </si>
  <si>
    <t>01/21/2020 10:48:53</t>
  </si>
  <si>
    <t>01/21/2020 10:50:28</t>
  </si>
  <si>
    <t>01/21/2020 10:46:40</t>
  </si>
  <si>
    <t>01/21/2020 10:46:50</t>
  </si>
  <si>
    <t>01/21/2020 10:49:15</t>
  </si>
  <si>
    <t>01/21/2020 10:49:22</t>
  </si>
  <si>
    <t>01/21/2020 10:49:36</t>
  </si>
  <si>
    <t>01/21/2020 10:49:40</t>
  </si>
  <si>
    <t>01/21/2020 10:51:28</t>
  </si>
  <si>
    <t>01/21/2020 10:49:41</t>
  </si>
  <si>
    <t>56c44fde-abf4-447a-be8e-0ce383c7158e.tmp</t>
  </si>
  <si>
    <t>\\acsfs\profiles$\brendadsl\Downloads\56c44fde-abf4-447a-be8e-0ce383c7158e.tmp</t>
  </si>
  <si>
    <t>65ae989c-bc23-4b44-b629-ac62b3e1470d.tmp</t>
  </si>
  <si>
    <t>\\acsfs\profiles$\brendadsl\Downloads\65ae989c-bc23-4b44-b629-ac62b3e1470d.tmp</t>
  </si>
  <si>
    <t>01/21/2020 10:49:42</t>
  </si>
  <si>
    <t>f17768aa-be99-4888-8fc5-07dfda2ef26b.tmp</t>
  </si>
  <si>
    <t>\\acsfs\profiles$\brendadsl\Downloads\f17768aa-be99-4888-8fc5-07dfda2ef26b.tmp</t>
  </si>
  <si>
    <t>01/21/2020 10:49:43</t>
  </si>
  <si>
    <t>10830141-fcf0-49e5-bd6e-6028a9263071.tmp</t>
  </si>
  <si>
    <t>\\acsfs\profiles$\brendadsl\Downloads\10830141-fcf0-49e5-bd6e-6028a9263071.tmp</t>
  </si>
  <si>
    <t>01/21/2020 10:49:44</t>
  </si>
  <si>
    <t>090c7a3a-af82-461a-803b-01d456470ab5.tmp</t>
  </si>
  <si>
    <t>\\acsfs\profiles$\brendadsl\Downloads\090c7a3a-af82-461a-803b-01d456470ab5.tmp</t>
  </si>
  <si>
    <t>01/21/2020 10:49:29</t>
  </si>
  <si>
    <t>01/21/2020 10:50:34</t>
  </si>
  <si>
    <t>01/21/2020 10:52:28</t>
  </si>
  <si>
    <t>f2ba9a22-a13e-4823-97e8-b5255dc23e5e.tmp</t>
  </si>
  <si>
    <t>\\acsfs\profiles$\larissaad\Downloads\f2ba9a22-a13e-4823-97e8-b5255dc23e5e.tmp</t>
  </si>
  <si>
    <t>01/21/2020 10:47:38</t>
  </si>
  <si>
    <t>01/21/2020 10:49:08</t>
  </si>
  <si>
    <t>01/21/2020 10:51:08</t>
  </si>
  <si>
    <t>01/21/2020 10:51:38</t>
  </si>
  <si>
    <t>01/21/2020 10:51:21</t>
  </si>
  <si>
    <t>01/21/2020 10:53:28</t>
  </si>
  <si>
    <t>e2c3eda1-ecd6-4dd2-b1d1-4f32d2d5707b.tmp</t>
  </si>
  <si>
    <t>\\acsfs\profiles$\gabrielafs\Downloads\e2c3eda1-ecd6-4dd2-b1d1-4f32d2d5707b.tmp</t>
  </si>
  <si>
    <t>01/21/2020 10:52:06</t>
  </si>
  <si>
    <t>3062aa40-61d2-457a-b58b-226e3bc58dd0.tmp</t>
  </si>
  <si>
    <t>\\acsfs\profiles$\gabrielafs\Downloads\3062aa40-61d2-457a-b58b-226e3bc58dd0.tmp</t>
  </si>
  <si>
    <t>01/21/2020 10:52:09</t>
  </si>
  <si>
    <t>d8b06b44-3f4f-4d4f-8d90-ed7cea70433d.tmp</t>
  </si>
  <si>
    <t>\\acsfs\profiles$\gabrielafs\Downloads\d8b06b44-3f4f-4d4f-8d90-ed7cea70433d.tmp</t>
  </si>
  <si>
    <t>01/21/2020 10:52:04</t>
  </si>
  <si>
    <t>01/21/2020 10:52:05</t>
  </si>
  <si>
    <t>lu1047229x1a.tmp</t>
  </si>
  <si>
    <t>\\acsfs\profiles$\Flaviojmm\My Documents\lu1047229x1a.tmp</t>
  </si>
  <si>
    <t>\\acsfs\profiles$\Flaviojmm\My Documents\lu1047229x1a.tmp\</t>
  </si>
  <si>
    <t>\\acsfs\profiles$\Flaviojmm\My Documents\lu1047229x1a.tmp\META-INF\</t>
  </si>
  <si>
    <t>\\acsfs\profiles$\Flaviojmm\My Documents\lu1047229x1a.tmp\Thumbnails\</t>
  </si>
  <si>
    <t>01/21/2020 10:51:55</t>
  </si>
  <si>
    <t>d952966f-e1a2-41e1-b6b9-074d1dba46af.tmp</t>
  </si>
  <si>
    <t>\\acsfs\profiles$\ingridsm\Downloads\d952966f-e1a2-41e1-b6b9-074d1dba46af.tmp</t>
  </si>
  <si>
    <t>01/21/2020 10:50:56</t>
  </si>
  <si>
    <t>01/21/2020 10:48:19</t>
  </si>
  <si>
    <t>kesiadof@algartech.com;marianerdo@algartech.com;talmaiardo@algartech.com;thiagordu@algartech.com;</t>
  </si>
  <si>
    <t>kesiadof@algartech.com,marianerdo@algartech.com,talmaiardo@algartech.com,thiagordu@algartech.com</t>
  </si>
  <si>
    <t>01/21/2020 10:48:22</t>
  </si>
  <si>
    <t>kesiadof@algartech.com;larisacc@algartech.com;marianerdo@algartech.com;talmaiardo@algartech.com;thiagordu@algartech.com;</t>
  </si>
  <si>
    <t>kesiadof@algartech.com,larisacc@algartech.com,marianerdo@algartech.com,talmaiardo@algartech.com,thiagordu@algartech.com</t>
  </si>
  <si>
    <t>01/21/2020 10:51:49</t>
  </si>
  <si>
    <t>01/21/2020 10:51:50</t>
  </si>
  <si>
    <t>01/21/2020 10:50:07</t>
  </si>
  <si>
    <t>01/21/2020 10:52:34</t>
  </si>
  <si>
    <t>01/21/2020 10:56:40</t>
  </si>
  <si>
    <t>01/21/2020 10:53:06</t>
  </si>
  <si>
    <t>01/21/2020 10:51:48</t>
  </si>
  <si>
    <t>2ea00de3-02d2-49de-8dc0-a1659377d128.tmp</t>
  </si>
  <si>
    <t>\\acsfs\profiles$\quindaizaagds\Downloads\2ea00de3-02d2-49de-8dc0-a1659377d128.tmp</t>
  </si>
  <si>
    <t>01/21/2020 10:52:50</t>
  </si>
  <si>
    <t>01/21/2020 10:54:44</t>
  </si>
  <si>
    <t>01/21/2020 10:53:09</t>
  </si>
  <si>
    <t>01/21/2020 10:51:04</t>
  </si>
  <si>
    <t>f80aa3b5-5835-4cfd-b4ad-c70f062610b2.tmp</t>
  </si>
  <si>
    <t>\\acsfs\profiles$\brendadsl\Downloads\f80aa3b5-5835-4cfd-b4ad-c70f062610b2.tmp</t>
  </si>
  <si>
    <t>01/21/2020 10:53:07</t>
  </si>
  <si>
    <t>\\acsfs\DEPTOS\Operacao\Banco_Votorantim\Qualidade\Josias\Acompanhamento improdutividade BV Financeira cópia.xlsx</t>
  </si>
  <si>
    <t>01/21/2020 10:54:04</t>
  </si>
  <si>
    <t>01/21/2020 10:53:29</t>
  </si>
  <si>
    <t>01/21/2020 10:57:28</t>
  </si>
  <si>
    <t>88e08661-028f-4910-ba2a-9847e85a5176.tmp</t>
  </si>
  <si>
    <t>\\acsfs\profiles$\gabrielamdp\Downloads\88e08661-028f-4910-ba2a-9847e85a5176.tmp</t>
  </si>
  <si>
    <t>01/21/2020 10:54:27</t>
  </si>
  <si>
    <t>01/21/2020 10:53:50</t>
  </si>
  <si>
    <t>1e443d6d-5635-46b2-9da6-70fc4fe15add.tmp</t>
  </si>
  <si>
    <t>\\acsfs\profiles$\gabrielamdp\Downloads\1e443d6d-5635-46b2-9da6-70fc4fe15add.tmp</t>
  </si>
  <si>
    <t>01/21/2020 10:53:31</t>
  </si>
  <si>
    <t>01/21/2020 10:53:30</t>
  </si>
  <si>
    <t>8a63cfbf-b7d2-4a45-b666-b99fb76f778e.tmp</t>
  </si>
  <si>
    <t>\\acsfs\profiles$\gabrielamdp\Downloads\8a63cfbf-b7d2-4a45-b666-b99fb76f778e.tmp</t>
  </si>
  <si>
    <t>100014299414656;katia.cardoso@bv.com.br;</t>
  </si>
  <si>
    <t>https://100014299414656,katia.cardoso@bv.com.br</t>
  </si>
  <si>
    <t>01/21/2020 10:55:41</t>
  </si>
  <si>
    <t>20a50b30-c0c9-4c90-8674-03549c1fc169.tmp</t>
  </si>
  <si>
    <t>\\acsfs\profiles$\gabrielamdp\Downloads\20a50b30-c0c9-4c90-8674-03549c1fc169.tmp</t>
  </si>
  <si>
    <t>01/21/2020 10:54:11</t>
  </si>
  <si>
    <t>01/21/2020 10:54:30</t>
  </si>
  <si>
    <t>01/21/2020 10:54:38</t>
  </si>
  <si>
    <t>01/21/2020 10:52:08</t>
  </si>
  <si>
    <t>01/21/2020 10:52:38</t>
  </si>
  <si>
    <t>01/21/2020 10:54:08</t>
  </si>
  <si>
    <t>01/21/2020 10:55:11</t>
  </si>
  <si>
    <t>01/21/2020 10:53:58</t>
  </si>
  <si>
    <t>01/21/2020 10:58:28</t>
  </si>
  <si>
    <t>bee9381d-d456-4b5b-854d-5ad75b13af70.tmp</t>
  </si>
  <si>
    <t>\\acsfs\profiles$\gabrielafs\Downloads\bee9381d-d456-4b5b-854d-5ad75b13af70.tmp</t>
  </si>
  <si>
    <t>01/21/2020 10:52:54</t>
  </si>
  <si>
    <t>01/21/2020 10:53:43</t>
  </si>
  <si>
    <t>01/21/2020 10:53:19</t>
  </si>
  <si>
    <t>3b7cb6ed-031c-4089-8701-6a6f925280a0.tmp</t>
  </si>
  <si>
    <t>\\acsfs\profiles$\ingridsm\Downloads\3b7cb6ed-031c-4089-8701-6a6f925280a0.tmp</t>
  </si>
  <si>
    <t>01/21/2020 10:55:10</t>
  </si>
  <si>
    <t>6f02ed83-56ad-40f7-bf9d-f174f6c57d73.tmp</t>
  </si>
  <si>
    <t>\\acsfs\profiles$\ingridsm\Downloads\6f02ed83-56ad-40f7-bf9d-f174f6c57d73.tmp</t>
  </si>
  <si>
    <t>01/21/2020 10:55:25</t>
  </si>
  <si>
    <t>893356ed-4d85-4cec-95d5-81f6926cdc44.tmp</t>
  </si>
  <si>
    <t>\\acsfs\profiles$\ingridsm\Downloads\893356ed-4d85-4cec-95d5-81f6926cdc44.tmp</t>
  </si>
  <si>
    <t>01/21/2020 10:56:08</t>
  </si>
  <si>
    <t>01/21/2020 10:57:25</t>
  </si>
  <si>
    <t>01/21/2020 10:59:28</t>
  </si>
  <si>
    <t>01/21/2020 10:55:12</t>
  </si>
  <si>
    <t>01/21/2020 11:00:28</t>
  </si>
  <si>
    <t>01/21/2020 10:55:13</t>
  </si>
  <si>
    <t>01/21/2020 10:58:50</t>
  </si>
  <si>
    <t>01/21/2020 10:58:57</t>
  </si>
  <si>
    <t>01/21/2020 11:01:29</t>
  </si>
  <si>
    <t>01/21/2020 10:58:58</t>
  </si>
  <si>
    <t>lu260804ah2n4.tmp</t>
  </si>
  <si>
    <t>\\acsfs\profiles$\BRUNAAR\Numero\lu260804ah2n4.tmp</t>
  </si>
  <si>
    <t>01/21/2020 10:58:25</t>
  </si>
  <si>
    <t>01/21/2020 11:02:28</t>
  </si>
  <si>
    <t>01/21/2020 10:59:46</t>
  </si>
  <si>
    <t>01/21/2020 11:01:58</t>
  </si>
  <si>
    <t>01/21/2020 10:57:57</t>
  </si>
  <si>
    <t>01/21/2020 11:03:29</t>
  </si>
  <si>
    <t>\\acsfs\DEPTOS\Operacao\Banco_Votorantim\Supervisao\BASE VENDAS\Dezembro 2019\</t>
  </si>
  <si>
    <t>\\acsfs\QLD\Gestão por Processos\Oficiais\Indicadores\Automação de Processos\01 - APLICAÇÕES\09 - POWERBI\02 - BVCARTOES\BASE VENDAS\Dezembro 2019\RELAT_FILAS_1001_DIAR_20191201_043429.CSV</t>
  </si>
  <si>
    <t>01/21/2020 10:58:00</t>
  </si>
  <si>
    <t>\\acsfs\QLD\Gestão por Processos\Oficiais\Indicadores\Automação de Processos\01 - APLICAÇÕES\09 - POWERBI\02 - BVCARTOES\BASE VENDAS\Dezembro 2019\RELAT_FILAS_1001_DIAR_20191202_041528.CSV</t>
  </si>
  <si>
    <t>01/21/2020 10:58:05</t>
  </si>
  <si>
    <t>\\acsfs\QLD\Gestão por Processos\Oficiais\Indicadores\Automação de Processos\01 - APLICAÇÕES\09 - POWERBI\02 - BVCARTOES\BASE VENDAS\Dezembro 2019\RELAT_FILAS_1001_DIAR_20191203_105430.CSV</t>
  </si>
  <si>
    <t>01/21/2020 10:58:10</t>
  </si>
  <si>
    <t>\\acsfs\QLD\Gestão por Processos\Oficiais\Indicadores\Automação de Processos\01 - APLICAÇÕES\09 - POWERBI\02 - BVCARTOES\BASE VENDAS\Dezembro 2019\RELAT_FILAS_1001_DIAR_20191204_080730.CSV</t>
  </si>
  <si>
    <t>01/21/2020 10:58:16</t>
  </si>
  <si>
    <t>\\acsfs\QLD\Gestão por Processos\Oficiais\Indicadores\Automação de Processos\01 - APLICAÇÕES\09 - POWERBI\02 - BVCARTOES\BASE VENDAS\Dezembro 2019\RELAT_FILAS_1001_DIAR_20191205_084032.CSV</t>
  </si>
  <si>
    <t>01/21/2020 10:58:20</t>
  </si>
  <si>
    <t>\\acsfs\QLD\Gestão por Processos\Oficiais\Indicadores\Automação de Processos\01 - APLICAÇÕES\09 - POWERBI\02 - BVCARTOES\BASE VENDAS\Dezembro 2019\RELAT_FILAS_1001_DIAR_20191206_083415.CSV</t>
  </si>
  <si>
    <t>\\acsfs\QLD\Gestão por Processos\Oficiais\Indicadores\Automação de Processos\01 - APLICAÇÕES\09 - POWERBI\02 - BVCARTOES\BASE VENDAS\Dezembro 2019\RELAT_FILAS_1001_DIAR_20191207_064600.CSV</t>
  </si>
  <si>
    <t>01/21/2020 10:58:29</t>
  </si>
  <si>
    <t>\\acsfs\QLD\Gestão por Processos\Oficiais\Indicadores\Automação de Processos\01 - APLICAÇÕES\09 - POWERBI\02 - BVCARTOES\BASE VENDAS\Dezembro 2019\RELAT_FILAS_1001_DIAR_20191208_061351.CSV</t>
  </si>
  <si>
    <t>01/21/2020 10:58:31</t>
  </si>
  <si>
    <t>\\acsfs\QLD\Gestão por Processos\Oficiais\Indicadores\Automação de Processos\01 - APLICAÇÕES\09 - POWERBI\02 - BVCARTOES\BASE VENDAS\Dezembro 2019\RELAT_FILAS_1001_DIAR_20191209_060320.CSV</t>
  </si>
  <si>
    <t>01/21/2020 10:58:46</t>
  </si>
  <si>
    <t>\\acsfs\QLD\Gestão por Processos\Oficiais\Indicadores\Automação de Processos\01 - APLICAÇÕES\09 - POWERBI\02 - BVCARTOES\BASE VENDAS\Dezembro 2019\RELAT_FILAS_1001_DIAR_20191211_082042.CSV</t>
  </si>
  <si>
    <t>\\acsfs\QLD\Gestão por Processos\Oficiais\Indicadores\Automação de Processos\01 - APLICAÇÕES\09 - POWERBI\02 - BVCARTOES\BASE VENDAS\Dezembro 2019\RELAT_FILAS_1001_DIAR_20191212_070927.CSV</t>
  </si>
  <si>
    <t>01/21/2020 10:58:55</t>
  </si>
  <si>
    <t>\\acsfs\QLD\Gestão por Processos\Oficiais\Indicadores\Automação de Processos\01 - APLICAÇÕES\09 - POWERBI\02 - BVCARTOES\BASE VENDAS\Dezembro 2019\RELAT_FILAS_1001_DIAR_20191213_035059.CSV</t>
  </si>
  <si>
    <t>01/21/2020 10:58:59</t>
  </si>
  <si>
    <t>\\acsfs\QLD\Gestão por Processos\Oficiais\Indicadores\Automação de Processos\01 - APLICAÇÕES\09 - POWERBI\02 - BVCARTOES\BASE VENDAS\Dezembro 2019\RELAT_FILAS_1001_DIAR_20191214_040745.CSV</t>
  </si>
  <si>
    <t>01/21/2020 10:59:05</t>
  </si>
  <si>
    <t>\\acsfs\QLD\Gestão por Processos\Oficiais\Indicadores\Automação de Processos\01 - APLICAÇÕES\09 - POWERBI\02 - BVCARTOES\BASE VENDAS\Dezembro 2019\RELAT_FILAS_1001_DIAR_20191215_033126.CSV</t>
  </si>
  <si>
    <t>01/21/2020 10:59:07</t>
  </si>
  <si>
    <t>\\acsfs\QLD\Gestão por Processos\Oficiais\Indicadores\Automação de Processos\01 - APLICAÇÕES\09 - POWERBI\02 - BVCARTOES\BASE VENDAS\Dezembro 2019\RELAT_FILAS_1001_DIAR_20191216_031040.CSV</t>
  </si>
  <si>
    <t>01/21/2020 10:59:12</t>
  </si>
  <si>
    <t>\\acsfs\QLD\Gestão por Processos\Oficiais\Indicadores\Automação de Processos\01 - APLICAÇÕES\09 - POWERBI\02 - BVCARTOES\BASE VENDAS\Dezembro 2019\RELAT_FILAS_1001_DIAR_20191217_040113.CSV</t>
  </si>
  <si>
    <t>01/21/2020 10:59:16</t>
  </si>
  <si>
    <t>\\acsfs\QLD\Gestão por Processos\Oficiais\Indicadores\Automação de Processos\01 - APLICAÇÕES\09 - POWERBI\02 - BVCARTOES\BASE VENDAS\Dezembro 2019\RELAT_FILAS_1001_DIAR_20191218_041048.CSV</t>
  </si>
  <si>
    <t>01/21/2020 10:59:21</t>
  </si>
  <si>
    <t>\\acsfs\QLD\Gestão por Processos\Oficiais\Indicadores\Automação de Processos\01 - APLICAÇÕES\09 - POWERBI\02 - BVCARTOES\BASE VENDAS\Dezembro 2019\RELAT_FILAS_1001_DIAR_20191219_040003.CSV</t>
  </si>
  <si>
    <t>01/21/2020 10:59:31</t>
  </si>
  <si>
    <t>\\acsfs\QLD\Gestão por Processos\Oficiais\Indicadores\Automação de Processos\01 - APLICAÇÕES\09 - POWERBI\02 - BVCARTOES\BASE VENDAS\Dezembro 2019\RELAT_FILAS_1001_DIAR_20191220_035912.CSV</t>
  </si>
  <si>
    <t>01/21/2020 10:59:36</t>
  </si>
  <si>
    <t>\\acsfs\QLD\Gestão por Processos\Oficiais\Indicadores\Automação de Processos\01 - APLICAÇÕES\09 - POWERBI\02 - BVCARTOES\BASE VENDAS\Dezembro 2019\RELAT_FILAS_1001_DIAR_20191221_040411.CSV</t>
  </si>
  <si>
    <t>01/21/2020 10:59:39</t>
  </si>
  <si>
    <t>\\acsfs\QLD\Gestão por Processos\Oficiais\Indicadores\Automação de Processos\01 - APLICAÇÕES\09 - POWERBI\02 - BVCARTOES\BASE VENDAS\Dezembro 2019\RELAT_FILAS_1001_DIAR_20191222_033504.CSV</t>
  </si>
  <si>
    <t>01/21/2020 10:59:42</t>
  </si>
  <si>
    <t>\\acsfs\QLD\Gestão por Processos\Oficiais\Indicadores\Automação de Processos\01 - APLICAÇÕES\09 - POWERBI\02 - BVCARTOES\BASE VENDAS\Dezembro 2019\RELAT_FILAS_1001_DIAR_20191223_030619.CSV</t>
  </si>
  <si>
    <t>\\acsfs\QLD\Gestão por Processos\Oficiais\Indicadores\Automação de Processos\01 - APLICAÇÕES\09 - POWERBI\02 - BVCARTOES\BASE VENDAS\Dezembro 2019\RELAT_FILAS_1001_DIAR_20191224_034246.CSV</t>
  </si>
  <si>
    <t>01/21/2020 10:59:50</t>
  </si>
  <si>
    <t>\\acsfs\QLD\Gestão por Processos\Oficiais\Indicadores\Automação de Processos\01 - APLICAÇÕES\09 - POWERBI\02 - BVCARTOES\BASE VENDAS\Dezembro 2019\RELAT_FILAS_1001_DIAR_20191225_032644.CSV</t>
  </si>
  <si>
    <t>01/21/2020 10:59:51</t>
  </si>
  <si>
    <t>\\acsfs\QLD\Gestão por Processos\Oficiais\Indicadores\Automação de Processos\01 - APLICAÇÕES\09 - POWERBI\02 - BVCARTOES\BASE VENDAS\Dezembro 2019\RELAT_FILAS_1001_DIAR_20191226_030203.CSV</t>
  </si>
  <si>
    <t>01/21/2020 10:59:55</t>
  </si>
  <si>
    <t>\\acsfs\QLD\Gestão por Processos\Oficiais\Indicadores\Automação de Processos\01 - APLICAÇÕES\09 - POWERBI\02 - BVCARTOES\BASE VENDAS\Dezembro 2019\RELAT_FILAS_1001_DIAR_20191227_040522.CSV</t>
  </si>
  <si>
    <t>01/21/2020 11:00:00</t>
  </si>
  <si>
    <t>\\acsfs\QLD\Gestão por Processos\Oficiais\Indicadores\Automação de Processos\01 - APLICAÇÕES\09 - POWERBI\02 - BVCARTOES\BASE VENDAS\Dezembro 2019\RELAT_FILAS_1001_DIAR_20191228_035656.CSV</t>
  </si>
  <si>
    <t>01/21/2020 11:00:05</t>
  </si>
  <si>
    <t>\\acsfs\QLD\Gestão por Processos\Oficiais\Indicadores\Automação de Processos\01 - APLICAÇÕES\09 - POWERBI\02 - BVCARTOES\BASE VENDAS\Dezembro 2019\RELAT_FILAS_1001_DIAR_20191229_033324.CSV</t>
  </si>
  <si>
    <t>01/21/2020 11:00:07</t>
  </si>
  <si>
    <t>\\acsfs\QLD\Gestão por Processos\Oficiais\Indicadores\Automação de Processos\01 - APLICAÇÕES\09 - POWERBI\02 - BVCARTOES\BASE VENDAS\Dezembro 2019\RELAT_FILAS_1001_DIAR_20191230_030504.CSV</t>
  </si>
  <si>
    <t>01/21/2020 11:00:11</t>
  </si>
  <si>
    <t>\\acsfs\QLD\Gestão por Processos\Oficiais\Indicadores\Automação de Processos\01 - APLICAÇÕES\09 - POWERBI\02 - BVCARTOES\BASE VENDAS\Dezembro 2019\RELAT_FILAS_1001_DIAR_20191231_033314.CSV</t>
  </si>
  <si>
    <t>01/21/2020 11:00:14</t>
  </si>
  <si>
    <t>\\acsfs\QLD\Gestão por Processos\Oficiais\Indicadores\Automação de Processos\01 - APLICAÇÕES\09 - POWERBI\02 - BVCARTOES\BASE VENDAS\Dezembro 2019\RELAT_FILAS_1001_DIAR_20200101_032132.CSV</t>
  </si>
  <si>
    <t>01/21/2020 11:00:17</t>
  </si>
  <si>
    <t>\\acsfs\QLD\Gestão por Processos\Oficiais\Indicadores\Automação de Processos\01 - APLICAÇÕES\09 - POWERBI\02 - BVCARTOES\BASE VENDAS\Dezembro 2019\</t>
  </si>
  <si>
    <t>\\acsfs\QLD\Gestão por Processos\Oficiais\Indicadores\Automação de Processos\01 - APLICAÇÕES\09 - POWERBI\02 - BVCARTOES\BASE VENDAS\Janeiro 2020\RELAT_FILAS_1001_DIAR_20200101_032132.CSV</t>
  </si>
  <si>
    <t>01/21/2020 11:00:19</t>
  </si>
  <si>
    <t>\\acsfs\DEPTOS\Operacao\Banco_Votorantim\Supervisao\BASE VENDAS\Janeiro 2020\</t>
  </si>
  <si>
    <t>\\acsfs\QLD\Gestão por Processos\Oficiais\Indicadores\Automação de Processos\01 - APLICAÇÕES\09 - POWERBI\02 - BVCARTOES\BASE VENDAS\Janeiro 2020\RELAT_FILAS_1001_DIAR_20200102_031221.CSV</t>
  </si>
  <si>
    <t>01/21/2020 11:00:23</t>
  </si>
  <si>
    <t>\\acsfs\QLD\Gestão por Processos\Oficiais\Indicadores\Automação de Processos\01 - APLICAÇÕES\09 - POWERBI\02 - BVCARTOES\BASE VENDAS\Janeiro 2020\RELAT_FILAS_1001_DIAR_20200103_035646.CSV</t>
  </si>
  <si>
    <t>01/21/2020 11:00:29</t>
  </si>
  <si>
    <t>\\acsfs\QLD\Gestão por Processos\Oficiais\Indicadores\Automação de Processos\01 - APLICAÇÕES\09 - POWERBI\02 - BVCARTOES\BASE VENDAS\Janeiro 2020\RELAT_FILAS_1001_DIAR_20200104_035925.CSV</t>
  </si>
  <si>
    <t>01/21/2020 11:00:33</t>
  </si>
  <si>
    <t>\\acsfs\QLD\Gestão por Processos\Oficiais\Indicadores\Automação de Processos\01 - APLICAÇÕES\09 - POWERBI\02 - BVCARTOES\BASE VENDAS\Janeiro 2020\RELAT_FILAS_1001_DIAR_20200105_034759.CSV</t>
  </si>
  <si>
    <t>01/21/2020 11:00:35</t>
  </si>
  <si>
    <t>\\acsfs\QLD\Gestão por Processos\Oficiais\Indicadores\Automação de Processos\01 - APLICAÇÕES\09 - POWERBI\02 - BVCARTOES\BASE VENDAS\Janeiro 2020\RELAT_FILAS_1001_DIAR_20200106_030608.CSV</t>
  </si>
  <si>
    <t>01/21/2020 11:00:40</t>
  </si>
  <si>
    <t>\\acsfs\QLD\Gestão por Processos\Oficiais\Indicadores\Automação de Processos\01 - APLICAÇÕES\09 - POWERBI\02 - BVCARTOES\BASE VENDAS\Janeiro 2020\RELAT_FILAS_1001_DIAR_20200107_042812.CSV</t>
  </si>
  <si>
    <t>01/21/2020 11:00:46</t>
  </si>
  <si>
    <t>\\acsfs\QLD\Gestão por Processos\Oficiais\Indicadores\Automação de Processos\01 - APLICAÇÕES\09 - POWERBI\02 - BVCARTOES\BASE VENDAS\Janeiro 2020\RELAT_FILAS_1001_DIAR_20200108_041551.CSV</t>
  </si>
  <si>
    <t>01/21/2020 11:00:52</t>
  </si>
  <si>
    <t>\\acsfs\QLD\Gestão por Processos\Oficiais\Indicadores\Automação de Processos\01 - APLICAÇÕES\09 - POWERBI\02 - BVCARTOES\BASE VENDAS\Janeiro 2020\RELAT_FILAS_1001_DIAR_20200109_041059.CSV</t>
  </si>
  <si>
    <t>01/21/2020 11:00:58</t>
  </si>
  <si>
    <t>\\acsfs\QLD\Gestão por Processos\Oficiais\Indicadores\Automação de Processos\01 - APLICAÇÕES\09 - POWERBI\02 - BVCARTOES\BASE VENDAS\Janeiro 2020\RELAT_FILAS_1001_DIAR_20200110_040250.CSV</t>
  </si>
  <si>
    <t>01/21/2020 11:01:05</t>
  </si>
  <si>
    <t>\\acsfs\QLD\Gestão por Processos\Oficiais\Indicadores\Automação de Processos\01 - APLICAÇÕES\09 - POWERBI\02 - BVCARTOES\BASE VENDAS\Janeiro 2020\RELAT_FILAS_1001_DIAR_20200111_041210.CSV</t>
  </si>
  <si>
    <t>01/21/2020 11:01:08</t>
  </si>
  <si>
    <t>\\acsfs\QLD\Gestão por Processos\Oficiais\Indicadores\Automação de Processos\01 - APLICAÇÕES\09 - POWERBI\02 - BVCARTOES\BASE VENDAS\Janeiro 2020\RELAT_FILAS_1001_DIAR_20200112_032812.CSV</t>
  </si>
  <si>
    <t>01/21/2020 11:01:10</t>
  </si>
  <si>
    <t>\\acsfs\QLD\Gestão por Processos\Oficiais\Indicadores\Automação de Processos\01 - APLICAÇÕES\09 - POWERBI\02 - BVCARTOES\BASE VENDAS\Janeiro 2020\RELAT_FILAS_1001_DIAR_20200113_030643.CSV</t>
  </si>
  <si>
    <t>01/21/2020 11:01:16</t>
  </si>
  <si>
    <t>\\acsfs\QLD\Gestão por Processos\Oficiais\Indicadores\Automação de Processos\01 - APLICAÇÕES\09 - POWERBI\02 - BVCARTOES\BASE VENDAS\Janeiro 2020\RELAT_FILAS_1001_DIAR_20200114_041325.CSV</t>
  </si>
  <si>
    <t>01/21/2020 11:01:21</t>
  </si>
  <si>
    <t>\\acsfs\QLD\Gestão por Processos\Oficiais\Indicadores\Automação de Processos\01 - APLICAÇÕES\09 - POWERBI\02 - BVCARTOES\BASE VENDAS\Janeiro 2020\RELAT_FILAS_1001_DIAR_20200115_041441.CSV</t>
  </si>
  <si>
    <t>01/21/2020 11:01:27</t>
  </si>
  <si>
    <t>\\acsfs\QLD\Gestão por Processos\Oficiais\Indicadores\Automação de Processos\01 - APLICAÇÕES\09 - POWERBI\02 - BVCARTOES\BASE VENDAS\Janeiro 2020\RELAT_FILAS_1001_DIAR_20200116_040514.CSV</t>
  </si>
  <si>
    <t>01/21/2020 11:01:32</t>
  </si>
  <si>
    <t>\\acsfs\QLD\Gestão por Processos\Oficiais\Indicadores\Automação de Processos\01 - APLICAÇÕES\09 - POWERBI\02 - BVCARTOES\BASE VENDAS\Janeiro 2020\RELAT_FILAS_1001_DIAR_20200117_035331.CSV</t>
  </si>
  <si>
    <t>01/21/2020 11:01:37</t>
  </si>
  <si>
    <t>\\acsfs\QLD\Gestão por Processos\Oficiais\Indicadores\Automação de Processos\01 - APLICAÇÕES\09 - POWERBI\02 - BVCARTOES\BASE VENDAS\Janeiro 2020\RELAT_FILAS_1001_DIAR_20200118_040540.CSV</t>
  </si>
  <si>
    <t>01/21/2020 11:01:41</t>
  </si>
  <si>
    <t>\\acsfs\QLD\Gestão por Processos\Oficiais\Indicadores\Automação de Processos\01 - APLICAÇÕES\09 - POWERBI\02 - BVCARTOES\BASE VENDAS\Janeiro 2020\RELAT_FILAS_1001_DIAR_20200119_034444.CSV</t>
  </si>
  <si>
    <t>01/21/2020 11:01:42</t>
  </si>
  <si>
    <t>\\acsfs\QLD\Gestão por Processos\Oficiais\Indicadores\Automação de Processos\01 - APLICAÇÕES\09 - POWERBI\02 - BVCARTOES\BASE VENDAS\Janeiro 2020\RELAT_FILAS_1001_DIAR_20200120_030641.CSV</t>
  </si>
  <si>
    <t>01/21/2020 11:01:03</t>
  </si>
  <si>
    <t>a90dc8ad-d7d2-4c6f-9504-8294cf9110a1.tmp</t>
  </si>
  <si>
    <t>\\acsfs\profiles$\nathaliarmr\Downloads\a90dc8ad-d7d2-4c6f-9504-8294cf9110a1.tmp</t>
  </si>
  <si>
    <t>01/21/2020 10:59:19</t>
  </si>
  <si>
    <t>KAMILLA CAROLINA RODRIGUES_1_6780672639321061490_1_32.wav</t>
  </si>
  <si>
    <t>\\acsfs\Deptos\EDUCACAO EMPRESARIAL\FERNANDA MONIT\Fernanda\MONITORIA JANEIRO\Ligaçoes para MUTANT terceiro ciclo janeiro\KAMILLA CAROLINA RODRIGUES_1_6780672639321061490_1_32.wav</t>
  </si>
  <si>
    <t>01/21/2020 10:59:47</t>
  </si>
  <si>
    <t>01/21/2020 11:00:20</t>
  </si>
  <si>
    <t>01/21/2020 11:01:47</t>
  </si>
  <si>
    <t>01/21/2020 11:01:56</t>
  </si>
  <si>
    <t>01/21/2020 11:01:59</t>
  </si>
  <si>
    <t>01/21/2020 11:02:06</t>
  </si>
  <si>
    <t>01/21/2020 11:02:12</t>
  </si>
  <si>
    <t>01/21/2020 11:02:15</t>
  </si>
  <si>
    <t>01/21/2020 11:02:19</t>
  </si>
  <si>
    <t>01/21/2020 11:02:24</t>
  </si>
  <si>
    <t>01/21/2020 11:02:32</t>
  </si>
  <si>
    <t>01/21/2020 11:02:08</t>
  </si>
  <si>
    <t>01/21/2020 10:59:25</t>
  </si>
  <si>
    <t>01/21/2020 11:04:28</t>
  </si>
  <si>
    <t>4acf206e-57f0-43b7-b6d2-6054c41ea566.tmp</t>
  </si>
  <si>
    <t>\\acsfs\profiles$\anafsb\Downloads\4acf206e-57f0-43b7-b6d2-6054c41ea566.tmp</t>
  </si>
  <si>
    <t>01/21/2020 10:59:26</t>
  </si>
  <si>
    <t>af103a14-ddfb-4d75-8c37-fe51c7a00594.tmp</t>
  </si>
  <si>
    <t>\\acsfs\profiles$\anafsb\Downloads\af103a14-ddfb-4d75-8c37-fe51c7a00594.tmp</t>
  </si>
  <si>
    <t>01/21/2020 11:00:24</t>
  </si>
  <si>
    <t>3fae52e7-39f8-4093-a475-f4d9995831a8.tmp</t>
  </si>
  <si>
    <t>\\acsfs\profiles$\anafsb\Downloads\3fae52e7-39f8-4093-a475-f4d9995831a8.tmp</t>
  </si>
  <si>
    <t>e8dde076-afb2-47ce-8e40-0a87695d60d7.tmp</t>
  </si>
  <si>
    <t>\\acsfs\profiles$\anafsb\Downloads\e8dde076-afb2-47ce-8e40-0a87695d60d7.tmp</t>
  </si>
  <si>
    <t>01/21/2020 11:00:36</t>
  </si>
  <si>
    <t>713a5098-c4fa-4d00-a21c-012520f3b6fd.tmp</t>
  </si>
  <si>
    <t>\\acsfs\profiles$\anafsb\Downloads\713a5098-c4fa-4d00-a21c-012520f3b6fd.tmp</t>
  </si>
  <si>
    <t>01/21/2020 11:01:31</t>
  </si>
  <si>
    <t>089105ec-f3f2-4371-b313-86ffdd109db2.tmp</t>
  </si>
  <si>
    <t>\\acsfs\profiles$\anafsb\Downloads\089105ec-f3f2-4371-b313-86ffdd109db2.tmp</t>
  </si>
  <si>
    <t>01/21/2020 11:02:37</t>
  </si>
  <si>
    <t>9b1f87ff-615b-4434-b881-cfd28e752774.tmp</t>
  </si>
  <si>
    <t>\\acsfs\profiles$\anafsb\Downloads\9b1f87ff-615b-4434-b881-cfd28e752774.tmp</t>
  </si>
  <si>
    <t>01/21/2020 11:03:11</t>
  </si>
  <si>
    <t>c2338332-f874-42b6-a781-be4dce4c3bbc.tmp</t>
  </si>
  <si>
    <t>\\acsfs\profiles$\anafsb\Downloads\c2338332-f874-42b6-a781-be4dce4c3bbc.tmp</t>
  </si>
  <si>
    <t>01/21/2020 11:05:29</t>
  </si>
  <si>
    <t>dba4482e-8531-4fb7-9993-690919673661.tmp</t>
  </si>
  <si>
    <t>\\acsfs\profiles$\luanaldsi\Downloads\dba4482e-8531-4fb7-9993-690919673661.tmp</t>
  </si>
  <si>
    <t>01/21/2020 11:02:50</t>
  </si>
  <si>
    <t>01/21/2020 11:04:52</t>
  </si>
  <si>
    <t>01/21/2020 11:00:54</t>
  </si>
  <si>
    <t>01/21/2020 11:06:28</t>
  </si>
  <si>
    <t>8ab937ea-3fc6-4550-ab7a-0c84d997787d.tmp</t>
  </si>
  <si>
    <t>\\acsfs\profiles$\cassianogc\Downloads\8ab937ea-3fc6-4550-ab7a-0c84d997787d.tmp</t>
  </si>
  <si>
    <t>01/21/2020 11:01:57</t>
  </si>
  <si>
    <t>674e7002-6d55-41ff-b6d5-f9bb57036b4d.tmp</t>
  </si>
  <si>
    <t>\\acsfs\profiles$\cassianogc\Downloads\674e7002-6d55-41ff-b6d5-f9bb57036b4d.tmp</t>
  </si>
  <si>
    <t>01/21/2020 11:02:52</t>
  </si>
  <si>
    <t>lu260804ah2n8.tmp</t>
  </si>
  <si>
    <t>\\acsfs\profiles$\BRUNAAR\Numero\lu260804ah2n8.tmp</t>
  </si>
  <si>
    <t>01/21/2020 11:07:28</t>
  </si>
  <si>
    <t>01/21/2020 11:05:51</t>
  </si>
  <si>
    <t>01/21/2020 11:05:52</t>
  </si>
  <si>
    <t>01/21/2020 11:07:10</t>
  </si>
  <si>
    <t>01/21/2020 11:07:11</t>
  </si>
  <si>
    <t>01/21/2020 11:07:12</t>
  </si>
  <si>
    <t>01/21/2020 11:04:00</t>
  </si>
  <si>
    <t>01/21/2020 11:08:29</t>
  </si>
  <si>
    <t>6f723307-84b7-473e-8648-3a8957015a81.tmp</t>
  </si>
  <si>
    <t>\\acsfs\profiles$\ingridsm\Downloads\6f723307-84b7-473e-8648-3a8957015a81.tmp</t>
  </si>
  <si>
    <t>01/21/2020 11:03:50</t>
  </si>
  <si>
    <t>01/21/2020 11:04:01</t>
  </si>
  <si>
    <t>01/21/2020 11:04:04</t>
  </si>
  <si>
    <t>01/21/2020 11:08:09</t>
  </si>
  <si>
    <t>01/21/2020 11:04:21</t>
  </si>
  <si>
    <t>01/21/2020 11:09:28</t>
  </si>
  <si>
    <t>871e5436-267d-49c0-9f7d-0ecd9cf7f459.tmp</t>
  </si>
  <si>
    <t>\\acsfs\profiles$\anafsb\Downloads\871e5436-267d-49c0-9f7d-0ecd9cf7f459.tmp</t>
  </si>
  <si>
    <t>01/21/2020 11:05:17</t>
  </si>
  <si>
    <t>fadb241c-c55b-461d-8fa3-fc84fb9c78b4.tmp</t>
  </si>
  <si>
    <t>\\acsfs\profiles$\anafsb\Downloads\fadb241c-c55b-461d-8fa3-fc84fb9c78b4.tmp</t>
  </si>
  <si>
    <t>01/21/2020 11:05:57</t>
  </si>
  <si>
    <t>4a0c2d37-67f7-4df3-b34b-9969ca298fab.tmp</t>
  </si>
  <si>
    <t>\\acsfs\profiles$\anafsb\Downloads\4a0c2d37-67f7-4df3-b34b-9969ca298fab.tmp</t>
  </si>
  <si>
    <t>01/21/2020 11:06:54</t>
  </si>
  <si>
    <t>fb2cc373-1153-40b3-b309-6047e515b3f2.tmp</t>
  </si>
  <si>
    <t>\\acsfs\profiles$\anafsb\Downloads\fb2cc373-1153-40b3-b309-6047e515b3f2.tmp</t>
  </si>
  <si>
    <t>01/21/2020 11:05:25</t>
  </si>
  <si>
    <t>01/21/2020 11:10:29</t>
  </si>
  <si>
    <t>01/21/2020 11:05:26</t>
  </si>
  <si>
    <t>01/21/2020 11:07:27</t>
  </si>
  <si>
    <t>01/21/2020 11:11:28</t>
  </si>
  <si>
    <t>dc6870ef-8ef0-4930-b47e-e8c0b57bd69b.tmp</t>
  </si>
  <si>
    <t>\\acsfs\profiles$\esterasg\Downloads\dc6870ef-8ef0-4930-b47e-e8c0b57bd69b.tmp</t>
  </si>
  <si>
    <t>01/21/2020 11:06:10</t>
  </si>
  <si>
    <t>c7c4b434-de94-4a42-92d1-84c45a0b7037.tmp</t>
  </si>
  <si>
    <t>\\acsfs\profiles$\cassianogc\Downloads\c7c4b434-de94-4a42-92d1-84c45a0b7037.tmp</t>
  </si>
  <si>
    <t>01/21/2020 11:07:03</t>
  </si>
  <si>
    <t>3c8a1f58-7aa1-485c-bd38-5b7a65c32fb0.tmp</t>
  </si>
  <si>
    <t>\\acsfs\profiles$\cassianogc\Downloads\3c8a1f58-7aa1-485c-bd38-5b7a65c32fb0.tmp</t>
  </si>
  <si>
    <t>01/21/2020 11:07:15</t>
  </si>
  <si>
    <t>01/21/2020 11:12:29</t>
  </si>
  <si>
    <t>01/21/2020 11:10:26</t>
  </si>
  <si>
    <t>01/21/2020 11:11:01</t>
  </si>
  <si>
    <t>02691378-3ef1-468b-a595-3078f6cbc18d.tmp</t>
  </si>
  <si>
    <t>\\acsfs\profiles$\joselrb\Downloads\02691378-3ef1-468b-a595-3078f6cbc18d.tmp</t>
  </si>
  <si>
    <t>01/21/2020 11:11:30</t>
  </si>
  <si>
    <t>ad28f606-6ead-4021-8bd8-17bce435ba87.tmp</t>
  </si>
  <si>
    <t>\\acsfs\profiles$\joselrb\Downloads\ad28f606-6ead-4021-8bd8-17bce435ba87.tmp</t>
  </si>
  <si>
    <t>01/21/2020 11:09:10</t>
  </si>
  <si>
    <t>402b97de-82e0-493a-9301-f00b6a344e8d.tmp</t>
  </si>
  <si>
    <t>\\acsfs\profiles$\ERICALSR\Downloads\402b97de-82e0-493a-9301-f00b6a344e8d.tmp</t>
  </si>
  <si>
    <t>01/21/2020 11:07:13</t>
  </si>
  <si>
    <t>01/21/2020 11:07:14</t>
  </si>
  <si>
    <t>01/21/2020 11:07:16</t>
  </si>
  <si>
    <t>01/21/2020 11:07:17</t>
  </si>
  <si>
    <t>01/21/2020 11:07:18</t>
  </si>
  <si>
    <t>01/21/2020 11:07:19</t>
  </si>
  <si>
    <t>01/21/2020 11:07:20</t>
  </si>
  <si>
    <t>01/21/2020 11:07:21</t>
  </si>
  <si>
    <t>01/21/2020 11:07:22</t>
  </si>
  <si>
    <t>01/21/2020 11:07:23</t>
  </si>
  <si>
    <t>01/21/2020 11:07:24</t>
  </si>
  <si>
    <t>01/21/2020 11:07:25</t>
  </si>
  <si>
    <t>01/21/2020 11:07:26</t>
  </si>
  <si>
    <t>01/21/2020 11:07:29</t>
  </si>
  <si>
    <t>01/21/2020 11:07:30</t>
  </si>
  <si>
    <t>01/21/2020 11:07:31</t>
  </si>
  <si>
    <t>01/21/2020 11:07:32</t>
  </si>
  <si>
    <t>01/21/2020 11:07:33</t>
  </si>
  <si>
    <t>01/21/2020 11:07:34</t>
  </si>
  <si>
    <t>01/21/2020 11:07:35</t>
  </si>
  <si>
    <t>01/21/2020 11:07:36</t>
  </si>
  <si>
    <t>01/21/2020 11:10:08</t>
  </si>
  <si>
    <t>01/21/2020 11:13:28</t>
  </si>
  <si>
    <t>01/21/2020 11:10:10</t>
  </si>
  <si>
    <t>lu1047229x1j.tmp</t>
  </si>
  <si>
    <t>\\acsfs\profiles$\Flaviojmm\My Documents\lu1047229x1j.tmp</t>
  </si>
  <si>
    <t>\\acsfs\profiles$\Flaviojmm\My Documents\lu1047229x1j.tmp\</t>
  </si>
  <si>
    <t>\\acsfs\profiles$\Flaviojmm\My Documents\lu1047229x1j.tmp\META-INF\</t>
  </si>
  <si>
    <t>\\acsfs\profiles$\Flaviojmm\My Documents\lu1047229x1j.tmp\Thumbnails\</t>
  </si>
  <si>
    <t>01/21/2020 11:11:54</t>
  </si>
  <si>
    <t>01/21/2020 11:08:16</t>
  </si>
  <si>
    <t>01/21/2020 11:08:30</t>
  </si>
  <si>
    <t>01/21/2020 11:09:14</t>
  </si>
  <si>
    <t>01/21/2020 11:09:23</t>
  </si>
  <si>
    <t>01/21/2020 11:10:22</t>
  </si>
  <si>
    <t>01/21/2020 11:10:42</t>
  </si>
  <si>
    <t>01/21/2020 11:10:49</t>
  </si>
  <si>
    <t>01/21/2020 11:10:52</t>
  </si>
  <si>
    <t>01/21/2020 11:11:08</t>
  </si>
  <si>
    <t>01/21/2020 11:11:12</t>
  </si>
  <si>
    <t>01/21/2020 11:11:14</t>
  </si>
  <si>
    <t>01/21/2020 11:11:24</t>
  </si>
  <si>
    <t>01/21/2020 11:11:04</t>
  </si>
  <si>
    <t>01/21/2020 11:11:05</t>
  </si>
  <si>
    <t>01/21/2020 11:11:19</t>
  </si>
  <si>
    <t>01/21/2020 11:14:28</t>
  </si>
  <si>
    <t>781db543-1cdd-40cd-90f0-76c584f9d22d.tmp</t>
  </si>
  <si>
    <t>\\acsfs\profiles$\anafsb\Downloads\781db543-1cdd-40cd-90f0-76c584f9d22d.tmp</t>
  </si>
  <si>
    <t>01/21/2020 11:10:50</t>
  </si>
  <si>
    <t>01/21/2020 11:15:28</t>
  </si>
  <si>
    <t>01/21/2020 11:13:02</t>
  </si>
  <si>
    <t>01/21/2020 11:14:11</t>
  </si>
  <si>
    <t>01/21/2020 11:16:28</t>
  </si>
  <si>
    <t>01/21/2020 11:14:29</t>
  </si>
  <si>
    <t>01/21/2020 11:15:30</t>
  </si>
  <si>
    <t>01/21/2020 11:11:34</t>
  </si>
  <si>
    <t>01/21/2020 11:17:29</t>
  </si>
  <si>
    <t>01/21/2020 11:12:19</t>
  </si>
  <si>
    <t>01/21/2020 11:11:50</t>
  </si>
  <si>
    <t>28990a6d-161b-4a8d-a4b4-7ee580e1e9b3.tmp</t>
  </si>
  <si>
    <t>\\acsfs\profiles$\joselrb\Downloads\28990a6d-161b-4a8d-a4b4-7ee580e1e9b3.tmp</t>
  </si>
  <si>
    <t>01/21/2020 11:14:54</t>
  </si>
  <si>
    <t>01/21/2020 11:16:21</t>
  </si>
  <si>
    <t>01/21/2020 11:18:28</t>
  </si>
  <si>
    <t>\\acsfs\Deptos\EDUCACAO EMPRESARIAL\FERNANDA MONIT\Fernanda\MONITORIA JANEIRO\15314487.tmp\</t>
  </si>
  <si>
    <t>\\acsfs\Deptos\EDUCACAO EMPRESARIAL\FERNANDA MONIT\Fernanda\MONITORIA JANEIRO\15314487.tmp\:Zone.Identifier:$DATA</t>
  </si>
  <si>
    <t>01/21/2020 11:16:35</t>
  </si>
  <si>
    <t>01/21/2020 11:16:48</t>
  </si>
  <si>
    <t>01/21/2020 11:16:08</t>
  </si>
  <si>
    <t>01/21/2020 11:20:28</t>
  </si>
  <si>
    <t>01/21/2020 11:16:50</t>
  </si>
  <si>
    <t>01/21/2020 11:15:35</t>
  </si>
  <si>
    <t>01/21/2020 11:17:40</t>
  </si>
  <si>
    <t>01/21/2020 11:21:28</t>
  </si>
  <si>
    <t>01/21/2020 11:18:26</t>
  </si>
  <si>
    <t>01/21/2020 11:20:37</t>
  </si>
  <si>
    <t>01/21/2020 11:22:28</t>
  </si>
  <si>
    <t>01/21/2020 11:20:39</t>
  </si>
  <si>
    <t>01/21/2020 11:18:37</t>
  </si>
  <si>
    <t>01/21/2020 11:23:28</t>
  </si>
  <si>
    <t>01/21/2020 11:20:32</t>
  </si>
  <si>
    <t>01/21/2020 11:20:41</t>
  </si>
  <si>
    <t>01/21/2020 11:22:24</t>
  </si>
  <si>
    <t>dd4f8abb-cfac-49db-8766-7a54eac331ce.tmp</t>
  </si>
  <si>
    <t>\\acsfs\profiles$\lucasgpe\Downloads\dd4f8abb-cfac-49db-8766-7a54eac331ce.tmp</t>
  </si>
  <si>
    <t>01/21/2020 11:22:08</t>
  </si>
  <si>
    <t>01/21/2020 11:20:17</t>
  </si>
  <si>
    <t>01/21/2020 11:24:29</t>
  </si>
  <si>
    <t>\\udpavonfs01\AVON\00 - ACOMPANHAMENTO AVON\07 - FILAS BKO\</t>
  </si>
  <si>
    <t>Filas Backoffice JANEIRO 2020.xlsx</t>
  </si>
  <si>
    <t>\\udpavonfs01\AVON\00 - ACOMPANHAMENTO AVON\07 - FILAS BKO\Filas Backoffice JANEIRO 2020.xlsx</t>
  </si>
  <si>
    <t>01/21/2020 11:20:51</t>
  </si>
  <si>
    <t>01/21/2020 11:22:01</t>
  </si>
  <si>
    <t>01/21/2020 11:20:01</t>
  </si>
  <si>
    <t>01/21/2020 11:21:47</t>
  </si>
  <si>
    <t>01/21/2020 11:21:48</t>
  </si>
  <si>
    <t>lu1498012kwm5.tmp</t>
  </si>
  <si>
    <t>\\acsfs\profiles$\dhiulliananads\My Documents\lu1498012kwm5.tmp</t>
  </si>
  <si>
    <t>\\acsfs\profiles$\dhiulliananads\My Documents\lu1498012kwm5.tmp\</t>
  </si>
  <si>
    <t>\\acsfs\profiles$\dhiulliananads\My Documents\lu1498012kwm5.tmp\META-INF\</t>
  </si>
  <si>
    <t>\\acsfs\profiles$\dhiulliananads\My Documents\lu1498012kwm5.tmp\Thumbnails\</t>
  </si>
  <si>
    <t>01/21/2020 11:20:50</t>
  </si>
  <si>
    <t>01/21/2020 11:25:28</t>
  </si>
  <si>
    <t>01/21/2020 11:22:50</t>
  </si>
  <si>
    <t>01/21/2020 11:22:02</t>
  </si>
  <si>
    <t>01/21/2020 11:26:29</t>
  </si>
  <si>
    <t>lu260804ah2nc.tmp</t>
  </si>
  <si>
    <t>\\acsfs\profiles$\BRUNAAR\Numero\lu260804ah2nc.tmp</t>
  </si>
  <si>
    <t>01/21/2020 11:27:28</t>
  </si>
  <si>
    <t>01/21/2020 11:28:03</t>
  </si>
  <si>
    <t>01/21/2020 11:28:29</t>
  </si>
  <si>
    <t>7994a777-c9da-4892-a4bd-1ca0de5705ef.tmp</t>
  </si>
  <si>
    <t>\\acsfs\profiles$\lucasgpe\Downloads\7994a777-c9da-4892-a4bd-1ca0de5705ef.tmp</t>
  </si>
  <si>
    <t>01/21/2020 11:28:01</t>
  </si>
  <si>
    <t>01/21/2020 11:28:08</t>
  </si>
  <si>
    <t>01/21/2020 11:28:13</t>
  </si>
  <si>
    <t>01/21/2020 11:28:19</t>
  </si>
  <si>
    <t>01/21/2020 11:28:22</t>
  </si>
  <si>
    <t>01/21/2020 11:25:57</t>
  </si>
  <si>
    <t>01/21/2020 11:29:28</t>
  </si>
  <si>
    <t>01/21/2020 11:30:28</t>
  </si>
  <si>
    <t>01/21/2020 11:28:50</t>
  </si>
  <si>
    <t>01/21/2020 11:26:13</t>
  </si>
  <si>
    <t>01/21/2020 11:31:28</t>
  </si>
  <si>
    <t>01/21/2020 11:32:28</t>
  </si>
  <si>
    <t>01/21/2020 11:30:36</t>
  </si>
  <si>
    <t>01/21/2020 11:35:28</t>
  </si>
  <si>
    <t>01/21/2020 11:34:50</t>
  </si>
  <si>
    <t>01/21/2020 11:35:37</t>
  </si>
  <si>
    <t>01/21/2020 11:36:28</t>
  </si>
  <si>
    <t>01/21/2020 11:32:19</t>
  </si>
  <si>
    <t>01/21/2020 11:37:28</t>
  </si>
  <si>
    <t>01/21/2020 11:35:03</t>
  </si>
  <si>
    <t>01/21/2020 11:38:29</t>
  </si>
  <si>
    <t>d5e79f46-40a5-44ee-a617-3f16bc87b215.tmp</t>
  </si>
  <si>
    <t>\\acsfs\profiles$\gabrielafs\Downloads\d5e79f46-40a5-44ee-a617-3f16bc87b215.tmp</t>
  </si>
  <si>
    <t>01/21/2020 11:37:54</t>
  </si>
  <si>
    <t>FLAVIO JUNIO MENDES MOREIRA_1_6781095925527947118_1_32.wav</t>
  </si>
  <si>
    <t>\\acsfs\Deptos\EDUCACAO EMPRESARIAL\KÉSIA\Ligações 3º ciclo - Janeiro 2020\FLAVIO JUNIO MENDES MOREIRA_1_6781095925527947118_1_32.wav</t>
  </si>
  <si>
    <t>01/21/2020 11:36:27</t>
  </si>
  <si>
    <t>57cf3a3a-a263-4c5d-a497-4f0fafa37522.tmp</t>
  </si>
  <si>
    <t>\\acsfs\profiles$\lucasgpe\Downloads\57cf3a3a-a263-4c5d-a497-4f0fafa37522.tmp</t>
  </si>
  <si>
    <t>01/21/2020 11:37:49</t>
  </si>
  <si>
    <t>01/21/2020 11:34:05</t>
  </si>
  <si>
    <t>KELLZYLENNE APARECIDA SILVA RABELO_1_6780663379371565160_1_32.wav</t>
  </si>
  <si>
    <t>\\acsfs\Deptos\EDUCACAO EMPRESARIAL\FERNANDA MONIT\Fernanda\MONITORIA JANEIRO\Ligaçoes para MUTANT terceiro ciclo janeiro\KELLZYLENNE APARECIDA SILVA RABELO_1_6780663379371565160_1_32.wav</t>
  </si>
  <si>
    <t>01/21/2020 11:34:08</t>
  </si>
  <si>
    <t>01/21/2020 11:38:51</t>
  </si>
  <si>
    <t>01/21/2020 11:40:29</t>
  </si>
  <si>
    <t>01/21/2020 11:37:47</t>
  </si>
  <si>
    <t>01/21/2020 11:41:28</t>
  </si>
  <si>
    <t>01/21/2020 11:39:39</t>
  </si>
  <si>
    <t>01/21/2020 11:40:38</t>
  </si>
  <si>
    <t>01/21/2020 11:42:29</t>
  </si>
  <si>
    <t>01/21/2020 11:41:01</t>
  </si>
  <si>
    <t>01/21/2020 11:43:28</t>
  </si>
  <si>
    <t>b82f06e0-09a8-42cb-a7f1-11de3e568807.tmp</t>
  </si>
  <si>
    <t>\\acsfs\profiles$\lorenabmc\Downloads\b82f06e0-09a8-42cb-a7f1-11de3e568807.tmp</t>
  </si>
  <si>
    <t>01/21/2020 11:39:46</t>
  </si>
  <si>
    <t>01/21/2020 11:40:23</t>
  </si>
  <si>
    <t>01/21/2020 11:40:42</t>
  </si>
  <si>
    <t>01/21/2020 11:40:52</t>
  </si>
  <si>
    <t>01/21/2020 11:40:54</t>
  </si>
  <si>
    <t>01/21/2020 11:41:10</t>
  </si>
  <si>
    <t>01/21/2020 11:41:21</t>
  </si>
  <si>
    <t>01/21/2020 11:41:41</t>
  </si>
  <si>
    <t>01/21/2020 11:40:08</t>
  </si>
  <si>
    <t>01/21/2020 11:43:18</t>
  </si>
  <si>
    <t>01/21/2020 11:43:24</t>
  </si>
  <si>
    <t>01/21/2020 11:44:29</t>
  </si>
  <si>
    <t>01/21/2020 11:43:00</t>
  </si>
  <si>
    <t>01/21/2020 11:40:51</t>
  </si>
  <si>
    <t>01/21/2020 11:45:28</t>
  </si>
  <si>
    <t>01/21/2020 11:42:54</t>
  </si>
  <si>
    <t>01/21/2020 11:41:46</t>
  </si>
  <si>
    <t>01/21/2020 11:46:28</t>
  </si>
  <si>
    <t>01/21/2020 11:42:01</t>
  </si>
  <si>
    <t>01/21/2020 11:47:28</t>
  </si>
  <si>
    <t>Agent State Details 20.01.2020.xlsx</t>
  </si>
  <si>
    <t>\\acsfs\DEPTOS\Operacao\PCP\5 - Comum\PLANEJAMENTO BV\23 - EXTRAÇÕES\Agent State Details\2020\JANEIRO\Agent State Details 20.01.2020.xlsx</t>
  </si>
  <si>
    <t>01/21/2020 11:45:15</t>
  </si>
  <si>
    <t>01/21/2020 11:46:10</t>
  </si>
  <si>
    <t>01/21/2020 11:43:34</t>
  </si>
  <si>
    <t>01/21/2020 11:43:15</t>
  </si>
  <si>
    <t>01/21/2020 11:43:17</t>
  </si>
  <si>
    <t>01/21/2020 11:44:48</t>
  </si>
  <si>
    <t>01/21/2020 11:48:28</t>
  </si>
  <si>
    <t>01/21/2020 11:47:14</t>
  </si>
  <si>
    <t>cedff7b5-452d-4ee4-988f-2230f28ee61c.tmp</t>
  </si>
  <si>
    <t>\\acsfs\profiles$\lucasgpe\Downloads\cedff7b5-452d-4ee4-988f-2230f28ee61c.tmp</t>
  </si>
  <si>
    <t>01/21/2020 11:44:27</t>
  </si>
  <si>
    <t>01/21/2020 11:46:37</t>
  </si>
  <si>
    <t>01/21/2020 11:46:40</t>
  </si>
  <si>
    <t>01/21/2020 11:46:48</t>
  </si>
  <si>
    <t>01/21/2020 11:46:55</t>
  </si>
  <si>
    <t>01/21/2020 11:47:05</t>
  </si>
  <si>
    <t>01/21/2020 11:47:19</t>
  </si>
  <si>
    <t>01/21/2020 11:44:08</t>
  </si>
  <si>
    <t>01/21/2020 11:47:30</t>
  </si>
  <si>
    <t>01/21/2020 11:47:33</t>
  </si>
  <si>
    <t>01/21/2020 11:47:36</t>
  </si>
  <si>
    <t>01/21/2020 11:47:46</t>
  </si>
  <si>
    <t>01/21/2020 11:50:28</t>
  </si>
  <si>
    <t>fb23b810-2502-49d0-9ed5-636b8e3ad93d.tmp</t>
  </si>
  <si>
    <t>\\acsfs\profiles$\henriquehmdo\Downloads\fb23b810-2502-49d0-9ed5-636b8e3ad93d.tmp</t>
  </si>
  <si>
    <t>01/21/2020 11:44:50</t>
  </si>
  <si>
    <t>01/21/2020 11:46:51</t>
  </si>
  <si>
    <t>01/21/2020 11:50:25</t>
  </si>
  <si>
    <t>01/21/2020 11:51:28</t>
  </si>
  <si>
    <t>01/21/2020 11:52:28</t>
  </si>
  <si>
    <t>01/21/2020 11:50:44</t>
  </si>
  <si>
    <t>01/21/2020 11:53:28</t>
  </si>
  <si>
    <t>lu1047229x1w.tmp</t>
  </si>
  <si>
    <t>\\acsfs\profiles$\Flaviojmm\My Documents\lu1047229x1w.tmp</t>
  </si>
  <si>
    <t>\\acsfs\profiles$\Flaviojmm\My Documents\lu1047229x1w.tmp\</t>
  </si>
  <si>
    <t>\\acsfs\profiles$\Flaviojmm\My Documents\lu1047229x1w.tmp\META-INF\</t>
  </si>
  <si>
    <t>\\acsfs\profiles$\Flaviojmm\My Documents\lu1047229x1w.tmp\Thumbnails\</t>
  </si>
  <si>
    <t>01/21/2020 11:51:05</t>
  </si>
  <si>
    <t>b0bc92c5-9a23-4eea-ba08-af292175be9e.tmp</t>
  </si>
  <si>
    <t>\\acsfs\profiles$\ingridsm\Downloads\b0bc92c5-9a23-4eea-ba08-af292175be9e.tmp</t>
  </si>
  <si>
    <t>01/21/2020 11:52:50</t>
  </si>
  <si>
    <t>FRANCISLAYNE ASSUMPCAO DE SOUSA_1_6781095302757689173_1_32.wav</t>
  </si>
  <si>
    <t>\\acsfs\Deptos\EDUCACAO EMPRESARIAL\KÉSIA\Ligações 3º ciclo - Janeiro 2020\FRANCISLAYNE ASSUMPCAO DE SOUSA_1_6781095302757689173_1_32.wav</t>
  </si>
  <si>
    <t>01/21/2020 11:49:08</t>
  </si>
  <si>
    <t>01/21/2020 11:50:08</t>
  </si>
  <si>
    <t>01/21/2020 11:51:07</t>
  </si>
  <si>
    <t>01/21/2020 11:54:29</t>
  </si>
  <si>
    <t>5d10e7df-cfc5-4cf6-808e-cc32848f193c.tmp</t>
  </si>
  <si>
    <t>\\acsfs\profiles$\milenaas\Downloads\5d10e7df-cfc5-4cf6-808e-cc32848f193c.tmp</t>
  </si>
  <si>
    <t>01/21/2020 11:52:51</t>
  </si>
  <si>
    <t>01/21/2020 11:55:28</t>
  </si>
  <si>
    <t>01/21/2020 11:54:39</t>
  </si>
  <si>
    <t>01/21/2020 11:52:59</t>
  </si>
  <si>
    <t>01/21/2020 11:51:47</t>
  </si>
  <si>
    <t>01/21/2020 11:56:28</t>
  </si>
  <si>
    <t>01/21/2020 11:52:29</t>
  </si>
  <si>
    <t>01/21/2020 11:52:30</t>
  </si>
  <si>
    <t>lu260804ah2ng.tmp</t>
  </si>
  <si>
    <t>\\acsfs\profiles$\BRUNAAR\Numero\lu260804ah2ng.tmp</t>
  </si>
  <si>
    <t>01/21/2020 11:51:36</t>
  </si>
  <si>
    <t>XLOG_ellencds_21012020_074212.log</t>
  </si>
  <si>
    <t>\\acsfs\profiles$\ellencds\My Documents\xworkcenter\logs\XLOG_ellencds_21012020_074212.log</t>
  </si>
  <si>
    <t>01/21/2020 11:52:13</t>
  </si>
  <si>
    <t>01/21/2020 11:57:28</t>
  </si>
  <si>
    <t>01/21/2020 11:52:16</t>
  </si>
  <si>
    <t>01/21/2020 11:55:33</t>
  </si>
  <si>
    <t>01/21/2020 11:54:50</t>
  </si>
  <si>
    <t>be32c907-ac4b-4a15-a5fb-eab1a5345f92.tmp</t>
  </si>
  <si>
    <t>\\acsfs\profiles$\lorraynevam\Downloads\be32c907-ac4b-4a15-a5fb-eab1a5345f92.tmp</t>
  </si>
  <si>
    <t>01/21/2020 11:54:51</t>
  </si>
  <si>
    <t>01/21/2020 11:58:28</t>
  </si>
  <si>
    <t>01/21/2020 11:55:08</t>
  </si>
  <si>
    <t>01/21/2020 11:56:08</t>
  </si>
  <si>
    <t>01/21/2020 11:54:59</t>
  </si>
  <si>
    <t>01/21/2020 11:59:29</t>
  </si>
  <si>
    <t>01/21/2020 11:55:21</t>
  </si>
  <si>
    <t>01/21/2020 11:55:30</t>
  </si>
  <si>
    <t>01/21/2020 11:55:49</t>
  </si>
  <si>
    <t>01/21/2020 11:55:59</t>
  </si>
  <si>
    <t>01/21/2020 11:56:15</t>
  </si>
  <si>
    <t>01/21/2020 11:56:19</t>
  </si>
  <si>
    <t>01/21/2020 11:56:56</t>
  </si>
  <si>
    <t>01/21/2020 11:57:02</t>
  </si>
  <si>
    <t>01/21/2020 11:57:09</t>
  </si>
  <si>
    <t>01/21/2020 11:57:22</t>
  </si>
  <si>
    <t>01/21/2020 11:58:11</t>
  </si>
  <si>
    <t>01/21/2020 11:55:34</t>
  </si>
  <si>
    <t>01/21/2020 12:00:28</t>
  </si>
  <si>
    <t>360867ec-625a-497d-b5d9-5ba1102189d3.tmp</t>
  </si>
  <si>
    <t>\\acsfs\profiles$\mariagsg\Downloads\360867ec-625a-497d-b5d9-5ba1102189d3.tmp</t>
  </si>
  <si>
    <t>41b45033-0f69-4709-98d8-b3fb26cc2a37.tmp</t>
  </si>
  <si>
    <t>\\acsfs\profiles$\luanaldsi\Downloads\41b45033-0f69-4709-98d8-b3fb26cc2a37.tmp</t>
  </si>
  <si>
    <t>01/21/2020 11:56:24</t>
  </si>
  <si>
    <t>89ed229f-fb49-4cd7-8c3e-566bda0acfc5.tmp</t>
  </si>
  <si>
    <t>\\acsfs\profiles$\luanaldsi\Downloads\89ed229f-fb49-4cd7-8c3e-566bda0acfc5.tmp</t>
  </si>
  <si>
    <t>01/21/2020 11:57:29</t>
  </si>
  <si>
    <t>22338463-a1b0-4ecc-905b-1aec01f0a40a.tmp</t>
  </si>
  <si>
    <t>\\acsfs\profiles$\luanaldsi\Downloads\22338463-a1b0-4ecc-905b-1aec01f0a40a.tmp</t>
  </si>
  <si>
    <t>01/21/2020 11:58:51</t>
  </si>
  <si>
    <t>01/21/2020 11:56:58</t>
  </si>
  <si>
    <t>01/21/2020 12:01:29</t>
  </si>
  <si>
    <t>01/21/2020 11:58:55</t>
  </si>
  <si>
    <t>01/21/2020 11:59:06</t>
  </si>
  <si>
    <t>01/21/2020 12:02:28</t>
  </si>
  <si>
    <t>08d2cb3c-308c-45d3-a459-86e9d5f0d6ed.tmp</t>
  </si>
  <si>
    <t>\\acsfs\profiles$\joselrb\Downloads\08d2cb3c-308c-45d3-a459-86e9d5f0d6ed.tmp</t>
  </si>
  <si>
    <t>01/21/2020 12:00:48</t>
  </si>
  <si>
    <t>01/21/2020 12:00:50</t>
  </si>
  <si>
    <t>01/21/2020 11:59:11</t>
  </si>
  <si>
    <t>01/21/2020 12:03:28</t>
  </si>
  <si>
    <t>01/21/2020 12:02:23</t>
  </si>
  <si>
    <t>01/21/2020 11:59:01</t>
  </si>
  <si>
    <t>2d168fad-dcb7-4dbe-b8b1-41ddcaf76742.tmp</t>
  </si>
  <si>
    <t>\\acsfs\profiles$\victorgl\Downloads\2d168fad-dcb7-4dbe-b8b1-41ddcaf76742.tmp</t>
  </si>
  <si>
    <t>ee3eaf2d-2c30-48fd-a2ed-e0d4ca90890f.tmp</t>
  </si>
  <si>
    <t>\\acsfs\profiles$\victorgl\Downloads\ee3eaf2d-2c30-48fd-a2ed-e0d4ca90890f.tmp</t>
  </si>
  <si>
    <t>01/21/2020 12:01:09</t>
  </si>
  <si>
    <t>01/21/2020 12:04:28</t>
  </si>
  <si>
    <t>01/21/2020 12:02:08</t>
  </si>
  <si>
    <t>01/21/2020 12:04:07</t>
  </si>
  <si>
    <t>01/21/2020 12:04:08</t>
  </si>
  <si>
    <t>01/21/2020 12:04:13</t>
  </si>
  <si>
    <t>01/21/2020 12:02:52</t>
  </si>
  <si>
    <t>01/21/2020 12:05:29</t>
  </si>
  <si>
    <t>01/21/2020 12:04:52</t>
  </si>
  <si>
    <t>01/21/2020 12:04:27</t>
  </si>
  <si>
    <t>01/21/2020 12:06:28</t>
  </si>
  <si>
    <t>c7ef1435-00cc-4fab-a79b-33c25211132e.tmp</t>
  </si>
  <si>
    <t>\\acsfs\profiles$\gabrielsma\Downloads\c7ef1435-00cc-4fab-a79b-33c25211132e.tmp</t>
  </si>
  <si>
    <t>01/21/2020 12:04:42</t>
  </si>
  <si>
    <t>Não confirmado 446384.crdownload</t>
  </si>
  <si>
    <t>\\acsfs\ACS\Gabriel da Silva\Contemporânea\VENDAS\Não confirmado 446384.crdownload</t>
  </si>
  <si>
    <t>01/21/2020 12:04:44</t>
  </si>
  <si>
    <t>0b91e90d-a733-43f3-9b40-7ba7e239381a.tmp</t>
  </si>
  <si>
    <t>\\acsfs\profiles$\gabrielsma\Downloads\0b91e90d-a733-43f3-9b40-7ba7e239381a.tmp</t>
  </si>
  <si>
    <t>01/21/2020 12:04:47</t>
  </si>
  <si>
    <t>Não confirmado 605488.crdownload</t>
  </si>
  <si>
    <t>\\acsfs\ACS\Gabriel da Silva\Contemporânea\Acessos\Não confirmado 605488.crdownload</t>
  </si>
  <si>
    <t>01/21/2020 12:04:48</t>
  </si>
  <si>
    <t>01/21/2020 12:04:56</t>
  </si>
  <si>
    <t>01/21/2020 12:05:12</t>
  </si>
  <si>
    <t>01/21/2020 12:05:27</t>
  </si>
  <si>
    <t>01/21/2020 12:03:24</t>
  </si>
  <si>
    <t>01/21/2020 12:03:07</t>
  </si>
  <si>
    <t>01/21/2020 12:02:33</t>
  </si>
  <si>
    <t>ea21c8c1-7433-4fd4-8ae9-c85d132f0279.tmp</t>
  </si>
  <si>
    <t>\\acsfs\profiles$\gabrielhca\Downloads\ea21c8c1-7433-4fd4-8ae9-c85d132f0279.tmp</t>
  </si>
  <si>
    <t>01/21/2020 12:03:38</t>
  </si>
  <si>
    <t>01/21/2020 12:07:29</t>
  </si>
  <si>
    <t>01/21/2020 12:02:02</t>
  </si>
  <si>
    <t>01/21/2020 12:02:09</t>
  </si>
  <si>
    <t>01/21/2020 12:04:39</t>
  </si>
  <si>
    <t>01/21/2020 12:05:09</t>
  </si>
  <si>
    <t>01/21/2020 12:05:39</t>
  </si>
  <si>
    <t>01/21/2020 12:08:28</t>
  </si>
  <si>
    <t>2fafc565-28a1-4790-86d1-485dd552203f.tmp</t>
  </si>
  <si>
    <t>\\acsfs\profiles$\philipegsf\Downloads\2fafc565-28a1-4790-86d1-485dd552203f.tmp</t>
  </si>
  <si>
    <t>01/21/2020 12:04:21</t>
  </si>
  <si>
    <t>fd417a89-905e-4f50-a4a0-4a023e55b6d0.tmp</t>
  </si>
  <si>
    <t>\\acsfs\profiles$\philipegsf\Downloads\fd417a89-905e-4f50-a4a0-4a023e55b6d0.tmp</t>
  </si>
  <si>
    <t>01/21/2020 12:06:17</t>
  </si>
  <si>
    <t>680a05fa-e896-4cb7-9b2c-137bb345f255.tmp</t>
  </si>
  <si>
    <t>\\acsfs\profiles$\philipegsf\Downloads\680a05fa-e896-4cb7-9b2c-137bb345f255.tmp</t>
  </si>
  <si>
    <t>01/21/2020 12:07:09</t>
  </si>
  <si>
    <t>01/21/2020 12:09:29</t>
  </si>
  <si>
    <t>01/21/2020 12:08:11</t>
  </si>
  <si>
    <t>01/21/2020 12:07:46</t>
  </si>
  <si>
    <t>462e459e-736f-4594-bfd6-18c0618e2515.tmp</t>
  </si>
  <si>
    <t>\\acsfs\profiles$\adelvinsonle\Downloads\462e459e-736f-4594-bfd6-18c0618e2515.tmp</t>
  </si>
  <si>
    <t>01/21/2020 12:07:55</t>
  </si>
  <si>
    <t>27a93d7f-6f88-4161-91ab-da949a45a266.tmp</t>
  </si>
  <si>
    <t>\\acsfs\profiles$\adelvinsonle\Downloads\27a93d7f-6f88-4161-91ab-da949a45a266.tmp</t>
  </si>
  <si>
    <t>01/21/2020 12:08:14</t>
  </si>
  <si>
    <t>01/21/2020 12:08:27</t>
  </si>
  <si>
    <t>sorriso protegido algar jan 2020;</t>
  </si>
  <si>
    <t>https://sorriso protegido algar jan 2020</t>
  </si>
  <si>
    <t>01/21/2020 12:05:51</t>
  </si>
  <si>
    <t>01/21/2020 12:11:29</t>
  </si>
  <si>
    <t>01/21/2020 12:09:09</t>
  </si>
  <si>
    <t>01/21/2020 12:09:51</t>
  </si>
  <si>
    <t>01/21/2020 12:12:28</t>
  </si>
  <si>
    <t>01/21/2020 12:10:35</t>
  </si>
  <si>
    <t>f189d004-c3cf-4fea-bb00-a5651df0cc68.tmp</t>
  </si>
  <si>
    <t>\\acsfs\profiles$\brendadsl\Downloads\f189d004-c3cf-4fea-bb00-a5651df0cc68.tmp</t>
  </si>
  <si>
    <t>01/21/2020 12:10:11</t>
  </si>
  <si>
    <t>Agent utilization 01.01.2020 a 19.01.2020.xlsx</t>
  </si>
  <si>
    <t>\\acsfs\DEPTOS\Operacao\PCP\5 - Comum\PLANEJAMENTO BV\23 - EXTRAÇÕES\Agent utilization\2020\Agent utilization 01.01.2020 a 19.01.2020.xlsx</t>
  </si>
  <si>
    <t>01/21/2020 12:10:19</t>
  </si>
  <si>
    <t>01/21/2020 12:08:09</t>
  </si>
  <si>
    <t>01/21/2020 12:08:39</t>
  </si>
  <si>
    <t>01/21/2020 12:10:40</t>
  </si>
  <si>
    <t>01/21/2020 12:13:10</t>
  </si>
  <si>
    <t>01/21/2020 12:14:28</t>
  </si>
  <si>
    <t>01/21/2020 12:15:28</t>
  </si>
  <si>
    <t>01/21/2020 12:10:51</t>
  </si>
  <si>
    <t>01/21/2020 12:14:55</t>
  </si>
  <si>
    <t>01/21/2020 12:15:07</t>
  </si>
  <si>
    <t>01/21/2020 12:15:00</t>
  </si>
  <si>
    <t>01/21/2020 12:13:18</t>
  </si>
  <si>
    <t>01/21/2020 12:16:28</t>
  </si>
  <si>
    <t>Não confirmado 900034.crdownload</t>
  </si>
  <si>
    <t>\\acsfs\ACS\Gabriel da Silva\Contemporânea\VENDAS\Não confirmado 900034.crdownload</t>
  </si>
  <si>
    <t>01/21/2020 12:14:07</t>
  </si>
  <si>
    <t>01/21/2020 12:14:38</t>
  </si>
  <si>
    <t>84cc1676-3c4d-43f0-a325-f94eb9b8823a.tmp</t>
  </si>
  <si>
    <t>\\acsfs\profiles$\gabrielsma\Downloads\84cc1676-3c4d-43f0-a325-f94eb9b8823a.tmp</t>
  </si>
  <si>
    <t>01/21/2020 12:14:47</t>
  </si>
  <si>
    <t>\\acsfs\ACS\Gabriel da Silva\Contemporânea\Acessos\Q29udHJvbGxlci5JRS1Qb3J0YWw-.ica.crdownload</t>
  </si>
  <si>
    <t>01/21/2020 12:15:01</t>
  </si>
  <si>
    <t>01/21/2020 12:15:02</t>
  </si>
  <si>
    <t>lu260804ah2nk.tmp</t>
  </si>
  <si>
    <t>\\acsfs\profiles$\BRUNAAR\Numero\lu260804ah2nk.tmp</t>
  </si>
  <si>
    <t>01/21/2020 12:15:52</t>
  </si>
  <si>
    <t>01/21/2020 12:17:29</t>
  </si>
  <si>
    <t>01/21/2020 12:15:59</t>
  </si>
  <si>
    <t>01/21/2020 12:16:22</t>
  </si>
  <si>
    <t>01/21/2020 12:13:40</t>
  </si>
  <si>
    <t>01/21/2020 12:15:40</t>
  </si>
  <si>
    <t>01/21/2020 12:16:40</t>
  </si>
  <si>
    <t>01/21/2020 12:13:26</t>
  </si>
  <si>
    <t>01/21/2020 12:15:49</t>
  </si>
  <si>
    <t>01/21/2020 12:18:28</t>
  </si>
  <si>
    <t>01/21/2020 12:15:45</t>
  </si>
  <si>
    <t>01/21/2020 12:15:41</t>
  </si>
  <si>
    <t>01/21/2020 12:19:29</t>
  </si>
  <si>
    <t>01/21/2020 12:14:11</t>
  </si>
  <si>
    <t>01/21/2020 12:15:54</t>
  </si>
  <si>
    <t>Não confirmado 424461.crdownload</t>
  </si>
  <si>
    <t>\\acsfs\Deptos\Operacao\Banco_Votorantim\Supervisao\Maristela\CRBV vendas\Desligamento\Não confirmado 424461.crdownload</t>
  </si>
  <si>
    <t>01/21/2020 12:14:24</t>
  </si>
  <si>
    <t>01/21/2020 12:15:10</t>
  </si>
  <si>
    <t>01/21/2020 12:20:28</t>
  </si>
  <si>
    <t>7574afdb-ed48-4c5d-9eb5-f6b69ab4403c.tmp</t>
  </si>
  <si>
    <t>\\acsfs\profiles$\mariagsg\Downloads\7574afdb-ed48-4c5d-9eb5-f6b69ab4403c.tmp</t>
  </si>
  <si>
    <t>01/21/2020 12:16:11</t>
  </si>
  <si>
    <t>01/21/2020 12:17:38</t>
  </si>
  <si>
    <t>01/21/2020 12:15:31</t>
  </si>
  <si>
    <t>01/21/2020 12:21:28</t>
  </si>
  <si>
    <t>01/21/2020 12:15:35</t>
  </si>
  <si>
    <t>01/21/2020 12:16:51</t>
  </si>
  <si>
    <t>01/21/2020 12:18:11</t>
  </si>
  <si>
    <t>01/21/2020 12:17:05</t>
  </si>
  <si>
    <t>icaIcaIcatu.csv.liaczs2.partial</t>
  </si>
  <si>
    <t>\\acsfs\ACS\Gabriel da Silva\Contemporânea\VENDAS\icaIcaIcatu.csv.liaczs2.partial</t>
  </si>
  <si>
    <t>01/21/2020 12:16:13</t>
  </si>
  <si>
    <t>lu260804ah2no.tmp</t>
  </si>
  <si>
    <t>\\acsfs\profiles$\BRUNAAR\Numero\lu260804ah2no.tmp</t>
  </si>
  <si>
    <t>01/21/2020 12:22:28</t>
  </si>
  <si>
    <t>525b9eeb-4604-4956-8fee-eaf4ed603027.tmp</t>
  </si>
  <si>
    <t>\\acsfs\profiles$\gabrielamdp\Downloads\525b9eeb-4604-4956-8fee-eaf4ed603027.tmp</t>
  </si>
  <si>
    <t>01/21/2020 12:21:17</t>
  </si>
  <si>
    <t>85017b3b-b882-4d9f-8607-7c7a5131a6f0.tmp</t>
  </si>
  <si>
    <t>\\acsfs\profiles$\gabrielamdp\Downloads\85017b3b-b882-4d9f-8607-7c7a5131a6f0.tmp</t>
  </si>
  <si>
    <t>01/21/2020 12:17:20</t>
  </si>
  <si>
    <t>01/21/2020 12:17:22</t>
  </si>
  <si>
    <t>01/21/2020 12:17:27</t>
  </si>
  <si>
    <t>01/21/2020 12:18:02</t>
  </si>
  <si>
    <t>100014299414656;antoniocoj@algartech.com;joaogvc@algartech.com;katia.cardoso@bv.com.br;marianadjc@algartech.com;planejamentodeoperacoesetrafego@bv.com.br;raphaelmco@algartech.com.br;ricardodfm@algartech.com.br;taysdss@algartech.com;</t>
  </si>
  <si>
    <t>100014299414656,antoniocoj@algartech.com,joaogvc@algartech.com,katia.cardoso@bv.com.br,marianadjc@algartech.com,planejamentodeoperacoesetrafego@bv.com.br,raphaelmco@algartech.com.br,ricardodfm@algartech.com.br,taysdss@algartech.com</t>
  </si>
  <si>
    <t>01/21/2020 12:18:05</t>
  </si>
  <si>
    <t>01/21/2020 12:18:57</t>
  </si>
  <si>
    <t>01/21/2020 12:19:31</t>
  </si>
  <si>
    <t>01/21/2020 12:17:10</t>
  </si>
  <si>
    <t>01/21/2020 12:18:12</t>
  </si>
  <si>
    <t>01/21/2020 12:18:13</t>
  </si>
  <si>
    <t>01/21/2020 12:23:28</t>
  </si>
  <si>
    <t>01/21/2020 12:19:52</t>
  </si>
  <si>
    <t>01/21/2020 12:19:53</t>
  </si>
  <si>
    <t>lu1047229x29.tmp</t>
  </si>
  <si>
    <t>\\acsfs\profiles$\Flaviojmm\My Documents\lu1047229x29.tmp</t>
  </si>
  <si>
    <t>\\acsfs\profiles$\Flaviojmm\My Documents\lu1047229x29.tmp\</t>
  </si>
  <si>
    <t>\\acsfs\profiles$\Flaviojmm\My Documents\lu1047229x29.tmp\META-INF\</t>
  </si>
  <si>
    <t>\\acsfs\profiles$\Flaviojmm\My Documents\lu1047229x29.tmp\Thumbnails\</t>
  </si>
  <si>
    <t>01/21/2020 12:20:18</t>
  </si>
  <si>
    <t>cb910733-d6f9-4fe5-a160-e947ae41101c.tmp</t>
  </si>
  <si>
    <t>\\acsfs\profiles$\cintiadjl\Downloads\cb910733-d6f9-4fe5-a160-e947ae41101c.tmp</t>
  </si>
  <si>
    <t>01/21/2020 12:20:19</t>
  </si>
  <si>
    <t>01/21/2020 12:18:15</t>
  </si>
  <si>
    <t>2619bf72-32c7-4188-aee3-4a79781fa086.tmp</t>
  </si>
  <si>
    <t>\\acsfs\profiles$\ingridsm\Downloads\2619bf72-32c7-4188-aee3-4a79781fa086.tmp</t>
  </si>
  <si>
    <t>01/21/2020 12:19:42</t>
  </si>
  <si>
    <t>cfa61444-e71c-45a8-986d-5849cc3d6e6a.tmp</t>
  </si>
  <si>
    <t>\\acsfs\profiles$\ingridsm\Downloads\cfa61444-e71c-45a8-986d-5849cc3d6e6a.tmp</t>
  </si>
  <si>
    <t>01/21/2020 12:21:42</t>
  </si>
  <si>
    <t>01/21/2020 12:24:29</t>
  </si>
  <si>
    <t>AGENT LOGIN LOGOUT DETAILS REPORT 20.01.2020.xlsx</t>
  </si>
  <si>
    <t>\\acsfs\deptos\Operacao\PCP\5 - Comum\PLANEJAMENTO BV\23 - EXTRAÇÕES\Agente Login Logout details report\2020\JANEIRO\AGENT LOGIN LOGOUT DETAILS REPORT 20.01.2020.xlsx</t>
  </si>
  <si>
    <t>01/21/2020 12:19:09</t>
  </si>
  <si>
    <t>01/21/2020 12:20:09</t>
  </si>
  <si>
    <t>01/21/2020 12:21:11</t>
  </si>
  <si>
    <t>atestado Patrick dia 20.zip</t>
  </si>
  <si>
    <t>\\acsfs\Deptos\Operacao\Banco_Votorantim\Supervisao\Maristela\CRBV vendas\Desligamento\atestado Patrick dia 20.zip</t>
  </si>
  <si>
    <t>\\acsfs\Deptos\Operacao\Banco_Votorantim\Supervisao\Maristela\CRBV vendas\Desligamento\atestado Patrick dia 20.zip\</t>
  </si>
  <si>
    <t>atestado Patrick dia 20.pdf</t>
  </si>
  <si>
    <t>01/21/2020 12:21:20</t>
  </si>
  <si>
    <t>01/21/2020 12:21:25</t>
  </si>
  <si>
    <t>https://algar.folhasinergyrh.com.br/afastamento/upload?id=0&amp;idsolicitacao=22556</t>
  </si>
  <si>
    <t>17/01/2020;20/01/2020;</t>
  </si>
  <si>
    <t>https://17/01/2020,20/01/2020</t>
  </si>
  <si>
    <t>01/21/2020 12:21:56</t>
  </si>
  <si>
    <t>01/21/2020 12:25:29</t>
  </si>
  <si>
    <t>01/21/2020 12:22:51</t>
  </si>
  <si>
    <t>01/21/2020 12:26:30</t>
  </si>
  <si>
    <t>01/21/2020 12:24:05</t>
  </si>
  <si>
    <t>01/21/2020 12:22:10</t>
  </si>
  <si>
    <t>01/21/2020 12:27:29</t>
  </si>
  <si>
    <t>01/21/2020 12:22:40</t>
  </si>
  <si>
    <t>01/21/2020 12:23:40</t>
  </si>
  <si>
    <t>01/21/2020 12:24:10</t>
  </si>
  <si>
    <t>01/21/2020 12:24:14</t>
  </si>
  <si>
    <t>01/21/2020 12:28:30</t>
  </si>
  <si>
    <t>d176d364-1e35-4776-a73f-3a60e4ee562e.tmp</t>
  </si>
  <si>
    <t>\\acsfs\profiles$\gabrielafs\Downloads\d176d364-1e35-4776-a73f-3a60e4ee562e.tmp</t>
  </si>
  <si>
    <t>01/21/2020 12:27:41</t>
  </si>
  <si>
    <t>01/21/2020 12:25:42</t>
  </si>
  <si>
    <t>NATANAEL LAURENCIO FURTADO (22283).contact</t>
  </si>
  <si>
    <t>\\acsfs\profiles$\NatanaelLF\Contacts\NATANAEL LAURENCIO FURTADO (22283).contact</t>
  </si>
  <si>
    <t>01/21/2020 12:29:29</t>
  </si>
  <si>
    <t>01/21/2020 12:25:09</t>
  </si>
  <si>
    <t>01/21/2020 12:26:09</t>
  </si>
  <si>
    <t>01/21/2020 12:24:12</t>
  </si>
  <si>
    <t>mail.google.com/sync/u/0/i/s?hl=pt-BR&amp;c=1259</t>
  </si>
  <si>
    <t>01/21/2020 12:24:19</t>
  </si>
  <si>
    <t>01/21/2020 12:24:30</t>
  </si>
  <si>
    <t>01/21/2020 12:25:49</t>
  </si>
  <si>
    <t>01/21/2020 12:30:30</t>
  </si>
  <si>
    <t>01/21/2020 12:28:31</t>
  </si>
  <si>
    <t>01/21/2020 12:28:32</t>
  </si>
  <si>
    <t>01/21/2020 12:28:33</t>
  </si>
  <si>
    <t>01/21/2020 12:29:30</t>
  </si>
  <si>
    <t>6fc30230-8e4e-4471-be33-c4e94e8e1e8e.tmp</t>
  </si>
  <si>
    <t>\\acsfs\profiles$\luanaldsi\Downloads\6fc30230-8e4e-4471-be33-c4e94e8e1e8e.tmp</t>
  </si>
  <si>
    <t>01/21/2020 12:25:32</t>
  </si>
  <si>
    <t>1fadbf75-dd3f-4413-a637-576d38566ddd.tmp</t>
  </si>
  <si>
    <t>\\acsfs\profiles$\LUISPLS\Downloads\1fadbf75-dd3f-4413-a637-576d38566ddd.tmp</t>
  </si>
  <si>
    <t>01/21/2020 12:25:50</t>
  </si>
  <si>
    <t>c2a76dec-bc53-4c7e-b7db-a1af7766d820.tmp</t>
  </si>
  <si>
    <t>\\acsfs\profiles$\LUISPLS\Downloads\c2a76dec-bc53-4c7e-b7db-a1af7766d820.tmp</t>
  </si>
  <si>
    <t>01/21/2020 12:29:17</t>
  </si>
  <si>
    <t>a3506156-8678-4de2-94a4-76ef52a8ed7d.tmp</t>
  </si>
  <si>
    <t>\\acsfs\profiles$\LUISPLS\Downloads\a3506156-8678-4de2-94a4-76ef52a8ed7d.tmp</t>
  </si>
  <si>
    <t>01/21/2020 12:31:29</t>
  </si>
  <si>
    <t>01/21/2020 12:28:51</t>
  </si>
  <si>
    <t>01/21/2020 12:29:10</t>
  </si>
  <si>
    <t>01/21/2020 12:32:30</t>
  </si>
  <si>
    <t>01/21/2020 12:31:41</t>
  </si>
  <si>
    <t>01/21/2020 12:31:07</t>
  </si>
  <si>
    <t>dcb16bb4-9218-458c-890a-05240c4447d0.tmp</t>
  </si>
  <si>
    <t>\\acsfs\profiles$\felipetds\Downloads\dcb16bb4-9218-458c-890a-05240c4447d0.tmp</t>
  </si>
  <si>
    <t>01/21/2020 12:31:56</t>
  </si>
  <si>
    <t>01/21/2020 12:31:34</t>
  </si>
  <si>
    <t>01/21/2020 12:34:29</t>
  </si>
  <si>
    <t>Queue Summary Report 01.01.20 a 19.01.2020.xlsx</t>
  </si>
  <si>
    <t>\\acsfs\deptos\Operacao\PCP\5 - Comum\PLANEJAMENTO BV\23 - EXTRAÇÕES\Queue Summary Report\2020\Queue Summary Report 01.01.20 a 19.01.2020.xlsx</t>
  </si>
  <si>
    <t>01/21/2020 12:31:09</t>
  </si>
  <si>
    <t>01/21/2020 12:32:09</t>
  </si>
  <si>
    <t>01/21/2020 12:30:07</t>
  </si>
  <si>
    <t>f619ebf1-9fd8-451c-8127-dd24e3362174.tmp</t>
  </si>
  <si>
    <t>\\acsfs\profiles$\mariajaf\Downloads\f619ebf1-9fd8-451c-8127-dd24e3362174.tmp</t>
  </si>
  <si>
    <t>01/21/2020 12:30:36</t>
  </si>
  <si>
    <t>01/21/2020 12:31:25</t>
  </si>
  <si>
    <t>1f481e9b-5e58-40aa-8ea2-084b624964e7.tmp</t>
  </si>
  <si>
    <t>\\acsfs\profiles$\mariajaf\Downloads\1f481e9b-5e58-40aa-8ea2-084b624964e7.tmp</t>
  </si>
  <si>
    <t>01/21/2020 12:35:30</t>
  </si>
  <si>
    <t>ef095972-fd68-44c5-8a0e-7ccc4e0492f2.tmp</t>
  </si>
  <si>
    <t>\\acsfs\profiles$\dhiulliananads\Downloads\ef095972-fd68-44c5-8a0e-7ccc4e0492f2.tmp</t>
  </si>
  <si>
    <t>01/21/2020 12:31:51</t>
  </si>
  <si>
    <t>01/21/2020 12:33:46</t>
  </si>
  <si>
    <t>01/21/2020 12:36:29</t>
  </si>
  <si>
    <t>01/21/2020 12:34:51</t>
  </si>
  <si>
    <t>01/21/2020 12:35:00</t>
  </si>
  <si>
    <t>01/21/2020 12:35:10</t>
  </si>
  <si>
    <t>a684ec25-f951-445e-a966-ca6569030d7d.tmp</t>
  </si>
  <si>
    <t>\\acsfs\profiles$\cassianogc\Downloads\a684ec25-f951-445e-a966-ca6569030d7d.tmp</t>
  </si>
  <si>
    <t>01/21/2020 12:34:17</t>
  </si>
  <si>
    <t>01/21/2020 12:34:19</t>
  </si>
  <si>
    <t>lu260804ah2ns.tmp</t>
  </si>
  <si>
    <t>\\acsfs\profiles$\BRUNAAR\Numero\lu260804ah2ns.tmp</t>
  </si>
  <si>
    <t>01/21/2020 12:34:41</t>
  </si>
  <si>
    <t>lu260804ah2nw.tmp</t>
  </si>
  <si>
    <t>\\acsfs\profiles$\BRUNAAR\Numero\lu260804ah2nw.tmp</t>
  </si>
  <si>
    <t>01/21/2020 12:36:19</t>
  </si>
  <si>
    <t>01/21/2020 12:37:29</t>
  </si>
  <si>
    <t>54f714f9-5f23-46ba-a722-a91687036c46.tmp</t>
  </si>
  <si>
    <t>\\acsfs\profiles$\larissaad\Downloads\54f714f9-5f23-46ba-a722-a91687036c46.tmp</t>
  </si>
  <si>
    <t>01/21/2020 12:32:11</t>
  </si>
  <si>
    <t>01/21/2020 12:36:41</t>
  </si>
  <si>
    <t>01/21/2020 12:36:44</t>
  </si>
  <si>
    <t>01/21/2020 12:38:29</t>
  </si>
  <si>
    <t>c8feec52-cbcd-46e4-a484-bee4e16223d3.tmp</t>
  </si>
  <si>
    <t>\\acsfs\profiles$\nathaliarmr\Downloads\c8feec52-cbcd-46e4-a484-bee4e16223d3.tmp</t>
  </si>
  <si>
    <t>01/21/2020 12:39:29</t>
  </si>
  <si>
    <t>01/21/2020 12:37:11</t>
  </si>
  <si>
    <t>01/21/2020 12:38:09</t>
  </si>
  <si>
    <t>01/21/2020 12:38:58</t>
  </si>
  <si>
    <t>01/21/2020 12:40:29</t>
  </si>
  <si>
    <t>01/21/2020 12:38:59</t>
  </si>
  <si>
    <t>lu1498012kwma.tmp</t>
  </si>
  <si>
    <t>\\acsfs\profiles$\dhiulliananads\My Documents\lu1498012kwma.tmp</t>
  </si>
  <si>
    <t>\\acsfs\profiles$\dhiulliananads\My Documents\lu1498012kwma.tmp\</t>
  </si>
  <si>
    <t>\\acsfs\profiles$\dhiulliananads\My Documents\lu1498012kwma.tmp\META-INF\</t>
  </si>
  <si>
    <t>\\acsfs\profiles$\dhiulliananads\My Documents\lu1498012kwma.tmp\Thumbnails\</t>
  </si>
  <si>
    <t>01/21/2020 12:35:51</t>
  </si>
  <si>
    <t>01/21/2020 12:41:29</t>
  </si>
  <si>
    <t>01/21/2020 12:36:14</t>
  </si>
  <si>
    <t>01/21/2020 12:36:37</t>
  </si>
  <si>
    <t>01/21/2020 12:38:37</t>
  </si>
  <si>
    <t>01/21/2020 12:38:43</t>
  </si>
  <si>
    <t>01/21/2020 12:38:03</t>
  </si>
  <si>
    <t>667fcb4a-c837-4ebc-b759-26f26f53e486.tmp</t>
  </si>
  <si>
    <t>\\acsfs\profiles$\gabrielaff\Downloads\667fcb4a-c837-4ebc-b759-26f26f53e486.tmp</t>
  </si>
  <si>
    <t>01/21/2020 12:39:01</t>
  </si>
  <si>
    <t>4336ceae-9bb3-4706-bdc0-240eb44998fc.tmp</t>
  </si>
  <si>
    <t>\\acsfs\profiles$\regisedsj\Downloads\4336ceae-9bb3-4706-bdc0-240eb44998fc.tmp</t>
  </si>
  <si>
    <t>6af85b87-cf1d-490d-8a14-214f264e6f9b.tmp</t>
  </si>
  <si>
    <t>\\acsfs\profiles$\regisedsj\Downloads\6af85b87-cf1d-490d-8a14-214f264e6f9b.tmp</t>
  </si>
  <si>
    <t>01/21/2020 12:39:02</t>
  </si>
  <si>
    <t>01/21/2020 12:40:05</t>
  </si>
  <si>
    <t>01/21/2020 12:42:29</t>
  </si>
  <si>
    <t>34ff7d0c-d7d6-4209-bbbd-411c9dba220b.tmp</t>
  </si>
  <si>
    <t>\\acsfs\profiles$\ERICALSR\Downloads\34ff7d0c-d7d6-4209-bbbd-411c9dba220b.tmp</t>
  </si>
  <si>
    <t>01/21/2020 12:38:11</t>
  </si>
  <si>
    <t>01/21/2020 12:38:41</t>
  </si>
  <si>
    <t>01/21/2020 12:39:11</t>
  </si>
  <si>
    <t>01/21/2020 12:40:11</t>
  </si>
  <si>
    <t>01/21/2020 12:41:11</t>
  </si>
  <si>
    <t>01/21/2020 12:38:51</t>
  </si>
  <si>
    <t>01/21/2020 12:43:29</t>
  </si>
  <si>
    <t>01/21/2020 12:41:49</t>
  </si>
  <si>
    <t>01/21/2020 12:40:55</t>
  </si>
  <si>
    <t>01/21/2020 12:39:43</t>
  </si>
  <si>
    <t>7ff52e48-ddf4-4980-86bd-e5b313bf8073.tmp</t>
  </si>
  <si>
    <t>\\acsfs\profiles$\ingridsm\Downloads\7ff52e48-ddf4-4980-86bd-e5b313bf8073.tmp</t>
  </si>
  <si>
    <t>01/21/2020 12:41:19</t>
  </si>
  <si>
    <t>01/21/2020 12:40:33</t>
  </si>
  <si>
    <t>01/21/2020 12:44:29</t>
  </si>
  <si>
    <t>01/21/2020 12:43:03</t>
  </si>
  <si>
    <t>"mozilla/5.0 (windows nt 6.1) applewebkel=drive.;"mozilla/5.0 (windows nt 6.1) applewebkit/537.36 (khtml;0;0]\\\\\\\)\\\\\\\]\\\)\);0]ot;;1;13;137;13700014;13700109;13700167;13700185;13700235;13700451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;13701709]]];13701749;13701825;13701833;13701901;13701905;13701909;13701921;13701945;13701949;13701953;13701957;13701969;13702064;13702068;13702084;13702088;1579520900840000;1579520901989000;1579572136516;1579612850903;1579613452958;1579614958088;169;2400];291;293;298;4;5701393;6.1;621969351;82;84;["mozilla/5.0 (windows nt 6.1) applewebkit/537.36 (khtml;[1;[[13701450;[[null;[];[]]];[false;[null;adfn-csyrvwqermfbxam1mkavsrzjlg0rundo9gysmvmlrxxhlhfmqhcw7_ynhcatkqscdyldsiy;drive.web-frontend_20200108.00_p2;false;f</t>
  </si>
  <si>
    <t>"mozilla/5.0 (windows nt 6.1) applewebkel=drive.,"mozilla/5.0 (windows nt 6.1) applewebkit/537.36 (khtml,0,0]\\\\\\\)\\\\\\\]\\\)\),0]ot;,1,13,137,13700014,13700109,13700167,13700185,13700235,13700451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,13701709]]],13701749,13701825,13701833,13701901,13701905,13701909,13701921,13701945,13701949,13701953,13701957,13701969,13702064,13702068,13702084,13702088,1579520900840000,1579520901989000,1579572136516,1579612850903,1579613452958,1579614958088,169,2400],291,293,298,4,5701393,6.1,621969351,82,84,["mozilla/5.0 (windows nt 6.1) applewebkit/537.36 (khtml,[1,[[13701450,[[null,[],[]]],[false,[null,adfn-csyrvwqermfbxam1mkavsrzjlg0rundo9gysmvmlrxxhlhfmqhcw7_ynhcatkqscdyldsiy,drive.web-frontend_20200108.00_p2,false,f</t>
  </si>
  <si>
    <t>01/21/2020 12:43:10</t>
  </si>
  <si>
    <t>01/21/2020 12:43:18</t>
  </si>
  <si>
    <t>"mozilla/5.0 (windows nt 6.1) applewebkit/537.36 (khtml;0;0]ot;;1;12;13;137;13700014;13700109;13700167;13700185;13700235;13700451;13700563;13700607;13700883;13700946;13700951;13700982;13700982�;13701078;13701139;13701207;13701214;13701235;13701239;13701262;13701276;13701298;13701418;13701422;13701430;13701458;13701486;13701506;13701510;13701534;13701537;13701573;13701577;13701589;13701609;13701613;13701625;13701653;13701657;13701693;13701709]];13701709]]];13701749;13701825;13701833;13701901;13701905;13701909;13701921;13701945;13701949;13701953;13701957;13701969;13702064;13702068;13702084;13702088;142;1579520900840000;1579520901989000;1579521807978;1579524214946;1579529030884;1579546802300;1579564008808;1579579960944;1579619344476;1579619946523;195;2400];28;312;314;4;5701393;6.1;621969351;82;84;87;["mozilla/5.0 (windows nt 6.1) applewebkit/537.36 (khtml;[1;[[13701450;[[null;[];[]]];[false;[null;adfn-csyrvwqermfbxam1mkavsrzjlg0rundo9gysmvmlrxxhlhfmqhcw7_ynhcatkqscdyldsiy;andrelpsa@algartech.com;drive.web-fronte</t>
  </si>
  <si>
    <t>"mozilla/5.0 (windows nt 6.1) applewebkit/537.36 (khtml,0,0]ot;,1,12,13,137,13700014,13700109,13700167,13700185,13700235,13700451,13700563,13700607,13700883,13700946,13700951,13700982,13700982�,13701078,13701139,13701207,13701214,13701235,13701239,13701262,13701276,13701298,13701418,13701422,13701430,13701458,13701486,13701506,13701510,13701534,13701537,13701573,13701577,13701589,13701609,13701613,13701625,13701653,13701657,13701693,13701709]],13701709]]],13701749,13701825,13701833,13701901,13701905,13701909,13701921,13701945,13701949,13701953,13701957,13701969,13702064,13702068,13702084,13702088,142,1579520900840000,1579520901989000,1579521807978,1579524214946,1579529030884,1579546802300,1579564008808,1579579960944,1579619344476,1579619946523,195,2400],28,312,314,4,5701393,6.1,621969351,82,84,87,["mozilla/5.0 (windows nt 6.1) applewebkit/537.36 (khtml,[1,[[13701450,[[null,[],[]]],[false,[null,adfn-csyrvwqermfbxam1mkavsrzjlg0rundo9gysmvmlrxxhlhfmqhcw7_ynhcatkqscdyldsiy,andrelpsa@algartech.com,drive.web-fronte</t>
  </si>
  <si>
    <t>01/21/2020 12:43:48</t>
  </si>
  <si>
    <t>01/21/2020 12:43:53</t>
  </si>
  <si>
    <t>01/21/2020 12:44:09</t>
  </si>
  <si>
    <t>01/21/2020 12:43:27</t>
  </si>
  <si>
    <t>01/21/2020 12:45:29</t>
  </si>
  <si>
    <t>01/21/2020 12:42:47</t>
  </si>
  <si>
    <t>aca35107-f9fd-4e49-9d4b-4b216b357a63.tmp</t>
  </si>
  <si>
    <t>\\acsfs\profiles$\luanaldsi\Downloads\aca35107-f9fd-4e49-9d4b-4b216b357a63.tmp</t>
  </si>
  <si>
    <t>01/21/2020 12:40:51</t>
  </si>
  <si>
    <t>01/21/2020 12:46:29</t>
  </si>
  <si>
    <t>01/21/2020 12:41:18</t>
  </si>
  <si>
    <t>01/21/2020 12:42:31</t>
  </si>
  <si>
    <t>40a2b68f-df2f-440c-887a-792e628a27c8.tmp</t>
  </si>
  <si>
    <t>\\acsfs\profiles$\cassianogc\Downloads\40a2b68f-df2f-440c-887a-792e628a27c8.tmp</t>
  </si>
  <si>
    <t>01/21/2020 12:42:11</t>
  </si>
  <si>
    <t>9d0f8a32-d161-4344-a470-1ad25f3c6f7c.tmp</t>
  </si>
  <si>
    <t>\\acsfs\profiles$\mariajra\Downloads\9d0f8a32-d161-4344-a470-1ad25f3c6f7c.tmp</t>
  </si>
  <si>
    <t>01/21/2020 12:44:17</t>
  </si>
  <si>
    <t>01/21/2020 12:41:20</t>
  </si>
  <si>
    <t>01/21/2020 12:44:53</t>
  </si>
  <si>
    <t>01/21/2020 12:47:29</t>
  </si>
  <si>
    <t>01/21/2020 12:44:56</t>
  </si>
  <si>
    <t>01/21/2020 12:43:39</t>
  </si>
  <si>
    <t>3ed0dec1-b407-478f-89c7-b3953de81607.tmp</t>
  </si>
  <si>
    <t>\\acsfs\profiles$\Angelicacldr\Downloads\3ed0dec1-b407-478f-89c7-b3953de81607.tmp</t>
  </si>
  <si>
    <t>01/21/2020 12:45:56</t>
  </si>
  <si>
    <t>c9163627-1e4a-4163-bdc9-8df064403886.tmp</t>
  </si>
  <si>
    <t>\\acsfs\profiles$\Angelicacldr\Downloads\c9163627-1e4a-4163-bdc9-8df064403886.tmp</t>
  </si>
  <si>
    <t>01/21/2020 12:46:30</t>
  </si>
  <si>
    <t>b44e3c75-e062-4e4a-b078-94e9f44fd0e7.tmp</t>
  </si>
  <si>
    <t>\\acsfs\profiles$\Angelicacldr\Downloads\b44e3c75-e062-4e4a-b078-94e9f44fd0e7.tmp</t>
  </si>
  <si>
    <t>01/21/2020 12:46:43</t>
  </si>
  <si>
    <t>27958696-745b-4e85-b769-18b04e365118.tmp</t>
  </si>
  <si>
    <t>\\acsfs\profiles$\Angelicacldr\Downloads\27958696-745b-4e85-b769-18b04e365118.tmp</t>
  </si>
  <si>
    <t>01/21/2020 12:44:26</t>
  </si>
  <si>
    <t>01/21/2020 12:48:29</t>
  </si>
  <si>
    <t>01/21/2020 12:44:27</t>
  </si>
  <si>
    <t>01/21/2020 12:46:37</t>
  </si>
  <si>
    <t>01/21/2020 12:49:30</t>
  </si>
  <si>
    <t>01/21/2020 12:46:53</t>
  </si>
  <si>
    <t>a1d2cfcf-72bf-4d43-b0a5-0ad86c1c613a.tmp</t>
  </si>
  <si>
    <t>\\acsfs\profiles$\adelvinsonle\Downloads\a1d2cfcf-72bf-4d43-b0a5-0ad86c1c613a.tmp</t>
  </si>
  <si>
    <t>01/21/2020 12:49:09</t>
  </si>
  <si>
    <t>01/21/2020 12:47:52</t>
  </si>
  <si>
    <t>01/21/2020 12:50:29</t>
  </si>
  <si>
    <t>01/21/2020 12:46:52</t>
  </si>
  <si>
    <t>01/21/2020 12:51:30</t>
  </si>
  <si>
    <t>01/21/2020 12:49:03</t>
  </si>
  <si>
    <t>01/21/2020 12:49:31</t>
  </si>
  <si>
    <t>01/21/2020 12:47:34</t>
  </si>
  <si>
    <t>01/21/2020 12:45:52</t>
  </si>
  <si>
    <t>8065e42f-8ec5-4fda-bc97-beabc4e8a199.tmp</t>
  </si>
  <si>
    <t>\\acsfs\profiles$\cassianogc\Downloads\8065e42f-8ec5-4fda-bc97-beabc4e8a199.tmp</t>
  </si>
  <si>
    <t>01/21/2020 12:46:01</t>
  </si>
  <si>
    <t>19ebe9cd-a408-4905-b200-23dbf32c178b.tmp</t>
  </si>
  <si>
    <t>\\acsfs\profiles$\cassianogc\Downloads\19ebe9cd-a408-4905-b200-23dbf32c178b.tmp</t>
  </si>
  <si>
    <t>01/21/2020 12:46:15</t>
  </si>
  <si>
    <t>32440678-e2a5-4d11-ab0c-01f628b59628.tmp</t>
  </si>
  <si>
    <t>\\acsfs\profiles$\cassianogc\Downloads\32440678-e2a5-4d11-ab0c-01f628b59628.tmp</t>
  </si>
  <si>
    <t>01/21/2020 12:50:32</t>
  </si>
  <si>
    <t>01/21/2020 12:49:47</t>
  </si>
  <si>
    <t>01/21/2020 12:52:29</t>
  </si>
  <si>
    <t>01/21/2020 12:49:59</t>
  </si>
  <si>
    <t>01/21/2020 12:50:14</t>
  </si>
  <si>
    <t>01/21/2020 12:50:27</t>
  </si>
  <si>
    <t>01/21/2020 12:47:41</t>
  </si>
  <si>
    <t>499e063c-ee2e-407f-b21e-be33644a6ad2.tmp</t>
  </si>
  <si>
    <t>\\acsfs\profiles$\Angelicacldr\Downloads\499e063c-ee2e-407f-b21e-be33644a6ad2.tmp</t>
  </si>
  <si>
    <t>01/21/2020 12:47:59</t>
  </si>
  <si>
    <t>aad65051-8440-4363-bcd6-c2496bea08c9.tmp</t>
  </si>
  <si>
    <t>\\acsfs\profiles$\Angelicacldr\Downloads\aad65051-8440-4363-bcd6-c2496bea08c9.tmp</t>
  </si>
  <si>
    <t>01/21/2020 12:47:12</t>
  </si>
  <si>
    <t>01/21/2020 12:47:42</t>
  </si>
  <si>
    <t>01/21/2020 12:49:42</t>
  </si>
  <si>
    <t>01/21/2020 12:54:30</t>
  </si>
  <si>
    <t>01/21/2020 12:50:09</t>
  </si>
  <si>
    <t>01/21/2020 12:55:29</t>
  </si>
  <si>
    <t>01/21/2020 12:50:18</t>
  </si>
  <si>
    <t>01/21/2020 12:52:56</t>
  </si>
  <si>
    <t>0c405be7-d5e6-41ec-a247-f082fe4b5bc7.tmp</t>
  </si>
  <si>
    <t>\\acsfs\profiles$\gabrielamdp\Downloads\0c405be7-d5e6-41ec-a247-f082fe4b5bc7.tmp</t>
  </si>
  <si>
    <t>d290e490-010c-4327-ab8d-0856c9b6093f.tmp</t>
  </si>
  <si>
    <t>\\acsfs\profiles$\gabrielamdp\Downloads\d290e490-010c-4327-ab8d-0856c9b6093f.tmp</t>
  </si>
  <si>
    <t>01/21/2020 12:52:57</t>
  </si>
  <si>
    <t>e40a4675-0aac-4e5e-8abc-b88128a55f82.tmp</t>
  </si>
  <si>
    <t>\\acsfs\profiles$\gabrielamdp\Downloads\e40a4675-0aac-4e5e-8abc-b88128a55f82.tmp</t>
  </si>
  <si>
    <t>01/21/2020 12:53:01</t>
  </si>
  <si>
    <t>31203802-0fe6-40f8-9d12-039320f533b4.tmp</t>
  </si>
  <si>
    <t>\\acsfs\profiles$\gabrielamdp\Downloads\31203802-0fe6-40f8-9d12-039320f533b4.tmp</t>
  </si>
  <si>
    <t>01/21/2020 12:52:52</t>
  </si>
  <si>
    <t>01/21/2020 12:56:29</t>
  </si>
  <si>
    <t>01/21/2020 12:53:56</t>
  </si>
  <si>
    <t>01/21/2020 12:50:51</t>
  </si>
  <si>
    <t>ecba6fc9-d2e6-4a31-9996-5bd6d5f8b653.tmp</t>
  </si>
  <si>
    <t>\\acsfs\profiles$\cassianogc\Downloads\ecba6fc9-d2e6-4a31-9996-5bd6d5f8b653.tmp</t>
  </si>
  <si>
    <t>01/21/2020 12:52:10</t>
  </si>
  <si>
    <t>9612c079-d486-4219-ba9c-032426dc437f.tmp</t>
  </si>
  <si>
    <t>\\acsfs\profiles$\cassianogc\Downloads\9612c079-d486-4219-ba9c-032426dc437f.tmp</t>
  </si>
  <si>
    <t>01/21/2020 12:52:23</t>
  </si>
  <si>
    <t>85dd73ca-8440-4e3f-ae98-3185e08bce85.tmp</t>
  </si>
  <si>
    <t>\\acsfs\profiles$\cassianogc\Downloads\85dd73ca-8440-4e3f-ae98-3185e08bce85.tmp</t>
  </si>
  <si>
    <t>01/21/2020 12:51:53</t>
  </si>
  <si>
    <t>01/21/2020 12:57:29</t>
  </si>
  <si>
    <t>b0133315-eb83-4219-8724-eec25fe1d1dd.tmp</t>
  </si>
  <si>
    <t>\\acsfs\profiles$\ERICALSR\Downloads\b0133315-eb83-4219-8724-eec25fe1d1dd.tmp</t>
  </si>
  <si>
    <t>01/21/2020 12:54:59</t>
  </si>
  <si>
    <t>01/21/2020 12:55:09</t>
  </si>
  <si>
    <t>01/21/2020 12:52:42</t>
  </si>
  <si>
    <t>01/21/2020 12:53:12</t>
  </si>
  <si>
    <t>01/21/2020 12:54:42</t>
  </si>
  <si>
    <t>01/21/2020 12:53:08</t>
  </si>
  <si>
    <t>6e0d117a-4fd3-41b3-9dc9-95696bd7eebf.tmp</t>
  </si>
  <si>
    <t>\\acsfs\profiles$\PEDROHAB\Downloads\6e0d117a-4fd3-41b3-9dc9-95696bd7eebf.tmp</t>
  </si>
  <si>
    <t>01/21/2020 12:55:51</t>
  </si>
  <si>
    <t>01/21/2020 12:58:29</t>
  </si>
  <si>
    <t>01/21/2020 12:55:39</t>
  </si>
  <si>
    <t>01/21/2020 12:59:30</t>
  </si>
  <si>
    <t>01/21/2020 12:59:09</t>
  </si>
  <si>
    <t>8d470fb5-1fa7-40e8-8eb8-0b25f76413f0.tmp</t>
  </si>
  <si>
    <t>\\acsfs\profiles$\monicargds\Downloads\8d470fb5-1fa7-40e8-8eb8-0b25f76413f0.tmp</t>
  </si>
  <si>
    <t>01/21/2020 12:56:48</t>
  </si>
  <si>
    <t>01/21/2020 13:00:29</t>
  </si>
  <si>
    <t>01/21/2020 12:56:09</t>
  </si>
  <si>
    <t>01/21/2020 12:57:59</t>
  </si>
  <si>
    <t>56b8c940-e2f9-4a3c-a108-777b4c0b1577.tmp</t>
  </si>
  <si>
    <t>\\acsfs\profiles$\gabrielamdp\Downloads\56b8c940-e2f9-4a3c-a108-777b4c0b1577.tmp</t>
  </si>
  <si>
    <t>01/21/2020 12:58:03</t>
  </si>
  <si>
    <t>6f952877-e120-4dfa-86bd-ec1c7ea1275d.tmp</t>
  </si>
  <si>
    <t>\\acsfs\profiles$\gabrielamdp\Downloads\6f952877-e120-4dfa-86bd-ec1c7ea1275d.tmp</t>
  </si>
  <si>
    <t>01/21/2020 12:56:34</t>
  </si>
  <si>
    <t>01/21/2020 13:01:30</t>
  </si>
  <si>
    <t>01/21/2020 12:58:52</t>
  </si>
  <si>
    <t>01/21/2020 13:00:46</t>
  </si>
  <si>
    <t>13522437-e2b8-4394-8c5e-edd9e512f7b1.tmp</t>
  </si>
  <si>
    <t>\\acsfs\profiles$\cassianogc\Downloads\13522437-e2b8-4394-8c5e-edd9e512f7b1.tmp</t>
  </si>
  <si>
    <t>01/21/2020 12:57:11</t>
  </si>
  <si>
    <t>01/21/2020 12:57:16</t>
  </si>
  <si>
    <t>01/21/2020 12:57:35</t>
  </si>
  <si>
    <t>01/21/2020 12:57:39</t>
  </si>
  <si>
    <t>01/21/2020 12:57:46</t>
  </si>
  <si>
    <t>01/21/2020 12:57:48</t>
  </si>
  <si>
    <t>01/21/2020 12:59:03</t>
  </si>
  <si>
    <t>01/21/2020 13:00:00</t>
  </si>
  <si>
    <t>01/21/2020 13:00:06</t>
  </si>
  <si>
    <t>01/21/2020 13:00:10</t>
  </si>
  <si>
    <t>01/21/2020 13:00:13</t>
  </si>
  <si>
    <t>01/21/2020 13:00:54</t>
  </si>
  <si>
    <t>01/21/2020 13:01:02</t>
  </si>
  <si>
    <t>01/21/2020 13:00:07</t>
  </si>
  <si>
    <t>392cc2c3-b05c-4184-9db4-1415d254f0da.tmp</t>
  </si>
  <si>
    <t>\\acsfs\profiles$\sarahbal\Downloads\392cc2c3-b05c-4184-9db4-1415d254f0da.tmp</t>
  </si>
  <si>
    <t>01/21/2020 12:59:44</t>
  </si>
  <si>
    <t>01/21/2020 12:58:31</t>
  </si>
  <si>
    <t>01/21/2020 13:02:30</t>
  </si>
  <si>
    <t>01/21/2020 12:59:13</t>
  </si>
  <si>
    <t>01/21/2020 12:59:34</t>
  </si>
  <si>
    <t>01/21/2020 12:57:30</t>
  </si>
  <si>
    <t>01/21/2020 12:57:31</t>
  </si>
  <si>
    <t>01/21/2020 12:57:32</t>
  </si>
  <si>
    <t>01/21/2020 12:57:34</t>
  </si>
  <si>
    <t>01/21/2020 12:57:36</t>
  </si>
  <si>
    <t>01/21/2020 12:57:37</t>
  </si>
  <si>
    <t>01/21/2020 12:57:38</t>
  </si>
  <si>
    <t>01/21/2020 12:57:40</t>
  </si>
  <si>
    <t>01/21/2020 12:57:41</t>
  </si>
  <si>
    <t>01/21/2020 12:57:42</t>
  </si>
  <si>
    <t>01/21/2020 12:57:43</t>
  </si>
  <si>
    <t>01/21/2020 12:57:44</t>
  </si>
  <si>
    <t>01/21/2020 12:57:45</t>
  </si>
  <si>
    <t>01/21/2020 12:57:47</t>
  </si>
  <si>
    <t>01/21/2020 12:57:49</t>
  </si>
  <si>
    <t>01/21/2020 12:57:50</t>
  </si>
  <si>
    <t>01/21/2020 12:58:13</t>
  </si>
  <si>
    <t>01/21/2020 13:00:43</t>
  </si>
  <si>
    <t>01/21/2020 13:01:13</t>
  </si>
  <si>
    <t>01/21/2020 13:01:43</t>
  </si>
  <si>
    <t>01/21/2020 12:58:59</t>
  </si>
  <si>
    <t>01/21/2020 12:59:02</t>
  </si>
  <si>
    <t>01/21/2020 13:02:40</t>
  </si>
  <si>
    <t>01/21/2020 13:03:29</t>
  </si>
  <si>
    <t>01/21/2020 13:04:30</t>
  </si>
  <si>
    <t>01/21/2020 13:01:09</t>
  </si>
  <si>
    <t>01/21/2020 13:05:29</t>
  </si>
  <si>
    <t>01/21/2020 13:02:09</t>
  </si>
  <si>
    <t>01/21/2020 13:00:48</t>
  </si>
  <si>
    <t>f559c100-c2c5-4e4e-a143-a0a6f1ad6bab.tmp</t>
  </si>
  <si>
    <t>\\acsfs\profiles$\LUISPLS\Downloads\f559c100-c2c5-4e4e-a143-a0a6f1ad6bab.tmp</t>
  </si>
  <si>
    <t>01/21/2020 13:04:41</t>
  </si>
  <si>
    <t>01/21/2020 13:06:29</t>
  </si>
  <si>
    <t>01/21/2020 13:04:52</t>
  </si>
  <si>
    <t>01/21/2020 13:01:18</t>
  </si>
  <si>
    <t>721a6c37-bffb-42da-8ee8-ba67c894e711.tmp</t>
  </si>
  <si>
    <t>\\acsfs\profiles$\cassianogc\Downloads\721a6c37-bffb-42da-8ee8-ba67c894e711.tmp</t>
  </si>
  <si>
    <t>01/21/2020 13:02:50</t>
  </si>
  <si>
    <t>dd951043-ef3d-4515-893d-08933d1501f4.tmp</t>
  </si>
  <si>
    <t>\\acsfs\profiles$\cassianogc\Downloads\dd951043-ef3d-4515-893d-08933d1501f4.tmp</t>
  </si>
  <si>
    <t>01/21/2020 13:02:05</t>
  </si>
  <si>
    <t>f1242e1e-7e86-4919-9495-cb660aa39379.tmp</t>
  </si>
  <si>
    <t>\\acsfs\profiles$\andressamf\Downloads\f1242e1e-7e86-4919-9495-cb660aa39379.tmp</t>
  </si>
  <si>
    <t>01/21/2020 13:03:46</t>
  </si>
  <si>
    <t>01/21/2020 13:03:49</t>
  </si>
  <si>
    <t>01/21/2020 12:39:44</t>
  </si>
  <si>
    <t>01/21/2020 13:07:29</t>
  </si>
  <si>
    <t>01/21/2020 12:39:45</t>
  </si>
  <si>
    <t>lu64406rqwje.tmp</t>
  </si>
  <si>
    <t>\\acsfs\profiles$\ALYNYA\My Documents\lu64406rqwje.tmp</t>
  </si>
  <si>
    <t>\\acsfs\profiles$\ALYNYA\My Documents\lu64406rqwje.tmp\</t>
  </si>
  <si>
    <t>\\acsfs\profiles$\ALYNYA\My Documents\lu64406rqwje.tmp\META-INF\</t>
  </si>
  <si>
    <t>01/21/2020 13:06:34</t>
  </si>
  <si>
    <t>\\acsfs\profiles$\brendavdoa\My Documents\untitled.png</t>
  </si>
  <si>
    <t>\\acsfs\profiles$\ALYNYA\My Documents\lu64406rqwje.tmp\Thumbnails\</t>
  </si>
  <si>
    <t>01/21/2020 12:40:46</t>
  </si>
  <si>
    <t>01/21/2020 13:07:24</t>
  </si>
  <si>
    <t>01/21/2020 13:08:29</t>
  </si>
  <si>
    <t>29272379-2eab-404e-91fa-4f149cbd3914.tmp</t>
  </si>
  <si>
    <t>\\acsfs\profiles$\gabrielafs\Downloads\29272379-2eab-404e-91fa-4f149cbd3914.tmp</t>
  </si>
  <si>
    <t>01/21/2020 13:08:06</t>
  </si>
  <si>
    <t>HENRIQUE HUMBERTO MARCELINO DE OLIVEIRA_1_6780299277814016437_1_32.wav</t>
  </si>
  <si>
    <t>\\acsfs\Deptos\EDUCACAO EMPRESARIAL\KÉSIA\Ligações 3º ciclo - Janeiro 2020\HENRIQUE HUMBERTO MARCELINO DE OLIVEIRA_1_6780299277814016437_1_32.wav</t>
  </si>
  <si>
    <t>01/21/2020 13:09:29</t>
  </si>
  <si>
    <t>01/21/2020 13:07:09</t>
  </si>
  <si>
    <t>01/21/2020 13:10:30</t>
  </si>
  <si>
    <t>01/21/2020 13:08:15</t>
  </si>
  <si>
    <t>01/21/2020 13:09:37</t>
  </si>
  <si>
    <t>2301ceae-dfc0-43e0-a31d-ab7eea32e19b.tmp</t>
  </si>
  <si>
    <t>\\acsfs\profiles$\quindaizaagds\Downloads\2301ceae-dfc0-43e0-a31d-ab7eea32e19b.tmp</t>
  </si>
  <si>
    <t>01/21/2020 13:09:39</t>
  </si>
  <si>
    <t>01/21/2020 13:11:29</t>
  </si>
  <si>
    <t>01/21/2020 13:09:19</t>
  </si>
  <si>
    <t>01/21/2020 13:12:29</t>
  </si>
  <si>
    <t>44dd4bcf-2105-417a-ae0e-b1e14cec1762.tmp</t>
  </si>
  <si>
    <t>\\acsfs\profiles$\joselrb\Downloads\44dd4bcf-2105-417a-ae0e-b1e14cec1762.tmp</t>
  </si>
  <si>
    <t>01/21/2020 13:07:38</t>
  </si>
  <si>
    <t>01/21/2020 13:10:39</t>
  </si>
  <si>
    <t>01/21/2020 13:10:41</t>
  </si>
  <si>
    <t>lu10556ftya.tmp</t>
  </si>
  <si>
    <t>\\acsfs\profiles$\VIVIANALDS\My Documents\lu10556ftya.tmp</t>
  </si>
  <si>
    <t>\\acsfs\profiles$\VIVIANALDS\My Documents\lu10556ftya.tmp\</t>
  </si>
  <si>
    <t>\\acsfs\profiles$\VIVIANALDS\My Documents\lu10556ftya.tmp\META-INF\</t>
  </si>
  <si>
    <t>\\acsfs\profiles$\VIVIANALDS\My Documents\lu10556ftya.tmp\Thumbnails\</t>
  </si>
  <si>
    <t>01/21/2020 13:07:37</t>
  </si>
  <si>
    <t>$IBHXMP2.png</t>
  </si>
  <si>
    <t>\\acsfs\profiles$\brendavdoa\My Documents\$RECYCLE.BIN\$IBHXMP2.png</t>
  </si>
  <si>
    <t>01/21/2020 13:07:34</t>
  </si>
  <si>
    <t>462293e0-70ab-4188-af74-b8376763d9a6.tmp</t>
  </si>
  <si>
    <t>\\acsfs\profiles$\laylaams\Downloads\462293e0-70ab-4188-af74-b8376763d9a6.tmp</t>
  </si>
  <si>
    <t>01/21/2020 13:08:46</t>
  </si>
  <si>
    <t>210cfd70-1911-44e5-8cd2-1c20e2416abb.tmp</t>
  </si>
  <si>
    <t>\\acsfs\profiles$\laylaams\Downloads\210cfd70-1911-44e5-8cd2-1c20e2416abb.tmp</t>
  </si>
  <si>
    <t>01/21/2020 13:09:53</t>
  </si>
  <si>
    <t>01/21/2020 13:12:00</t>
  </si>
  <si>
    <t>01/21/2020 13:13:29</t>
  </si>
  <si>
    <t>01/21/2020 13:12:49</t>
  </si>
  <si>
    <t>01/21/2020 13:12:07</t>
  </si>
  <si>
    <t>bc337009-3223-48c4-a4be-5ed111562ad0.tmp</t>
  </si>
  <si>
    <t>\\acsfs\profiles$\lucasgpe\Downloads\bc337009-3223-48c4-a4be-5ed111562ad0.tmp</t>
  </si>
  <si>
    <t>01/21/2020 13:08:21</t>
  </si>
  <si>
    <t>68603e69-078e-459e-9cf5-00a1cfcbcf4f.tmp</t>
  </si>
  <si>
    <t>\\acsfs\profiles$\paulovadc\Downloads\68603e69-078e-459e-9cf5-00a1cfcbcf4f.tmp</t>
  </si>
  <si>
    <t>01/21/2020 13:14:29</t>
  </si>
  <si>
    <t>01/21/2020 13:11:42</t>
  </si>
  <si>
    <t>01/21/2020 13:11:43</t>
  </si>
  <si>
    <t>lu2733221pk3z.tmp</t>
  </si>
  <si>
    <t>\\acsfs\profiles$\RAFAELRF\meu\lu2733221pk3z.tmp</t>
  </si>
  <si>
    <t>01/21/2020 13:13:10</t>
  </si>
  <si>
    <t>01/21/2020 13:15:30</t>
  </si>
  <si>
    <t>01/21/2020 13:14:10</t>
  </si>
  <si>
    <t>01/21/2020 13:10:25</t>
  </si>
  <si>
    <t>7f22b152-0e2d-4082-90ba-98a474086cba.tmp</t>
  </si>
  <si>
    <t>\\acsfs\profiles$\quindaizaagds\Downloads\7f22b152-0e2d-4082-90ba-98a474086cba.tmp</t>
  </si>
  <si>
    <t>01/21/2020 13:11:40</t>
  </si>
  <si>
    <t>2105094a-784e-4672-b84e-1cce32bb2632.tmp</t>
  </si>
  <si>
    <t>\\acsfs\profiles$\quindaizaagds\Downloads\2105094a-784e-4672-b84e-1cce32bb2632.tmp</t>
  </si>
  <si>
    <t>01/21/2020 13:10:27</t>
  </si>
  <si>
    <t>01/21/2020 13:11:00</t>
  </si>
  <si>
    <t>01/21/2020 13:10:52</t>
  </si>
  <si>
    <t>01/21/2020 13:16:29</t>
  </si>
  <si>
    <t>01/21/2020 13:12:12</t>
  </si>
  <si>
    <t>01/21/2020 13:11:03</t>
  </si>
  <si>
    <t>gustavodsil@algartech.com;raicdf@algartech.com;</t>
  </si>
  <si>
    <t>gustavodsil@algartech.com,raicdf@algartech.com</t>
  </si>
  <si>
    <t>01/21/2020 13:11:13</t>
  </si>
  <si>
    <t>01/21/2020 13:11:17</t>
  </si>
  <si>
    <t>outlook.office.com/owa/service.svc?action=UpdateItem&amp;app=Mail&amp;n=206</t>
  </si>
  <si>
    <t>01/21/2020 13:11:49</t>
  </si>
  <si>
    <t>outlook.office.com/owa/service.svc?action=CreateItem&amp;app=Mail&amp;n=214</t>
  </si>
  <si>
    <t>01/21/2020 13:12:08</t>
  </si>
  <si>
    <t>01/21/2020 13:12:10</t>
  </si>
  <si>
    <t>outlook.office.com/owa/service.svc?action=UpdateItem&amp;app=Mail&amp;n=219</t>
  </si>
  <si>
    <t>01/21/2020 13:12:05</t>
  </si>
  <si>
    <t>fac5db9b-1b08-4e8a-8fb0-183d49402e20.tmp</t>
  </si>
  <si>
    <t>\\acsfs\profiles$\cassianogc\Downloads\fac5db9b-1b08-4e8a-8fb0-183d49402e20.tmp</t>
  </si>
  <si>
    <t>01/21/2020 13:13:06</t>
  </si>
  <si>
    <t>01/21/2020 13:15:15</t>
  </si>
  <si>
    <t>01/21/2020 13:17:30</t>
  </si>
  <si>
    <t>01/21/2020 13:16:15</t>
  </si>
  <si>
    <t>01/21/2020 13:14:34</t>
  </si>
  <si>
    <t>01/21/2020 13:18:29</t>
  </si>
  <si>
    <t>d9af2642-e49a-46a5-9730-24b18887cf46.tmp</t>
  </si>
  <si>
    <t>\\acsfs\profiles$\nathaliarmr\Downloads\d9af2642-e49a-46a5-9730-24b18887cf46.tmp</t>
  </si>
  <si>
    <t>01/21/2020 13:14:44</t>
  </si>
  <si>
    <t>01/21/2020 13:19:29</t>
  </si>
  <si>
    <t>Luana Rosa De Almeida_1_6780651658405807933_1_32.wav</t>
  </si>
  <si>
    <t>\\acsfs\Deptos\EDUCACAO EMPRESARIAL\FERNANDA MONIT\Fernanda\MONITORIA JANEIRO\Ligaçoes para MUTANT terceiro ciclo janeiro\Luana Rosa De Almeida_1_6780651658405807933_1_32.wav</t>
  </si>
  <si>
    <t>01/21/2020 13:16:42</t>
  </si>
  <si>
    <t>01/21/2020 13:16:56</t>
  </si>
  <si>
    <t>01/21/2020 13:16:57</t>
  </si>
  <si>
    <t>01/21/2020 13:17:51</t>
  </si>
  <si>
    <t>01/21/2020 13:17:55</t>
  </si>
  <si>
    <t>01/21/2020 13:15:34</t>
  </si>
  <si>
    <t>\\acsfs\DEPTOS\Operacao\Banco_Votorantim\Qualidade\Anderson\Auditoria de Vendas\Relatorio de vendas\Relatorio de vendas - BV Financeira\2020\Janeiro\</t>
  </si>
  <si>
    <t>Relatorio de Vendas - Auditoria BV Financeira - Janeiro_ - Cópia.xlsm</t>
  </si>
  <si>
    <t>\\acsfs\DEPTOS\Operacao\Banco_Votorantim\Qualidade\Anderson\Auditoria de Vendas\Relatorio de vendas\Relatorio de vendas - BV Financeira\2020\Janeiro\Relatorio de Vendas - Auditoria BV Financeira - Janeiro_ - Cópia.xlsm</t>
  </si>
  <si>
    <t>01/21/2020 13:16:05</t>
  </si>
  <si>
    <t>01/21/2020 13:20:29</t>
  </si>
  <si>
    <t>7df90713-898f-4740-a60b-262113a5cd6d.tmp</t>
  </si>
  <si>
    <t>\\acsfs\profiles$\luanaldsi\Downloads\7df90713-898f-4740-a60b-262113a5cd6d.tmp</t>
  </si>
  <si>
    <t>01/21/2020 13:19:10</t>
  </si>
  <si>
    <t>01/21/2020 13:17:56</t>
  </si>
  <si>
    <t>01/21/2020 13:16:06</t>
  </si>
  <si>
    <t>01/21/2020 13:16:52</t>
  </si>
  <si>
    <t>01/21/2020 13:21:30</t>
  </si>
  <si>
    <t>01/21/2020 13:19:58</t>
  </si>
  <si>
    <t>01/21/2020 13:16:35</t>
  </si>
  <si>
    <t>01/21/2020 13:19:28</t>
  </si>
  <si>
    <t>01/21/2020 13:22:29</t>
  </si>
  <si>
    <t>01/21/2020 13:17:15</t>
  </si>
  <si>
    <t>01/21/2020 13:17:45</t>
  </si>
  <si>
    <t>01/21/2020 13:19:15</t>
  </si>
  <si>
    <t>01/21/2020 13:19:45</t>
  </si>
  <si>
    <t>01/21/2020 13:20:15</t>
  </si>
  <si>
    <t>01/21/2020 13:20:45</t>
  </si>
  <si>
    <t>01/21/2020 13:21:45</t>
  </si>
  <si>
    <t>01/21/2020 13:20:34</t>
  </si>
  <si>
    <t>01/21/2020 13:19:46</t>
  </si>
  <si>
    <t>01/21/2020 13:23:29</t>
  </si>
  <si>
    <t>01/21/2020 13:22:50</t>
  </si>
  <si>
    <t>01/21/2020 13:22:48</t>
  </si>
  <si>
    <t>01/21/2020 13:23:02</t>
  </si>
  <si>
    <t>01/21/2020 13:23:05</t>
  </si>
  <si>
    <t>01/21/2020 13:20:13</t>
  </si>
  <si>
    <t>Erro fatal ESTER APARECIDA SILVA GOULART.PNG</t>
  </si>
  <si>
    <t>\\acsfs\ACS\001 - Qualidade Lilian\PAULO\Pasta Tainara\Erro fatal ESTER APARECIDA SILVA GOULART.PNG</t>
  </si>
  <si>
    <t>01/21/2020 13:20:43</t>
  </si>
  <si>
    <t>01/21/2020 13:24:29</t>
  </si>
  <si>
    <t>01/21/2020 13:20:57</t>
  </si>
  <si>
    <t>01/21/2020 13:20:58</t>
  </si>
  <si>
    <t>01/21/2020 13:22:33</t>
  </si>
  <si>
    <t>01/21/2020 13:23:28</t>
  </si>
  <si>
    <t>01/21/2020 13:20:00</t>
  </si>
  <si>
    <t>85a0a472-701e-4bc9-83ca-4cd0955919e8.tmp</t>
  </si>
  <si>
    <t>\\acsfs\profiles$\karinarm\Downloads\85a0a472-701e-4bc9-83ca-4cd0955919e8.tmp</t>
  </si>
  <si>
    <t>01/21/2020 13:21:20</t>
  </si>
  <si>
    <t>f7cbb702-7f37-4c20-9ccf-aca80d98c7c2.tmp</t>
  </si>
  <si>
    <t>\\acsfs\profiles$\karinarm\Downloads\f7cbb702-7f37-4c20-9ccf-aca80d98c7c2.tmp</t>
  </si>
  <si>
    <t>01/21/2020 13:21:59</t>
  </si>
  <si>
    <t>0720d2e0-32da-43eb-a54c-cf29319edf0d.tmp</t>
  </si>
  <si>
    <t>\\acsfs\profiles$\karinarm\Downloads\0720d2e0-32da-43eb-a54c-cf29319edf0d.tmp</t>
  </si>
  <si>
    <t>01/21/2020 13:19:16</t>
  </si>
  <si>
    <t>01/21/2020 13:20:08</t>
  </si>
  <si>
    <t>fb30ddde-406b-4ad2-9119-5d9c4486caf1.tmp</t>
  </si>
  <si>
    <t>\\acsfs\profiles$\geovannasm\Downloads\fb30ddde-406b-4ad2-9119-5d9c4486caf1.tmp</t>
  </si>
  <si>
    <t>01/21/2020 13:20:12</t>
  </si>
  <si>
    <t>6dd8e06f-1b41-445d-8bfb-7e6990bce3fd.tmp</t>
  </si>
  <si>
    <t>\\acsfs\profiles$\geovannasm\Downloads\6dd8e06f-1b41-445d-8bfb-7e6990bce3fd.tmp</t>
  </si>
  <si>
    <t>01/21/2020 13:20:10</t>
  </si>
  <si>
    <t>01/21/2020 13:25:29</t>
  </si>
  <si>
    <t>01/21/2020 13:22:52</t>
  </si>
  <si>
    <t>01/21/2020 13:26:29</t>
  </si>
  <si>
    <t>01/21/2020 13:25:36</t>
  </si>
  <si>
    <t>01/21/2020 13:21:29</t>
  </si>
  <si>
    <t>01/21/2020 13:21:33</t>
  </si>
  <si>
    <t>01/21/2020 13:21:34</t>
  </si>
  <si>
    <t>01/21/2020 13:25:32</t>
  </si>
  <si>
    <t>01/21/2020 13:22:46</t>
  </si>
  <si>
    <t>01/21/2020 13:27:30</t>
  </si>
  <si>
    <t>01/21/2020 13:23:16</t>
  </si>
  <si>
    <t>01/21/2020 13:23:46</t>
  </si>
  <si>
    <t>01/21/2020 13:24:46</t>
  </si>
  <si>
    <t>01/21/2020 13:25:16</t>
  </si>
  <si>
    <t>01/21/2020 13:25:55</t>
  </si>
  <si>
    <t>01/21/2020 13:23:45</t>
  </si>
  <si>
    <t>01/21/2020 13:28:29</t>
  </si>
  <si>
    <t>01/21/2020 13:23:19</t>
  </si>
  <si>
    <t>01/21/2020 13:23:31</t>
  </si>
  <si>
    <t>01/21/2020 13:24:02</t>
  </si>
  <si>
    <t>01/21/2020 13:24:05</t>
  </si>
  <si>
    <t>01/21/2020 13:24:10</t>
  </si>
  <si>
    <t>01/21/2020 13:24:31</t>
  </si>
  <si>
    <t>01/21/2020 13:24:39</t>
  </si>
  <si>
    <t>01/21/2020 13:24:44</t>
  </si>
  <si>
    <t>01/21/2020 13:24:47</t>
  </si>
  <si>
    <t>01/21/2020 13:24:56</t>
  </si>
  <si>
    <t>01/21/2020 13:25:09</t>
  </si>
  <si>
    <t>01/21/2020 13:25:21</t>
  </si>
  <si>
    <t>01/21/2020 13:25:30</t>
  </si>
  <si>
    <t>01/21/2020 13:24:32</t>
  </si>
  <si>
    <t>01/21/2020 13:29:29</t>
  </si>
  <si>
    <t>01/21/2020 13:24:55</t>
  </si>
  <si>
    <t>01/21/2020 13:24:57</t>
  </si>
  <si>
    <t>01/21/2020 13:25:10</t>
  </si>
  <si>
    <t>01/21/2020 13:25:14</t>
  </si>
  <si>
    <t>01/21/2020 13:26:57</t>
  </si>
  <si>
    <t>01/21/2020 13:27:06</t>
  </si>
  <si>
    <t>01/21/2020 13:27:13</t>
  </si>
  <si>
    <t>01/21/2020 13:27:18</t>
  </si>
  <si>
    <t>01/21/2020 13:30:29</t>
  </si>
  <si>
    <t>01/21/2020 13:26:10</t>
  </si>
  <si>
    <t>01/21/2020 13:25:42</t>
  </si>
  <si>
    <t>29143559-f3ab-4909-9032-633236a076f3.tmp</t>
  </si>
  <si>
    <t>\\acsfs\profiles$\danielpdl\Downloads\29143559-f3ab-4909-9032-633236a076f3.tmp</t>
  </si>
  <si>
    <t>01/21/2020 13:28:24</t>
  </si>
  <si>
    <t>01/21/2020 13:26:55</t>
  </si>
  <si>
    <t>01/21/2020 13:31:30</t>
  </si>
  <si>
    <t>01/21/2020 13:27:01</t>
  </si>
  <si>
    <t>01/21/2020 13:27:21</t>
  </si>
  <si>
    <t>01/21/2020 13:27:42</t>
  </si>
  <si>
    <t>01/21/2020 13:27:46</t>
  </si>
  <si>
    <t>01/21/2020 13:28:03</t>
  </si>
  <si>
    <t>01/21/2020 13:28:09</t>
  </si>
  <si>
    <t>01/21/2020 13:28:11</t>
  </si>
  <si>
    <t>01/21/2020 13:28:52</t>
  </si>
  <si>
    <t>01/21/2020 13:26:44</t>
  </si>
  <si>
    <t>01/21/2020 13:26:32</t>
  </si>
  <si>
    <t>0f653bd1-4e35-4f25-8349-a5f06e836392.tmp</t>
  </si>
  <si>
    <t>\\acsfs\profiles$\cassianogc\Downloads\0f653bd1-4e35-4f25-8349-a5f06e836392.tmp</t>
  </si>
  <si>
    <t>01/21/2020 13:32:29</t>
  </si>
  <si>
    <t>01/21/2020 13:28:01</t>
  </si>
  <si>
    <t>30c889cf-d884-49ee-8704-e2bc2d63d5f7.tmp</t>
  </si>
  <si>
    <t>\\acsfs\profiles$\antoniosva\Downloads\30c889cf-d884-49ee-8704-e2bc2d63d5f7.tmp</t>
  </si>
  <si>
    <t>01/21/2020 13:28:16</t>
  </si>
  <si>
    <t>01/21/2020 13:28:46</t>
  </si>
  <si>
    <t>01/21/2020 13:31:17</t>
  </si>
  <si>
    <t>01/21/2020 13:31:47</t>
  </si>
  <si>
    <t>01/21/2020 13:28:08</t>
  </si>
  <si>
    <t>lu13576w1m9u.tmp</t>
  </si>
  <si>
    <t>\\acsfs\profiles$\LORRAYNEVAM\lu13576w1m9u.tmp</t>
  </si>
  <si>
    <t>\\acsfs\profiles$\LORRAYNEVAM\lu13576w1m9u.tmp\</t>
  </si>
  <si>
    <t>\\acsfs\profiles$\LORRAYNEVAM\lu13576w1m9u.tmp\META-INF\</t>
  </si>
  <si>
    <t>\\acsfs\profiles$\LORRAYNEVAM\lu13576w1m9u.tmp\Thumbnails\</t>
  </si>
  <si>
    <t>01/21/2020 13:28:54</t>
  </si>
  <si>
    <t>01/21/2020 13:33:30</t>
  </si>
  <si>
    <t>01/21/2020 13:34:29</t>
  </si>
  <si>
    <t>01/21/2020 13:32:22</t>
  </si>
  <si>
    <t>01/21/2020 13:33:43</t>
  </si>
  <si>
    <t>01/21/2020 13:33:45</t>
  </si>
  <si>
    <t>01/21/2020 13:33:47</t>
  </si>
  <si>
    <t>01/21/2020 13:33:26</t>
  </si>
  <si>
    <t>b07b6bea-5956-449e-80c3-0214ac600d80.tmp</t>
  </si>
  <si>
    <t>\\acsfs\profiles$\mariajaf\Downloads\b07b6bea-5956-449e-80c3-0214ac600d80.tmp</t>
  </si>
  <si>
    <t>01/21/2020 13:32:55</t>
  </si>
  <si>
    <t>01/21/2020 13:35:29</t>
  </si>
  <si>
    <t>01/21/2020 13:31:10</t>
  </si>
  <si>
    <t>01/21/2020 13:31:34</t>
  </si>
  <si>
    <t>"mozilla/5.0 (windows nt 6.1) applewebkit/537.36 (khtml;1;120;126;13;13700014;13700109;13700167;13700185;13700235;13700451;1370056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];13701749;13701825;13701833;13701901;13701905;13701909;13701921;13701945;13701949;13701953;13701957;13701969;13702064;13702068;13702084;13702088;1579520900840000;1579520901989000;1579527224907;1579532341844;1579537168780;1579538071778;1579544093069;1579557386225;1579559192383;22;39;55;5701393;58;621969351;78;[[13701450;[[null;[];[]]];adfn-csyrvwqermfbxam1mkavsrzjlg0rundo9gysmvmlrxxhlhfmqhcw7_ynhcatkqscdyldsiy;andrelpsa@algartech.com;fabianacscg@algartech.com;false;false];fedb0gqdtuqawg";harunams@algartech.com;ken=ac4w5vi0ka-sxkbznvlqg8lj5-wvx_fz5a:1579520900837&amp;buildlabel=drive.</t>
  </si>
  <si>
    <t>"mozilla/5.0 (windows nt 6.1) applewebkit/537.36 (khtml,1,120,126,13,13700014,13700109,13700167,13700185,13700235,13700451,1370056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],13701749,13701825,13701833,13701901,13701905,13701909,13701921,13701945,13701949,13701953,13701957,13701969,13702064,13702068,13702084,13702088,1579520900840000,1579520901989000,1579527224907,1579532341844,1579537168780,1579538071778,1579544093069,1579557386225,1579559192383,22,39,55,5701393,58,621969351,78,[[13701450,[[null,[],[]]],adfn-csyrvwqermfbxam1mkavsrzjlg0rundo9gysmvmlrxxhlhfmqhcw7_ynhcatkqscdyldsiy,andrelpsa@algartech.com,fabianacscg@algartech.com,false,false],fedb0gqdtuqawg",harunams@algartech.com,ken=ac4w5vi0ka-sxkbznvlqg8lj5-wvx_fz5a:1579520900837&amp;buildlabel=drive.</t>
  </si>
  <si>
    <t>01/21/2020 13:31:35</t>
  </si>
  <si>
    <t>01/21/2020 13:32:10</t>
  </si>
  <si>
    <t>01/21/2020 13:33:04</t>
  </si>
  <si>
    <t>"mozilla/5.0 (windows nt 6.1) applewebkit/537.36 (khtml;1;106;121;123;13;13700109;13700563�;13700607;13700883;13701139;13701214;13701298;13701418;13701458;13701577;13701589;13701613;13701625;13701657;13701749;13701825;13701901;13701921;13701949;13701953;13701969;13702064;13702088;1579520900840000;1579520901989000;1579520906502;1579542888961;1579548307435;1579553171869;1579557687253;1579558289305;621969351;74;92;[[13701450;[];[]]];adfn-csyrvwqermfbxam1mkavsrzjlg0rundo9gysmvmlrxxhlhfmqhcw7_ynhcatkqscdyldsiy;andrelpsa@algartech.com;fabianacscg@algartech.com;false;false];fedb0gqdtuqawg";harunams@algartech.com;ken=ac4w5vi0ka-sxkbznvlqg8lj5-wvx_fz5a:1579520900837&amp;buildlabel=drive.web-frontend_20200108.00_p2;ken=ac4w5vi0ka-sxkbznvlqg8lj5-wvx_fz5a:1579520900837&amp;buildlabel=drive.web-frontend_20200108.00_p201613;l-ckacf_7r3zozh1hhizn88xwetaapoebcpjm5ey2zyse1nt3xmnhcr-rz9s-zdg-5-xx2v8f_tzsvcfibwrle5qaq53vh6r8m19mnq0rhk68ibitnjgrsmrdalihic4l1lxyqga8ovr5etkjjbkmsgw0htomrw0ftovchx76kgoyskqvpqzuqo0mrsk-nevtbmaqaleloorbdq4mj</t>
  </si>
  <si>
    <t>"mozilla/5.0 (windows nt 6.1) applewebkit/537.36 (khtml,1,106,121,123,13,13700109,13700563�,13700607,13700883,13701139,13701214,13701298,13701418,13701458,13701577,13701589,13701613,13701625,13701657,13701749,13701825,13701901,13701921,13701949,13701953,13701969,13702064,13702088,1579520900840000,1579520901989000,1579520906502,1579542888961,1579548307435,1579553171869,1579557687253,1579558289305,621969351,74,92,[[13701450,[],[]]],adfn-csyrvwqermfbxam1mkavsrzjlg0rundo9gysmvmlrxxhlhfmqhcw7_ynhcatkqscdyldsiy,andrelpsa@algartech.com,fabianacscg@algartech.com,false,false],fedb0gqdtuqawg",harunams@algartech.com,ken=ac4w5vi0ka-sxkbznvlqg8lj5-wvx_fz5a:1579520900837&amp;buildlabel=drive.web-frontend_20200108.00_p2,ken=ac4w5vi0ka-sxkbznvlqg8lj5-wvx_fz5a:1579520900837&amp;buildlabel=drive.web-frontend_20200108.00_p201613,l-ckacf_7r3zozh1hhizn88xwetaapoebcpjm5ey2zyse1nt3xmnhcr-rz9s-zdg-5-xx2v8f_tzsvcfibwrle5qaq53vh6r8m19mnq0rhk68ibitnjgrsmrdalihic4l1lxyqga8ovr5etkjjbkmsgw0htomrw0ftovchx76kgoyskqvpqzuqo0mrsk-nevtbmaqaleloorbdq4mj</t>
  </si>
  <si>
    <t>01/21/2020 13:33:07</t>
  </si>
  <si>
    <t>01/21/2020 13:33:29</t>
  </si>
  <si>
    <t>01/21/2020 13:36:29</t>
  </si>
  <si>
    <t>01/21/2020 13:34:52</t>
  </si>
  <si>
    <t>01/21/2020 13:35:19</t>
  </si>
  <si>
    <t>01/21/2020 13:34:27</t>
  </si>
  <si>
    <t>01/21/2020 13:34:38</t>
  </si>
  <si>
    <t>01/21/2020 13:34:39</t>
  </si>
  <si>
    <t>01/21/2020 13:34:42</t>
  </si>
  <si>
    <t>01/21/2020 13:34:46</t>
  </si>
  <si>
    <t>01/21/2020 13:34:48</t>
  </si>
  <si>
    <t>01/21/2020 13:34:54</t>
  </si>
  <si>
    <t>01/21/2020 13:36:26</t>
  </si>
  <si>
    <t>01/21/2020 13:37:29</t>
  </si>
  <si>
    <t>01/21/2020 13:32:17</t>
  </si>
  <si>
    <t>01/21/2020 13:34:17</t>
  </si>
  <si>
    <t>01/21/2020 13:36:40</t>
  </si>
  <si>
    <t>01/21/2020 13:33:55</t>
  </si>
  <si>
    <t>01/21/2020 13:38:29</t>
  </si>
  <si>
    <t>.~lock.Contato Reneg Vencimento 24-01.ods#</t>
  </si>
  <si>
    <t>\\acsfs\profiles$\CLAUDIAJCA\Reneg 18-12\.~lock.Contato Reneg Vencimento 24-01.ods#</t>
  </si>
  <si>
    <t>01/21/2020 13:33:56</t>
  </si>
  <si>
    <t>lu80008a3pbhp.tmp</t>
  </si>
  <si>
    <t>\\acsfs\profiles$\CLAUDIAJCA\Reneg 18-12\lu80008a3pbhp.tmp</t>
  </si>
  <si>
    <t>\\acsfs\profiles$\CLAUDIAJCA\Reneg 18-12\lu80008a3pbhp.tmp\</t>
  </si>
  <si>
    <t>\\acsfs\profiles$\CLAUDIAJCA\Reneg 18-12\lu80008a3pbhp.tmp\META-INF\</t>
  </si>
  <si>
    <t>\\acsfs\profiles$\CLAUDIAJCA\Reneg 18-12\lu80008a3pbhp.tmp\Thumbnails\</t>
  </si>
  <si>
    <t>01/21/2020 13:37:16</t>
  </si>
  <si>
    <t>01/21/2020 13:37:17</t>
  </si>
  <si>
    <t>lu80008a3pbhu.tmp</t>
  </si>
  <si>
    <t>\\acsfs\profiles$\CLAUDIAJCA\Reneg 18-12\lu80008a3pbhu.tmp</t>
  </si>
  <si>
    <t>\\acsfs\profiles$\CLAUDIAJCA\Reneg 18-12\lu80008a3pbhu.tmp\</t>
  </si>
  <si>
    <t>\\acsfs\profiles$\CLAUDIAJCA\Reneg 18-12\lu80008a3pbhu.tmp\META-INF\</t>
  </si>
  <si>
    <t>\\acsfs\profiles$\CLAUDIAJCA\Reneg 18-12\lu80008a3pbhu.tmp\Thumbnails\</t>
  </si>
  <si>
    <t>01/21/2020 13:36:37</t>
  </si>
  <si>
    <t>6e1d8da8-eaa5-40ff-a24c-fa9710c62c91.tmp</t>
  </si>
  <si>
    <t>\\acsfs\profiles$\luanarda\Downloads\6e1d8da8-eaa5-40ff-a24c-fa9710c62c91.tmp</t>
  </si>
  <si>
    <t>01/21/2020 13:37:25</t>
  </si>
  <si>
    <t>01/21/2020 13:35:51</t>
  </si>
  <si>
    <t>JAQUELINE COIMBRA PERES_1_6780321581579182444_1_32.wav</t>
  </si>
  <si>
    <t>\\acsfs\Deptos\EDUCACAO EMPRESARIAL\KÉSIA\Ligações 3º ciclo - Janeiro 2020\JAQUELINE COIMBRA PERES_1_6780321581579182444_1_32.wav</t>
  </si>
  <si>
    <t>01/21/2020 13:35:46</t>
  </si>
  <si>
    <t>lu1498012kwmf.tmp</t>
  </si>
  <si>
    <t>\\acsfs\profiles$\dhiulliananads\My Documents\lu1498012kwmf.tmp</t>
  </si>
  <si>
    <t>\\acsfs\profiles$\dhiulliananads\My Documents\lu1498012kwmf.tmp\</t>
  </si>
  <si>
    <t>\\acsfs\profiles$\dhiulliananads\My Documents\lu1498012kwmf.tmp\META-INF\</t>
  </si>
  <si>
    <t>01/21/2020 13:35:28</t>
  </si>
  <si>
    <t>\\acsfs\profiles$\dhiulliananads\My Documents\lu1498012kwmf.tmp\Thumbnails\</t>
  </si>
  <si>
    <t>01/21/2020 13:39:29</t>
  </si>
  <si>
    <t>01/21/2020 13:33:51</t>
  </si>
  <si>
    <t>01/21/2020 13:34:09</t>
  </si>
  <si>
    <t>01/21/2020 13:34:15</t>
  </si>
  <si>
    <t>01/21/2020 13:34:24</t>
  </si>
  <si>
    <t>01/21/2020 13:35:56</t>
  </si>
  <si>
    <t>2813317c-bfba-4f35-94d7-a0514d701d4c.tmp</t>
  </si>
  <si>
    <t>\\acsfs\profiles$\mariajaf\Downloads\2813317c-bfba-4f35-94d7-a0514d701d4c.tmp</t>
  </si>
  <si>
    <t>01/21/2020 13:39:09</t>
  </si>
  <si>
    <t>c5c6b539-ef28-486b-bf0f-24bcaf9c1044.tmp</t>
  </si>
  <si>
    <t>\\acsfs\profiles$\mariajaf\Downloads\c5c6b539-ef28-486b-bf0f-24bcaf9c1044.tmp</t>
  </si>
  <si>
    <t>01/21/2020 13:37:10</t>
  </si>
  <si>
    <t>01/21/2020 13:40:29</t>
  </si>
  <si>
    <t>01/21/2020 13:38:10</t>
  </si>
  <si>
    <t>01/21/2020 13:38:34</t>
  </si>
  <si>
    <t>01/21/2020 13:37:37</t>
  </si>
  <si>
    <t>01/21/2020 13:41:30</t>
  </si>
  <si>
    <t>01/21/2020 13:37:26</t>
  </si>
  <si>
    <t>01/21/2020 13:38:20</t>
  </si>
  <si>
    <t>01/21/2020 13:39:03</t>
  </si>
  <si>
    <t>d33a3517-52d2-4da2-9cca-aa77bd92cea0.tmp</t>
  </si>
  <si>
    <t>\\acsfs\profiles$\andressamf\Downloads\d33a3517-52d2-4da2-9cca-aa77bd92cea0.tmp</t>
  </si>
  <si>
    <t>01/21/2020 13:40:01</t>
  </si>
  <si>
    <t>f0a54817-2c40-4a97-b98a-f714d5b074bb.tmp</t>
  </si>
  <si>
    <t>\\acsfs\profiles$\sarahbal\Downloads\f0a54817-2c40-4a97-b98a-f714d5b074bb.tmp</t>
  </si>
  <si>
    <t>01/21/2020 13:37:19</t>
  </si>
  <si>
    <t>01/21/2020 13:42:29</t>
  </si>
  <si>
    <t>01/21/2020 13:39:27</t>
  </si>
  <si>
    <t>adea40d9-bae7-433e-b27e-486c97c069bd.tmp</t>
  </si>
  <si>
    <t>\\acsfs\profiles$\wenderbnm\Downloads\adea40d9-bae7-433e-b27e-486c97c069bd.tmp</t>
  </si>
  <si>
    <t>01/21/2020 13:40:44</t>
  </si>
  <si>
    <t>01/21/2020 13:43:30</t>
  </si>
  <si>
    <t>b838e2c6-af44-4991-96b2-d1873d577685.tmp</t>
  </si>
  <si>
    <t>\\acsfs\profiles$\nathaliarmr\Downloads\b838e2c6-af44-4991-96b2-d1873d577685.tmp</t>
  </si>
  <si>
    <t>01/21/2020 13:41:47</t>
  </si>
  <si>
    <t>230bcb6a-8644-4e66-8534-983b286ae971.tmp</t>
  </si>
  <si>
    <t>\\acsfs\profiles$\nathaliarmr\Downloads\230bcb6a-8644-4e66-8534-983b286ae971.tmp</t>
  </si>
  <si>
    <t>01/21/2020 13:40:18</t>
  </si>
  <si>
    <t>lu1047229x2u.tmp</t>
  </si>
  <si>
    <t>\\acsfs\profiles$\Flaviojmm\My Documents\lu1047229x2u.tmp</t>
  </si>
  <si>
    <t>\\acsfs\profiles$\Flaviojmm\My Documents\lu1047229x2u.tmp\</t>
  </si>
  <si>
    <t>\\acsfs\profiles$\Flaviojmm\My Documents\lu1047229x2u.tmp\META-INF\</t>
  </si>
  <si>
    <t>\\acsfs\profiles$\Flaviojmm\My Documents\lu1047229x2u.tmp\Thumbnails\</t>
  </si>
  <si>
    <t>01/21/2020 13:40:25</t>
  </si>
  <si>
    <t>01/21/2020 13:42:18</t>
  </si>
  <si>
    <t>01/21/2020 13:39:18</t>
  </si>
  <si>
    <t>01/21/2020 13:40:37</t>
  </si>
  <si>
    <t>01/21/2020 13:41:18</t>
  </si>
  <si>
    <t>01/21/2020 13:44:29</t>
  </si>
  <si>
    <t>01/21/2020 13:41:24</t>
  </si>
  <si>
    <t>01/21/2020 13:41:29</t>
  </si>
  <si>
    <t>01/21/2020 13:41:35</t>
  </si>
  <si>
    <t>01/21/2020 13:41:46</t>
  </si>
  <si>
    <t>lilianls@algartech.com;talmaiardo@algartech.com;</t>
  </si>
  <si>
    <t>lilianls@algartech.com,talmaiardo@algartech.com</t>
  </si>
  <si>
    <t>01/21/2020 13:42:24</t>
  </si>
  <si>
    <t>01/21/2020 13:42:35</t>
  </si>
  <si>
    <t>01/21/2020 13:42:49</t>
  </si>
  <si>
    <t>01/21/2020 13:42:58</t>
  </si>
  <si>
    <t>01/21/2020 13:43:10</t>
  </si>
  <si>
    <t>01/21/2020 13:43:16</t>
  </si>
  <si>
    <t>01/21/2020 13:41:27</t>
  </si>
  <si>
    <t>01/21/2020 13:45:29</t>
  </si>
  <si>
    <t>Surtada (Remix Brega Funk).29kb14d.partial</t>
  </si>
  <si>
    <t>\\acsfs\profiles$\nathalydds\Downloads\Surtada (Remix Brega Funk).29kb14d.partial</t>
  </si>
  <si>
    <t>3cd682f0-5585-4b4d-9783-e588300c32cc.tmp</t>
  </si>
  <si>
    <t>\\acsfs\profiles$\georgendsq\Downloads\3cd682f0-5585-4b4d-9783-e588300c32cc.tmp</t>
  </si>
  <si>
    <t>01/21/2020 13:42:21</t>
  </si>
  <si>
    <t>a3e80bd6-f91b-4825-abd7-d7aa2f728ffb.tmp</t>
  </si>
  <si>
    <t>\\acsfs\profiles$\georgendsq\Downloads\a3e80bd6-f91b-4825-abd7-d7aa2f728ffb.tmp</t>
  </si>
  <si>
    <t>01/21/2020 13:43:06</t>
  </si>
  <si>
    <t>23e32d95-ac98-4c6d-a539-149f39dcb99a.tmp</t>
  </si>
  <si>
    <t>\\acsfs\profiles$\georgendsq\Downloads\23e32d95-ac98-4c6d-a539-149f39dcb99a.tmp</t>
  </si>
  <si>
    <t>01/21/2020 13:43:22</t>
  </si>
  <si>
    <t>0e54d9f3-01d4-4429-9239-37b3b49e65ca.tmp</t>
  </si>
  <si>
    <t>\\acsfs\profiles$\georgendsq\Downloads\0e54d9f3-01d4-4429-9239-37b3b49e65ca.tmp</t>
  </si>
  <si>
    <t>01/21/2020 13:43:36</t>
  </si>
  <si>
    <t>9a31c57b-0042-41b8-a8a5-21e9d3b256a9.tmp</t>
  </si>
  <si>
    <t>\\acsfs\profiles$\georgendsq\Downloads\9a31c57b-0042-41b8-a8a5-21e9d3b256a9.tmp</t>
  </si>
  <si>
    <t>01/21/2020 13:43:55</t>
  </si>
  <si>
    <t>29695f22-4f12-4f09-b637-71749c2cb151.tmp</t>
  </si>
  <si>
    <t>\\acsfs\profiles$\georgendsq\Downloads\29695f22-4f12-4f09-b637-71749c2cb151.tmp</t>
  </si>
  <si>
    <t>01/21/2020 13:44:12</t>
  </si>
  <si>
    <t>01/21/2020 13:44:22</t>
  </si>
  <si>
    <t>01/21/2020 13:40:22</t>
  </si>
  <si>
    <t>16d5cebd-4877-49a7-9ca9-18101d00b2e0.tmp</t>
  </si>
  <si>
    <t>\\acsfs\profiles$\KARENJSS\Downloads\16d5cebd-4877-49a7-9ca9-18101d00b2e0.tmp</t>
  </si>
  <si>
    <t>01/21/2020 13:42:23</t>
  </si>
  <si>
    <t>7e7bf36d-a382-4800-9cc1-d95f31728575.tmp</t>
  </si>
  <si>
    <t>\\acsfs\profiles$\KARENJSS\Downloads\7e7bf36d-a382-4800-9cc1-d95f31728575.tmp</t>
  </si>
  <si>
    <t>01/21/2020 13:43:04</t>
  </si>
  <si>
    <t>c8245604-1ec8-443e-a356-68bec2689b84.tmp</t>
  </si>
  <si>
    <t>\\acsfs\profiles$\KARENJSS\Downloads\c8245604-1ec8-443e-a356-68bec2689b84.tmp</t>
  </si>
  <si>
    <t>01/21/2020 13:44:21</t>
  </si>
  <si>
    <t>c2370958-ab94-4dee-bf6c-dae9c99e831d.tmp</t>
  </si>
  <si>
    <t>\\acsfs\profiles$\KARENJSS\Downloads\c2370958-ab94-4dee-bf6c-dae9c99e831d.tmp</t>
  </si>
  <si>
    <t>01/21/2020 13:40:53</t>
  </si>
  <si>
    <t>01/21/2020 13:46:29</t>
  </si>
  <si>
    <t>01/21/2020 13:40:52</t>
  </si>
  <si>
    <t>01/21/2020 13:42:48</t>
  </si>
  <si>
    <t>4d72630c-dabf-4a79-914b-5ee295dd399b.tmp</t>
  </si>
  <si>
    <t>\\acsfs\profiles$\LUCASBS\Downloads\4d72630c-dabf-4a79-914b-5ee295dd399b.tmp</t>
  </si>
  <si>
    <t>5357b13c-9759-42a8-937a-bf46372527ef.tmp</t>
  </si>
  <si>
    <t>\\acsfs\profiles$\LUCASBS\Downloads\5357b13c-9759-42a8-937a-bf46372527ef.tmp</t>
  </si>
  <si>
    <t>01/21/2020 13:44:35</t>
  </si>
  <si>
    <t>adc552f4-af68-441a-b8ff-9dc06f89bfef.tmp</t>
  </si>
  <si>
    <t>\\acsfs\profiles$\talitafdc\Downloads\adc552f4-af68-441a-b8ff-9dc06f89bfef.tmp</t>
  </si>
  <si>
    <t>01/21/2020 13:45:19</t>
  </si>
  <si>
    <t>5189a0a0-a48f-4aca-8c02-9bd6fac76340.tmp</t>
  </si>
  <si>
    <t>\\acsfs\profiles$\talitafdc\Downloads\5189a0a0-a48f-4aca-8c02-9bd6fac76340.tmp</t>
  </si>
  <si>
    <t>01/21/2020 13:45:38</t>
  </si>
  <si>
    <t>01/21/2020 13:43:28</t>
  </si>
  <si>
    <t>01/21/2020 13:47:29</t>
  </si>
  <si>
    <t>01/21/2020 13:43:45</t>
  </si>
  <si>
    <t>01/21/2020 13:43:40</t>
  </si>
  <si>
    <t>01/21/2020 13:46:49</t>
  </si>
  <si>
    <t>73810ad8-b95b-4da2-ad0c-dba16ea244d6.tmp</t>
  </si>
  <si>
    <t>\\acsfs\profiles$\vivianalds\Downloads\73810ad8-b95b-4da2-ad0c-dba16ea244d6.tmp</t>
  </si>
  <si>
    <t>01/21/2020 13:46:13</t>
  </si>
  <si>
    <t>01/21/2020 13:48:29</t>
  </si>
  <si>
    <t>32cab035-6265-4bcf-8425-b681580c82e2.tmp</t>
  </si>
  <si>
    <t>\\acsfs\profiles$\gabrielafs\Downloads\32cab035-6265-4bcf-8425-b681580c82e2.tmp</t>
  </si>
  <si>
    <t>01/21/2020 13:46:36</t>
  </si>
  <si>
    <t>01/21/2020 13:45:57</t>
  </si>
  <si>
    <t>ff1ceeac-2536-42e9-977c-218246facf64.tmp</t>
  </si>
  <si>
    <t>\\acsfs\profiles$\ingridsm\Downloads\ff1ceeac-2536-42e9-977c-218246facf64.tmp</t>
  </si>
  <si>
    <t>01/21/2020 13:43:24</t>
  </si>
  <si>
    <t>01/21/2020 13:46:22</t>
  </si>
  <si>
    <t>01/21/2020 13:43:39</t>
  </si>
  <si>
    <t>01/21/2020 13:49:29</t>
  </si>
  <si>
    <t>01/21/2020 13:43:49</t>
  </si>
  <si>
    <t>01/21/2020 13:43:53</t>
  </si>
  <si>
    <t>01/21/2020 13:43:58</t>
  </si>
  <si>
    <t>01/21/2020 13:44:24</t>
  </si>
  <si>
    <t>01/21/2020 13:44:42</t>
  </si>
  <si>
    <t>01/21/2020 13:44:47</t>
  </si>
  <si>
    <t>01/21/2020 13:45:03</t>
  </si>
  <si>
    <t>01/21/2020 13:45:45</t>
  </si>
  <si>
    <t>01/21/2020 13:46:05</t>
  </si>
  <si>
    <t>01/21/2020 13:50:29</t>
  </si>
  <si>
    <t>c2f2f6cb-c1c6-4a2f-bc6c-38aed76a53cc.tmp</t>
  </si>
  <si>
    <t>\\acsfs\profiles$\marcosvnds\Downloads\c2f2f6cb-c1c6-4a2f-bc6c-38aed76a53cc.tmp</t>
  </si>
  <si>
    <t>01/21/2020 13:46:06</t>
  </si>
  <si>
    <t>3018176d-0dc4-4be0-8ef4-2902d454a032.tmp</t>
  </si>
  <si>
    <t>\\acsfs\profiles$\marcosvnds\Downloads\3018176d-0dc4-4be0-8ef4-2902d454a032.tmp</t>
  </si>
  <si>
    <t>01/21/2020 13:48:16</t>
  </si>
  <si>
    <t>d8a4dd5d-17a3-4259-9404-2a94e52ccb2a.tmp</t>
  </si>
  <si>
    <t>\\acsfs\profiles$\marcosvnds\Downloads\d8a4dd5d-17a3-4259-9404-2a94e52ccb2a.tmp</t>
  </si>
  <si>
    <t>01/21/2020 13:48:36</t>
  </si>
  <si>
    <t>d90a4628-0ca2-4522-bd49-6a19221c54d6.tmp</t>
  </si>
  <si>
    <t>\\acsfs\profiles$\marcosvnds\Downloads\d90a4628-0ca2-4522-bd49-6a19221c54d6.tmp</t>
  </si>
  <si>
    <t>01/21/2020 13:48:51</t>
  </si>
  <si>
    <t>cef60eed-f3bd-4d04-b055-b1643888bd23.tmp</t>
  </si>
  <si>
    <t>\\acsfs\profiles$\marcosvnds\Downloads\cef60eed-f3bd-4d04-b055-b1643888bd23.tmp</t>
  </si>
  <si>
    <t>01/21/2020 13:49:16</t>
  </si>
  <si>
    <t>20e5507b-7e1b-41b4-932e-7ba201254b5d.tmp</t>
  </si>
  <si>
    <t>\\acsfs\profiles$\marcosvnds\Downloads\20e5507b-7e1b-41b4-932e-7ba201254b5d.tmp</t>
  </si>
  <si>
    <t>01/21/2020 13:48:19</t>
  </si>
  <si>
    <t>"mozilla/5.0 (windows nt 6.1) applewebkit/537.36 (khtml;0]\\\\\\]\\\)\);0]l;1;13;13700109;1370056;13700563�;13700607;13700883;13701139;13701214;13701298;13701418;13701458;13701577;13701589;13701613;13701625;13701657;13701749;13701825;13701901;13701921;13701949;13701953;13701969;13702064;13702088;1579520900840000;1579520901989000;1579610399687;288;621969351;[[13701450;[];[]]];adfn-csyrvwqermfbxam1mkavsrzjlg0rundo9gysmvmlrxxhlhfmqhcw7_ynhcatkqscdyldsiy;ancestorhasaugmentedpermissions;containsunsubscribedchildren;displayname;domain;emailaddress;false;false];fedb0gqdtuqawg";file(kind;fileid;filesize;hasthumbnail;hasvisitorpermissions;id;id);items(deleted;ken;ken=ac4w5vi0ka-sxkbznvlqg8lj5-wvx_fz5a:1579520900837&amp;buildlabel=drive.web-frontend_20200108.00_p201613;ken=ac4w5vi0ka-sxkbznvlqg8lj5-wvx_fz5a:1579520900837&amp;buildlabel=drive.web-frontend_20200108.00_p2ull;kind;lastmodifyinguser(kind;lastviewedbymedate;like gecko) chrome/79.0.3945.130 safari/537.36";modifiedbymedate;modifieddate;null;ontainsunsubscribedchildren</t>
  </si>
  <si>
    <t>"mozilla/5.0 (windows nt 6.1) applewebkit/537.36 (khtml,0]\\\\\\]\\\)\),0]l,1,13,13700109,1370056,13700563�,13700607,13700883,13701139,13701214,13701298,13701418,13701458,13701577,13701589,13701613,13701625,13701657,13701749,13701825,13701901,13701921,13701949,13701953,13701969,13702064,13702088,1579520900840000,1579520901989000,1579610399687,288,621969351,[[13701450,[],[]]],adfn-csyrvwqermfbxam1mkavsrzjlg0rundo9gysmvmlrxxhlhfmqhcw7_ynhcatkqscdyldsiy,ancestorhasaugmentedpermissions,containsunsubscribedchildren,displayname,domain,emailaddress,false,false],fedb0gqdtuqawg",file(kind,fileid,filesize,hasthumbnail,hasvisitorpermissions,id,id),items(deleted,ken,ken=ac4w5vi0ka-sxkbznvlqg8lj5-wvx_fz5a:1579520900837&amp;buildlabel=drive.web-frontend_20200108.00_p201613,ken=ac4w5vi0ka-sxkbznvlqg8lj5-wvx_fz5a:1579520900837&amp;buildlabel=drive.web-frontend_20200108.00_p2ull,kind,lastmodifyinguser(kind,lastviewedbymedate,like gecko) chrome/79.0.3945.130 safari/537.36",modifiedbymedate,modifieddate,null,ontainsunsubscribedchildren</t>
  </si>
  <si>
    <t>01/21/2020 13:48:26</t>
  </si>
  <si>
    <t>"languagecode":"pt-br";"mozilla/5.0 (windows nt 6.1) applewebkit/537.36 (khtml;"requesttype":"background_request";"scenariotype;"timezone":"-03:00";0]��606;1;13;13700109;13700167;13700235;1370056;13700563�;13700607;13700607�;13700883;13700946;13700951;13701139;13701207;13701214;13701262;13701276;13701298;13701418;13701458;13701486;13701534;13701577;13701589;13701613;13701625;13701657;13701749;13701825;13701901;13701905;13701921;13701945;13701949;13701953;13701957;13701969;13702064;13702084;13702088;144;1579518703539000;1579518704281000;1579520900840000;1579520901989000;1579530836861;1579538372765;1579541985883;1579564610853;1579623257815;325;34;341510534;59;621969351;71;[[13701450;[[13701709;[];[]]];adfn-cspcsyxrje8e_uwlcurxtaovilsk-iwx_awebtzmdpx2pjk6_foyqwqy0zgvo7qjyx_gbyl;adfn-csyrvwqermfbxam1mkavsrzjlg0rundo9gysmvmlrxxhlhfmqhcw7_ynhcatkqscdyldsiy;ancestorhasaugmentedpermissions;containsunsubscribedchildren;displayname;domain;emailaddress;ess"}};false;false];fedb0gqdtuqawg";file(kind;fileid;filesize;fstqta</t>
  </si>
  <si>
    <t>"languagecode":"pt-br","mozilla/5.0 (windows nt 6.1) applewebkit/537.36 (khtml,"requesttype":"background_request","scenariotype,"timezone":"-03:00",0]��606,1,13,13700109,13700167,13700235,1370056,13700563�,13700607,13700607�,13700883,13700946,13700951,13701139,13701207,13701214,13701262,13701276,13701298,13701418,13701458,13701486,13701534,13701577,13701589,13701613,13701625,13701657,13701749,13701825,13701901,13701905,13701921,13701945,13701949,13701953,13701957,13701969,13702064,13702084,13702088,144,1579518703539000,1579518704281000,1579520900840000,1579520901989000,1579530836861,1579538372765,1579541985883,1579564610853,1579623257815,325,34,341510534,59,621969351,71,[[13701450,[[13701709,[],[]]],adfn-cspcsyxrje8e_uwlcurxtaovilsk-iwx_awebtzmdpx2pjk6_foyqwqy0zgvo7qjyx_gbyl,adfn-csyrvwqermfbxam1mkavsrzjlg0rundo9gysmvmlrxxhlhfmqhcw7_ynhcatkqscdyldsiy,ancestorhasaugmentedpermissions,containsunsubscribedchildren,displayname,domain,emailaddress,ess"}},false,false],fedb0gqdtuqawg",file(kind,fileid,filesize,fstqta</t>
  </si>
  <si>
    <t>01/21/2020 13:49:12</t>
  </si>
  <si>
    <t>01/21/2020 13:46:52</t>
  </si>
  <si>
    <t>01/21/2020 13:51:30</t>
  </si>
  <si>
    <t>01/21/2020 13:46:17</t>
  </si>
  <si>
    <t>fa084069-7312-44cd-81b5-351fff8aadb0.tmp</t>
  </si>
  <si>
    <t>\\acsfs\profiles$\talitafdc\Downloads\fa084069-7312-44cd-81b5-351fff8aadb0.tmp</t>
  </si>
  <si>
    <t>01/21/2020 13:46:41</t>
  </si>
  <si>
    <t>94ffd045-d404-418d-a75d-c992da4c3700.tmp</t>
  </si>
  <si>
    <t>\\acsfs\profiles$\talitafdc\Downloads\94ffd045-d404-418d-a75d-c992da4c3700.tmp</t>
  </si>
  <si>
    <t>01/21/2020 13:49:59</t>
  </si>
  <si>
    <t>c809f796-fdac-4d41-af89-f35aba0fd1d8.tmp</t>
  </si>
  <si>
    <t>\\acsfs\profiles$\valeriasda\Downloads\c809f796-fdac-4d41-af89-f35aba0fd1d8.tmp</t>
  </si>
  <si>
    <t>01/21/2020 13:50:04</t>
  </si>
  <si>
    <t>1c2472a1-9c1f-413e-89bc-0e3e4d15845a.tmp</t>
  </si>
  <si>
    <t>\\acsfs\profiles$\valeriasda\Downloads\1c2472a1-9c1f-413e-89bc-0e3e4d15845a.tmp</t>
  </si>
  <si>
    <t>01/21/2020 13:46:23</t>
  </si>
  <si>
    <t>01/21/2020 13:46:45</t>
  </si>
  <si>
    <t>01/21/2020 13:52:29</t>
  </si>
  <si>
    <t>\\acsfs\profiles$\brendadsl\My Documents\xworkcenter\logs\</t>
  </si>
  <si>
    <t>XLOG_brendadsl_21012020_135001.log</t>
  </si>
  <si>
    <t>\\acsfs\profiles$\brendadsl\My Documents\xworkcenter\logs\XLOG_brendadsl_21012020_135001.log</t>
  </si>
  <si>
    <t>01/21/2020 13:50:58</t>
  </si>
  <si>
    <t>bdf2189c-ddfe-4697-8679-e73a41fc775a.tmp</t>
  </si>
  <si>
    <t>\\acsfs\profiles$\brendadsl\Downloads\bdf2189c-ddfe-4697-8679-e73a41fc775a.tmp</t>
  </si>
  <si>
    <t>01/21/2020 13:51:11</t>
  </si>
  <si>
    <t>01/21/2020 13:51:12</t>
  </si>
  <si>
    <t>01/21/2020 13:51:13</t>
  </si>
  <si>
    <t>01/21/2020 13:51:14</t>
  </si>
  <si>
    <t>01/21/2020 13:51:15</t>
  </si>
  <si>
    <t>01/21/2020 13:51:16</t>
  </si>
  <si>
    <t>01/21/2020 13:51:17</t>
  </si>
  <si>
    <t>01/21/2020 13:51:18</t>
  </si>
  <si>
    <t>01/21/2020 13:51:19</t>
  </si>
  <si>
    <t>01/21/2020 13:51:20</t>
  </si>
  <si>
    <t>01/21/2020 13:51:21</t>
  </si>
  <si>
    <t>01/21/2020 13:51:22</t>
  </si>
  <si>
    <t>01/21/2020 13:51:23</t>
  </si>
  <si>
    <t>01/21/2020 13:51:24</t>
  </si>
  <si>
    <t>01/21/2020 13:51:25</t>
  </si>
  <si>
    <t>01/21/2020 13:49:43</t>
  </si>
  <si>
    <t>01/21/2020 13:51:26</t>
  </si>
  <si>
    <t>01/21/2020 13:50:44</t>
  </si>
  <si>
    <t>f39f00b2-2d5e-43fa-96d0-aaa8e49dff19.tmp</t>
  </si>
  <si>
    <t>\\acsfs\profiles$\LAISLG\Downloads\f39f00b2-2d5e-43fa-96d0-aaa8e49dff19.tmp</t>
  </si>
  <si>
    <t>01/21/2020 13:51:27</t>
  </si>
  <si>
    <t>01/21/2020 13:51:28</t>
  </si>
  <si>
    <t>01/21/2020 13:48:28</t>
  </si>
  <si>
    <t>01/21/2020 13:53:30</t>
  </si>
  <si>
    <t>01/21/2020 13:50:53</t>
  </si>
  <si>
    <t>01/21/2020 13:51:02</t>
  </si>
  <si>
    <t>01/21/2020 13:51:06</t>
  </si>
  <si>
    <t>01/21/2020 13:51:10</t>
  </si>
  <si>
    <t>01/21/2020 13:52:34</t>
  </si>
  <si>
    <t>01/21/2020 13:52:38</t>
  </si>
  <si>
    <t>01/21/2020 13:52:42</t>
  </si>
  <si>
    <t>01/21/2020 13:52:47</t>
  </si>
  <si>
    <t>01/21/2020 13:52:54</t>
  </si>
  <si>
    <t>01/21/2020 13:52:57</t>
  </si>
  <si>
    <t>01/21/2020 13:52:58</t>
  </si>
  <si>
    <t>01/21/2020 13:53:02</t>
  </si>
  <si>
    <t>01/21/2020 13:53:06</t>
  </si>
  <si>
    <t>01/21/2020 13:53:10</t>
  </si>
  <si>
    <t>01/21/2020 13:53:16</t>
  </si>
  <si>
    <t>01/21/2020 13:53:31</t>
  </si>
  <si>
    <t>01/21/2020 13:54:29</t>
  </si>
  <si>
    <t>01/21/2020 13:50:03</t>
  </si>
  <si>
    <t>db73595b-d775-4fdf-9ab1-67d4f70babae.tmp</t>
  </si>
  <si>
    <t>\\acsfs\profiles$\KARENDSR\Downloads\db73595b-d775-4fdf-9ab1-67d4f70babae.tmp</t>
  </si>
  <si>
    <t>01/21/2020 13:50:33</t>
  </si>
  <si>
    <t>01/21/2020 13:55:29</t>
  </si>
  <si>
    <t>Mentira (1).cwa9jul.partial</t>
  </si>
  <si>
    <t>\\acsfs\profiles$\nathalydds\Downloads\Mentira (1).cwa9jul.partial</t>
  </si>
  <si>
    <t>01/21/2020 13:53:22</t>
  </si>
  <si>
    <t>Briga.cft8ooz.partial</t>
  </si>
  <si>
    <t>\\acsfs\profiles$\nathalydds\Downloads\Briga.cft8ooz.partial</t>
  </si>
  <si>
    <t>01/21/2020 13:50:10</t>
  </si>
  <si>
    <t>01/21/2020 13:55:10</t>
  </si>
  <si>
    <t>01/21/2020 13:50:52</t>
  </si>
  <si>
    <t>01/21/2020 13:56:30</t>
  </si>
  <si>
    <t>01/21/2020 13:52:53</t>
  </si>
  <si>
    <t>01/21/2020 13:51:00</t>
  </si>
  <si>
    <t>01/21/2020 13:55:02</t>
  </si>
  <si>
    <t>01/21/2020 13:55:35</t>
  </si>
  <si>
    <t>01/21/2020 13:52:21</t>
  </si>
  <si>
    <t>ca9702d9-bda0-471f-a91b-f14d4851523f.tmp</t>
  </si>
  <si>
    <t>\\acsfs\profiles$\valeriasda\Downloads\ca9702d9-bda0-471f-a91b-f14d4851523f.tmp</t>
  </si>
  <si>
    <t>01/21/2020 13:56:15</t>
  </si>
  <si>
    <t>01/21/2020 13:54:47</t>
  </si>
  <si>
    <t>01/21/2020 13:57:29</t>
  </si>
  <si>
    <t>e0a5e571-2f2a-485c-a391-cfc456d4f736.tmp</t>
  </si>
  <si>
    <t>\\acsfs\profiles$\edicarlosdl\Downloads\e0a5e571-2f2a-485c-a391-cfc456d4f736.tmp</t>
  </si>
  <si>
    <t>01/21/2020 13:56:16</t>
  </si>
  <si>
    <t>51c676ee-50ef-4c01-ba7d-e56bef76679a.tmp</t>
  </si>
  <si>
    <t>\\acsfs\profiles$\edicarlosdl\Downloads\51c676ee-50ef-4c01-ba7d-e56bef76679a.tmp</t>
  </si>
  <si>
    <t>01/21/2020 13:55:15</t>
  </si>
  <si>
    <t>01/21/2020 13:54:50</t>
  </si>
  <si>
    <t>01/21/2020 13:52:26</t>
  </si>
  <si>
    <t>7cecdeef-3592-4f81-8dff-3033c0e2ee6d.tmp</t>
  </si>
  <si>
    <t>\\acsfs\profiles$\LAISLG\Downloads\7cecdeef-3592-4f81-8dff-3033c0e2ee6d.tmp</t>
  </si>
  <si>
    <t>01/21/2020 13:51:29</t>
  </si>
  <si>
    <t>01/21/2020 13:51:31</t>
  </si>
  <si>
    <t>01/21/2020 13:51:32</t>
  </si>
  <si>
    <t>01/21/2020 13:51:33</t>
  </si>
  <si>
    <t>01/21/2020 13:51:34</t>
  </si>
  <si>
    <t>01/21/2020 13:51:35</t>
  </si>
  <si>
    <t>01/21/2020 13:51:36</t>
  </si>
  <si>
    <t>01/21/2020 13:51:37</t>
  </si>
  <si>
    <t>01/21/2020 13:51:38</t>
  </si>
  <si>
    <t>01/21/2020 13:55:21</t>
  </si>
  <si>
    <t>783f426e-95b5-4acf-b2f9-ef8d59eefea2.tmp</t>
  </si>
  <si>
    <t>\\acsfs\profiles$\regisadsa\Downloads\783f426e-95b5-4acf-b2f9-ef8d59eefea2.tmp</t>
  </si>
  <si>
    <t>01/21/2020 13:56:34</t>
  </si>
  <si>
    <t>bcfd9f0b-7b24-4e59-8166-9f7bc5b843b4.tmp</t>
  </si>
  <si>
    <t>\\acsfs\profiles$\regisadsa\Downloads\bcfd9f0b-7b24-4e59-8166-9f7bc5b843b4.tmp</t>
  </si>
  <si>
    <t>01/21/2020 13:56:56</t>
  </si>
  <si>
    <t>95132122-72ca-4871-9535-7a63ffe5e799.tmp</t>
  </si>
  <si>
    <t>\\acsfs\profiles$\regisadsa\Downloads\95132122-72ca-4871-9535-7a63ffe5e799.tmp</t>
  </si>
  <si>
    <t>01/21/2020 13:57:14</t>
  </si>
  <si>
    <t>c449b2a0-fb05-4eef-8a85-4eb50f8336f7.tmp</t>
  </si>
  <si>
    <t>\\acsfs\profiles$\regisadsa\Downloads\c449b2a0-fb05-4eef-8a85-4eb50f8336f7.tmp</t>
  </si>
  <si>
    <t>01/21/2020 13:53:19</t>
  </si>
  <si>
    <t>01/21/2020 13:58:30</t>
  </si>
  <si>
    <t>01/21/2020 13:53:25</t>
  </si>
  <si>
    <t>01/21/2020 13:53:34</t>
  </si>
  <si>
    <t>01/21/2020 13:53:38</t>
  </si>
  <si>
    <t>01/21/2020 13:53:42</t>
  </si>
  <si>
    <t>01/21/2020 13:53:46</t>
  </si>
  <si>
    <t>01/21/2020 13:54:00</t>
  </si>
  <si>
    <t>01/21/2020 13:54:03</t>
  </si>
  <si>
    <t>01/21/2020 13:54:07</t>
  </si>
  <si>
    <t>01/21/2020 13:54:11</t>
  </si>
  <si>
    <t>01/21/2020 13:54:15</t>
  </si>
  <si>
    <t>01/21/2020 13:54:20</t>
  </si>
  <si>
    <t>01/21/2020 13:54:23</t>
  </si>
  <si>
    <t>01/21/2020 13:54:32</t>
  </si>
  <si>
    <t>01/21/2020 13:54:35</t>
  </si>
  <si>
    <t>01/21/2020 13:54:38</t>
  </si>
  <si>
    <t>01/21/2020 13:54:43</t>
  </si>
  <si>
    <t>01/21/2020 13:54:48</t>
  </si>
  <si>
    <t>01/21/2020 13:55:03</t>
  </si>
  <si>
    <t>01/21/2020 13:57:32</t>
  </si>
  <si>
    <t>01/21/2020 13:59:29</t>
  </si>
  <si>
    <t>47fc5ba4-6f42-45a8-ad4b-1b736b7d3243.tmp</t>
  </si>
  <si>
    <t>\\acsfs\profiles$\maxmillianosv\Downloads\47fc5ba4-6f42-45a8-ad4b-1b736b7d3243.tmp</t>
  </si>
  <si>
    <t>01/21/2020 13:57:34</t>
  </si>
  <si>
    <t>mail.google.com/sync/u/0/i/s?hl=pt-BR&amp;c=917</t>
  </si>
  <si>
    <t>01/21/2020 13:56:13</t>
  </si>
  <si>
    <t>01/21/2020 13:56:19</t>
  </si>
  <si>
    <t>01/21/2020 14:00:30</t>
  </si>
  <si>
    <t>93faac67-87ca-46de-85c8-f1fa4457e2fb.tmp</t>
  </si>
  <si>
    <t>\\acsfs\profiles$\marcosvnds\Downloads\93faac67-87ca-46de-85c8-f1fa4457e2fb.tmp</t>
  </si>
  <si>
    <t>01/21/2020 13:56:10</t>
  </si>
  <si>
    <t>01/21/2020 13:58:24</t>
  </si>
  <si>
    <t>01/21/2020 14:01:29</t>
  </si>
  <si>
    <t>01/21/2020 13:58:53</t>
  </si>
  <si>
    <t>01/21/2020 13:59:41</t>
  </si>
  <si>
    <t>.~lock.RENEG BV - Venc 24.01.2020 - Lucas.ods#</t>
  </si>
  <si>
    <t>\\acsfs\profiles$\LUCASBS\RENEG BV\Consolidado\.~lock.RENEG BV - Venc 24.01.2020 - Lucas.ods#</t>
  </si>
  <si>
    <t>01/21/2020 13:59:42</t>
  </si>
  <si>
    <t>lu5123671lbnl.tmp</t>
  </si>
  <si>
    <t>\\acsfs\profiles$\LUCASBS\RENEG BV\Consolidado\lu5123671lbnl.tmp</t>
  </si>
  <si>
    <t>\\acsfs\profiles$\LUCASBS\RENEG BV\Consolidado\lu5123671lbnl.tmp\</t>
  </si>
  <si>
    <t>\\acsfs\profiles$\LUCASBS\RENEG BV\Consolidado\lu5123671lbnl.tmp\META-INF\</t>
  </si>
  <si>
    <t>\\acsfs\profiles$\LUCASBS\RENEG BV\Consolidado\lu5123671lbnl.tmp\Thumbnails\</t>
  </si>
  <si>
    <t>01/21/2020 14:00:28</t>
  </si>
  <si>
    <t>01/21/2020 14:02:29</t>
  </si>
  <si>
    <t>8f88ba1b-6132-41a6-8c2d-4dfe816476e5.tmp</t>
  </si>
  <si>
    <t>\\acsfs\profiles$\larissaad\Downloads\8f88ba1b-6132-41a6-8c2d-4dfe816476e5.tmp</t>
  </si>
  <si>
    <t>01/21/2020 13:57:46</t>
  </si>
  <si>
    <t>01/21/2020 14:03:30</t>
  </si>
  <si>
    <t>01/21/2020 14:02:08</t>
  </si>
  <si>
    <t>01/21/2020 14:02:44</t>
  </si>
  <si>
    <t>01/21/2020 14:03:03</t>
  </si>
  <si>
    <t>01/21/2020 14:03:09</t>
  </si>
  <si>
    <t>01/21/2020 14:00:13</t>
  </si>
  <si>
    <t>01/21/2020 14:04:29</t>
  </si>
  <si>
    <t>01/21/2020 14:00:18</t>
  </si>
  <si>
    <t>01/21/2020 14:00:38</t>
  </si>
  <si>
    <t>01/21/2020 14:00:41</t>
  </si>
  <si>
    <t>01/21/2020 14:00:48</t>
  </si>
  <si>
    <t>mail.google.com/sync/u/0/i/s?hl=pt-BR&amp;c=929</t>
  </si>
  <si>
    <t>01/21/2020 14:00:54</t>
  </si>
  <si>
    <t>01/21/2020 14:00:55</t>
  </si>
  <si>
    <t>01/21/2020 14:01:01</t>
  </si>
  <si>
    <t>01/21/2020 14:01:11</t>
  </si>
  <si>
    <t>01/21/2020 14:01:16</t>
  </si>
  <si>
    <t>01/21/2020 14:01:33</t>
  </si>
  <si>
    <t>01/21/2020 14:01:38</t>
  </si>
  <si>
    <t>01/21/2020 14:01:43</t>
  </si>
  <si>
    <t>01/21/2020 14:01:47</t>
  </si>
  <si>
    <t>01/21/2020 14:01:59</t>
  </si>
  <si>
    <t>01/21/2020 14:00:53</t>
  </si>
  <si>
    <t>01/21/2020 14:05:30</t>
  </si>
  <si>
    <t>28c0fb39-ad16-4816-9ad1-3404ae20fe44.tmp</t>
  </si>
  <si>
    <t>\\acsfs\profiles$\gabrielamdp\Downloads\28c0fb39-ad16-4816-9ad1-3404ae20fe44.tmp</t>
  </si>
  <si>
    <t>01/21/2020 14:01:10</t>
  </si>
  <si>
    <t>01/21/2020 14:02:10</t>
  </si>
  <si>
    <t>01/21/2020 14:04:53</t>
  </si>
  <si>
    <t>01/21/2020 14:06:29</t>
  </si>
  <si>
    <t>01/21/2020 14:03:50</t>
  </si>
  <si>
    <t>lu5123671lbnq.tmp</t>
  </si>
  <si>
    <t>\\acsfs\profiles$\LUCASBS\RENEG BV\Consolidado\lu5123671lbnq.tmp</t>
  </si>
  <si>
    <t>\\acsfs\profiles$\LUCASBS\RENEG BV\Consolidado\lu5123671lbnq.tmp\</t>
  </si>
  <si>
    <t>\\acsfs\profiles$\LUCASBS\RENEG BV\Consolidado\lu5123671lbnq.tmp\META-INF\</t>
  </si>
  <si>
    <t>\\acsfs\profiles$\LUCASBS\RENEG BV\Consolidado\lu5123671lbnq.tmp\Thumbnails\</t>
  </si>
  <si>
    <t>01/21/2020 14:03:53</t>
  </si>
  <si>
    <t>01/21/2020 14:07:29</t>
  </si>
  <si>
    <t>01/21/2020 14:03:22</t>
  </si>
  <si>
    <t>01/21/2020 14:03:52</t>
  </si>
  <si>
    <t>01/21/2020 14:04:23</t>
  </si>
  <si>
    <t>01/21/2020 14:06:23</t>
  </si>
  <si>
    <t>01/21/2020 14:04:56</t>
  </si>
  <si>
    <t>01/21/2020 14:08:29</t>
  </si>
  <si>
    <t>01/21/2020 14:06:36</t>
  </si>
  <si>
    <t>01/21/2020 14:07:55</t>
  </si>
  <si>
    <t>01/21/2020 14:08:07</t>
  </si>
  <si>
    <t>01/21/2020 14:08:13</t>
  </si>
  <si>
    <t>01/21/2020 14:08:20</t>
  </si>
  <si>
    <t>01/21/2020 14:09:29</t>
  </si>
  <si>
    <t>01/21/2020 14:06:00</t>
  </si>
  <si>
    <t>01/21/2020 14:07:10</t>
  </si>
  <si>
    <t>01/21/2020 14:10:29</t>
  </si>
  <si>
    <t>01/21/2020 14:08:10</t>
  </si>
  <si>
    <t>01/21/2020 14:06:12</t>
  </si>
  <si>
    <t>01/21/2020 14:11:29</t>
  </si>
  <si>
    <t>01/21/2020 14:07:51</t>
  </si>
  <si>
    <t>5833cddd-3d30-4a27-9b98-3ae118d15b5f.tmp</t>
  </si>
  <si>
    <t>\\acsfs\profiles$\gabrielsma\Downloads\5833cddd-3d30-4a27-9b98-3ae118d15b5f.tmp</t>
  </si>
  <si>
    <t>01/21/2020 14:09:02</t>
  </si>
  <si>
    <t>5a0e7287-ed27-4572-ada1-a3f05db7db2b.tmp</t>
  </si>
  <si>
    <t>\\acsfs\profiles$\gabrielsma\Downloads\5a0e7287-ed27-4572-ada1-a3f05db7db2b.tmp</t>
  </si>
  <si>
    <t>01/21/2020 14:09:04</t>
  </si>
  <si>
    <t>Q29udHJvbGxlci5BbHRlcmFQb250b1Zpcmd1bGEt.ica.crdownload</t>
  </si>
  <si>
    <t>\\acsfs\ACS\Gabriel da Silva\Contemporânea\Acessos\Q29udHJvbGxlci5BbHRlcmFQb250b1Zpcmd1bGEt.ica.crdownload</t>
  </si>
  <si>
    <t>01/21/2020 14:09:44</t>
  </si>
  <si>
    <t>05b42a93-2c7d-4f62-808e-5bf8dd03002a.tmp</t>
  </si>
  <si>
    <t>\\acsfs\profiles$\gabrielsma\Downloads\05b42a93-2c7d-4f62-808e-5bf8dd03002a.tmp</t>
  </si>
  <si>
    <t>01/21/2020 14:09:46</t>
  </si>
  <si>
    <t>01/21/2020 14:07:04</t>
  </si>
  <si>
    <t>a7255d68-00fd-4e10-a0d4-dd4fc514d5c3.tmp</t>
  </si>
  <si>
    <t>\\acsfs\profiles$\joycemmdl\Downloads\a7255d68-00fd-4e10-a0d4-dd4fc514d5c3.tmp</t>
  </si>
  <si>
    <t>01/21/2020 14:06:25</t>
  </si>
  <si>
    <t>01/21/2020 14:12:29</t>
  </si>
  <si>
    <t>01/21/2020 14:08:23</t>
  </si>
  <si>
    <t>01/21/2020 14:11:24</t>
  </si>
  <si>
    <t>01/21/2020 14:11:54</t>
  </si>
  <si>
    <t>01/21/2020 14:10:42</t>
  </si>
  <si>
    <t>01/21/2020 14:13:29</t>
  </si>
  <si>
    <t>01/21/2020 14:11:48</t>
  </si>
  <si>
    <t>01/21/2020 14:08:27</t>
  </si>
  <si>
    <t>01/21/2020 14:08:35</t>
  </si>
  <si>
    <t>01/21/2020 14:09:13</t>
  </si>
  <si>
    <t>01/21/2020 14:09:21</t>
  </si>
  <si>
    <t>01/21/2020 14:09:27</t>
  </si>
  <si>
    <t>01/21/2020 14:10:20</t>
  </si>
  <si>
    <t>01/21/2020 14:10:31</t>
  </si>
  <si>
    <t>01/21/2020 14:10:44</t>
  </si>
  <si>
    <t>01/21/2020 14:10:53</t>
  </si>
  <si>
    <t>01/21/2020 14:11:11</t>
  </si>
  <si>
    <t>01/21/2020 14:11:23</t>
  </si>
  <si>
    <t>01/21/2020 14:11:43</t>
  </si>
  <si>
    <t>01/21/2020 14:11:53</t>
  </si>
  <si>
    <t>01/21/2020 14:12:24</t>
  </si>
  <si>
    <t>01/21/2020 14:12:42</t>
  </si>
  <si>
    <t>01/21/2020 14:12:59</t>
  </si>
  <si>
    <t>01/21/2020 14:13:08</t>
  </si>
  <si>
    <t>01/21/2020 14:13:13</t>
  </si>
  <si>
    <t>01/21/2020 14:09:07</t>
  </si>
  <si>
    <t>01/21/2020 14:14:30</t>
  </si>
  <si>
    <t>\\udpavonfs01\AVON\00 - ACOMPANHAMENTO AVON\04 - BACKOFFICE CORNERSTONE\2020\01.2020\RELATORIO\20.01.2020\Acompanhamento Backoffice Cornerstone JAN.20.xlsx</t>
  </si>
  <si>
    <t>01/21/2020 14:10:24</t>
  </si>
  <si>
    <t>Lucas Nascimento Silva_1_6780278619021313650_1_32.wav</t>
  </si>
  <si>
    <t>\\acsfs\Deptos\EDUCACAO EMPRESARIAL\FERNANDA MONIT\Fernanda\MONITORIA JANEIRO\Ligaçoes para MUTANT terceiro ciclo janeiro\Lucas Nascimento Silva_1_6780278619021313650_1_32.wav</t>
  </si>
  <si>
    <t>01/21/2020 14:11:09</t>
  </si>
  <si>
    <t>01/21/2020 14:12:49</t>
  </si>
  <si>
    <t>01/21/2020 14:15:29</t>
  </si>
  <si>
    <t>01/21/2020 14:13:15</t>
  </si>
  <si>
    <t>01/21/2020 14:14:10</t>
  </si>
  <si>
    <t>01/21/2020 14:16:29</t>
  </si>
  <si>
    <t>01/21/2020 14:13:59</t>
  </si>
  <si>
    <t>9467013b-0d27-4237-b85d-2f09a2d4f63d.tmp</t>
  </si>
  <si>
    <t>\\acsfs\profiles$\gabrielsma\Downloads\9467013b-0d27-4237-b85d-2f09a2d4f63d.tmp</t>
  </si>
  <si>
    <t>01/21/2020 14:11:13</t>
  </si>
  <si>
    <t>01/21/2020 14:12:20</t>
  </si>
  <si>
    <t>c481a81c-7ad7-4ebe-ae31-d1018cec2bec.tmp</t>
  </si>
  <si>
    <t>\\acsfs\profiles$\gabrielsma\Downloads\c481a81c-7ad7-4ebe-ae31-d1018cec2bec.tmp</t>
  </si>
  <si>
    <t>01/21/2020 14:12:32</t>
  </si>
  <si>
    <t>c20c18de-d39c-4add-86ff-84e3cd5a9e8c.tmp</t>
  </si>
  <si>
    <t>\\acsfs\profiles$\gabrielsma\Downloads\c20c18de-d39c-4add-86ff-84e3cd5a9e8c.tmp</t>
  </si>
  <si>
    <t>01/21/2020 14:12:34</t>
  </si>
  <si>
    <t>\\acsfs\ACS\Gabriel da Silva\Contemporânea\Acessos\Q29udHJvbGxlci5Xb3Jrc3BhY2UtRGVza3RvcC1F.ica.crdownload</t>
  </si>
  <si>
    <t>01/21/2020 14:14:02</t>
  </si>
  <si>
    <t>405ac63a-4b9a-458a-8b26-cf09da080831.tmp</t>
  </si>
  <si>
    <t>\\acsfs\profiles$\joycemmdl\Downloads\405ac63a-4b9a-458a-8b26-cf09da080831.tmp</t>
  </si>
  <si>
    <t>01/21/2020 14:13:38</t>
  </si>
  <si>
    <t>01/21/2020 14:15:37</t>
  </si>
  <si>
    <t>bfc5d560-b5db-4a65-b037-38e49f4b2762.tmp</t>
  </si>
  <si>
    <t>\\acsfs\profiles$\gabrielaff\Downloads\bfc5d560-b5db-4a65-b037-38e49f4b2762.tmp</t>
  </si>
  <si>
    <t>01/21/2020 14:12:56</t>
  </si>
  <si>
    <t>01/21/2020 14:17:29</t>
  </si>
  <si>
    <t>1fd370ba-64f3-4d81-b902-37e0eda26389.tmp</t>
  </si>
  <si>
    <t>\\acsfs\profiles$\edicarlosdl\Downloads\1fd370ba-64f3-4d81-b902-37e0eda26389.tmp</t>
  </si>
  <si>
    <t>01/21/2020 14:15:32</t>
  </si>
  <si>
    <t>01/21/2020 14:15:04</t>
  </si>
  <si>
    <t>f6d8841a-246d-453e-9b3c-80893b4ec580.tmp</t>
  </si>
  <si>
    <t>\\acsfs\profiles$\rafaelacdoc\Downloads\f6d8841a-246d-453e-9b3c-80893b4ec580.tmp</t>
  </si>
  <si>
    <t>01/21/2020 14:16:25</t>
  </si>
  <si>
    <t>01/21/2020 14:15:20</t>
  </si>
  <si>
    <t>01/21/2020 14:18:29</t>
  </si>
  <si>
    <t>01/21/2020 14:13:18</t>
  </si>
  <si>
    <t>01/21/2020 14:17:35</t>
  </si>
  <si>
    <t>01/21/2020 14:17:38</t>
  </si>
  <si>
    <t>01/21/2020 14:17:41</t>
  </si>
  <si>
    <t>01/21/2020 14:15:53</t>
  </si>
  <si>
    <t>lu1364811u9oe.tmp</t>
  </si>
  <si>
    <t>\\acsfs\profiles$\luanarda\lu1364811u9oe.tmp</t>
  </si>
  <si>
    <t>\\acsfs\profiles$\luanarda\lu1364811u9oe.tmp\</t>
  </si>
  <si>
    <t>\\acsfs\profiles$\luanarda\lu1364811u9oe.tmp\META-INF\</t>
  </si>
  <si>
    <t>\\acsfs\profiles$\luanarda\lu1364811u9oe.tmp\Thumbnails\</t>
  </si>
  <si>
    <t>01/21/2020 14:14:43</t>
  </si>
  <si>
    <t>02ab60fe-3a11-4867-99ee-fcdaf862c485.tmp</t>
  </si>
  <si>
    <t>\\acsfs\profiles$\erichds\Downloads\02ab60fe-3a11-4867-99ee-fcdaf862c485.tmp</t>
  </si>
  <si>
    <t>01/21/2020 14:14:49</t>
  </si>
  <si>
    <t>95940bcd-7988-463f-b39f-06b99c7c5bd7.tmp</t>
  </si>
  <si>
    <t>\\acsfs\profiles$\erichds\Downloads\95940bcd-7988-463f-b39f-06b99c7c5bd7.tmp</t>
  </si>
  <si>
    <t>01/21/2020 14:15:06</t>
  </si>
  <si>
    <t>9750d46c-4dd3-4471-8496-8101bda017a1.tmp</t>
  </si>
  <si>
    <t>\\acsfs\profiles$\erichds\Downloads\9750d46c-4dd3-4471-8496-8101bda017a1.tmp</t>
  </si>
  <si>
    <t>01/21/2020 14:15:54</t>
  </si>
  <si>
    <t>bae89fef-ca17-4b30-bbcd-8d7a3476616a.tmp</t>
  </si>
  <si>
    <t>\\acsfs\profiles$\erichds\Downloads\bae89fef-ca17-4b30-bbcd-8d7a3476616a.tmp</t>
  </si>
  <si>
    <t>01/21/2020 14:16:15</t>
  </si>
  <si>
    <t>01/21/2020 14:14:14</t>
  </si>
  <si>
    <t>01/21/2020 14:14:28</t>
  </si>
  <si>
    <t>01/21/2020 14:14:35</t>
  </si>
  <si>
    <t>01/21/2020 14:14:42</t>
  </si>
  <si>
    <t>01/21/2020 14:14:57</t>
  </si>
  <si>
    <t>01/21/2020 14:15:00</t>
  </si>
  <si>
    <t>01/21/2020 14:15:07</t>
  </si>
  <si>
    <t>01/21/2020 14:15:08</t>
  </si>
  <si>
    <t>01/21/2020 14:16:07</t>
  </si>
  <si>
    <t>01/21/2020 14:19:30</t>
  </si>
  <si>
    <t>01/21/2020 14:14:19</t>
  </si>
  <si>
    <t>01/21/2020 14:14:31</t>
  </si>
  <si>
    <t>01/21/2020 14:15:09</t>
  </si>
  <si>
    <t>01/21/2020 14:15:14</t>
  </si>
  <si>
    <t>01/21/2020 14:17:17</t>
  </si>
  <si>
    <t>01/21/2020 14:17:27</t>
  </si>
  <si>
    <t>01/21/2020 14:17:36</t>
  </si>
  <si>
    <t>01/21/2020 14:17:44</t>
  </si>
  <si>
    <t>01/21/2020 14:17:58</t>
  </si>
  <si>
    <t>01/21/2020 14:14:59</t>
  </si>
  <si>
    <t>01/21/2020 14:20:29</t>
  </si>
  <si>
    <t>393a65dc-a787-471b-a0d9-9612c6a5fa67.tmp</t>
  </si>
  <si>
    <t>\\acsfs\profiles$\LUISPLS\Downloads\393a65dc-a787-471b-a0d9-9612c6a5fa67.tmp</t>
  </si>
  <si>
    <t>01/21/2020 14:15:48</t>
  </si>
  <si>
    <t>4d9d25a3-e3d1-42c6-a23d-df497db28bfe.tmp</t>
  </si>
  <si>
    <t>\\acsfs\profiles$\gabrielamdp\Downloads\4d9d25a3-e3d1-42c6-a23d-df497db28bfe.tmp</t>
  </si>
  <si>
    <t>01/21/2020 14:19:10</t>
  </si>
  <si>
    <t>01/21/2020 14:20:10</t>
  </si>
  <si>
    <t>01/21/2020 14:20:14</t>
  </si>
  <si>
    <t>01/21/2020 14:21:30</t>
  </si>
  <si>
    <t>01/21/2020 14:16:53</t>
  </si>
  <si>
    <t>01/21/2020 14:17:42</t>
  </si>
  <si>
    <t>01/21/2020 14:22:29</t>
  </si>
  <si>
    <t>01/21/2020 14:17:56</t>
  </si>
  <si>
    <t>01/21/2020 14:20:34</t>
  </si>
  <si>
    <t>01/21/2020 14:20:36</t>
  </si>
  <si>
    <t>01/21/2020 14:17:48</t>
  </si>
  <si>
    <t>01/21/2020 14:17:51</t>
  </si>
  <si>
    <t>01/21/2020 14:23:30</t>
  </si>
  <si>
    <t>bff91581-0bb7-41d8-b8fe-e2e345fd0494.tmp</t>
  </si>
  <si>
    <t>\\acsfs\profiles$\nathaliarmr\Downloads\bff91581-0bb7-41d8-b8fe-e2e345fd0494.tmp</t>
  </si>
  <si>
    <t>01/21/2020 14:19:39</t>
  </si>
  <si>
    <t>01/21/2020 14:18:19</t>
  </si>
  <si>
    <t>bb1ee26d-a7c6-4d09-b194-6c6bd92867f1.tmp</t>
  </si>
  <si>
    <t>\\acsfs\profiles$\ingridsm\Downloads\bb1ee26d-a7c6-4d09-b194-6c6bd92867f1.tmp</t>
  </si>
  <si>
    <t>01/21/2020 14:19:45</t>
  </si>
  <si>
    <t>01/21/2020 14:22:23</t>
  </si>
  <si>
    <t>01/21/2020 14:24:29</t>
  </si>
  <si>
    <t>01/21/2020 14:22:32</t>
  </si>
  <si>
    <t>01/21/2020 14:22:42</t>
  </si>
  <si>
    <t>01/21/2020 14:22:48</t>
  </si>
  <si>
    <t>01/21/2020 14:22:56</t>
  </si>
  <si>
    <t>01/21/2020 14:23:15</t>
  </si>
  <si>
    <t>01/21/2020 14:23:21</t>
  </si>
  <si>
    <t>01/21/2020 14:23:33</t>
  </si>
  <si>
    <t>01/21/2020 14:23:54</t>
  </si>
  <si>
    <t>a6f30f3c-77e4-4867-b02b-d3777469d923.tmp</t>
  </si>
  <si>
    <t>\\acsfs\profiles$\karinarm\Downloads\a6f30f3c-77e4-4867-b02b-d3777469d923.tmp</t>
  </si>
  <si>
    <t>01/21/2020 14:22:31</t>
  </si>
  <si>
    <t>01/21/2020 14:23:36</t>
  </si>
  <si>
    <t>01/21/2020 14:22:03</t>
  </si>
  <si>
    <t>01/21/2020 14:25:29</t>
  </si>
  <si>
    <t>01/21/2020 14:22:49</t>
  </si>
  <si>
    <t>01/21/2020 14:25:10</t>
  </si>
  <si>
    <t>01/21/2020 14:24:54</t>
  </si>
  <si>
    <t>01/21/2020 14:26:29</t>
  </si>
  <si>
    <t>e0716545-2c49-427e-b2b0-99324c1da5e7.tmp</t>
  </si>
  <si>
    <t>\\acsfs\profiles$\LUCASNS\Downloads\e0716545-2c49-427e-b2b0-99324c1da5e7.tmp</t>
  </si>
  <si>
    <t>01/21/2020 14:21:49</t>
  </si>
  <si>
    <t>01/21/2020 14:22:53</t>
  </si>
  <si>
    <t>01/21/2020 14:23:45</t>
  </si>
  <si>
    <t>01/21/2020 14:25:34</t>
  </si>
  <si>
    <t>C:\Users\erikamcg\</t>
  </si>
  <si>
    <t>10000103.jpg</t>
  </si>
  <si>
    <t>01/21/2020 14:24:43</t>
  </si>
  <si>
    <t>01/21/2020 14:21:33</t>
  </si>
  <si>
    <t>01/21/2020 14:24:47</t>
  </si>
  <si>
    <t>01/21/2020 14:24:57</t>
  </si>
  <si>
    <t>01/21/2020 14:27:29</t>
  </si>
  <si>
    <t>01/21/2020 14:25:58</t>
  </si>
  <si>
    <t>01/21/2020 14:26:28</t>
  </si>
  <si>
    <t>01/21/2020 14:26:58</t>
  </si>
  <si>
    <t>01/21/2020 14:24:40</t>
  </si>
  <si>
    <t>01/21/2020 14:23:52</t>
  </si>
  <si>
    <t>01/21/2020 14:28:30</t>
  </si>
  <si>
    <t>01/21/2020 14:24:23</t>
  </si>
  <si>
    <t>01/21/2020 14:29:29</t>
  </si>
  <si>
    <t>01/21/2020 14:24:25</t>
  </si>
  <si>
    <t>01/21/2020 14:24:41</t>
  </si>
  <si>
    <t>01/21/2020 14:24:48</t>
  </si>
  <si>
    <t>01/21/2020 14:25:04</t>
  </si>
  <si>
    <t>01/21/2020 14:25:14</t>
  </si>
  <si>
    <t>01/21/2020 14:26:00</t>
  </si>
  <si>
    <t>kesiadof@algartech.com;larisacc@algartech.com;lilianls@algartech.com;marianerdo@algartech.com;talmaiardo@algartech.com;thiagordu@algartech.com;</t>
  </si>
  <si>
    <t>kesiadof@algartech.com,larisacc@algartech.com,lilianls@algartech.com,marianerdo@algartech.com,talmaiardo@algartech.com,thiagordu@algartech.com</t>
  </si>
  <si>
    <t>01/21/2020 14:26:34</t>
  </si>
  <si>
    <t>01/21/2020 14:24:56</t>
  </si>
  <si>
    <t>01/21/2020 14:30:30</t>
  </si>
  <si>
    <t>671e9c15-5201-4283-9398-50094b3d7217.tmp</t>
  </si>
  <si>
    <t>\\acsfs\profiles$\luanaldsi\Downloads\671e9c15-5201-4283-9398-50094b3d7217.tmp</t>
  </si>
  <si>
    <t>01/21/2020 14:25:17</t>
  </si>
  <si>
    <t>01/21/2020 14:26:10</t>
  </si>
  <si>
    <t>01/21/2020 14:28:53</t>
  </si>
  <si>
    <t>01/21/2020 14:31:29</t>
  </si>
  <si>
    <t>01/21/2020 14:29:20</t>
  </si>
  <si>
    <t>01/21/2020 14:30:32</t>
  </si>
  <si>
    <t>01/21/2020 14:32:30</t>
  </si>
  <si>
    <t>01/21/2020 14:29:28</t>
  </si>
  <si>
    <t>01/21/2020 14:29:59</t>
  </si>
  <si>
    <t>01/21/2020 14:30:29</t>
  </si>
  <si>
    <t>01/21/2020 14:30:23</t>
  </si>
  <si>
    <t>d0560966-52fe-4422-87ce-eb47e43ecd80.tmp</t>
  </si>
  <si>
    <t>\\acsfs\profiles$\nataliacsl\Downloads\d0560966-52fe-4422-87ce-eb47e43ecd80.tmp</t>
  </si>
  <si>
    <t>01/21/2020 14:30:22</t>
  </si>
  <si>
    <t>01/21/2020 14:33:30</t>
  </si>
  <si>
    <t>01/21/2020 14:32:16</t>
  </si>
  <si>
    <t>JESSICA FERREIRA CARVALHO_1_6781127188594895826_1_32.wav</t>
  </si>
  <si>
    <t>\\acsfs\Deptos\EDUCACAO EMPRESARIAL\KÉSIA\Ligações 3º ciclo - Janeiro 2020\JESSICA FERREIRA CARVALHO_1_6781127188594895826_1_32.wav</t>
  </si>
  <si>
    <t>01/21/2020 14:32:25</t>
  </si>
  <si>
    <t>01/21/2020 14:34:29</t>
  </si>
  <si>
    <t>01/21/2020 14:32:34</t>
  </si>
  <si>
    <t>01/21/2020 14:32:35</t>
  </si>
  <si>
    <t>01/21/2020 14:35:30</t>
  </si>
  <si>
    <t>01/21/2020 14:31:10</t>
  </si>
  <si>
    <t>01/21/2020 14:32:10</t>
  </si>
  <si>
    <t>01/21/2020 14:34:53</t>
  </si>
  <si>
    <t>01/21/2020 14:36:29</t>
  </si>
  <si>
    <t>01/21/2020 14:32:12</t>
  </si>
  <si>
    <t>e63d6764-c876-4940-8744-1a11493a2a52.tmp</t>
  </si>
  <si>
    <t>\\acsfs\profiles$\valeriasda\Downloads\e63d6764-c876-4940-8744-1a11493a2a52.tmp</t>
  </si>
  <si>
    <t>01/21/2020 14:32:18</t>
  </si>
  <si>
    <t>0dc0f645-1144-4332-8eb4-0aae1c35675a.tmp</t>
  </si>
  <si>
    <t>\\acsfs\profiles$\valeriasda\Downloads\0dc0f645-1144-4332-8eb4-0aae1c35675a.tmp</t>
  </si>
  <si>
    <t>01/21/2020 14:35:10</t>
  </si>
  <si>
    <t>01/21/2020 14:34:18</t>
  </si>
  <si>
    <t>01/21/2020 14:37:30</t>
  </si>
  <si>
    <t>01/21/2020 14:35:59</t>
  </si>
  <si>
    <t>01/21/2020 14:36:15</t>
  </si>
  <si>
    <t>01/21/2020 14:38:29</t>
  </si>
  <si>
    <t>97d016b1-3892-4c91-acf0-353ddb8d92db.tmp</t>
  </si>
  <si>
    <t>\\acsfs\profiles$\philipegsf\Downloads\97d016b1-3892-4c91-acf0-353ddb8d92db.tmp</t>
  </si>
  <si>
    <t>01/21/2020 14:36:23</t>
  </si>
  <si>
    <t>01/21/2020 14:34:00</t>
  </si>
  <si>
    <t>01/21/2020 14:38:04</t>
  </si>
  <si>
    <t>01/21/2020 14:38:07</t>
  </si>
  <si>
    <t>01/21/2020 14:38:15</t>
  </si>
  <si>
    <t>01/21/2020 14:33:59</t>
  </si>
  <si>
    <t>01/21/2020 14:39:29</t>
  </si>
  <si>
    <t>MARCELLE WENDY DE LIMA_1_6780309873498333845_1_32.wav</t>
  </si>
  <si>
    <t>\\acsfs\Deptos\EDUCACAO EMPRESARIAL\FERNANDA MONIT\Fernanda\MONITORIA JANEIRO\Ligaçoes para MUTANT terceiro ciclo janeiro\MARCELLE WENDY DE LIMA_1_6780309873498333845_1_32.wav</t>
  </si>
  <si>
    <t>01/21/2020 14:34:38</t>
  </si>
  <si>
    <t>ICATU.txt</t>
  </si>
  <si>
    <t>\\acsfs\profiles$\milenaas\ICATU.txt</t>
  </si>
  <si>
    <t>01/21/2020 14:37:26</t>
  </si>
  <si>
    <t>01/21/2020 14:35:52</t>
  </si>
  <si>
    <t>01/21/2020 14:35:44</t>
  </si>
  <si>
    <t>8e76098c-2bd1-47ec-af1e-7ff4b01cae0a.tmp</t>
  </si>
  <si>
    <t>\\acsfs\profiles$\mariajra\Downloads\8e76098c-2bd1-47ec-af1e-7ff4b01cae0a.tmp</t>
  </si>
  <si>
    <t>01/21/2020 14:37:59</t>
  </si>
  <si>
    <t>01/21/2020 14:40:29</t>
  </si>
  <si>
    <t>50f25641-1b65-42c4-8c36-78e88b5083dc.tmp</t>
  </si>
  <si>
    <t>\\acsfs\profiles$\luanaldsi\Downloads\50f25641-1b65-42c4-8c36-78e88b5083dc.tmp</t>
  </si>
  <si>
    <t>01/21/2020 14:37:10</t>
  </si>
  <si>
    <t>01/21/2020 14:38:10</t>
  </si>
  <si>
    <t>01/21/2020 14:37:06</t>
  </si>
  <si>
    <t>01/21/2020 14:41:29</t>
  </si>
  <si>
    <t>01/21/2020 14:39:18</t>
  </si>
  <si>
    <t>01/21/2020 14:40:43</t>
  </si>
  <si>
    <t>01/21/2020 14:40:44</t>
  </si>
  <si>
    <t>lu5123671lbo3.tmp</t>
  </si>
  <si>
    <t>\\acsfs\profiles$\LUCASBS\RENEG BV\Consolidado\lu5123671lbo3.tmp</t>
  </si>
  <si>
    <t>\\acsfs\profiles$\LUCASBS\RENEG BV\Consolidado\lu5123671lbo3.tmp\</t>
  </si>
  <si>
    <t>\\acsfs\profiles$\LUCASBS\RENEG BV\Consolidado\lu5123671lbo3.tmp\META-INF\</t>
  </si>
  <si>
    <t>\\acsfs\profiles$\LUCASBS\RENEG BV\Consolidado\lu5123671lbo3.tmp\Thumbnails\</t>
  </si>
  <si>
    <t>01/21/2020 14:38:12</t>
  </si>
  <si>
    <t>9cef80af-8752-4755-b87b-bdc2b1faccbf.tmp</t>
  </si>
  <si>
    <t>\\acsfs\profiles$\andressamf\Downloads\9cef80af-8752-4755-b87b-bdc2b1faccbf.tmp</t>
  </si>
  <si>
    <t>01/21/2020 14:39:32</t>
  </si>
  <si>
    <t>a0e7c5d2-db8d-4e21-aa9c-54e68e943af6.tmp</t>
  </si>
  <si>
    <t>\\acsfs\profiles$\andressamf\Downloads\a0e7c5d2-db8d-4e21-aa9c-54e68e943af6.tmp</t>
  </si>
  <si>
    <t>01/21/2020 14:38:56</t>
  </si>
  <si>
    <t>01/21/2020 14:39:01</t>
  </si>
  <si>
    <t>01/21/2020 14:39:04</t>
  </si>
  <si>
    <t>01/21/2020 14:39:15</t>
  </si>
  <si>
    <t>100042071738357;</t>
  </si>
  <si>
    <t>https://100042071738357</t>
  </si>
  <si>
    <t>01/21/2020 14:39:19</t>
  </si>
  <si>
    <t>01/21/2020 14:39:34</t>
  </si>
  <si>
    <t>01/21/2020 14:39:39</t>
  </si>
  <si>
    <t>01/21/2020 14:39:45</t>
  </si>
  <si>
    <t>01/21/2020 14:40:08</t>
  </si>
  <si>
    <t>01/21/2020 14:40:34</t>
  </si>
  <si>
    <t>01/21/2020 14:40:39</t>
  </si>
  <si>
    <t>01/21/2020 14:40:40</t>
  </si>
  <si>
    <t>01/21/2020 14:40:47</t>
  </si>
  <si>
    <t>01/21/2020 14:40:54</t>
  </si>
  <si>
    <t>01/21/2020 14:41:01</t>
  </si>
  <si>
    <t>01/21/2020 14:41:09</t>
  </si>
  <si>
    <t>01/21/2020 14:41:12</t>
  </si>
  <si>
    <t>01/21/2020 14:41:13</t>
  </si>
  <si>
    <t>01/21/2020 14:42:29</t>
  </si>
  <si>
    <t>ffc35437-b50b-4760-bea1-1f0ce6eb9aef.tmp</t>
  </si>
  <si>
    <t>\\acsfs\profiles$\rafaelacdoc\Downloads\ffc35437-b50b-4760-bea1-1f0ce6eb9aef.tmp</t>
  </si>
  <si>
    <t>01/21/2020 14:40:18</t>
  </si>
  <si>
    <t>01/21/2020 14:39:31</t>
  </si>
  <si>
    <t>01/21/2020 14:40:52</t>
  </si>
  <si>
    <t>https://udpmailboxap01.acs.com.br:8443/h/search;jsessionid=1gj4nl1v0wmr2155yvafz2mztg?si=0&amp;so=0&amp;sc=80571&amp;st=conversation&amp;action=compose</t>
  </si>
  <si>
    <t>kari;karina;karinefg@bv.algartech.com;</t>
  </si>
  <si>
    <t>https://kari,karina,karinefg@bv.algartech.com</t>
  </si>
  <si>
    <t>01/21/2020 14:41:22</t>
  </si>
  <si>
    <t>01/21/2020 14:41:52</t>
  </si>
  <si>
    <t>01/21/2020 14:41:38</t>
  </si>
  <si>
    <t>01/21/2020 14:41:40</t>
  </si>
  <si>
    <t>01/21/2020 14:41:46</t>
  </si>
  <si>
    <t>01/21/2020 14:41:42</t>
  </si>
  <si>
    <t>01/21/2020 14:43:29</t>
  </si>
  <si>
    <t>ae963112-2fc3-4024-b491-7ea3eb1672e7.tmp</t>
  </si>
  <si>
    <t>\\acsfs\profiles$\Adrieledgc\Downloads\ae963112-2fc3-4024-b491-7ea3eb1672e7.tmp</t>
  </si>
  <si>
    <t>01/21/2020 14:42:20</t>
  </si>
  <si>
    <t>f2db4648-40df-4f9b-ade5-5f483c628437.tmp</t>
  </si>
  <si>
    <t>\\acsfs\profiles$\Adrieledgc\Downloads\f2db4648-40df-4f9b-ade5-5f483c628437.tmp</t>
  </si>
  <si>
    <t>01/21/2020 14:38:44</t>
  </si>
  <si>
    <t>01/21/2020 14:41:08</t>
  </si>
  <si>
    <t>lu1047229x3f.tmp</t>
  </si>
  <si>
    <t>\\acsfs\profiles$\Flaviojmm\My Documents\lu1047229x3f.tmp</t>
  </si>
  <si>
    <t>\\acsfs\profiles$\Flaviojmm\My Documents\lu1047229x3f.tmp\</t>
  </si>
  <si>
    <t>\\acsfs\profiles$\Flaviojmm\My Documents\lu1047229x3f.tmp\META-INF\</t>
  </si>
  <si>
    <t>\\acsfs\profiles$\Flaviojmm\My Documents\lu1047229x3f.tmp\Thumbnails\</t>
  </si>
  <si>
    <t>01/21/2020 14:39:28</t>
  </si>
  <si>
    <t>29/03/1986;__/__/____;</t>
  </si>
  <si>
    <t>https://29/03/1986,__/__/____</t>
  </si>
  <si>
    <t>01/21/2020 14:38:45</t>
  </si>
  <si>
    <t>01/21/2020 14:38:37</t>
  </si>
  <si>
    <t>01/21/2020 14:38:48</t>
  </si>
  <si>
    <t>01/21/2020 14:39:00</t>
  </si>
  <si>
    <t>01/21/2020 14:39:20</t>
  </si>
  <si>
    <t>01/21/2020 14:40:06</t>
  </si>
  <si>
    <t>01/21/2020 14:40:12</t>
  </si>
  <si>
    <t>01/21/2020 14:40:24</t>
  </si>
  <si>
    <t>01/21/2020 14:40:30</t>
  </si>
  <si>
    <t>01/21/2020 14:41:18</t>
  </si>
  <si>
    <t>01/21/2020 14:44:29</t>
  </si>
  <si>
    <t>\\udpavonfs01\AVON\00 - ACOMPANHAMENTO AVON\04 - BACKOFFICE CORNERSTONE\2020\01.2020\RELATORIO\20.01.2020\</t>
  </si>
  <si>
    <t>01/21/2020 14:43:26</t>
  </si>
  <si>
    <t>01/21/2020 14:40:04</t>
  </si>
  <si>
    <t>01/21/2020 14:43:11</t>
  </si>
  <si>
    <t>01/21/2020 14:45:29</t>
  </si>
  <si>
    <t>01/21/2020 14:44:11</t>
  </si>
  <si>
    <t>01/21/2020 14:40:53</t>
  </si>
  <si>
    <t>01/21/2020 14:46:29</t>
  </si>
  <si>
    <t>01/21/2020 14:44:54</t>
  </si>
  <si>
    <t>01/21/2020 14:44:39</t>
  </si>
  <si>
    <t>c3d54602-632f-46bc-a66c-9a59c5aa8d02.tmp</t>
  </si>
  <si>
    <t>\\acsfs\profiles$\gabrielsma\Downloads\c3d54602-632f-46bc-a66c-9a59c5aa8d02.tmp</t>
  </si>
  <si>
    <t>01/21/2020 14:41:51</t>
  </si>
  <si>
    <t>59cd4b89-0d85-48e1-898d-40bab96aedaa.tmp</t>
  </si>
  <si>
    <t>\\acsfs\profiles$\andrezacapf\Downloads\59cd4b89-0d85-48e1-898d-40bab96aedaa.tmp</t>
  </si>
  <si>
    <t>01/21/2020 14:41:48</t>
  </si>
  <si>
    <t>01/21/2020 14:44:12</t>
  </si>
  <si>
    <t>01/21/2020 14:47:29</t>
  </si>
  <si>
    <t>01/21/2020 14:42:01</t>
  </si>
  <si>
    <t>d9053be4-cb7b-43fe-a3bc-b5641a69eadf.tmp</t>
  </si>
  <si>
    <t>\\acsfs\profiles$\rafaelacdoc\Downloads\d9053be4-cb7b-43fe-a3bc-b5641a69eadf.tmp</t>
  </si>
  <si>
    <t>01/21/2020 14:42:07</t>
  </si>
  <si>
    <t>01/21/2020 14:43:32</t>
  </si>
  <si>
    <t>01/21/2020 14:43:33</t>
  </si>
  <si>
    <t>01/21/2020 14:44:03</t>
  </si>
  <si>
    <t>01/21/2020 14:44:33</t>
  </si>
  <si>
    <t>01/21/2020 14:45:03</t>
  </si>
  <si>
    <t>01/21/2020 14:45:33</t>
  </si>
  <si>
    <t>01/21/2020 14:44:38</t>
  </si>
  <si>
    <t>01/21/2020 14:44:51</t>
  </si>
  <si>
    <t>01/21/2020 14:48:30</t>
  </si>
  <si>
    <t>a7ff8c65-b954-4804-8e8c-8a2024dfd23b.tmp</t>
  </si>
  <si>
    <t>\\acsfs\profiles$\gabrielafs\Downloads\a7ff8c65-b954-4804-8e8c-8a2024dfd23b.tmp</t>
  </si>
  <si>
    <t>01/21/2020 14:46:01</t>
  </si>
  <si>
    <t>lu1047229x3k.tmp</t>
  </si>
  <si>
    <t>\\acsfs\profiles$\Flaviojmm\My Documents\lu1047229x3k.tmp</t>
  </si>
  <si>
    <t>\\acsfs\profiles$\Flaviojmm\My Documents\lu1047229x3k.tmp\</t>
  </si>
  <si>
    <t>\\acsfs\profiles$\Flaviojmm\My Documents\lu1047229x3k.tmp\META-INF\</t>
  </si>
  <si>
    <t>01/21/2020 14:46:02</t>
  </si>
  <si>
    <t>\\acsfs\profiles$\Flaviojmm\My Documents\lu1047229x3k.tmp\Thumbnails\</t>
  </si>
  <si>
    <t>01/21/2020 14:43:53</t>
  </si>
  <si>
    <t>01/21/2020 14:45:01</t>
  </si>
  <si>
    <t>10.200.66.59</t>
  </si>
  <si>
    <t>0ab61252-8acd-47cf-ba85-eb1bb00d796d.tmp</t>
  </si>
  <si>
    <t>\\acsfs\profiles$\gabrieleods\Downloads\0ab61252-8acd-47cf-ba85-eb1bb00d796d.tmp</t>
  </si>
  <si>
    <t>01/21/2020 14:45:26</t>
  </si>
  <si>
    <t>01/21/2020 14:49:29</t>
  </si>
  <si>
    <t>01/20/2020 18:59:37</t>
  </si>
  <si>
    <t>01/20/2020 18:59:47</t>
  </si>
  <si>
    <t>01/21/2020 14:47:13</t>
  </si>
  <si>
    <t>a972b352-17cc-494f-956d-a3dddf055500.tmp</t>
  </si>
  <si>
    <t>\\acsfs\profiles$\KARENDSR\Downloads\a972b352-17cc-494f-956d-a3dddf055500.tmp</t>
  </si>
  <si>
    <t>01/21/2020 14:47:44</t>
  </si>
  <si>
    <t>01/21/2020 14:50:29</t>
  </si>
  <si>
    <t>01/21/2020 14:47:02</t>
  </si>
  <si>
    <t>1deaf451-6730-43f4-a513-e2f333f07404.tmp</t>
  </si>
  <si>
    <t>\\acsfs\profiles$\THYAGOSP\Downloads\1deaf451-6730-43f4-a513-e2f333f07404.tmp</t>
  </si>
  <si>
    <t>01/21/2020 14:50:11</t>
  </si>
  <si>
    <t>01/21/2020 14:49:11</t>
  </si>
  <si>
    <t>01/21/2020 14:45:56</t>
  </si>
  <si>
    <t>01/21/2020 14:51:29</t>
  </si>
  <si>
    <t>01/21/2020 14:50:08</t>
  </si>
  <si>
    <t>01/21/2020 14:46:54</t>
  </si>
  <si>
    <t>01/21/2020 14:48:34</t>
  </si>
  <si>
    <t>outlook.office.com/owa/service.svc?action=CreateItem&amp;app=Mail&amp;n=272</t>
  </si>
  <si>
    <t>flaviacno@algartech.com;gustavodsil@algartech.com;raicdf@algartech.com;</t>
  </si>
  <si>
    <t>flaviacno@algartech.com,gustavodsil@algartech.com,raicdf@algartech.com</t>
  </si>
  <si>
    <t>01/21/2020 14:48:35</t>
  </si>
  <si>
    <t>01/21/2020 14:48:45</t>
  </si>
  <si>
    <t>01/21/2020 14:49:30</t>
  </si>
  <si>
    <t>01/21/2020 14:49:42</t>
  </si>
  <si>
    <t>01/21/2020 14:49:58</t>
  </si>
  <si>
    <t>01/21/2020 14:52:29</t>
  </si>
  <si>
    <t>01/21/2020 14:46:57</t>
  </si>
  <si>
    <t>01/21/2020 14:48:01</t>
  </si>
  <si>
    <t>01/21/2020 14:46:53</t>
  </si>
  <si>
    <t>5c819cda-0a62-41a3-9659-bf984829e92d.tmp</t>
  </si>
  <si>
    <t>\\acsfs\profiles$\rafaelacdoc\Downloads\5c819cda-0a62-41a3-9659-bf984829e92d.tmp</t>
  </si>
  <si>
    <t>01/21/2020 14:48:58</t>
  </si>
  <si>
    <t>01/21/2020 14:48:03</t>
  </si>
  <si>
    <t>01/21/2020 14:53:30</t>
  </si>
  <si>
    <t>lu1047229x3p.tmp</t>
  </si>
  <si>
    <t>\\acsfs\profiles$\Flaviojmm\My Documents\lu1047229x3p.tmp</t>
  </si>
  <si>
    <t>\\acsfs\profiles$\Flaviojmm\My Documents\lu1047229x3p.tmp\</t>
  </si>
  <si>
    <t>\\acsfs\profiles$\Flaviojmm\My Documents\lu1047229x3p.tmp\META-INF\</t>
  </si>
  <si>
    <t>\\acsfs\profiles$\Flaviojmm\My Documents\lu1047229x3p.tmp\Thumbnails\</t>
  </si>
  <si>
    <t>01/21/2020 14:49:08</t>
  </si>
  <si>
    <t>23f61f8e-0398-4a85-9061-fc1941f23f60.tmp</t>
  </si>
  <si>
    <t>\\acsfs\profiles$\brunalas\Downloads\23f61f8e-0398-4a85-9061-fc1941f23f60.tmp</t>
  </si>
  <si>
    <t>01/21/2020 14:50:28</t>
  </si>
  <si>
    <t>7e67f00b-3ea2-4939-a405-7540ec51b368.tmp</t>
  </si>
  <si>
    <t>\\acsfs\profiles$\brunalas\Downloads\7e67f00b-3ea2-4939-a405-7540ec51b368.tmp</t>
  </si>
  <si>
    <t>01/21/2020 14:50:59</t>
  </si>
  <si>
    <t>97377a79-50cc-47c7-a4e6-d2fa750fd4ce.tmp</t>
  </si>
  <si>
    <t>\\acsfs\profiles$\ingridsm\Downloads\97377a79-50cc-47c7-a4e6-d2fa750fd4ce.tmp</t>
  </si>
  <si>
    <t>01/21/2020 14:52:11</t>
  </si>
  <si>
    <t>e4f4b383-55fb-40fe-8097-c939e03e8a1a.tmp</t>
  </si>
  <si>
    <t>\\acsfs\profiles$\ingridsm\Downloads\e4f4b383-55fb-40fe-8097-c939e03e8a1a.tmp</t>
  </si>
  <si>
    <t>01/21/2020 14:52:25</t>
  </si>
  <si>
    <t>01/21/2020 14:54:29</t>
  </si>
  <si>
    <t>01/21/2020 14:52:24</t>
  </si>
  <si>
    <t>01/21/2020 14:52:59</t>
  </si>
  <si>
    <t>\\acsfs\DEPTOS\Operacao\Banco_Votorantim\Qualidade\Anderson\Jose\Atualizado\Relatorio de Vendas - Auditoria BV Financeira - Janeiro_ - Cópia.xlsm</t>
  </si>
  <si>
    <t>01/21/2020 14:52:22</t>
  </si>
  <si>
    <t>3095df20-82fd-421e-85f1-8321ed5b7eb4.tmp</t>
  </si>
  <si>
    <t>\\acsfs\profiles$\gabrielamdp\Downloads\3095df20-82fd-421e-85f1-8321ed5b7eb4.tmp</t>
  </si>
  <si>
    <t>01/21/2020 14:49:49</t>
  </si>
  <si>
    <t>01/21/2020 14:52:26</t>
  </si>
  <si>
    <t>072b9ae7-f7ac-48d8-bcf1-0660247d539e.tmp</t>
  </si>
  <si>
    <t>\\acsfs\profiles$\fernandofs\Downloads\072b9ae7-f7ac-48d8-bcf1-0660247d539e.tmp</t>
  </si>
  <si>
    <t>01/21/2020 14:52:31</t>
  </si>
  <si>
    <t>938eb757-27e7-4996-ba52-f7e86947024a.tmp</t>
  </si>
  <si>
    <t>\\acsfs\profiles$\fernandofs\Downloads\938eb757-27e7-4996-ba52-f7e86947024a.tmp</t>
  </si>
  <si>
    <t>01/21/2020 14:51:37</t>
  </si>
  <si>
    <t>01/21/2020 14:51:59</t>
  </si>
  <si>
    <t>01/21/2020 14:52:21</t>
  </si>
  <si>
    <t>01/21/2020 14:52:40</t>
  </si>
  <si>
    <t>01/21/2020 14:52:45</t>
  </si>
  <si>
    <t>01/21/2020 14:53:09</t>
  </si>
  <si>
    <t>01/21/2020 14:53:51</t>
  </si>
  <si>
    <t>01/21/2020 14:52:42</t>
  </si>
  <si>
    <t>01/21/2020 14:52:03</t>
  </si>
  <si>
    <t>01/21/2020 14:55:29</t>
  </si>
  <si>
    <t>a8f9ac9c-c4a7-476c-9432-a25b964bab9c.tmp</t>
  </si>
  <si>
    <t>\\acsfs\profiles$\henriquehmdo\Downloads\a8f9ac9c-c4a7-476c-9432-a25b964bab9c.tmp</t>
  </si>
  <si>
    <t>01/21/2020 14:55:11</t>
  </si>
  <si>
    <t>01/21/2020 14:56:29</t>
  </si>
  <si>
    <t>01/21/2020 14:52:54</t>
  </si>
  <si>
    <t>01/21/2020 14:55:40</t>
  </si>
  <si>
    <t>01/21/2020 14:54:51</t>
  </si>
  <si>
    <t>01/21/2020 14:53:16</t>
  </si>
  <si>
    <t>01/21/2020 14:57:29</t>
  </si>
  <si>
    <t>01/21/2020 14:55:04</t>
  </si>
  <si>
    <t>01/21/2020 14:55:25</t>
  </si>
  <si>
    <t>2076eb91-470c-4c1b-95ae-406dd18cd5cd.tmp</t>
  </si>
  <si>
    <t>\\acsfs\profiles$\henriqueco\Downloads\2076eb91-470c-4c1b-95ae-406dd18cd5cd.tmp</t>
  </si>
  <si>
    <t>01/21/2020 14:56:33</t>
  </si>
  <si>
    <t>7a2d4b7f-ca32-49b3-8435-6eca28b4458a.tmp</t>
  </si>
  <si>
    <t>\\acsfs\profiles$\henriqueco\Downloads\7a2d4b7f-ca32-49b3-8435-6eca28b4458a.tmp</t>
  </si>
  <si>
    <t>01/21/2020 14:52:35</t>
  </si>
  <si>
    <t>01/21/2020 14:53:05</t>
  </si>
  <si>
    <t>01/21/2020 14:53:35</t>
  </si>
  <si>
    <t>01/21/2020 14:54:06</t>
  </si>
  <si>
    <t>01/21/2020 14:54:36</t>
  </si>
  <si>
    <t>01/21/2020 14:55:06</t>
  </si>
  <si>
    <t>01/21/2020 14:55:36</t>
  </si>
  <si>
    <t>01/21/2020 14:56:36</t>
  </si>
  <si>
    <t>01/21/2020 14:54:49</t>
  </si>
  <si>
    <t>01/21/2020 14:58:29</t>
  </si>
  <si>
    <t>5044a89c-16f6-4fca-95ef-ad84659e5159.tmp</t>
  </si>
  <si>
    <t>\\acsfs\profiles$\fabianobmf\Downloads\5044a89c-16f6-4fca-95ef-ad84659e5159.tmp</t>
  </si>
  <si>
    <t>01/21/2020 14:55:03</t>
  </si>
  <si>
    <t>01/21/2020 14:56:08</t>
  </si>
  <si>
    <t>b172b21f-c610-4e4b-a8f0-a05da6d3c3b5.tmp</t>
  </si>
  <si>
    <t>\\acsfs\profiles$\fabianobmf\Downloads\b172b21f-c610-4e4b-a8f0-a05da6d3c3b5.tmp</t>
  </si>
  <si>
    <t>01/21/2020 14:55:30</t>
  </si>
  <si>
    <t>01/21/2020 14:55:31</t>
  </si>
  <si>
    <t>lu1047229x3u.tmp</t>
  </si>
  <si>
    <t>\\acsfs\profiles$\Flaviojmm\My Documents\lu1047229x3u.tmp</t>
  </si>
  <si>
    <t>\\acsfs\profiles$\Flaviojmm\My Documents\lu1047229x3u.tmp\</t>
  </si>
  <si>
    <t>\\acsfs\profiles$\Flaviojmm\My Documents\lu1047229x3u.tmp\META-INF\</t>
  </si>
  <si>
    <t>\\acsfs\profiles$\Flaviojmm\My Documents\lu1047229x3u.tmp\Thumbnails\</t>
  </si>
  <si>
    <t>01/21/2020 14:54:13</t>
  </si>
  <si>
    <t>01/21/2020 14:57:50</t>
  </si>
  <si>
    <t>8fb6390b-0996-4e3c-89db-809fcb8212a1.tmp</t>
  </si>
  <si>
    <t>\\acsfs\profiles$\erichds\Downloads\8fb6390b-0996-4e3c-89db-809fcb8212a1.tmp</t>
  </si>
  <si>
    <t>01/21/2020 14:58:09</t>
  </si>
  <si>
    <t>b297007e-2ca7-45c4-b93a-e382557c7a32.tmp</t>
  </si>
  <si>
    <t>\\acsfs\profiles$\erichds\Downloads\b297007e-2ca7-45c4-b93a-e382557c7a32.tmp</t>
  </si>
  <si>
    <t>01/21/2020 14:53:59</t>
  </si>
  <si>
    <t>01/21/2020 14:59:30</t>
  </si>
  <si>
    <t>01/21/2020 14:54:57</t>
  </si>
  <si>
    <t>01/21/2020 14:55:01</t>
  </si>
  <si>
    <t>01/21/2020 14:55:07</t>
  </si>
  <si>
    <t>01/21/2020 14:55:10</t>
  </si>
  <si>
    <t>01/21/2020 14:55:18</t>
  </si>
  <si>
    <t>01/21/2020 14:56:07</t>
  </si>
  <si>
    <t>01/21/2020 14:56:13</t>
  </si>
  <si>
    <t>01/21/2020 14:56:34</t>
  </si>
  <si>
    <t>01/21/2020 14:56:40</t>
  </si>
  <si>
    <t>01/21/2020 14:56:51</t>
  </si>
  <si>
    <t>01/21/2020 14:57:06</t>
  </si>
  <si>
    <t>01/21/2020 14:57:09</t>
  </si>
  <si>
    <t>01/21/2020 14:57:16</t>
  </si>
  <si>
    <t>01/21/2020 14:54:32</t>
  </si>
  <si>
    <t>01/21/2020 14:54:04</t>
  </si>
  <si>
    <t>97211a58-22dc-48cd-92c7-12f81c892d75.tmp</t>
  </si>
  <si>
    <t>\\acsfs\profiles$\gabrielamdp\Downloads\97211a58-22dc-48cd-92c7-12f81c892d75.tmp</t>
  </si>
  <si>
    <t>01/21/2020 14:58:00</t>
  </si>
  <si>
    <t>bedc79a8-b82d-4191-b1cc-f3ec83c748f6.tmp</t>
  </si>
  <si>
    <t>\\acsfs\profiles$\gabrielamdp\Downloads\bedc79a8-b82d-4191-b1cc-f3ec83c748f6.tmp</t>
  </si>
  <si>
    <t>01/21/2020 14:54:28</t>
  </si>
  <si>
    <t>01/21/2020 14:54:52</t>
  </si>
  <si>
    <t>01/21/2020 14:55:09</t>
  </si>
  <si>
    <t>01/21/2020 14:55:12</t>
  </si>
  <si>
    <t>01/21/2020 14:55:34</t>
  </si>
  <si>
    <t>01/21/2020 14:55:54</t>
  </si>
  <si>
    <t>01/21/2020 14:56:15</t>
  </si>
  <si>
    <t>01/21/2020 14:56:18</t>
  </si>
  <si>
    <t>01/21/2020 14:57:28</t>
  </si>
  <si>
    <t>01/21/2020 14:57:48</t>
  </si>
  <si>
    <t>01/21/2020 14:58:04</t>
  </si>
  <si>
    <t>01/21/2020 14:59:00</t>
  </si>
  <si>
    <t>01/21/2020 14:59:07</t>
  </si>
  <si>
    <t>01/21/2020 14:56:16</t>
  </si>
  <si>
    <t>6bbedeb6-91a1-4829-b147-3ee908418788.tmp</t>
  </si>
  <si>
    <t>\\acsfs\profiles$\mariajaf\Downloads\6bbedeb6-91a1-4829-b147-3ee908418788.tmp</t>
  </si>
  <si>
    <t>01/21/2020 14:57:17</t>
  </si>
  <si>
    <t>01/21/2020 15:00:29</t>
  </si>
  <si>
    <t>01/21/2020 14:59:31</t>
  </si>
  <si>
    <t>01/21/2020 14:55:17</t>
  </si>
  <si>
    <t>01/21/2020 14:58:24</t>
  </si>
  <si>
    <t>c135a41a-8b24-4510-87bb-d3ac4e348240.tmp</t>
  </si>
  <si>
    <t>\\acsfs\profiles$\wedersonbadr\My Documents\My Music\c135a41a-8b24-4510-87bb-d3ac4e348240.tmp</t>
  </si>
  <si>
    <t>01/21/2020 14:59:33</t>
  </si>
  <si>
    <t>ea492077-15db-419e-9d39-d398b1e0eeff.tmp</t>
  </si>
  <si>
    <t>\\acsfs\profiles$\wedersonbadr\My Documents\My Music\ea492077-15db-419e-9d39-d398b1e0eeff.tmp</t>
  </si>
  <si>
    <t>01/21/2020 15:00:00</t>
  </si>
  <si>
    <t>52092f82-69be-46c6-a899-d6f0c67d7f67.tmp</t>
  </si>
  <si>
    <t>\\acsfs\profiles$\wedersonbadr\My Documents\My Music\52092f82-69be-46c6-a899-d6f0c67d7f67.tmp</t>
  </si>
  <si>
    <t>01/21/2020 14:56:11</t>
  </si>
  <si>
    <t>01/21/2020 14:59:52</t>
  </si>
  <si>
    <t>01/21/2020 15:01:29</t>
  </si>
  <si>
    <t>8ef549a4-5172-4c18-b6ed-194c13736cd6.tmp</t>
  </si>
  <si>
    <t>\\acsfs\profiles$\victoriaksr\Downloads\8ef549a4-5172-4c18-b6ed-194c13736cd6.tmp</t>
  </si>
  <si>
    <t>01/21/2020 15:00:02</t>
  </si>
  <si>
    <t>.~lock.1721 1724 ate 21012020.xlsx#</t>
  </si>
  <si>
    <t>\\acsfs\profiles$\victoriaksr\Downloads\.~lock.1721 1724 ate 21012020.xlsx#</t>
  </si>
  <si>
    <t>01/21/2020 14:58:54</t>
  </si>
  <si>
    <t>01/21/2020 15:00:13</t>
  </si>
  <si>
    <t>01/21/2020 15:00:06</t>
  </si>
  <si>
    <t>bedecfbf-4272-436b-9ac4-e46b47f963f2.tmp</t>
  </si>
  <si>
    <t>\\acsfs\profiles$\gabrielsma\Downloads\bedecfbf-4272-436b-9ac4-e46b47f963f2.tmp</t>
  </si>
  <si>
    <t>Não confirmado 523570.crdownload</t>
  </si>
  <si>
    <t>\\acsfs\ACS\Gabriel da Silva\Contemporânea\Gen\Não confirmado 523570.crdownload</t>
  </si>
  <si>
    <t>01/21/2020 14:57:45</t>
  </si>
  <si>
    <t>87a95681-eb38-4ffd-b925-264a511be810.tmp</t>
  </si>
  <si>
    <t>\\acsfs\profiles$\gabrielsma\Downloads\87a95681-eb38-4ffd-b925-264a511be810.tmp</t>
  </si>
  <si>
    <t>01/21/2020 14:57:51</t>
  </si>
  <si>
    <t>\\acsfs\ACS\Gabriel da Silva\Contemporânea\Gen\Q29udHJvbGxlci5TQUNBLVNBQy1UUkFDRV8x.ica.crdownload</t>
  </si>
  <si>
    <t>01/21/2020 14:58:39</t>
  </si>
  <si>
    <t>ec0f035b-fe99-45ce-a373-7391eac96ed1.tmp</t>
  </si>
  <si>
    <t>\\acsfs\profiles$\gabrielsma\Downloads\ec0f035b-fe99-45ce-a373-7391eac96ed1.tmp</t>
  </si>
  <si>
    <t>01/21/2020 14:58:43</t>
  </si>
  <si>
    <t>\\acsfs\ACS\Gabriel da Silva\Contemporânea\Gen\Q29udHJvbGxlci5BbHRlcmFQb250b1Zpcmd1bGEt.ica.crdownload</t>
  </si>
  <si>
    <t>01/21/2020 14:59:58</t>
  </si>
  <si>
    <t>3fc90ec8-637d-48b7-840e-0c82ca873b9c.tmp</t>
  </si>
  <si>
    <t>\\acsfs\profiles$\gabrielsma\Downloads\3fc90ec8-637d-48b7-840e-0c82ca873b9c.tmp</t>
  </si>
  <si>
    <t>afd4c798-278c-4eaf-bb7e-6aa87808eb13.tmp</t>
  </si>
  <si>
    <t>\\acsfs\profiles$\gabrielsma\Downloads\afd4c798-278c-4eaf-bb7e-6aa87808eb13.tmp</t>
  </si>
  <si>
    <t>01/21/2020 15:00:09</t>
  </si>
  <si>
    <t>Q29udHJvbGxlci5BbHRlcmFQb250b1Zpcmd1bGEt (1).ica.crdownload</t>
  </si>
  <si>
    <t>\\acsfs\ACS\Gabriel da Silva\Contemporânea\Gen\Q29udHJvbGxlci5BbHRlcmFQb250b1Zpcmd1bGEt (1).ica.crdownload</t>
  </si>
  <si>
    <t>01/21/2020 14:57:30</t>
  </si>
  <si>
    <t>01/21/2020 14:57:31</t>
  </si>
  <si>
    <t>lu5123671lboc.tmp</t>
  </si>
  <si>
    <t>\\acsfs\profiles$\LUCASBS\RENEG BV\Consolidado\lu5123671lboc.tmp</t>
  </si>
  <si>
    <t>\\acsfs\profiles$\LUCASBS\RENEG BV\Consolidado\lu5123671lboc.tmp\</t>
  </si>
  <si>
    <t>\\acsfs\profiles$\LUCASBS\RENEG BV\Consolidado\lu5123671lboc.tmp\META-INF\</t>
  </si>
  <si>
    <t>\\acsfs\profiles$\LUCASBS\RENEG BV\Consolidado\lu5123671lboc.tmp\Thumbnails\</t>
  </si>
  <si>
    <t>01/21/2020 14:56:14</t>
  </si>
  <si>
    <t>05d6d95c-c059-4d55-9494-784290a8a59d.tmp</t>
  </si>
  <si>
    <t>\\acsfs\profiles$\andressamf\Downloads\05d6d95c-c059-4d55-9494-784290a8a59d.tmp</t>
  </si>
  <si>
    <t>01/21/2020 14:57:08</t>
  </si>
  <si>
    <t>01/21/2020 14:57:18</t>
  </si>
  <si>
    <t>01/21/2020 14:57:21</t>
  </si>
  <si>
    <t>01/21/2020 14:57:27</t>
  </si>
  <si>
    <t>01/21/2020 14:57:32</t>
  </si>
  <si>
    <t>01/21/2020 14:57:44</t>
  </si>
  <si>
    <t>01/21/2020 14:58:12</t>
  </si>
  <si>
    <t>01/21/2020 14:58:36</t>
  </si>
  <si>
    <t>01/21/2020 14:59:01</t>
  </si>
  <si>
    <t>01/21/2020 14:59:09</t>
  </si>
  <si>
    <t>01/21/2020 14:59:11</t>
  </si>
  <si>
    <t>01/21/2020 14:59:15</t>
  </si>
  <si>
    <t>01/21/2020 14:59:18</t>
  </si>
  <si>
    <t>01/21/2020 14:57:36</t>
  </si>
  <si>
    <t>01/21/2020 15:02:29</t>
  </si>
  <si>
    <t>01/21/2020 14:58:28</t>
  </si>
  <si>
    <t>01/21/2020 14:59:20</t>
  </si>
  <si>
    <t>01/21/2020 15:03:29</t>
  </si>
  <si>
    <t>01/21/2020 14:59:50</t>
  </si>
  <si>
    <t>.~lock.Acessos.odt#</t>
  </si>
  <si>
    <t>\\acsfs\profiles$\edicarlosdl\My Documents\.~lock.Acessos.odt#</t>
  </si>
  <si>
    <t>44365eea-a371-492f-a0b2-354d2efb0993.tmp</t>
  </si>
  <si>
    <t>\\acsfs\profiles$\edicarlosdl\Downloads\44365eea-a371-492f-a0b2-354d2efb0993.tmp</t>
  </si>
  <si>
    <t>01/21/2020 15:00:08</t>
  </si>
  <si>
    <t>a1b946cb-9037-484f-93aa-3618f6e3df20.tmp</t>
  </si>
  <si>
    <t>\\acsfs\profiles$\edicarlosdl\Downloads\a1b946cb-9037-484f-93aa-3618f6e3df20.tmp</t>
  </si>
  <si>
    <t>24624ad0-ac61-4ee0-b56c-feb68e82e165.tmp</t>
  </si>
  <si>
    <t>\\acsfs\profiles$\edicarlosdl\Downloads\24624ad0-ac61-4ee0-b56c-feb68e82e165.tmp</t>
  </si>
  <si>
    <t>01/21/2020 15:02:50</t>
  </si>
  <si>
    <t>01/21/2020 14:58:11</t>
  </si>
  <si>
    <t>91a0b446-f971-491f-8548-59ea5d9e0f28.tmp</t>
  </si>
  <si>
    <t>\\acsfs\profiles$\gabrieleods\Downloads\91a0b446-f971-491f-8548-59ea5d9e0f28.tmp</t>
  </si>
  <si>
    <t>01/21/2020 14:59:40</t>
  </si>
  <si>
    <t>01/21/2020 15:04:29</t>
  </si>
  <si>
    <t>01/21/2020 15:03:17</t>
  </si>
  <si>
    <t>01/21/2020 15:00:34</t>
  </si>
  <si>
    <t>d67abef5-6019-46aa-8670-826994ea8353.tmp</t>
  </si>
  <si>
    <t>\\acsfs\profiles$\gabrielamdp\Downloads\d67abef5-6019-46aa-8670-826994ea8353.tmp</t>
  </si>
  <si>
    <t>01/21/2020 15:00:35</t>
  </si>
  <si>
    <t>f001da0a-bcac-4e56-9b55-db3707284a15.tmp</t>
  </si>
  <si>
    <t>\\acsfs\profiles$\gabrielamdp\Downloads\f001da0a-bcac-4e56-9b55-db3707284a15.tmp</t>
  </si>
  <si>
    <t>01/21/2020 15:00:37</t>
  </si>
  <si>
    <t>abeada06-4038-48da-995a-5fad221bee2b.tmp</t>
  </si>
  <si>
    <t>\\acsfs\profiles$\gabrielamdp\Downloads\abeada06-4038-48da-995a-5fad221bee2b.tmp</t>
  </si>
  <si>
    <t>01/21/2020 15:01:55</t>
  </si>
  <si>
    <t>0c54c65e-1b23-44da-be1e-298f6c06dc45.tmp</t>
  </si>
  <si>
    <t>\\acsfs\profiles$\anafsb\Downloads\0c54c65e-1b23-44da-be1e-298f6c06dc45.tmp</t>
  </si>
  <si>
    <t>01/21/2020 15:02:37</t>
  </si>
  <si>
    <t>29ee39aa-934e-4ad3-a102-183767e6dd79.tmp</t>
  </si>
  <si>
    <t>\\acsfs\profiles$\adelvinsonle\Downloads\29ee39aa-934e-4ad3-a102-183767e6dd79.tmp</t>
  </si>
  <si>
    <t>01/21/2020 15:03:32</t>
  </si>
  <si>
    <t>01/21/2020 14:59:17</t>
  </si>
  <si>
    <t>01/21/2020 14:59:48</t>
  </si>
  <si>
    <t>01/21/2020 15:00:10</t>
  </si>
  <si>
    <t>01/21/2020 15:00:39</t>
  </si>
  <si>
    <t>01/21/2020 15:00:44</t>
  </si>
  <si>
    <t>01/21/2020 15:01:02</t>
  </si>
  <si>
    <t>01/21/2020 15:01:07</t>
  </si>
  <si>
    <t>01/21/2020 15:01:10</t>
  </si>
  <si>
    <t>01/21/2020 15:01:13</t>
  </si>
  <si>
    <t>01/21/2020 15:01:23</t>
  </si>
  <si>
    <t>01/21/2020 15:01:26</t>
  </si>
  <si>
    <t>01/21/2020 15:01:09</t>
  </si>
  <si>
    <t>01/21/2020 15:05:30</t>
  </si>
  <si>
    <t>01/21/2020 15:01:11</t>
  </si>
  <si>
    <t>01/21/2020 15:02:11</t>
  </si>
  <si>
    <t>01/21/2020 15:04:34</t>
  </si>
  <si>
    <t>01/21/2020 15:06:29</t>
  </si>
  <si>
    <t>9ef3f539-2a99-4bba-859e-718381d2ea58.tmp</t>
  </si>
  <si>
    <t>\\acsfs\profiles$\LUCASNS\Downloads\9ef3f539-2a99-4bba-859e-718381d2ea58.tmp</t>
  </si>
  <si>
    <t>01/21/2020 15:04:55</t>
  </si>
  <si>
    <t>01/21/2020 15:01:08</t>
  </si>
  <si>
    <t>7e712cf5-718e-4c7c-afbb-ba6118d79aa1.tmp</t>
  </si>
  <si>
    <t>\\acsfs\profiles$\gabrielsma\Downloads\7e712cf5-718e-4c7c-afbb-ba6118d79aa1.tmp</t>
  </si>
  <si>
    <t>01/21/2020 15:02:56</t>
  </si>
  <si>
    <t>078a01cc-6101-43e7-9866-60e33b4fee11.tmp</t>
  </si>
  <si>
    <t>\\acsfs\profiles$\gabrielsma\Downloads\078a01cc-6101-43e7-9866-60e33b4fee11.tmp</t>
  </si>
  <si>
    <t>01/21/2020 15:02:58</t>
  </si>
  <si>
    <t>01/21/2020 15:03:45</t>
  </si>
  <si>
    <t>3def5ac6-fcb5-430e-b7c5-bd16f6240387.tmp</t>
  </si>
  <si>
    <t>\\acsfs\profiles$\gabrielsma\Downloads\3def5ac6-fcb5-430e-b7c5-bd16f6240387.tmp</t>
  </si>
  <si>
    <t>01/21/2020 15:03:49</t>
  </si>
  <si>
    <t>01/21/2020 15:04:11</t>
  </si>
  <si>
    <t>01/21/2020 15:04:02</t>
  </si>
  <si>
    <t>01/21/2020 15:07:29</t>
  </si>
  <si>
    <t>742254eb-ae45-4872-b04e-1b0c2914c4b5.tmp</t>
  </si>
  <si>
    <t>\\acsfs\profiles$\lorrainerdl\Downloads\742254eb-ae45-4872-b04e-1b0c2914c4b5.tmp</t>
  </si>
  <si>
    <t>01/21/2020 15:04:09</t>
  </si>
  <si>
    <t>eaf22ef0-1727-47fb-912b-eec13bf56c86.tmp</t>
  </si>
  <si>
    <t>\\acsfs\profiles$\lorrainerdl\Downloads\eaf22ef0-1727-47fb-912b-eec13bf56c86.tmp</t>
  </si>
  <si>
    <t>01/21/2020 15:04:21</t>
  </si>
  <si>
    <t>089e5588-8ea2-49bd-96fd-e7179931f15e.tmp</t>
  </si>
  <si>
    <t>\\acsfs\profiles$\lorrainerdl\Downloads\089e5588-8ea2-49bd-96fd-e7179931f15e.tmp</t>
  </si>
  <si>
    <t>01/21/2020 15:03:23</t>
  </si>
  <si>
    <t>5e86ddc8-4918-4202-9baa-cf639346707d.tmp</t>
  </si>
  <si>
    <t>\\acsfs\profiles$\PEDROHAB\Downloads\5e86ddc8-4918-4202-9baa-cf639346707d.tmp</t>
  </si>
  <si>
    <t>01/21/2020 15:04:39</t>
  </si>
  <si>
    <t>01/21/2020 15:06:09</t>
  </si>
  <si>
    <t>01/21/2020 15:04:45</t>
  </si>
  <si>
    <t>01/21/2020 15:08:29</t>
  </si>
  <si>
    <t>01/21/2020 15:09:29</t>
  </si>
  <si>
    <t>01/21/2020 15:07:58</t>
  </si>
  <si>
    <t>abbce9b1-c373-41cc-a820-472ff414ce0a.tmp</t>
  </si>
  <si>
    <t>\\acsfs\profiles$\adelvinsonle\Downloads\abbce9b1-c373-41cc-a820-472ff414ce0a.tmp</t>
  </si>
  <si>
    <t>01/21/2020 15:08:27</t>
  </si>
  <si>
    <t>01/21/2020 15:10:29</t>
  </si>
  <si>
    <t>85a38d75-093f-487e-aa2f-36b11a6149f7.tmp</t>
  </si>
  <si>
    <t>\\acsfs\profiles$\marcosvnds\Downloads\85a38d75-093f-487e-aa2f-36b11a6149f7.tmp</t>
  </si>
  <si>
    <t>01/21/2020 15:07:11</t>
  </si>
  <si>
    <t>01/21/2020 15:08:11</t>
  </si>
  <si>
    <t>01/21/2020 15:06:30</t>
  </si>
  <si>
    <t>01/21/2020 15:11:29</t>
  </si>
  <si>
    <t>1d6b2959-508a-482c-ab7d-e93274a36c7a.tmp</t>
  </si>
  <si>
    <t>\\acsfs\profiles$\LUCASNS\Downloads\1d6b2959-508a-482c-ab7d-e93274a36c7a.tmp</t>
  </si>
  <si>
    <t>01/21/2020 15:08:12</t>
  </si>
  <si>
    <t>01/21/2020 15:08:02</t>
  </si>
  <si>
    <t>01/21/2020 15:07:16</t>
  </si>
  <si>
    <t>01/21/2020 15:12:29</t>
  </si>
  <si>
    <t>01/21/2020 15:06:57</t>
  </si>
  <si>
    <t>01/21/2020 15:08:24</t>
  </si>
  <si>
    <t>100014123564284;antoniocoj@algartech.com;joaogvc@algartech.com;marianadjc@algartech.com;planejamentodeoperacoesetrafego@bv.com.br;raphaelmco@algartech.com.br;ricardodfm@algartech.com.br;taysdss@algartech.com;</t>
  </si>
  <si>
    <t>https://100014123564284,antoniocoj@algartech.com,joaogvc@algartech.com,marianadjc@algartech.com,planejamentodeoperacoesetrafego@bv.com.br,raphaelmco@algartech.com.br,ricardodfm@algartech.com.br,taysdss@algartech.com</t>
  </si>
  <si>
    <t>01/21/2020 15:08:39</t>
  </si>
  <si>
    <t>01/21/2020 15:08:31</t>
  </si>
  <si>
    <t>01/21/2020 15:08:32</t>
  </si>
  <si>
    <t>01/21/2020 15:08:37</t>
  </si>
  <si>
    <t>01/21/2020 15:08:38</t>
  </si>
  <si>
    <t>01/21/2020 15:08:40</t>
  </si>
  <si>
    <t>01/21/2020 15:08:41</t>
  </si>
  <si>
    <t>01/21/2020 15:08:50</t>
  </si>
  <si>
    <t>01/21/2020 15:08:51</t>
  </si>
  <si>
    <t>01/21/2020 15:08:53</t>
  </si>
  <si>
    <t>01/21/2020 15:09:00</t>
  </si>
  <si>
    <t>01/21/2020 15:09:17</t>
  </si>
  <si>
    <t>01/21/2020 15:09:18</t>
  </si>
  <si>
    <t>01/21/2020 15:09:19</t>
  </si>
  <si>
    <t>01/21/2020 15:09:22</t>
  </si>
  <si>
    <t>01/21/2020 15:09:32</t>
  </si>
  <si>
    <t>01/21/2020 15:09:33</t>
  </si>
  <si>
    <t>01/21/2020 15:09:36</t>
  </si>
  <si>
    <t>01/21/2020 15:09:38</t>
  </si>
  <si>
    <t>01/21/2020 15:09:39</t>
  </si>
  <si>
    <t>01/21/2020 15:09:40</t>
  </si>
  <si>
    <t>01/21/2020 15:09:42</t>
  </si>
  <si>
    <t>01/21/2020 15:09:44</t>
  </si>
  <si>
    <t>01/21/2020 15:09:46</t>
  </si>
  <si>
    <t>01/21/2020 15:09:48</t>
  </si>
  <si>
    <t>01/21/2020 15:09:49</t>
  </si>
  <si>
    <t>01/21/2020 15:09:50</t>
  </si>
  <si>
    <t>01/21/2020 15:09:52</t>
  </si>
  <si>
    <t>01/21/2020 15:09:53</t>
  </si>
  <si>
    <t>01/21/2020 15:09:54</t>
  </si>
  <si>
    <t>01/21/2020 15:09:55</t>
  </si>
  <si>
    <t>01/21/2020 15:09:56</t>
  </si>
  <si>
    <t>01/21/2020 15:09:57</t>
  </si>
  <si>
    <t>01/21/2020 15:09:59</t>
  </si>
  <si>
    <t>01/21/2020 15:10:00</t>
  </si>
  <si>
    <t>01/21/2020 15:10:01</t>
  </si>
  <si>
    <t>01/21/2020 15:10:02</t>
  </si>
  <si>
    <t>01/21/2020 15:10:03</t>
  </si>
  <si>
    <t>01/21/2020 15:10:04</t>
  </si>
  <si>
    <t>01/21/2020 15:10:05</t>
  </si>
  <si>
    <t>01/21/2020 15:10:34</t>
  </si>
  <si>
    <t>01/21/2020 15:08:10</t>
  </si>
  <si>
    <t>01/21/2020 15:09:10</t>
  </si>
  <si>
    <t>01/21/2020 15:11:05</t>
  </si>
  <si>
    <t>01/21/2020 15:08:21</t>
  </si>
  <si>
    <t>01/21/2020 15:11:37</t>
  </si>
  <si>
    <t>01/21/2020 15:13:29</t>
  </si>
  <si>
    <t>01/21/2020 15:08:45</t>
  </si>
  <si>
    <t>01/21/2020 15:14:29</t>
  </si>
  <si>
    <t>01/21/2020 15:10:15</t>
  </si>
  <si>
    <t>01/21/2020 15:15:30</t>
  </si>
  <si>
    <t>01/21/2020 15:11:39</t>
  </si>
  <si>
    <t>XLOG_anacdos_21012020_070450.log</t>
  </si>
  <si>
    <t>\\acsfs\profiles$\anacdos\My Documents\xworkcenter\logs\XLOG_anacdos_21012020_070450.log</t>
  </si>
  <si>
    <t>01/21/2020 15:13:11</t>
  </si>
  <si>
    <t>01/21/2020 15:14:12</t>
  </si>
  <si>
    <t>01/21/2020 15:10:54</t>
  </si>
  <si>
    <t>01/21/2020 15:16:29</t>
  </si>
  <si>
    <t>01/21/2020 15:14:38</t>
  </si>
  <si>
    <t>01/21/2020 15:14:39</t>
  </si>
  <si>
    <t>01/21/2020 15:14:59</t>
  </si>
  <si>
    <t>01/21/2020 15:15:01</t>
  </si>
  <si>
    <t>01/21/2020 15:15:19</t>
  </si>
  <si>
    <t>01/21/2020 15:15:21</t>
  </si>
  <si>
    <t>01/21/2020 15:15:22</t>
  </si>
  <si>
    <t>01/21/2020 15:15:38</t>
  </si>
  <si>
    <t>01/21/2020 15:11:48</t>
  </si>
  <si>
    <t>c336f737-c8c4-4a94-9374-c25542671bb4.tmp</t>
  </si>
  <si>
    <t>\\acsfs\profiles$\gabrielsma\Downloads\c336f737-c8c4-4a94-9374-c25542671bb4.tmp</t>
  </si>
  <si>
    <t>01/21/2020 15:11:53</t>
  </si>
  <si>
    <t>Não confirmado 385891.crdownload</t>
  </si>
  <si>
    <t>\\acsfs\ACS\Gabriel da Silva\Contemporânea\Gen\Não confirmado 385891.crdownload</t>
  </si>
  <si>
    <t>01/21/2020 15:14:43</t>
  </si>
  <si>
    <t>01/21/2020 15:14:49</t>
  </si>
  <si>
    <t>01/21/2020 15:14:57</t>
  </si>
  <si>
    <t>01/21/2020 15:12:28</t>
  </si>
  <si>
    <t>01/21/2020 15:17:30</t>
  </si>
  <si>
    <t>3f90a762-2378-45f9-a6cc-e068d5716bef.tmp</t>
  </si>
  <si>
    <t>\\acsfs\profiles$\laurandos\Downloads\3f90a762-2378-45f9-a6cc-e068d5716bef.tmp</t>
  </si>
  <si>
    <t>01/21/2020 15:12:59</t>
  </si>
  <si>
    <t>d2ec1855-415f-4ba9-879a-4c0a6f2baa82.tmp</t>
  </si>
  <si>
    <t>\\acsfs\profiles$\laurandos\Downloads\d2ec1855-415f-4ba9-879a-4c0a6f2baa82.tmp</t>
  </si>
  <si>
    <t>01/21/2020 15:19:29</t>
  </si>
  <si>
    <t>01/21/2020 15:20:29</t>
  </si>
  <si>
    <t>01/21/2020 15:19:11</t>
  </si>
  <si>
    <t>01/21/2020 15:20:11</t>
  </si>
  <si>
    <t>01/21/2020 15:17:06</t>
  </si>
  <si>
    <t>01/21/2020 15:21:29</t>
  </si>
  <si>
    <t>01/21/2020 15:17:08</t>
  </si>
  <si>
    <t>01/21/2020 15:17:09</t>
  </si>
  <si>
    <t>01/21/2020 15:17:34</t>
  </si>
  <si>
    <t>9dc984fe-efda-4778-abe2-f45c3e229620.tmp</t>
  </si>
  <si>
    <t>\\acsfs\profiles$\joycemmdl\Downloads\9dc984fe-efda-4778-abe2-f45c3e229620.tmp</t>
  </si>
  <si>
    <t>01/21/2020 15:20:19</t>
  </si>
  <si>
    <t>01/21/2020 15:17:32</t>
  </si>
  <si>
    <t>01/21/2020 15:17:33</t>
  </si>
  <si>
    <t>01/21/2020 15:16:56</t>
  </si>
  <si>
    <t>01/21/2020 15:22:30</t>
  </si>
  <si>
    <t>01/21/2020 15:20:20</t>
  </si>
  <si>
    <t>01/21/2020 15:19:44</t>
  </si>
  <si>
    <t>4e4257e1-f3b4-4ff7-8c11-ea8398c1f852.tmp</t>
  </si>
  <si>
    <t>\\acsfs\profiles$\nayarasds\Downloads\4e4257e1-f3b4-4ff7-8c11-ea8398c1f852.tmp</t>
  </si>
  <si>
    <t>01/21/2020 15:19:52</t>
  </si>
  <si>
    <t>e3f60c6a-f7c1-441f-96f2-4db5350862d5.tmp</t>
  </si>
  <si>
    <t>\\acsfs\profiles$\nayarasds\Downloads\e3f60c6a-f7c1-441f-96f2-4db5350862d5.tmp</t>
  </si>
  <si>
    <t>01/21/2020 15:21:10</t>
  </si>
  <si>
    <t>5592d656-b46c-4c36-8b10-bd0763a6dbbc.tmp</t>
  </si>
  <si>
    <t>\\acsfs\profiles$\nayarasds\Downloads\5592d656-b46c-4c36-8b10-bd0763a6dbbc.tmp</t>
  </si>
  <si>
    <t>01/21/2020 15:18:02</t>
  </si>
  <si>
    <t>01/21/2020 15:23:29</t>
  </si>
  <si>
    <t>01/21/2020 15:24:30</t>
  </si>
  <si>
    <t>01/21/2020 15:21:43</t>
  </si>
  <si>
    <t>01/21/2020 15:24:05</t>
  </si>
  <si>
    <t>fa8c1d92-8e79-4c45-96f3-25f6d5fd7d91.tmp</t>
  </si>
  <si>
    <t>\\acsfs\profiles$\adelvinsonle\Downloads\fa8c1d92-8e79-4c45-96f3-25f6d5fd7d91.tmp</t>
  </si>
  <si>
    <t>01/21/2020 15:22:51</t>
  </si>
  <si>
    <t>51a0d54d-da0f-4e4a-85bb-851d1bf27b01.tmp</t>
  </si>
  <si>
    <t>\\acsfs\profiles$\RAFAELRF\Downloads\51a0d54d-da0f-4e4a-85bb-851d1bf27b01.tmp</t>
  </si>
  <si>
    <t>01/21/2020 15:22:35</t>
  </si>
  <si>
    <t>bc431cd0-1b47-475f-b159-457b5e77de9d.tmp</t>
  </si>
  <si>
    <t>\\acsfs\profiles$\fernandofs\Downloads\bc431cd0-1b47-475f-b159-457b5e77de9d.tmp</t>
  </si>
  <si>
    <t>01/21/2020 15:22:44</t>
  </si>
  <si>
    <t>01/21/2020 15:25:29</t>
  </si>
  <si>
    <t>0e2b36ef-4fcc-437f-9078-49ef31562986.tmp</t>
  </si>
  <si>
    <t>\\acsfs\profiles$\andreapdsg\Downloads\0e2b36ef-4fcc-437f-9078-49ef31562986.tmp</t>
  </si>
  <si>
    <t>01/21/2020 15:23:22</t>
  </si>
  <si>
    <t>01/21/2020 15:22:43</t>
  </si>
  <si>
    <t>01/21/2020 15:23:36</t>
  </si>
  <si>
    <t>01/21/2020 15:25:11</t>
  </si>
  <si>
    <t>01/21/2020 15:26:29</t>
  </si>
  <si>
    <t>01/21/2020 15:22:05</t>
  </si>
  <si>
    <t>01/21/2020 15:23:17</t>
  </si>
  <si>
    <t>01/21/2020 15:24:16</t>
  </si>
  <si>
    <t>01/21/2020 15:24:17</t>
  </si>
  <si>
    <t>01/21/2020 15:25:35</t>
  </si>
  <si>
    <t>01/21/2020 15:26:07</t>
  </si>
  <si>
    <t>01/21/2020 15:27:30</t>
  </si>
  <si>
    <t>01/21/2020 15:21:53</t>
  </si>
  <si>
    <t>01/21/2020 15:28:29</t>
  </si>
  <si>
    <t>01/21/2020 15:27:00</t>
  </si>
  <si>
    <t>01/21/2020 15:29:30</t>
  </si>
  <si>
    <t>01/21/2020 15:25:14</t>
  </si>
  <si>
    <t>01/21/2020 15:30:29</t>
  </si>
  <si>
    <t>56431ce3-10d0-4ee8-b314-d485c41e0d15.tmp</t>
  </si>
  <si>
    <t>\\acsfs\profiles$\andreapdsg\Downloads\56431ce3-10d0-4ee8-b314-d485c41e0d15.tmp</t>
  </si>
  <si>
    <t>01/21/2020 15:26:11</t>
  </si>
  <si>
    <t>01/21/2020 15:31:29</t>
  </si>
  <si>
    <t>01/21/2020 15:29:22</t>
  </si>
  <si>
    <t>d9b248ae-9c3e-4bc5-ab1c-0805fb1e857c.tmp</t>
  </si>
  <si>
    <t>\\acsfs\profiles$\gabrielsma\Downloads\d9b248ae-9c3e-4bc5-ab1c-0805fb1e857c.tmp</t>
  </si>
  <si>
    <t>01/21/2020 15:29:29</t>
  </si>
  <si>
    <t>Não confirmado 524273.crdownload</t>
  </si>
  <si>
    <t>\\acsfs\ACS\Gabriel da Silva\Contemporânea\Gen\Não confirmado 524273.crdownload</t>
  </si>
  <si>
    <t>01/21/2020 15:29:54</t>
  </si>
  <si>
    <t>01/21/2020 15:29:56</t>
  </si>
  <si>
    <t>01/21/2020 15:29:58</t>
  </si>
  <si>
    <t>01/21/2020 15:29:59</t>
  </si>
  <si>
    <t>01/21/2020 15:30:00</t>
  </si>
  <si>
    <t>01/21/2020 15:30:53</t>
  </si>
  <si>
    <t>01/21/2020 15:32:29</t>
  </si>
  <si>
    <t>01/21/2020 15:28:12</t>
  </si>
  <si>
    <t>01/21/2020 15:28:25</t>
  </si>
  <si>
    <t>01/21/2020 15:34:30</t>
  </si>
  <si>
    <t>01/21/2020 15:32:12</t>
  </si>
  <si>
    <t>01/21/2020 15:31:11</t>
  </si>
  <si>
    <t>01/21/2020 15:36:30</t>
  </si>
  <si>
    <t>01/21/2020 15:32:11</t>
  </si>
  <si>
    <t>01/21/2020 15:34:46</t>
  </si>
  <si>
    <t>https://udpmailboxap01.acs.com.br:8443/h/search?si=0&amp;so=0&amp;sc=80718&amp;sfi=2&amp;st=conversation&amp;action=compose</t>
  </si>
  <si>
    <t>01/21/2020 15:33:06</t>
  </si>
  <si>
    <t>01/21/2020 15:35:54</t>
  </si>
  <si>
    <t>01/21/2020 15:32:08</t>
  </si>
  <si>
    <t>https://outlook.office365.com/mapi/emsmdb/?mailboxid=e0cded78-182c-4b0d-9733-fd74dfe2a4c5@algartech.com</t>
  </si>
  <si>
    <t>https://outlook.office365.com/mapi/nspi/?mailboxid=e0cded78-182c-4b0d-9733-fd74dfe2a4c5@algartech.com</t>
  </si>
  <si>
    <t>01/21/2020 15:32:09</t>
  </si>
  <si>
    <t>01/21/2020 15:32:10</t>
  </si>
  <si>
    <t>01/21/2020 15:37:29</t>
  </si>
  <si>
    <t>01/21/2020 15:32:13</t>
  </si>
  <si>
    <t>01/21/2020 15:32:15</t>
  </si>
  <si>
    <t>01/21/2020 15:32:20</t>
  </si>
  <si>
    <t>01/21/2020 15:32:24</t>
  </si>
  <si>
    <t>01/21/2020 15:32:28</t>
  </si>
  <si>
    <t>01/21/2020 15:32:32</t>
  </si>
  <si>
    <t>01/21/2020 15:32:36</t>
  </si>
  <si>
    <t>01/21/2020 15:32:42</t>
  </si>
  <si>
    <t>01/21/2020 15:32:47</t>
  </si>
  <si>
    <t>01/21/2020 15:32:52</t>
  </si>
  <si>
    <t>01/21/2020 15:32:56</t>
  </si>
  <si>
    <t>01/21/2020 15:33:01</t>
  </si>
  <si>
    <t>01/21/2020 15:33:05</t>
  </si>
  <si>
    <t>01/21/2020 15:33:09</t>
  </si>
  <si>
    <t>01/21/2020 15:33:13</t>
  </si>
  <si>
    <t>01/21/2020 15:33:17</t>
  </si>
  <si>
    <t>01/21/2020 15:33:21</t>
  </si>
  <si>
    <t>01/21/2020 15:33:26</t>
  </si>
  <si>
    <t>01/21/2020 15:33:30</t>
  </si>
  <si>
    <t>01/21/2020 15:33:34</t>
  </si>
  <si>
    <t>01/21/2020 15:33:38</t>
  </si>
  <si>
    <t>01/21/2020 15:33:42</t>
  </si>
  <si>
    <t>01/21/2020 15:33:46</t>
  </si>
  <si>
    <t>01/21/2020 15:33:50</t>
  </si>
  <si>
    <t>01/21/2020 15:33:54</t>
  </si>
  <si>
    <t>01/21/2020 15:33:59</t>
  </si>
  <si>
    <t>01/21/2020 15:34:03</t>
  </si>
  <si>
    <t>01/21/2020 15:34:08</t>
  </si>
  <si>
    <t>01/21/2020 15:34:12</t>
  </si>
  <si>
    <t>01/21/2020 15:34:17</t>
  </si>
  <si>
    <t>01/21/2020 15:34:21</t>
  </si>
  <si>
    <t>01/21/2020 15:34:28</t>
  </si>
  <si>
    <t>01/21/2020 15:34:32</t>
  </si>
  <si>
    <t>01/21/2020 15:34:37</t>
  </si>
  <si>
    <t>01/21/2020 15:34:41</t>
  </si>
  <si>
    <t>01/21/2020 15:34:47</t>
  </si>
  <si>
    <t>01/21/2020 15:34:55</t>
  </si>
  <si>
    <t>01/21/2020 15:35:04</t>
  </si>
  <si>
    <t>01/21/2020 15:35:09</t>
  </si>
  <si>
    <t>01/21/2020 15:35:14</t>
  </si>
  <si>
    <t>01/21/2020 15:35:20</t>
  </si>
  <si>
    <t>01/21/2020 15:35:24</t>
  </si>
  <si>
    <t>01/21/2020 15:35:28</t>
  </si>
  <si>
    <t>01/21/2020 15:35:33</t>
  </si>
  <si>
    <t>01/21/2020 15:35:37</t>
  </si>
  <si>
    <t>01/21/2020 15:35:42</t>
  </si>
  <si>
    <t>01/21/2020 15:35:46</t>
  </si>
  <si>
    <t>01/21/2020 15:35:50</t>
  </si>
  <si>
    <t>01/21/2020 15:35:59</t>
  </si>
  <si>
    <t>01/21/2020 15:36:03</t>
  </si>
  <si>
    <t>01/21/2020 15:36:07</t>
  </si>
  <si>
    <t>01/21/2020 15:36:11</t>
  </si>
  <si>
    <t>01/21/2020 15:36:15</t>
  </si>
  <si>
    <t>01/21/2020 15:36:19</t>
  </si>
  <si>
    <t>01/21/2020 15:36:23</t>
  </si>
  <si>
    <t>c4c95049-06af-432c-9173-a2ebff55e462.tmp</t>
  </si>
  <si>
    <t>\\acsfs\profiles$\henriqueco\Downloads\c4c95049-06af-432c-9173-a2ebff55e462.tmp</t>
  </si>
  <si>
    <t>01/21/2020 15:33:19</t>
  </si>
  <si>
    <t>01/21/2020 15:38:29</t>
  </si>
  <si>
    <t>c06bee02-df84-4f90-8a67-34534ec5fb8e.tmp</t>
  </si>
  <si>
    <t>\\acsfs\profiles$\fabianobmf\Downloads\c06bee02-df84-4f90-8a67-34534ec5fb8e.tmp</t>
  </si>
  <si>
    <t>01/21/2020 15:33:22</t>
  </si>
  <si>
    <t>9af71f39-c1c9-4d4e-8351-bbc9e11edefc.tmp</t>
  </si>
  <si>
    <t>\\acsfs\profiles$\fabianobmf\Downloads\9af71f39-c1c9-4d4e-8351-bbc9e11edefc.tmp</t>
  </si>
  <si>
    <t>01/21/2020 15:34:15</t>
  </si>
  <si>
    <t>92f2e6e2-147c-42af-9447-b1268afdd441.tmp</t>
  </si>
  <si>
    <t>\\acsfs\profiles$\fabianobmf\Downloads\92f2e6e2-147c-42af-9447-b1268afdd441.tmp</t>
  </si>
  <si>
    <t>01/21/2020 15:37:02</t>
  </si>
  <si>
    <t>01/21/2020 15:36:37</t>
  </si>
  <si>
    <t>01/21/2020 15:39:30</t>
  </si>
  <si>
    <t>01/21/2020 15:39:13</t>
  </si>
  <si>
    <t>01/21/2020 15:38:53</t>
  </si>
  <si>
    <t>01/21/2020 15:40:29</t>
  </si>
  <si>
    <t>01/21/2020 15:37:11</t>
  </si>
  <si>
    <t>01/21/2020 15:41:30</t>
  </si>
  <si>
    <t>01/21/2020 15:38:11</t>
  </si>
  <si>
    <t>01/21/2020 15:39:44</t>
  </si>
  <si>
    <t>01/21/2020 15:38:26</t>
  </si>
  <si>
    <t>01/21/2020 15:40:05</t>
  </si>
  <si>
    <t>01/21/2020 15:40:07</t>
  </si>
  <si>
    <t>01/21/2020 15:40:08</t>
  </si>
  <si>
    <t>01/21/2020 15:36:28</t>
  </si>
  <si>
    <t>01/21/2020 15:42:29</t>
  </si>
  <si>
    <t>01/21/2020 15:36:32</t>
  </si>
  <si>
    <t>01/21/2020 15:36:36</t>
  </si>
  <si>
    <t>01/21/2020 15:36:40</t>
  </si>
  <si>
    <t>01/21/2020 15:36:44</t>
  </si>
  <si>
    <t>01/21/2020 15:36:48</t>
  </si>
  <si>
    <t>01/21/2020 15:39:19</t>
  </si>
  <si>
    <t>a6a4beaa-44bf-478a-a027-8c76bfe8bfcb.tmp</t>
  </si>
  <si>
    <t>\\acsfs\profiles$\larissaad\Downloads\a6a4beaa-44bf-478a-a027-8c76bfe8bfcb.tmp</t>
  </si>
  <si>
    <t>01/21/2020 15:36:52</t>
  </si>
  <si>
    <t>01/21/2020 15:36:57</t>
  </si>
  <si>
    <t>01/21/2020 15:37:01</t>
  </si>
  <si>
    <t>01/21/2020 15:37:05</t>
  </si>
  <si>
    <t>01/21/2020 15:37:09</t>
  </si>
  <si>
    <t>01/21/2020 15:37:14</t>
  </si>
  <si>
    <t>01/21/2020 15:37:18</t>
  </si>
  <si>
    <t>01/21/2020 15:37:22</t>
  </si>
  <si>
    <t>01/21/2020 15:37:26</t>
  </si>
  <si>
    <t>01/21/2020 15:37:30</t>
  </si>
  <si>
    <t>01/21/2020 15:37:34</t>
  </si>
  <si>
    <t>01/21/2020 15:37:38</t>
  </si>
  <si>
    <t>01/21/2020 15:37:43</t>
  </si>
  <si>
    <t>01/21/2020 15:37:47</t>
  </si>
  <si>
    <t>01/21/2020 15:37:51</t>
  </si>
  <si>
    <t>01/21/2020 15:37:53</t>
  </si>
  <si>
    <t>01/21/2020 15:37:56</t>
  </si>
  <si>
    <t>01/21/2020 15:38:00</t>
  </si>
  <si>
    <t>01/21/2020 15:38:04</t>
  </si>
  <si>
    <t>01/21/2020 15:38:08</t>
  </si>
  <si>
    <t>01/21/2020 15:38:12</t>
  </si>
  <si>
    <t>01/21/2020 15:38:16</t>
  </si>
  <si>
    <t>01/21/2020 15:38:20</t>
  </si>
  <si>
    <t>01/21/2020 15:38:25</t>
  </si>
  <si>
    <t>01/21/2020 15:38:33</t>
  </si>
  <si>
    <t>01/21/2020 15:38:37</t>
  </si>
  <si>
    <t>01/21/2020 15:38:41</t>
  </si>
  <si>
    <t>01/21/2020 15:38:45</t>
  </si>
  <si>
    <t>01/21/2020 15:38:49</t>
  </si>
  <si>
    <t>01/21/2020 15:38:54</t>
  </si>
  <si>
    <t>01/21/2020 15:38:58</t>
  </si>
  <si>
    <t>01/21/2020 15:39:02</t>
  </si>
  <si>
    <t>01/21/2020 15:39:06</t>
  </si>
  <si>
    <t>01/21/2020 15:39:10</t>
  </si>
  <si>
    <t>01/21/2020 15:39:14</t>
  </si>
  <si>
    <t>01/21/2020 15:39:18</t>
  </si>
  <si>
    <t>01/21/2020 15:39:22</t>
  </si>
  <si>
    <t>01/21/2020 15:39:26</t>
  </si>
  <si>
    <t>01/21/2020 15:39:31</t>
  </si>
  <si>
    <t>01/21/2020 15:39:35</t>
  </si>
  <si>
    <t>01/21/2020 15:39:39</t>
  </si>
  <si>
    <t>01/21/2020 15:39:41</t>
  </si>
  <si>
    <t>01/21/2020 15:39:43</t>
  </si>
  <si>
    <t>01/21/2020 15:39:47</t>
  </si>
  <si>
    <t>01/21/2020 15:39:51</t>
  </si>
  <si>
    <t>01/21/2020 15:39:55</t>
  </si>
  <si>
    <t>01/21/2020 15:39:59</t>
  </si>
  <si>
    <t>01/21/2020 15:40:03</t>
  </si>
  <si>
    <t>01/21/2020 15:40:12</t>
  </si>
  <si>
    <t>01/21/2020 15:40:17</t>
  </si>
  <si>
    <t>01/21/2020 15:40:21</t>
  </si>
  <si>
    <t>01/21/2020 15:40:25</t>
  </si>
  <si>
    <t>01/21/2020 15:40:30</t>
  </si>
  <si>
    <t>01/21/2020 15:40:34</t>
  </si>
  <si>
    <t>01/21/2020 15:40:35</t>
  </si>
  <si>
    <t>01/21/2020 15:40:38</t>
  </si>
  <si>
    <t>01/21/2020 15:40:42</t>
  </si>
  <si>
    <t>01/21/2020 15:40:46</t>
  </si>
  <si>
    <t>01/21/2020 15:40:51</t>
  </si>
  <si>
    <t>01/21/2020 15:40:55</t>
  </si>
  <si>
    <t>01/21/2020 15:40:59</t>
  </si>
  <si>
    <t>01/21/2020 15:41:03</t>
  </si>
  <si>
    <t>01/21/2020 15:41:08</t>
  </si>
  <si>
    <t>01/21/2020 15:41:12</t>
  </si>
  <si>
    <t>01/21/2020 15:41:16</t>
  </si>
  <si>
    <t>01/21/2020 15:41:21</t>
  </si>
  <si>
    <t>01/21/2020 15:41:25</t>
  </si>
  <si>
    <t>01/21/2020 15:41:29</t>
  </si>
  <si>
    <t>01/21/2020 15:40:00</t>
  </si>
  <si>
    <t>01/21/2020 15:38:19</t>
  </si>
  <si>
    <t>67bc4721-ebb4-4bb8-a1fc-347bf01ecac9.tmp</t>
  </si>
  <si>
    <t>\\acsfs\profiles$\welidicdj\Downloads\67bc4721-ebb4-4bb8-a1fc-347bf01ecac9.tmp</t>
  </si>
  <si>
    <t>01/21/2020 15:38:24</t>
  </si>
  <si>
    <t>01/21/2020 15:38:51</t>
  </si>
  <si>
    <t>01/21/2020 15:40:18</t>
  </si>
  <si>
    <t>0da60268-d782-4c23-9cf4-b77a33423e39.tmp</t>
  </si>
  <si>
    <t>\\acsfs\profiles$\welidicdj\Downloads\0da60268-d782-4c23-9cf4-b77a33423e39.tmp</t>
  </si>
  <si>
    <t>01/21/2020 15:41:35</t>
  </si>
  <si>
    <t>01/21/2020 15:41:02</t>
  </si>
  <si>
    <t>01/21/2020 15:43:30</t>
  </si>
  <si>
    <t>01/21/2020 15:43:01</t>
  </si>
  <si>
    <t>070c7c80-5da0-4ea1-8861-1966c0a9c408.tmp</t>
  </si>
  <si>
    <t>\\acsfs\profiles$\nycolleemdj\Downloads\070c7c80-5da0-4ea1-8861-1966c0a9c408.tmp</t>
  </si>
  <si>
    <t>01/21/2020 15:42:19</t>
  </si>
  <si>
    <t>01/21/2020 15:42:48</t>
  </si>
  <si>
    <t>01/21/2020 15:44:29</t>
  </si>
  <si>
    <t>01/21/2020 15:40:39</t>
  </si>
  <si>
    <t>01/21/2020 15:40:13</t>
  </si>
  <si>
    <t>\\acsfs\DEPTOS\Operacao\Banco_Votorantim\Qualidade\Anderson\Jose\Atualizado\Nova pasta\Thumbs.db</t>
  </si>
  <si>
    <t>01/21/2020 15:43:32</t>
  </si>
  <si>
    <t>Relatorio de Vendas - Auditoria BV Cartoes (Janeiro)...Cliente.xlsx</t>
  </si>
  <si>
    <t>\\acsfs\DEPTOS\Operacao\Banco_Votorantim\Qualidade\Anderson\Jose\Atualizado\Relatorio de Vendas - Auditoria BV Cartoes (Janeiro)...Cliente.xlsx</t>
  </si>
  <si>
    <t>01/21/2020 15:43:50</t>
  </si>
  <si>
    <t>01/21/2020 15:45:29</t>
  </si>
  <si>
    <t>01/21/2020 15:43:49</t>
  </si>
  <si>
    <t>83ff0b1f-ee72-44b3-96e6-6dcf60e0f5ae.tmp</t>
  </si>
  <si>
    <t>\\acsfs\profiles$\wedersonbadr\My Documents\My Music\83ff0b1f-ee72-44b3-96e6-6dcf60e0f5ae.tmp</t>
  </si>
  <si>
    <t>01/21/2020 15:43:11</t>
  </si>
  <si>
    <t>01/21/2020 15:46:29</t>
  </si>
  <si>
    <t>01/21/2020 15:44:11</t>
  </si>
  <si>
    <t>01/21/2020 15:44:00</t>
  </si>
  <si>
    <t>\\acsfs\ACS\Gabriel da Silva\Contemporânea\Gen\Erros operacionais - Dezembro.xlsx</t>
  </si>
  <si>
    <t>01/21/2020 15:44:35</t>
  </si>
  <si>
    <t>fd434110-023c-4c93-b5cd-bee67861b62b.tmp</t>
  </si>
  <si>
    <t>\\acsfs\profiles$\gabrielsma\Downloads\fd434110-023c-4c93-b5cd-bee67861b62b.tmp</t>
  </si>
  <si>
    <t>01/21/2020 15:44:40</t>
  </si>
  <si>
    <t>a20f1714-7b4b-4f7b-81e5-8347eb509730.tmp</t>
  </si>
  <si>
    <t>\\acsfs\profiles$\gabrielsma\Downloads\a20f1714-7b4b-4f7b-81e5-8347eb509730.tmp</t>
  </si>
  <si>
    <t>01/21/2020 15:44:46</t>
  </si>
  <si>
    <t>01/21/2020 15:45:54</t>
  </si>
  <si>
    <t>01/21/2020 15:41:39</t>
  </si>
  <si>
    <t>667f49eb-40a3-4c46-b868-27093bf9df80.tmp</t>
  </si>
  <si>
    <t>\\acsfs\profiles$\inarajst\Downloads\667f49eb-40a3-4c46-b868-27093bf9df80.tmp</t>
  </si>
  <si>
    <t>01/21/2020 15:47:29</t>
  </si>
  <si>
    <t>01/21/2020 15:41:38</t>
  </si>
  <si>
    <t>01/21/2020 15:41:42</t>
  </si>
  <si>
    <t>01/21/2020 15:41:47</t>
  </si>
  <si>
    <t>01/21/2020 15:41:51</t>
  </si>
  <si>
    <t>01/21/2020 15:41:55</t>
  </si>
  <si>
    <t>01/21/2020 15:41:59</t>
  </si>
  <si>
    <t>01/21/2020 15:42:04</t>
  </si>
  <si>
    <t>01/21/2020 15:42:09</t>
  </si>
  <si>
    <t>01/21/2020 15:42:15</t>
  </si>
  <si>
    <t>01/21/2020 15:42:23</t>
  </si>
  <si>
    <t>01/21/2020 15:42:28</t>
  </si>
  <si>
    <t>01/21/2020 15:42:32</t>
  </si>
  <si>
    <t>01/21/2020 15:42:37</t>
  </si>
  <si>
    <t>01/21/2020 15:42:41</t>
  </si>
  <si>
    <t>01/21/2020 15:42:45</t>
  </si>
  <si>
    <t>01/21/2020 15:42:50</t>
  </si>
  <si>
    <t>01/21/2020 15:42:54</t>
  </si>
  <si>
    <t>01/21/2020 15:42:59</t>
  </si>
  <si>
    <t>01/21/2020 15:43:04</t>
  </si>
  <si>
    <t>01/21/2020 15:43:09</t>
  </si>
  <si>
    <t>01/21/2020 15:43:13</t>
  </si>
  <si>
    <t>01/21/2020 15:43:17</t>
  </si>
  <si>
    <t>01/21/2020 15:43:21</t>
  </si>
  <si>
    <t>01/21/2020 15:43:26</t>
  </si>
  <si>
    <t>01/21/2020 15:43:31</t>
  </si>
  <si>
    <t>01/21/2020 15:43:35</t>
  </si>
  <si>
    <t>01/21/2020 15:43:39</t>
  </si>
  <si>
    <t>01/21/2020 15:43:43</t>
  </si>
  <si>
    <t>01/21/2020 15:43:47</t>
  </si>
  <si>
    <t>01/21/2020 15:43:51</t>
  </si>
  <si>
    <t>01/21/2020 15:43:53</t>
  </si>
  <si>
    <t>01/21/2020 15:43:55</t>
  </si>
  <si>
    <t>01/21/2020 15:44:04</t>
  </si>
  <si>
    <t>01/21/2020 15:44:08</t>
  </si>
  <si>
    <t>01/21/2020 15:44:12</t>
  </si>
  <si>
    <t>01/21/2020 15:44:16</t>
  </si>
  <si>
    <t>01/21/2020 15:44:20</t>
  </si>
  <si>
    <t>01/21/2020 15:44:24</t>
  </si>
  <si>
    <t>01/21/2020 15:44:28</t>
  </si>
  <si>
    <t>01/21/2020 15:44:33</t>
  </si>
  <si>
    <t>01/21/2020 15:44:37</t>
  </si>
  <si>
    <t>01/21/2020 15:44:41</t>
  </si>
  <si>
    <t>01/21/2020 15:44:45</t>
  </si>
  <si>
    <t>01/21/2020 15:44:49</t>
  </si>
  <si>
    <t>01/21/2020 15:44:53</t>
  </si>
  <si>
    <t>01/21/2020 15:44:58</t>
  </si>
  <si>
    <t>01/21/2020 15:45:02</t>
  </si>
  <si>
    <t>01/21/2020 15:45:06</t>
  </si>
  <si>
    <t>01/21/2020 15:45:10</t>
  </si>
  <si>
    <t>01/21/2020 15:45:15</t>
  </si>
  <si>
    <t>01/21/2020 15:45:19</t>
  </si>
  <si>
    <t>01/21/2020 15:45:23</t>
  </si>
  <si>
    <t>01/21/2020 15:45:27</t>
  </si>
  <si>
    <t>01/21/2020 15:45:32</t>
  </si>
  <si>
    <t>01/21/2020 15:45:36</t>
  </si>
  <si>
    <t>01/21/2020 15:45:40</t>
  </si>
  <si>
    <t>01/21/2020 15:45:44</t>
  </si>
  <si>
    <t>01/21/2020 15:45:48</t>
  </si>
  <si>
    <t>01/21/2020 15:45:53</t>
  </si>
  <si>
    <t>01/21/2020 15:45:57</t>
  </si>
  <si>
    <t>01/21/2020 15:46:01</t>
  </si>
  <si>
    <t>01/21/2020 15:46:05</t>
  </si>
  <si>
    <t>01/21/2020 15:46:09</t>
  </si>
  <si>
    <t>01/21/2020 15:46:13</t>
  </si>
  <si>
    <t>01/21/2020 15:46:17</t>
  </si>
  <si>
    <t>01/21/2020 15:46:22</t>
  </si>
  <si>
    <t>01/21/2020 15:46:26</t>
  </si>
  <si>
    <t>01/21/2020 15:46:30</t>
  </si>
  <si>
    <t>01/21/2020 15:46:34</t>
  </si>
  <si>
    <t>01/21/2020 15:46:38</t>
  </si>
  <si>
    <t>01/21/2020 15:45:55</t>
  </si>
  <si>
    <t>54d77c96-9f4d-48e3-b559-9e98cdcd054d.tmp</t>
  </si>
  <si>
    <t>\\acsfs\profiles$\LAISLG\Downloads\54d77c96-9f4d-48e3-b559-9e98cdcd054d.tmp</t>
  </si>
  <si>
    <t>dc8ed097-bf4d-4899-9502-03e2e37c9d3c.tmp</t>
  </si>
  <si>
    <t>\\acsfs\profiles$\myllenardl\Downloads\dc8ed097-bf4d-4899-9502-03e2e37c9d3c.tmp</t>
  </si>
  <si>
    <t>01/21/2020 15:45:39</t>
  </si>
  <si>
    <t>d78cf997-c405-44f5-8bd5-6469f8e20126.tmp</t>
  </si>
  <si>
    <t>\\acsfs\profiles$\myllenardl\Downloads\d78cf997-c405-44f5-8bd5-6469f8e20126.tmp</t>
  </si>
  <si>
    <t>01/21/2020 15:45:46</t>
  </si>
  <si>
    <t>cfa72927-60a0-48af-b620-95b62d2cd37d.tmp</t>
  </si>
  <si>
    <t>\\acsfs\profiles$\myllenardl\Downloads\cfa72927-60a0-48af-b620-95b62d2cd37d.tmp</t>
  </si>
  <si>
    <t>01/21/2020 15:46:51</t>
  </si>
  <si>
    <t>01/21/2020 15:48:30</t>
  </si>
  <si>
    <t>01/21/2020 15:46:59</t>
  </si>
  <si>
    <t>01/21/2020 15:47:21</t>
  </si>
  <si>
    <t>01/21/2020 15:47:41</t>
  </si>
  <si>
    <t>01/21/2020 15:48:01</t>
  </si>
  <si>
    <t>01/21/2020 15:44:09</t>
  </si>
  <si>
    <t>a551ad9d-8581-4941-a1cb-b7ee3edc105c.tmp</t>
  </si>
  <si>
    <t>\\acsfs\profiles$\nycolleemdj\Downloads\a551ad9d-8581-4941-a1cb-b7ee3edc105c.tmp</t>
  </si>
  <si>
    <t>01/21/2020 15:45:18</t>
  </si>
  <si>
    <t>70512703-79b6-463a-961b-62d75ae23ef1.tmp</t>
  </si>
  <si>
    <t>\\acsfs\profiles$\erichds\Downloads\70512703-79b6-463a-961b-62d75ae23ef1.tmp</t>
  </si>
  <si>
    <t>01/21/2020 15:43:45</t>
  </si>
  <si>
    <t>01/21/2020 15:49:29</t>
  </si>
  <si>
    <t>01/21/2020 15:49:04</t>
  </si>
  <si>
    <t>01/21/2020 15:50:30</t>
  </si>
  <si>
    <t>159f2958-1030-44dd-b12c-ff7a1c4e3c12.tmp</t>
  </si>
  <si>
    <t>\\acsfs\profiles$\andreapdsg\Downloads\159f2958-1030-44dd-b12c-ff7a1c4e3c12.tmp</t>
  </si>
  <si>
    <t>01/21/2020 15:48:03</t>
  </si>
  <si>
    <t>2fc646fc-44da-497a-814a-0b2f8bacdc4c.tmp</t>
  </si>
  <si>
    <t>\\acsfs\profiles$\LUISPLS\Downloads\2fc646fc-44da-497a-814a-0b2f8bacdc4c.tmp</t>
  </si>
  <si>
    <t>01/21/2020 15:48:23</t>
  </si>
  <si>
    <t>879bc53d-5a83-4e1c-b510-2ac1bd044a9a.tmp</t>
  </si>
  <si>
    <t>\\acsfs\profiles$\wedersonbadr\My Documents\My Music\879bc53d-5a83-4e1c-b510-2ac1bd044a9a.tmp</t>
  </si>
  <si>
    <t>01/21/2020 15:49:07</t>
  </si>
  <si>
    <t>.~lock.Relatorio de Vendas - Auditoria BV Financeira - Janeiro_ - Cópia (1).xlsm#</t>
  </si>
  <si>
    <t>\\acsfs\profiles$\wedersonbadr\Downloads\.~lock.Relatorio de Vendas - Auditoria BV Financeira - Janeiro_ - Cópia (1).xlsm#</t>
  </si>
  <si>
    <t>01/21/2020 15:49:12</t>
  </si>
  <si>
    <t>01/21/2020 15:51:29</t>
  </si>
  <si>
    <t>01/21/2020 15:50:11</t>
  </si>
  <si>
    <t>01/21/2020 15:48:20</t>
  </si>
  <si>
    <t>6de73d76-9b1b-4256-9128-2700f461239c.tmp</t>
  </si>
  <si>
    <t>\\acsfs\profiles$\victoriaksr\Downloads\6de73d76-9b1b-4256-9128-2700f461239c.tmp</t>
  </si>
  <si>
    <t>01/21/2020 15:48:26</t>
  </si>
  <si>
    <t>.~lock.1721 1724 ate 21012020 (1).xlsx#</t>
  </si>
  <si>
    <t>\\acsfs\profiles$\victoriaksr\Downloads\.~lock.1721 1724 ate 21012020 (1).xlsx#</t>
  </si>
  <si>
    <t>01/21/2020 15:48:55</t>
  </si>
  <si>
    <t>01/21/2020 15:46:21</t>
  </si>
  <si>
    <t>01/21/2020 15:48:08</t>
  </si>
  <si>
    <t>01/21/2020 15:50:26</t>
  </si>
  <si>
    <t>ee765800-7c95-41f7-8d6e-774130917d36.tmp</t>
  </si>
  <si>
    <t>\\acsfs\profiles$\danielac\Downloads\ee765800-7c95-41f7-8d6e-774130917d36.tmp</t>
  </si>
  <si>
    <t>01/21/2020 15:48:57</t>
  </si>
  <si>
    <t>01/21/2020 15:49:02</t>
  </si>
  <si>
    <t>01/21/2020 15:49:11</t>
  </si>
  <si>
    <t>01/21/2020 15:49:22</t>
  </si>
  <si>
    <t>01/21/2020 15:49:33</t>
  </si>
  <si>
    <t>01/21/2020 15:49:40</t>
  </si>
  <si>
    <t>01/21/2020 15:49:51</t>
  </si>
  <si>
    <t>01/21/2020 15:49:59</t>
  </si>
  <si>
    <t>01/21/2020 15:50:15</t>
  </si>
  <si>
    <t>01/21/2020 15:50:16</t>
  </si>
  <si>
    <t>01/21/2020 15:46:44</t>
  </si>
  <si>
    <t>01/21/2020 15:46:42</t>
  </si>
  <si>
    <t>01/21/2020 15:52:30</t>
  </si>
  <si>
    <t>01/21/2020 15:46:46</t>
  </si>
  <si>
    <t>01/21/2020 15:46:55</t>
  </si>
  <si>
    <t>01/21/2020 15:47:03</t>
  </si>
  <si>
    <t>01/21/2020 15:47:08</t>
  </si>
  <si>
    <t>01/21/2020 15:47:12</t>
  </si>
  <si>
    <t>01/21/2020 15:47:16</t>
  </si>
  <si>
    <t>01/21/2020 15:47:26</t>
  </si>
  <si>
    <t>01/21/2020 15:47:30</t>
  </si>
  <si>
    <t>01/21/2020 15:47:35</t>
  </si>
  <si>
    <t>01/21/2020 15:47:39</t>
  </si>
  <si>
    <t>01/21/2020 15:47:43</t>
  </si>
  <si>
    <t>01/21/2020 15:47:48</t>
  </si>
  <si>
    <t>01/21/2020 15:47:52</t>
  </si>
  <si>
    <t>01/21/2020 15:47:56</t>
  </si>
  <si>
    <t>01/21/2020 15:48:00</t>
  </si>
  <si>
    <t>01/21/2020 15:48:04</t>
  </si>
  <si>
    <t>01/21/2020 15:48:09</t>
  </si>
  <si>
    <t>01/21/2020 15:48:14</t>
  </si>
  <si>
    <t>01/21/2020 15:48:18</t>
  </si>
  <si>
    <t>01/21/2020 15:48:22</t>
  </si>
  <si>
    <t>01/21/2020 15:48:27</t>
  </si>
  <si>
    <t>01/21/2020 15:48:31</t>
  </si>
  <si>
    <t>01/21/2020 15:48:35</t>
  </si>
  <si>
    <t>01/21/2020 15:48:39</t>
  </si>
  <si>
    <t>01/21/2020 15:48:43</t>
  </si>
  <si>
    <t>01/21/2020 15:48:48</t>
  </si>
  <si>
    <t>01/21/2020 15:48:52</t>
  </si>
  <si>
    <t>01/21/2020 15:48:56</t>
  </si>
  <si>
    <t>01/21/2020 15:49:00</t>
  </si>
  <si>
    <t>01/21/2020 15:49:08</t>
  </si>
  <si>
    <t>01/21/2020 15:49:13</t>
  </si>
  <si>
    <t>01/21/2020 15:49:17</t>
  </si>
  <si>
    <t>01/21/2020 15:49:18</t>
  </si>
  <si>
    <t>Natalia Cristina dos Santos Lima_1_6780680447571593720_1_32.wav</t>
  </si>
  <si>
    <t>\\acsfs\Deptos\EDUCACAO EMPRESARIAL\FERNANDA MONIT\Fernanda\MONITORIA JANEIRO\Ligaçoes para MUTANT terceiro ciclo janeiro\Natalia Cristina dos Santos Lima_1_6780680447571593720_1_32.wav</t>
  </si>
  <si>
    <t>01/21/2020 15:49:21</t>
  </si>
  <si>
    <t>01/21/2020 15:49:25</t>
  </si>
  <si>
    <t>01/21/2020 15:49:30</t>
  </si>
  <si>
    <t>01/21/2020 15:49:34</t>
  </si>
  <si>
    <t>01/21/2020 15:49:38</t>
  </si>
  <si>
    <t>01/21/2020 15:49:42</t>
  </si>
  <si>
    <t>01/21/2020 15:49:47</t>
  </si>
  <si>
    <t>01/21/2020 15:49:53</t>
  </si>
  <si>
    <t>01/21/2020 15:49:55</t>
  </si>
  <si>
    <t>01/21/2020 15:50:00</t>
  </si>
  <si>
    <t>01/21/2020 15:50:04</t>
  </si>
  <si>
    <t>01/21/2020 15:50:08</t>
  </si>
  <si>
    <t>01/21/2020 15:50:13</t>
  </si>
  <si>
    <t>01/21/2020 15:50:17</t>
  </si>
  <si>
    <t>01/21/2020 15:50:21</t>
  </si>
  <si>
    <t>01/21/2020 15:50:25</t>
  </si>
  <si>
    <t>01/21/2020 15:50:34</t>
  </si>
  <si>
    <t>01/21/2020 15:50:38</t>
  </si>
  <si>
    <t>01/21/2020 15:50:42</t>
  </si>
  <si>
    <t>01/21/2020 15:50:46</t>
  </si>
  <si>
    <t>01/21/2020 15:50:51</t>
  </si>
  <si>
    <t>01/21/2020 15:50:56</t>
  </si>
  <si>
    <t>01/21/2020 15:50:59</t>
  </si>
  <si>
    <t>01/21/2020 15:51:04</t>
  </si>
  <si>
    <t>01/21/2020 15:51:08</t>
  </si>
  <si>
    <t>01/21/2020 15:51:09</t>
  </si>
  <si>
    <t>01/21/2020 15:51:13</t>
  </si>
  <si>
    <t>01/21/2020 15:51:16</t>
  </si>
  <si>
    <t>01/21/2020 15:51:17</t>
  </si>
  <si>
    <t>01/21/2020 15:51:22</t>
  </si>
  <si>
    <t>01/21/2020 15:51:26</t>
  </si>
  <si>
    <t>01/21/2020 15:51:30</t>
  </si>
  <si>
    <t>01/21/2020 15:51:34</t>
  </si>
  <si>
    <t>01/21/2020 15:51:38</t>
  </si>
  <si>
    <t>01/21/2020 15:51:42</t>
  </si>
  <si>
    <t>01/21/2020 15:51:55</t>
  </si>
  <si>
    <t>01/21/2020 15:53:29</t>
  </si>
  <si>
    <t>01/21/2020 15:48:46</t>
  </si>
  <si>
    <t>01/21/2020 15:49:10</t>
  </si>
  <si>
    <t>01/21/2020 15:49:44</t>
  </si>
  <si>
    <t>01/21/2020 15:50:03</t>
  </si>
  <si>
    <t>01/21/2020 15:50:27</t>
  </si>
  <si>
    <t>01/21/2020 15:50:33</t>
  </si>
  <si>
    <t>01/21/2020 15:50:48</t>
  </si>
  <si>
    <t>01/21/2020 15:51:02</t>
  </si>
  <si>
    <t>01/21/2020 15:51:43</t>
  </si>
  <si>
    <t>01/21/2020 15:52:07</t>
  </si>
  <si>
    <t>01/21/2020 15:52:10</t>
  </si>
  <si>
    <t>01/21/2020 15:52:57</t>
  </si>
  <si>
    <t>01/21/2020 15:53:01</t>
  </si>
  <si>
    <t>01/21/2020 15:53:04</t>
  </si>
  <si>
    <t>01/21/2020 15:53:08</t>
  </si>
  <si>
    <t>01/21/2020 15:53:11</t>
  </si>
  <si>
    <t>01/21/2020 15:53:15</t>
  </si>
  <si>
    <t>01/21/2020 15:52:52</t>
  </si>
  <si>
    <t>01/21/2020 15:54:30</t>
  </si>
  <si>
    <t>01/21/2020 15:50:01</t>
  </si>
  <si>
    <t>87474419-2336-4422-8e5f-fdd7f887d7cc.tmp</t>
  </si>
  <si>
    <t>\\acsfs\profiles$\mariajaf\Downloads\87474419-2336-4422-8e5f-fdd7f887d7cc.tmp</t>
  </si>
  <si>
    <t>01/21/2020 15:55:12</t>
  </si>
  <si>
    <t>01/21/2020 15:56:29</t>
  </si>
  <si>
    <t>01/21/2020 15:51:54</t>
  </si>
  <si>
    <t>01/21/2020 15:54:06</t>
  </si>
  <si>
    <t>01/21/2020 15:54:10</t>
  </si>
  <si>
    <t>01/21/2020 15:57:30</t>
  </si>
  <si>
    <t>01/21/2020 15:53:43</t>
  </si>
  <si>
    <t>f887aa90-3c70-44a4-826d-bc6447e0d855.tmp</t>
  </si>
  <si>
    <t>\\acsfs\profiles$\lorrainerdl\Downloads\f887aa90-3c70-44a4-826d-bc6447e0d855.tmp</t>
  </si>
  <si>
    <t>01/21/2020 15:51:46</t>
  </si>
  <si>
    <t>01/21/2020 15:51:51</t>
  </si>
  <si>
    <t>01/21/2020 15:51:59</t>
  </si>
  <si>
    <t>01/21/2020 15:52:03</t>
  </si>
  <si>
    <t>01/21/2020 15:52:12</t>
  </si>
  <si>
    <t>01/21/2020 15:52:16</t>
  </si>
  <si>
    <t>01/21/2020 15:52:20</t>
  </si>
  <si>
    <t>01/21/2020 15:52:25</t>
  </si>
  <si>
    <t>01/21/2020 15:52:29</t>
  </si>
  <si>
    <t>01/21/2020 15:52:33</t>
  </si>
  <si>
    <t>01/21/2020 15:52:37</t>
  </si>
  <si>
    <t>01/21/2020 15:52:42</t>
  </si>
  <si>
    <t>01/21/2020 15:52:46</t>
  </si>
  <si>
    <t>01/21/2020 15:52:50</t>
  </si>
  <si>
    <t>01/21/2020 15:52:54</t>
  </si>
  <si>
    <t>01/21/2020 15:52:58</t>
  </si>
  <si>
    <t>01/21/2020 15:53:03</t>
  </si>
  <si>
    <t>01/21/2020 15:53:07</t>
  </si>
  <si>
    <t>01/21/2020 15:53:12</t>
  </si>
  <si>
    <t>01/21/2020 15:53:16</t>
  </si>
  <si>
    <t>01/21/2020 15:53:21</t>
  </si>
  <si>
    <t>01/21/2020 15:53:25</t>
  </si>
  <si>
    <t>01/21/2020 15:53:33</t>
  </si>
  <si>
    <t>01/21/2020 15:53:37</t>
  </si>
  <si>
    <t>01/21/2020 15:53:42</t>
  </si>
  <si>
    <t>01/21/2020 15:53:46</t>
  </si>
  <si>
    <t>01/21/2020 15:53:50</t>
  </si>
  <si>
    <t>01/21/2020 15:53:55</t>
  </si>
  <si>
    <t>01/21/2020 15:53:59</t>
  </si>
  <si>
    <t>01/21/2020 15:54:03</t>
  </si>
  <si>
    <t>01/21/2020 15:54:07</t>
  </si>
  <si>
    <t>01/21/2020 15:54:11</t>
  </si>
  <si>
    <t>01/21/2020 15:54:12</t>
  </si>
  <si>
    <t>01/21/2020 15:54:13</t>
  </si>
  <si>
    <t>01/21/2020 15:54:16</t>
  </si>
  <si>
    <t>01/21/2020 15:54:20</t>
  </si>
  <si>
    <t>01/21/2020 15:54:24</t>
  </si>
  <si>
    <t>01/21/2020 15:54:25</t>
  </si>
  <si>
    <t>01/21/2020 15:54:28</t>
  </si>
  <si>
    <t>01/21/2020 15:54:31</t>
  </si>
  <si>
    <t>01/21/2020 15:54:33</t>
  </si>
  <si>
    <t>01/21/2020 15:54:37</t>
  </si>
  <si>
    <t>01/21/2020 15:54:41</t>
  </si>
  <si>
    <t>01/21/2020 15:54:42</t>
  </si>
  <si>
    <t>01/21/2020 15:54:46</t>
  </si>
  <si>
    <t>01/21/2020 15:54:50</t>
  </si>
  <si>
    <t>01/21/2020 15:54:55</t>
  </si>
  <si>
    <t>01/21/2020 15:54:59</t>
  </si>
  <si>
    <t>01/21/2020 15:55:01</t>
  </si>
  <si>
    <t>01/21/2020 15:55:04</t>
  </si>
  <si>
    <t>01/21/2020 15:55:07</t>
  </si>
  <si>
    <t>01/21/2020 15:55:08</t>
  </si>
  <si>
    <t>01/21/2020 15:55:16</t>
  </si>
  <si>
    <t>01/21/2020 15:55:18</t>
  </si>
  <si>
    <t>01/21/2020 15:55:19</t>
  </si>
  <si>
    <t>01/21/2020 15:55:21</t>
  </si>
  <si>
    <t>01/21/2020 15:55:25</t>
  </si>
  <si>
    <t>01/21/2020 15:55:29</t>
  </si>
  <si>
    <t>01/21/2020 15:55:34</t>
  </si>
  <si>
    <t>01/21/2020 15:55:38</t>
  </si>
  <si>
    <t>01/21/2020 15:55:42</t>
  </si>
  <si>
    <t>01/21/2020 15:55:46</t>
  </si>
  <si>
    <t>01/21/2020 15:55:50</t>
  </si>
  <si>
    <t>01/21/2020 15:55:53</t>
  </si>
  <si>
    <t>01/21/2020 15:55:55</t>
  </si>
  <si>
    <t>01/21/2020 15:56:01</t>
  </si>
  <si>
    <t>01/21/2020 15:56:04</t>
  </si>
  <si>
    <t>01/21/2020 15:56:09</t>
  </si>
  <si>
    <t>01/21/2020 15:56:14</t>
  </si>
  <si>
    <t>01/21/2020 15:56:18</t>
  </si>
  <si>
    <t>01/21/2020 15:56:22</t>
  </si>
  <si>
    <t>01/21/2020 15:56:26</t>
  </si>
  <si>
    <t>01/21/2020 15:56:30</t>
  </si>
  <si>
    <t>01/21/2020 15:56:35</t>
  </si>
  <si>
    <t>01/21/2020 15:56:39</t>
  </si>
  <si>
    <t>01/21/2020 15:56:43</t>
  </si>
  <si>
    <t>01/21/2020 15:56:47</t>
  </si>
  <si>
    <t>01/21/2020 15:56:51</t>
  </si>
  <si>
    <t>01/21/2020 15:56:56</t>
  </si>
  <si>
    <t>01/21/2020 15:55:10</t>
  </si>
  <si>
    <t>01/21/2020 15:58:29</t>
  </si>
  <si>
    <t>01/21/2020 15:53:38</t>
  </si>
  <si>
    <t>01/21/2020 15:53:56</t>
  </si>
  <si>
    <t>01/21/2020 15:54:15</t>
  </si>
  <si>
    <t>01/21/2020 15:54:51</t>
  </si>
  <si>
    <t>01/21/2020 15:54:56</t>
  </si>
  <si>
    <t>01/21/2020 15:56:42</t>
  </si>
  <si>
    <t>01/21/2020 15:58:15</t>
  </si>
  <si>
    <t>fernandaab@algartech.com;larisacc@algartech.com;lilianls@algartech.com;marianerdo@algartech.com;mirianppb@algartech.com;talmaiardo@algartech.com;thiagordu@algartech.com;vitorgmp@algartech.com;</t>
  </si>
  <si>
    <t>fernandaab@algartech.com,larisacc@algartech.com,lilianls@algartech.com,marianerdo@algartech.com,mirianppb@algartech.com,talmaiardo@algartech.com,thiagordu@algartech.com,vitorgmp@algartech.com</t>
  </si>
  <si>
    <t>01/21/2020 15:57:20</t>
  </si>
  <si>
    <t>01/21/2020 15:59:30</t>
  </si>
  <si>
    <t>priscilla2.docx</t>
  </si>
  <si>
    <t>01/21/2020 15:57:24</t>
  </si>
  <si>
    <t>01/21/2020 15:57:42</t>
  </si>
  <si>
    <t>01/21/2020 15:57:46</t>
  </si>
  <si>
    <t>01/21/2020 15:57:33</t>
  </si>
  <si>
    <t>351f38a2-b160-4509-9cb6-46078a5596e9.tmp</t>
  </si>
  <si>
    <t>\\acsfs\profiles$\gabrielamdp\Downloads\351f38a2-b160-4509-9cb6-46078a5596e9.tmp</t>
  </si>
  <si>
    <t>01/21/2020 15:56:54</t>
  </si>
  <si>
    <t>7dde95d1-3320-40a1-a6de-8482c2c30a4c.tmp</t>
  </si>
  <si>
    <t>\\acsfs\profiles$\KARENDSR\Downloads\7dde95d1-3320-40a1-a6de-8482c2c30a4c.tmp</t>
  </si>
  <si>
    <t>01/21/2020 15:56:00</t>
  </si>
  <si>
    <t>01/21/2020 16:00:29</t>
  </si>
  <si>
    <t>1c609f4a-5b9c-420d-a5bc-276060d97c4b.tmp</t>
  </si>
  <si>
    <t>\\acsfs\profiles$\andreapdsg\Downloads\1c609f4a-5b9c-420d-a5bc-276060d97c4b.tmp</t>
  </si>
  <si>
    <t>01/21/2020 15:56:15</t>
  </si>
  <si>
    <t>ce9e028d-b152-4190-9b74-74fc7f59cadd.tmp</t>
  </si>
  <si>
    <t>\\acsfs\profiles$\andreapdsg\Downloads\ce9e028d-b152-4190-9b74-74fc7f59cadd.tmp</t>
  </si>
  <si>
    <t>01/21/2020 15:59:02</t>
  </si>
  <si>
    <t>01/21/2020 15:59:03</t>
  </si>
  <si>
    <t>01/21/2020 15:56:12</t>
  </si>
  <si>
    <t>01/21/2020 16:01:29</t>
  </si>
  <si>
    <t>01/21/2020 15:59:06</t>
  </si>
  <si>
    <t>01/21/2020 15:59:27</t>
  </si>
  <si>
    <t>8b2ff08d-f5fb-44de-80a5-548aa3bb9b56.tmp</t>
  </si>
  <si>
    <t>\\acsfs\profiles$\andressamf\Downloads\8b2ff08d-f5fb-44de-80a5-548aa3bb9b56.tmp</t>
  </si>
  <si>
    <t>01/21/2020 15:56:36</t>
  </si>
  <si>
    <t>01/21/2020 15:57:54</t>
  </si>
  <si>
    <t>01/21/2020 16:00:57</t>
  </si>
  <si>
    <t>01/21/2020 16:02:30</t>
  </si>
  <si>
    <t>01/21/2020 16:01:43</t>
  </si>
  <si>
    <t>f9771048-e77f-4388-bc28-8cd3412b9453.tmp</t>
  </si>
  <si>
    <t>\\acsfs\profiles$\laurandos\Downloads\f9771048-e77f-4388-bc28-8cd3412b9453.tmp</t>
  </si>
  <si>
    <t>01/21/2020 15:57:10</t>
  </si>
  <si>
    <t>2ff8057c-81e1-4708-9d08-bdf1aebfd1b6.tmp</t>
  </si>
  <si>
    <t>\\acsfs\profiles$\lorrainerdl\Downloads\2ff8057c-81e1-4708-9d08-bdf1aebfd1b6.tmp</t>
  </si>
  <si>
    <t>01/21/2020 16:00:31</t>
  </si>
  <si>
    <t>01/21/2020 15:57:00</t>
  </si>
  <si>
    <t>01/21/2020 16:03:30</t>
  </si>
  <si>
    <t>01/21/2020 15:57:04</t>
  </si>
  <si>
    <t>01/21/2020 15:57:09</t>
  </si>
  <si>
    <t>01/21/2020 15:57:12</t>
  </si>
  <si>
    <t>01/21/2020 15:57:18</t>
  </si>
  <si>
    <t>01/21/2020 15:57:22</t>
  </si>
  <si>
    <t>01/21/2020 15:57:26</t>
  </si>
  <si>
    <t>01/21/2020 15:57:34</t>
  </si>
  <si>
    <t>01/21/2020 15:57:38</t>
  </si>
  <si>
    <t>01/21/2020 15:57:43</t>
  </si>
  <si>
    <t>01/21/2020 15:57:47</t>
  </si>
  <si>
    <t>01/21/2020 15:57:51</t>
  </si>
  <si>
    <t>01/21/2020 15:57:55</t>
  </si>
  <si>
    <t>01/21/2020 15:58:00</t>
  </si>
  <si>
    <t>01/21/2020 15:58:04</t>
  </si>
  <si>
    <t>01/21/2020 15:58:08</t>
  </si>
  <si>
    <t>01/21/2020 15:58:12</t>
  </si>
  <si>
    <t>01/21/2020 15:58:16</t>
  </si>
  <si>
    <t>01/21/2020 15:58:21</t>
  </si>
  <si>
    <t>01/21/2020 15:58:25</t>
  </si>
  <si>
    <t>01/21/2020 15:58:33</t>
  </si>
  <si>
    <t>01/21/2020 15:58:37</t>
  </si>
  <si>
    <t>01/21/2020 15:58:41</t>
  </si>
  <si>
    <t>01/21/2020 15:58:46</t>
  </si>
  <si>
    <t>01/21/2020 15:58:51</t>
  </si>
  <si>
    <t>01/21/2020 15:58:55</t>
  </si>
  <si>
    <t>01/21/2020 15:58:59</t>
  </si>
  <si>
    <t>01/21/2020 15:59:07</t>
  </si>
  <si>
    <t>01/21/2020 15:59:12</t>
  </si>
  <si>
    <t>01/21/2020 15:59:16</t>
  </si>
  <si>
    <t>01/21/2020 15:59:20</t>
  </si>
  <si>
    <t>01/21/2020 15:59:24</t>
  </si>
  <si>
    <t>01/21/2020 15:59:28</t>
  </si>
  <si>
    <t>01/21/2020 15:59:29</t>
  </si>
  <si>
    <t>01/21/2020 15:59:31</t>
  </si>
  <si>
    <t>01/21/2020 15:59:32</t>
  </si>
  <si>
    <t>01/21/2020 15:59:33</t>
  </si>
  <si>
    <t>01/21/2020 15:59:37</t>
  </si>
  <si>
    <t>01/21/2020 15:59:41</t>
  </si>
  <si>
    <t>01/21/2020 15:59:46</t>
  </si>
  <si>
    <t>01/21/2020 15:59:50</t>
  </si>
  <si>
    <t>01/21/2020 15:59:54</t>
  </si>
  <si>
    <t>01/21/2020 15:59:58</t>
  </si>
  <si>
    <t>01/21/2020 15:58:50</t>
  </si>
  <si>
    <t>01/21/2020 16:00:03</t>
  </si>
  <si>
    <t>01/21/2020 16:00:07</t>
  </si>
  <si>
    <t>01/21/2020 16:00:11</t>
  </si>
  <si>
    <t>01/21/2020 16:00:16</t>
  </si>
  <si>
    <t>01/21/2020 16:00:20</t>
  </si>
  <si>
    <t>01/21/2020 16:00:24</t>
  </si>
  <si>
    <t>01/21/2020 16:00:28</t>
  </si>
  <si>
    <t>01/21/2020 16:00:33</t>
  </si>
  <si>
    <t>01/21/2020 16:00:38</t>
  </si>
  <si>
    <t>01/21/2020 16:00:42</t>
  </si>
  <si>
    <t>01/21/2020 16:00:46</t>
  </si>
  <si>
    <t>01/21/2020 16:00:50</t>
  </si>
  <si>
    <t>01/21/2020 16:00:54</t>
  </si>
  <si>
    <t>01/21/2020 16:00:59</t>
  </si>
  <si>
    <t>01/21/2020 16:01:03</t>
  </si>
  <si>
    <t>01/21/2020 16:01:07</t>
  </si>
  <si>
    <t>01/21/2020 16:01:11</t>
  </si>
  <si>
    <t>01/21/2020 16:01:15</t>
  </si>
  <si>
    <t>01/21/2020 16:01:20</t>
  </si>
  <si>
    <t>01/21/2020 16:01:25</t>
  </si>
  <si>
    <t>01/21/2020 16:01:31</t>
  </si>
  <si>
    <t>01/21/2020 16:01:34</t>
  </si>
  <si>
    <t>01/21/2020 16:01:38</t>
  </si>
  <si>
    <t>01/21/2020 16:01:42</t>
  </si>
  <si>
    <t>01/21/2020 16:01:46</t>
  </si>
  <si>
    <t>01/21/2020 16:01:49</t>
  </si>
  <si>
    <t>01/21/2020 16:01:51</t>
  </si>
  <si>
    <t>01/21/2020 16:01:53</t>
  </si>
  <si>
    <t>01/21/2020 16:01:55</t>
  </si>
  <si>
    <t>01/21/2020 16:01:59</t>
  </si>
  <si>
    <t>01/21/2020 16:02:00</t>
  </si>
  <si>
    <t>01/21/2020 16:02:04</t>
  </si>
  <si>
    <t>01/21/2020 16:02:09</t>
  </si>
  <si>
    <t>01/21/2020 16:02:13</t>
  </si>
  <si>
    <t>01/21/2020 16:02:14</t>
  </si>
  <si>
    <t>01/21/2020 16:02:17</t>
  </si>
  <si>
    <t>01/21/2020 16:02:21</t>
  </si>
  <si>
    <t>01/21/2020 16:02:27</t>
  </si>
  <si>
    <t>01/21/2020 16:03:12</t>
  </si>
  <si>
    <t>JONATHAN WILLIAM ALVES PEREIRA_1_6781013002594359938_1_32.wav</t>
  </si>
  <si>
    <t>\\acsfs\Deptos\EDUCACAO EMPRESARIAL\KÉSIA\Ligações 3º ciclo - Janeiro 2020\JONATHAN WILLIAM ALVES PEREIRA_1_6781013002594359938_1_32.wav</t>
  </si>
  <si>
    <t>01/21/2020 16:03:14</t>
  </si>
  <si>
    <t>01/21/2020 16:04:31</t>
  </si>
  <si>
    <t>01/21/2020 16:05:30</t>
  </si>
  <si>
    <t>01/21/2020 16:02:49</t>
  </si>
  <si>
    <t>01/21/2020 16:01:12</t>
  </si>
  <si>
    <t>01/21/2020 16:06:31</t>
  </si>
  <si>
    <t>01/21/2020 16:02:12</t>
  </si>
  <si>
    <t>01/21/2020 16:02:42</t>
  </si>
  <si>
    <t>https://udpmailboxap01.acs.com.br:8443/h/search?si=0&amp;so=0&amp;sc=80804&amp;sfi=2&amp;st=conversation&amp;action=compose</t>
  </si>
  <si>
    <t>01/21/2020 16:01:37</t>
  </si>
  <si>
    <t>01/21/2020 16:02:33</t>
  </si>
  <si>
    <t>01/21/2020 16:03:55</t>
  </si>
  <si>
    <t>01/21/2020 16:05:49</t>
  </si>
  <si>
    <t>01/21/2020 16:06:03</t>
  </si>
  <si>
    <t>01/21/2020 16:06:08</t>
  </si>
  <si>
    <t>01/21/2020 16:06:09</t>
  </si>
  <si>
    <t>01/21/2020 16:06:17</t>
  </si>
  <si>
    <t>01/21/2020 16:07:30</t>
  </si>
  <si>
    <t>01/21/2020 16:06:32</t>
  </si>
  <si>
    <t>5db5eeb4-48f2-4cfb-b15d-92fa9faae37f.tmp</t>
  </si>
  <si>
    <t>\\acsfs\profiles$\laurandos\Downloads\5db5eeb4-48f2-4cfb-b15d-92fa9faae37f.tmp</t>
  </si>
  <si>
    <t>01/21/2020 16:02:47</t>
  </si>
  <si>
    <t>8d080c08-cb63-4633-b7e2-78530ce53995.tmp</t>
  </si>
  <si>
    <t>\\acsfs\profiles$\laurandos\Downloads\8d080c08-cb63-4633-b7e2-78530ce53995.tmp</t>
  </si>
  <si>
    <t>01/21/2020 16:02:31</t>
  </si>
  <si>
    <t>01/21/2020 16:08:30</t>
  </si>
  <si>
    <t>01/21/2020 16:02:35</t>
  </si>
  <si>
    <t>01/21/2020 16:02:41</t>
  </si>
  <si>
    <t>01/21/2020 16:02:46</t>
  </si>
  <si>
    <t>01/21/2020 16:02:51</t>
  </si>
  <si>
    <t>01/21/2020 16:02:55</t>
  </si>
  <si>
    <t>01/21/2020 16:03:00</t>
  </si>
  <si>
    <t>01/21/2020 16:03:05</t>
  </si>
  <si>
    <t>01/21/2020 16:03:11</t>
  </si>
  <si>
    <t>01/21/2020 16:03:18</t>
  </si>
  <si>
    <t>01/21/2020 16:03:22</t>
  </si>
  <si>
    <t>01/21/2020 16:03:26</t>
  </si>
  <si>
    <t>01/21/2020 16:03:32</t>
  </si>
  <si>
    <t>01/21/2020 16:03:36</t>
  </si>
  <si>
    <t>01/21/2020 16:03:40</t>
  </si>
  <si>
    <t>01/21/2020 16:03:45</t>
  </si>
  <si>
    <t>01/21/2020 16:03:49</t>
  </si>
  <si>
    <t>01/21/2020 16:03:54</t>
  </si>
  <si>
    <t>01/21/2020 16:03:58</t>
  </si>
  <si>
    <t>01/21/2020 16:04:02</t>
  </si>
  <si>
    <t>01/21/2020 16:04:06</t>
  </si>
  <si>
    <t>01/21/2020 16:04:11</t>
  </si>
  <si>
    <t>01/21/2020 16:04:16</t>
  </si>
  <si>
    <t>01/21/2020 16:04:20</t>
  </si>
  <si>
    <t>01/21/2020 16:04:24</t>
  </si>
  <si>
    <t>01/21/2020 16:04:28</t>
  </si>
  <si>
    <t>01/21/2020 16:04:34</t>
  </si>
  <si>
    <t>01/21/2020 16:04:39</t>
  </si>
  <si>
    <t>01/21/2020 16:04:43</t>
  </si>
  <si>
    <t>01/21/2020 16:04:47</t>
  </si>
  <si>
    <t>01/21/2020 16:04:51</t>
  </si>
  <si>
    <t>01/21/2020 16:04:55</t>
  </si>
  <si>
    <t>01/21/2020 16:04:59</t>
  </si>
  <si>
    <t>01/21/2020 16:05:04</t>
  </si>
  <si>
    <t>01/21/2020 16:05:08</t>
  </si>
  <si>
    <t>01/21/2020 16:05:12</t>
  </si>
  <si>
    <t>01/21/2020 16:05:17</t>
  </si>
  <si>
    <t>01/21/2020 16:05:21</t>
  </si>
  <si>
    <t>01/21/2020 16:05:25</t>
  </si>
  <si>
    <t>01/21/2020 16:05:29</t>
  </si>
  <si>
    <t>01/21/2020 16:05:34</t>
  </si>
  <si>
    <t>01/21/2020 16:05:38</t>
  </si>
  <si>
    <t>01/21/2020 16:05:42</t>
  </si>
  <si>
    <t>01/21/2020 16:05:46</t>
  </si>
  <si>
    <t>01/21/2020 16:05:50</t>
  </si>
  <si>
    <t>01/21/2020 16:05:55</t>
  </si>
  <si>
    <t>01/21/2020 16:05:59</t>
  </si>
  <si>
    <t>01/21/2020 16:06:07</t>
  </si>
  <si>
    <t>01/21/2020 16:06:12</t>
  </si>
  <si>
    <t>01/21/2020 16:06:19</t>
  </si>
  <si>
    <t>01/21/2020 16:06:22</t>
  </si>
  <si>
    <t>01/21/2020 16:06:24</t>
  </si>
  <si>
    <t>01/21/2020 16:06:28</t>
  </si>
  <si>
    <t>01/21/2020 16:06:36</t>
  </si>
  <si>
    <t>01/21/2020 16:06:41</t>
  </si>
  <si>
    <t>01/21/2020 16:06:45</t>
  </si>
  <si>
    <t>01/21/2020 16:06:50</t>
  </si>
  <si>
    <t>01/21/2020 16:06:54</t>
  </si>
  <si>
    <t>01/21/2020 16:06:59</t>
  </si>
  <si>
    <t>01/21/2020 16:07:03</t>
  </si>
  <si>
    <t>01/21/2020 16:07:04</t>
  </si>
  <si>
    <t>01/21/2020 16:07:07</t>
  </si>
  <si>
    <t>01/21/2020 16:07:08</t>
  </si>
  <si>
    <t>01/21/2020 16:07:11</t>
  </si>
  <si>
    <t>01/21/2020 16:07:16</t>
  </si>
  <si>
    <t>01/21/2020 16:07:21</t>
  </si>
  <si>
    <t>01/21/2020 16:07:26</t>
  </si>
  <si>
    <t>01/21/2020 16:07:31</t>
  </si>
  <si>
    <t>01/21/2020 16:07:40</t>
  </si>
  <si>
    <t>01/21/2020 16:07:19</t>
  </si>
  <si>
    <t>01/21/2020 16:07:38</t>
  </si>
  <si>
    <t>78f790ba-5864-4f7e-8ec2-cf0067263038.tmp</t>
  </si>
  <si>
    <t>\\acsfs\profiles$\paulohaf\Downloads\78f790ba-5864-4f7e-8ec2-cf0067263038.tmp</t>
  </si>
  <si>
    <t>01/21/2020 16:04:40</t>
  </si>
  <si>
    <t>1eb4b05a-de9c-4f06-b14f-62525d221c82.tmp</t>
  </si>
  <si>
    <t>\\acsfs\profiles$\philipegsf\Downloads\1eb4b05a-de9c-4f06-b14f-62525d221c82.tmp</t>
  </si>
  <si>
    <t>01/21/2020 16:08:00</t>
  </si>
  <si>
    <t>01/21/2020 16:09:31</t>
  </si>
  <si>
    <t>100014122394468;100014193183075;senildapdo@algartech.com;viniciussg@algartech.com;</t>
  </si>
  <si>
    <t>https://100014122394468,100014193183075,senildapdo@algartech.com,viniciussg@algartech.com</t>
  </si>
  <si>
    <t>01/21/2020 16:04:44</t>
  </si>
  <si>
    <t>lu2733221pk5d.tmp</t>
  </si>
  <si>
    <t>\\acsfs\profiles$\RAFAELRF\meu\lu2733221pk5d.tmp</t>
  </si>
  <si>
    <t>01/21/2020 16:04:52</t>
  </si>
  <si>
    <t>01/21/2020 16:04:53</t>
  </si>
  <si>
    <t>lu2733221pk5l.tmp</t>
  </si>
  <si>
    <t>\\acsfs\profiles$\RAFAELRF\meu\lu2733221pk5l.tmp</t>
  </si>
  <si>
    <t>\\acsfs\profiles$\RAFAELRF\meu\lu2733221pk5l.tmp\</t>
  </si>
  <si>
    <t>\\acsfs\profiles$\RAFAELRF\meu\lu2733221pk5l.tmp\META-INF\</t>
  </si>
  <si>
    <t>\\acsfs\profiles$\RAFAELRF\meu\lu2733221pk5l.tmp\Thumbnails\</t>
  </si>
  <si>
    <t>01/21/2020 16:08:19</t>
  </si>
  <si>
    <t>01/21/2020 16:10:30</t>
  </si>
  <si>
    <t>01/21/2020 16:07:50</t>
  </si>
  <si>
    <t>01/21/2020 16:08:11</t>
  </si>
  <si>
    <t>01/21/2020 16:08:13</t>
  </si>
  <si>
    <t>lu289644mj3.tmp</t>
  </si>
  <si>
    <t>\\acsfs\profiles$\jonathanwap\lu289644mj3.tmp</t>
  </si>
  <si>
    <t>\\acsfs\profiles$\jonathanwap\lu289644mj3.tmp\</t>
  </si>
  <si>
    <t>\\acsfs\profiles$\jonathanwap\lu289644mj3.tmp\META-INF\</t>
  </si>
  <si>
    <t>\\acsfs\profiles$\jonathanwap\lu289644mj3.tmp\Thumbnails\</t>
  </si>
  <si>
    <t>01/21/2020 16:08:41</t>
  </si>
  <si>
    <t>01/21/2020 16:07:12</t>
  </si>
  <si>
    <t>01/21/2020 16:11:31</t>
  </si>
  <si>
    <t>01/21/2020 16:08:12</t>
  </si>
  <si>
    <t>01/21/2020 16:08:28</t>
  </si>
  <si>
    <t>https://udpmailboxap01.acs.com.br:8443/h/search?si=1&amp;so=0&amp;sc=80830&amp;sfi=2&amp;st=conversation&amp;action=compose&amp;id=2820&amp;paction=view&amp;rf=html&amp;op=forward</t>
  </si>
  <si>
    <t>01/21/2020 16:09:14</t>
  </si>
  <si>
    <t>01/21/2020 16:09:55</t>
  </si>
  <si>
    <t>01/21/2020 16:10:22</t>
  </si>
  <si>
    <t>01/21/2020 16:09:19</t>
  </si>
  <si>
    <t>01/21/2020 16:12:30</t>
  </si>
  <si>
    <t>01/21/2020 16:11:33</t>
  </si>
  <si>
    <t>01/21/2020 16:11:34</t>
  </si>
  <si>
    <t>lu367564u1u0t.tmp</t>
  </si>
  <si>
    <t>\\acsfs\profiles$\rafaelacdoc\lu367564u1u0t.tmp</t>
  </si>
  <si>
    <t>\\acsfs\profiles$\rafaelacdoc\lu367564u1u0t.tmp\</t>
  </si>
  <si>
    <t>\\acsfs\profiles$\rafaelacdoc\lu367564u1u0t.tmp\META-INF\</t>
  </si>
  <si>
    <t>\\acsfs\profiles$\rafaelacdoc\lu367564u1u0t.tmp\Thumbnails\</t>
  </si>
  <si>
    <t>01/21/2020 16:11:37</t>
  </si>
  <si>
    <t>lu367564u1u0w.tmp</t>
  </si>
  <si>
    <t>\\acsfs\profiles$\rafaelacdoc\lu367564u1u0w.tmp</t>
  </si>
  <si>
    <t>\\acsfs\profiles$\rafaelacdoc\lu367564u1u0w.tmp\</t>
  </si>
  <si>
    <t>\\acsfs\profiles$\rafaelacdoc\lu367564u1u0w.tmp\META-INF\</t>
  </si>
  <si>
    <t>\\acsfs\profiles$\rafaelacdoc\lu367564u1u0w.tmp\Thumbnails\</t>
  </si>
  <si>
    <t>01/21/2020 16:11:41</t>
  </si>
  <si>
    <t>01/21/2020 16:11:58</t>
  </si>
  <si>
    <t>01/21/2020 16:09:24</t>
  </si>
  <si>
    <t>01/21/2020 16:13:30</t>
  </si>
  <si>
    <t>01/21/2020 16:11:46</t>
  </si>
  <si>
    <t>XLOG_vanessacgs_21012020_084900.log</t>
  </si>
  <si>
    <t>\\acsfs\profiles$\vanessacgs\My Documents\xworkcenter\logs\XLOG_vanessacgs_21012020_084900.log</t>
  </si>
  <si>
    <t>01/21/2020 16:07:49</t>
  </si>
  <si>
    <t>01/21/2020 16:07:54</t>
  </si>
  <si>
    <t>01/21/2020 16:07:55</t>
  </si>
  <si>
    <t>01/21/2020 16:08:05</t>
  </si>
  <si>
    <t>01/21/2020 16:08:10</t>
  </si>
  <si>
    <t>01/21/2020 16:08:16</t>
  </si>
  <si>
    <t>01/21/2020 16:08:22</t>
  </si>
  <si>
    <t>01/21/2020 16:08:27</t>
  </si>
  <si>
    <t>01/21/2020 16:08:31</t>
  </si>
  <si>
    <t>01/21/2020 16:08:35</t>
  </si>
  <si>
    <t>01/21/2020 16:08:40</t>
  </si>
  <si>
    <t>01/21/2020 16:08:44</t>
  </si>
  <si>
    <t>01/21/2020 16:08:49</t>
  </si>
  <si>
    <t>01/21/2020 16:08:53</t>
  </si>
  <si>
    <t>01/21/2020 16:08:57</t>
  </si>
  <si>
    <t>01/21/2020 16:09:01</t>
  </si>
  <si>
    <t>01/21/2020 16:09:05</t>
  </si>
  <si>
    <t>01/21/2020 16:09:10</t>
  </si>
  <si>
    <t>01/21/2020 16:09:26</t>
  </si>
  <si>
    <t>01/21/2020 16:09:30</t>
  </si>
  <si>
    <t>01/21/2020 16:09:35</t>
  </si>
  <si>
    <t>01/21/2020 16:09:39</t>
  </si>
  <si>
    <t>01/21/2020 16:09:43</t>
  </si>
  <si>
    <t>01/21/2020 16:09:48</t>
  </si>
  <si>
    <t>01/21/2020 16:09:52</t>
  </si>
  <si>
    <t>01/21/2020 16:09:56</t>
  </si>
  <si>
    <t>01/21/2020 16:10:01</t>
  </si>
  <si>
    <t>01/21/2020 16:10:05</t>
  </si>
  <si>
    <t>01/21/2020 16:10:09</t>
  </si>
  <si>
    <t>01/21/2020 16:10:13</t>
  </si>
  <si>
    <t>01/21/2020 16:10:17</t>
  </si>
  <si>
    <t>01/21/2020 16:10:26</t>
  </si>
  <si>
    <t>01/21/2020 16:10:34</t>
  </si>
  <si>
    <t>f6a506a2-dc10-4f04-8b5a-5699a81cccff.tmp</t>
  </si>
  <si>
    <t>\\acsfs\profiles$\paulohaf\Downloads\f6a506a2-dc10-4f04-8b5a-5699a81cccff.tmp</t>
  </si>
  <si>
    <t>01/21/2020 16:10:38</t>
  </si>
  <si>
    <t>01/21/2020 16:10:43</t>
  </si>
  <si>
    <t>01/21/2020 16:10:48</t>
  </si>
  <si>
    <t>01/21/2020 16:10:52</t>
  </si>
  <si>
    <t>01/21/2020 16:10:56</t>
  </si>
  <si>
    <t>01/21/2020 16:11:00</t>
  </si>
  <si>
    <t>01/21/2020 16:11:04</t>
  </si>
  <si>
    <t>01/21/2020 16:11:08</t>
  </si>
  <si>
    <t>01/21/2020 16:11:13</t>
  </si>
  <si>
    <t>01/21/2020 16:11:18</t>
  </si>
  <si>
    <t>01/21/2020 16:11:23</t>
  </si>
  <si>
    <t>01/21/2020 16:11:28</t>
  </si>
  <si>
    <t>01/21/2020 16:11:32</t>
  </si>
  <si>
    <t>01/21/2020 16:11:38</t>
  </si>
  <si>
    <t>01/21/2020 16:11:43</t>
  </si>
  <si>
    <t>01/21/2020 16:11:50</t>
  </si>
  <si>
    <t>01/21/2020 16:11:55</t>
  </si>
  <si>
    <t>01/21/2020 16:11:59</t>
  </si>
  <si>
    <t>01/21/2020 16:12:03</t>
  </si>
  <si>
    <t>01/21/2020 16:12:07</t>
  </si>
  <si>
    <t>01/21/2020 16:12:11</t>
  </si>
  <si>
    <t>01/21/2020 16:12:16</t>
  </si>
  <si>
    <t>01/21/2020 16:12:20</t>
  </si>
  <si>
    <t>01/21/2020 16:12:24</t>
  </si>
  <si>
    <t>01/21/2020 16:12:28</t>
  </si>
  <si>
    <t>01/21/2020 16:12:32</t>
  </si>
  <si>
    <t>01/21/2020 16:12:36</t>
  </si>
  <si>
    <t>01/21/2020 16:12:37</t>
  </si>
  <si>
    <t>01/21/2020 16:12:41</t>
  </si>
  <si>
    <t>01/21/2020 16:12:45</t>
  </si>
  <si>
    <t>01/21/2020 16:12:49</t>
  </si>
  <si>
    <t>01/21/2020 16:09:28</t>
  </si>
  <si>
    <t>01/21/2020 16:14:30</t>
  </si>
  <si>
    <t>d4b8116b-49c0-4111-a414-50a29b3c39e0.tmp</t>
  </si>
  <si>
    <t>\\acsfs\profiles$\gabrielamdp\Downloads\d4b8116b-49c0-4111-a414-50a29b3c39e0.tmp</t>
  </si>
  <si>
    <t>01/21/2020 16:09:32</t>
  </si>
  <si>
    <t>01/21/2020 16:11:36</t>
  </si>
  <si>
    <t>01/21/2020 16:15:30</t>
  </si>
  <si>
    <t>01/21/2020 16:13:12</t>
  </si>
  <si>
    <t>01/21/2020 16:16:31</t>
  </si>
  <si>
    <t>01/21/2020 16:14:12</t>
  </si>
  <si>
    <t>01/21/2020 16:13:54</t>
  </si>
  <si>
    <t>01/21/2020 16:15:04</t>
  </si>
  <si>
    <t>01/21/2020 16:15:55</t>
  </si>
  <si>
    <t>01/21/2020 16:14:06</t>
  </si>
  <si>
    <t>01/21/2020 16:12:54</t>
  </si>
  <si>
    <t>01/21/2020 16:18:31</t>
  </si>
  <si>
    <t>01/21/2020 16:12:58</t>
  </si>
  <si>
    <t>01/21/2020 16:13:02</t>
  </si>
  <si>
    <t>01/21/2020 16:13:06</t>
  </si>
  <si>
    <t>01/21/2020 16:13:11</t>
  </si>
  <si>
    <t>01/21/2020 16:13:15</t>
  </si>
  <si>
    <t>01/21/2020 16:13:20</t>
  </si>
  <si>
    <t>01/21/2020 16:13:24</t>
  </si>
  <si>
    <t>01/21/2020 16:13:28</t>
  </si>
  <si>
    <t>01/21/2020 16:13:32</t>
  </si>
  <si>
    <t>01/21/2020 16:13:36</t>
  </si>
  <si>
    <t>01/21/2020 16:13:41</t>
  </si>
  <si>
    <t>01/21/2020 16:13:45</t>
  </si>
  <si>
    <t>01/21/2020 16:13:49</t>
  </si>
  <si>
    <t>01/21/2020 16:13:53</t>
  </si>
  <si>
    <t>01/21/2020 16:13:57</t>
  </si>
  <si>
    <t>01/21/2020 16:14:01</t>
  </si>
  <si>
    <t>01/21/2020 16:14:10</t>
  </si>
  <si>
    <t>01/21/2020 16:14:14</t>
  </si>
  <si>
    <t>01/21/2020 16:14:18</t>
  </si>
  <si>
    <t>01/21/2020 16:14:22</t>
  </si>
  <si>
    <t>01/21/2020 16:14:27</t>
  </si>
  <si>
    <t>01/21/2020 16:14:32</t>
  </si>
  <si>
    <t>01/21/2020 16:14:36</t>
  </si>
  <si>
    <t>01/21/2020 16:14:40</t>
  </si>
  <si>
    <t>01/21/2020 16:14:44</t>
  </si>
  <si>
    <t>01/21/2020 16:14:49</t>
  </si>
  <si>
    <t>01/21/2020 16:14:53</t>
  </si>
  <si>
    <t>01/21/2020 16:14:57</t>
  </si>
  <si>
    <t>01/21/2020 16:15:02</t>
  </si>
  <si>
    <t>01/21/2020 16:15:06</t>
  </si>
  <si>
    <t>01/21/2020 16:15:10</t>
  </si>
  <si>
    <t>01/21/2020 16:15:14</t>
  </si>
  <si>
    <t>01/21/2020 16:15:20</t>
  </si>
  <si>
    <t>01/21/2020 16:15:24</t>
  </si>
  <si>
    <t>01/21/2020 16:15:28</t>
  </si>
  <si>
    <t>01/21/2020 16:15:33</t>
  </si>
  <si>
    <t>01/21/2020 16:15:37</t>
  </si>
  <si>
    <t>01/21/2020 16:15:41</t>
  </si>
  <si>
    <t>01/21/2020 16:15:46</t>
  </si>
  <si>
    <t>01/21/2020 16:15:50</t>
  </si>
  <si>
    <t>01/21/2020 16:15:54</t>
  </si>
  <si>
    <t>01/21/2020 16:15:58</t>
  </si>
  <si>
    <t>01/21/2020 16:16:02</t>
  </si>
  <si>
    <t>01/21/2020 16:16:07</t>
  </si>
  <si>
    <t>01/21/2020 16:16:12</t>
  </si>
  <si>
    <t>01/21/2020 16:16:17</t>
  </si>
  <si>
    <t>01/21/2020 16:16:21</t>
  </si>
  <si>
    <t>01/21/2020 16:16:25</t>
  </si>
  <si>
    <t>01/21/2020 16:16:29</t>
  </si>
  <si>
    <t>01/21/2020 16:16:34</t>
  </si>
  <si>
    <t>01/21/2020 16:16:38</t>
  </si>
  <si>
    <t>01/21/2020 16:16:44</t>
  </si>
  <si>
    <t>01/21/2020 16:16:48</t>
  </si>
  <si>
    <t>01/21/2020 16:16:54</t>
  </si>
  <si>
    <t>01/21/2020 16:16:58</t>
  </si>
  <si>
    <t>01/21/2020 16:17:03</t>
  </si>
  <si>
    <t>01/21/2020 16:17:07</t>
  </si>
  <si>
    <t>01/21/2020 16:17:11</t>
  </si>
  <si>
    <t>01/21/2020 16:17:17</t>
  </si>
  <si>
    <t>01/21/2020 16:17:18</t>
  </si>
  <si>
    <t>01/21/2020 16:17:23</t>
  </si>
  <si>
    <t>01/21/2020 16:17:28</t>
  </si>
  <si>
    <t>01/21/2020 16:17:33</t>
  </si>
  <si>
    <t>01/21/2020 16:17:37</t>
  </si>
  <si>
    <t>01/21/2020 16:17:41</t>
  </si>
  <si>
    <t>01/21/2020 16:17:45</t>
  </si>
  <si>
    <t>01/21/2020 16:17:50</t>
  </si>
  <si>
    <t>01/21/2020 16:17:54</t>
  </si>
  <si>
    <t>LAIS RIBEIRO_1_6780378498485791582_1_32.wav</t>
  </si>
  <si>
    <t>\\acsfs\Deptos\EDUCACAO EMPRESARIAL\KÉSIA\Ligações 3º ciclo - Janeiro 2020\LAIS RIBEIRO_1_6780378498485791582_1_32.wav</t>
  </si>
  <si>
    <t>01/21/2020 16:19:30</t>
  </si>
  <si>
    <t>.~lock.isabelle 21.01.20.ods#</t>
  </si>
  <si>
    <t>\\acsfs\profiles$\ISABELLEGTDS\Nova pasta\.~lock.isabelle 21.01.20.ods#</t>
  </si>
  <si>
    <t>01/21/2020 16:13:42</t>
  </si>
  <si>
    <t>lu4192453ku1e.tmp</t>
  </si>
  <si>
    <t>\\acsfs\profiles$\ISABELLEGTDS\Nova pasta\lu4192453ku1e.tmp</t>
  </si>
  <si>
    <t>\\acsfs\profiles$\ISABELLEGTDS\Nova pasta\lu4192453ku1e.tmp\</t>
  </si>
  <si>
    <t>\\acsfs\profiles$\ISABELLEGTDS\Nova pasta\lu4192453ku1e.tmp\META-INF\</t>
  </si>
  <si>
    <t>\\acsfs\profiles$\ISABELLEGTDS\Nova pasta\lu4192453ku1e.tmp\Thumbnails\</t>
  </si>
  <si>
    <t>01/21/2020 16:15:51</t>
  </si>
  <si>
    <t>01/21/2020 16:20:30</t>
  </si>
  <si>
    <t>01/21/2020 16:19:12</t>
  </si>
  <si>
    <t>01/21/2020 16:21:31</t>
  </si>
  <si>
    <t>01/21/2020 16:20:12</t>
  </si>
  <si>
    <t>01/21/2020 16:20:04</t>
  </si>
  <si>
    <t>01/21/2020 16:17:15</t>
  </si>
  <si>
    <t>01/21/2020 16:18:43</t>
  </si>
  <si>
    <t>01/21/2020 16:19:37</t>
  </si>
  <si>
    <t>01/21/2020 16:22:30</t>
  </si>
  <si>
    <t>01/21/2020 16:19:02</t>
  </si>
  <si>
    <t>01/21/2020 16:23:30</t>
  </si>
  <si>
    <t>01/21/2020 16:17:59</t>
  </si>
  <si>
    <t>01/21/2020 16:18:04</t>
  </si>
  <si>
    <t>01/21/2020 16:18:08</t>
  </si>
  <si>
    <t>01/21/2020 16:18:13</t>
  </si>
  <si>
    <t>01/21/2020 16:18:16</t>
  </si>
  <si>
    <t>01/21/2020 16:18:20</t>
  </si>
  <si>
    <t>01/21/2020 16:18:26</t>
  </si>
  <si>
    <t>01/21/2020 16:18:30</t>
  </si>
  <si>
    <t>01/21/2020 16:18:34</t>
  </si>
  <si>
    <t>01/21/2020 16:18:38</t>
  </si>
  <si>
    <t>01/21/2020 16:18:42</t>
  </si>
  <si>
    <t>01/21/2020 16:18:47</t>
  </si>
  <si>
    <t>01/21/2020 16:18:51</t>
  </si>
  <si>
    <t>01/21/2020 16:18:55</t>
  </si>
  <si>
    <t>01/21/2020 16:18:59</t>
  </si>
  <si>
    <t>01/21/2020 16:19:03</t>
  </si>
  <si>
    <t>01/21/2020 16:19:08</t>
  </si>
  <si>
    <t>01/21/2020 16:19:16</t>
  </si>
  <si>
    <t>01/21/2020 16:19:20</t>
  </si>
  <si>
    <t>01/21/2020 16:19:24</t>
  </si>
  <si>
    <t>01/21/2020 16:19:29</t>
  </si>
  <si>
    <t>01/21/2020 16:19:33</t>
  </si>
  <si>
    <t>01/21/2020 16:19:42</t>
  </si>
  <si>
    <t>01/21/2020 16:19:46</t>
  </si>
  <si>
    <t>01/21/2020 16:19:51</t>
  </si>
  <si>
    <t>01/21/2020 16:19:53</t>
  </si>
  <si>
    <t>01/21/2020 16:19:55</t>
  </si>
  <si>
    <t>01/21/2020 16:19:59</t>
  </si>
  <si>
    <t>01/21/2020 16:20:03</t>
  </si>
  <si>
    <t>01/21/2020 16:20:07</t>
  </si>
  <si>
    <t>01/21/2020 16:20:16</t>
  </si>
  <si>
    <t>01/21/2020 16:20:20</t>
  </si>
  <si>
    <t>01/21/2020 16:20:25</t>
  </si>
  <si>
    <t>01/21/2020 16:20:29</t>
  </si>
  <si>
    <t>01/21/2020 16:20:33</t>
  </si>
  <si>
    <t>01/21/2020 16:20:37</t>
  </si>
  <si>
    <t>01/21/2020 16:20:42</t>
  </si>
  <si>
    <t>01/21/2020 16:20:46</t>
  </si>
  <si>
    <t>01/21/2020 16:20:50</t>
  </si>
  <si>
    <t>01/21/2020 16:20:55</t>
  </si>
  <si>
    <t>01/21/2020 16:20:59</t>
  </si>
  <si>
    <t>01/21/2020 16:21:03</t>
  </si>
  <si>
    <t>01/21/2020 16:21:08</t>
  </si>
  <si>
    <t>01/21/2020 16:21:12</t>
  </si>
  <si>
    <t>01/21/2020 16:21:18</t>
  </si>
  <si>
    <t>01/21/2020 16:21:23</t>
  </si>
  <si>
    <t>01/21/2020 16:21:27</t>
  </si>
  <si>
    <t>01/21/2020 16:21:35</t>
  </si>
  <si>
    <t>01/21/2020 16:21:36</t>
  </si>
  <si>
    <t>Paulo Victor Alcantara De Castro_1_6780301111765054262_1_32.wav</t>
  </si>
  <si>
    <t>\\acsfs\Deptos\EDUCACAO EMPRESARIAL\FERNANDA MONIT\Fernanda\MONITORIA JANEIRO\Ligaçoes para MUTANT terceiro ciclo janeiro\Paulo Victor Alcantara De Castro_1_6780301111765054262_1_32.wav</t>
  </si>
  <si>
    <t>01/21/2020 16:21:40</t>
  </si>
  <si>
    <t>01/21/2020 16:21:44</t>
  </si>
  <si>
    <t>01/21/2020 16:21:48</t>
  </si>
  <si>
    <t>01/21/2020 16:21:52</t>
  </si>
  <si>
    <t>01/21/2020 16:21:56</t>
  </si>
  <si>
    <t>01/21/2020 16:22:00</t>
  </si>
  <si>
    <t>01/21/2020 16:22:05</t>
  </si>
  <si>
    <t>01/21/2020 16:22:09</t>
  </si>
  <si>
    <t>01/21/2020 16:22:13</t>
  </si>
  <si>
    <t>01/21/2020 16:22:17</t>
  </si>
  <si>
    <t>01/21/2020 16:22:22</t>
  </si>
  <si>
    <t>01/21/2020 16:22:26</t>
  </si>
  <si>
    <t>01/21/2020 16:22:34</t>
  </si>
  <si>
    <t>01/21/2020 16:22:38</t>
  </si>
  <si>
    <t>01/21/2020 16:22:43</t>
  </si>
  <si>
    <t>01/21/2020 16:22:47</t>
  </si>
  <si>
    <t>01/21/2020 16:22:51</t>
  </si>
  <si>
    <t>01/21/2020 16:22:56</t>
  </si>
  <si>
    <t>01/21/2020 16:23:02</t>
  </si>
  <si>
    <t>01/21/2020 16:21:10</t>
  </si>
  <si>
    <t>01/21/2020 16:24:30</t>
  </si>
  <si>
    <t>01/21/2020 16:22:08</t>
  </si>
  <si>
    <t>01/21/2020 16:25:30</t>
  </si>
  <si>
    <t>01/21/2020 16:21:38</t>
  </si>
  <si>
    <t>01/21/2020 16:21:47</t>
  </si>
  <si>
    <t>c955398d-cc9c-4aed-bd52-5479b3876be9.tmp</t>
  </si>
  <si>
    <t>\\acsfs\profiles$\wedersonbadr\My Documents\My Music\c955398d-cc9c-4aed-bd52-5479b3876be9.tmp</t>
  </si>
  <si>
    <t>01/21/2020 16:22:20</t>
  </si>
  <si>
    <t>c978afff-a7e6-4e14-9c68-7148f39b1ef2.tmp</t>
  </si>
  <si>
    <t>\\acsfs\profiles$\wedersonbadr\My Documents\My Music\c978afff-a7e6-4e14-9c68-7148f39b1ef2.tmp</t>
  </si>
  <si>
    <t>01/21/2020 16:23:00</t>
  </si>
  <si>
    <t>bb1db87e-0788-4b3c-aa4c-e8c05805de2c.tmp</t>
  </si>
  <si>
    <t>\\acsfs\profiles$\wedersonbadr\My Documents\My Music\bb1db87e-0788-4b3c-aa4c-e8c05805de2c.tmp</t>
  </si>
  <si>
    <t>01/21/2020 16:25:12</t>
  </si>
  <si>
    <t>01/21/2020 16:26:31</t>
  </si>
  <si>
    <t>01/21/2020 16:24:34</t>
  </si>
  <si>
    <t>\\acsfs\profiles$\LUCASBS\Novo Documento RTF.rtf</t>
  </si>
  <si>
    <t>01/21/2020 16:24:41</t>
  </si>
  <si>
    <t>\\acsfs\profiles$\LUCASBS\.~lock.Novo Documento RTF.rtf#</t>
  </si>
  <si>
    <t>01/21/2020 16:25:16</t>
  </si>
  <si>
    <t>01/21/2020 16:23:27</t>
  </si>
  <si>
    <t>https://udpwfmniceap02/pt_br/web/guest/home?p_auth=dyh1t6sc&amp;p_p_id=58&amp;p_p_lifecycle=1&amp;p_p_state=maximized&amp;p_p_mode=view&amp;savelastpath=0&amp;_58_struts_action=/login/forgot_password</t>
  </si>
  <si>
    <t>01/21/2020 16:21:55</t>
  </si>
  <si>
    <t>01/21/2020 16:24:45</t>
  </si>
  <si>
    <t>01/21/2020 16:24:59</t>
  </si>
  <si>
    <t>01/21/2020 16:28:30</t>
  </si>
  <si>
    <t>01/21/2020 16:23:08</t>
  </si>
  <si>
    <t>01/21/2020 16:23:12</t>
  </si>
  <si>
    <t>01/21/2020 16:23:18</t>
  </si>
  <si>
    <t>01/21/2020 16:23:23</t>
  </si>
  <si>
    <t>01/21/2020 16:23:31</t>
  </si>
  <si>
    <t>01/21/2020 16:23:40</t>
  </si>
  <si>
    <t>01/21/2020 16:23:44</t>
  </si>
  <si>
    <t>01/21/2020 16:23:45</t>
  </si>
  <si>
    <t>01/21/2020 16:23:50</t>
  </si>
  <si>
    <t>01/21/2020 16:23:54</t>
  </si>
  <si>
    <t>01/21/2020 16:23:57</t>
  </si>
  <si>
    <t>01/21/2020 16:24:00</t>
  </si>
  <si>
    <t>01/21/2020 16:24:04</t>
  </si>
  <si>
    <t>01/21/2020 16:24:08</t>
  </si>
  <si>
    <t>01/21/2020 16:24:12</t>
  </si>
  <si>
    <t>01/21/2020 16:24:14</t>
  </si>
  <si>
    <t>01/21/2020 16:24:15</t>
  </si>
  <si>
    <t>01/21/2020 16:24:17</t>
  </si>
  <si>
    <t>01/21/2020 16:24:21</t>
  </si>
  <si>
    <t>01/21/2020 16:24:24</t>
  </si>
  <si>
    <t>01/21/2020 16:24:27</t>
  </si>
  <si>
    <t>01/21/2020 16:24:28</t>
  </si>
  <si>
    <t>01/21/2020 16:24:32</t>
  </si>
  <si>
    <t>01/21/2020 16:24:36</t>
  </si>
  <si>
    <t>01/21/2020 16:24:38</t>
  </si>
  <si>
    <t>01/21/2020 16:24:42</t>
  </si>
  <si>
    <t>01/21/2020 16:24:44</t>
  </si>
  <si>
    <t>01/21/2020 16:24:49</t>
  </si>
  <si>
    <t>01/21/2020 16:24:56</t>
  </si>
  <si>
    <t>01/21/2020 16:25:00</t>
  </si>
  <si>
    <t>01/21/2020 16:25:04</t>
  </si>
  <si>
    <t>01/21/2020 16:25:09</t>
  </si>
  <si>
    <t>01/21/2020 16:25:13</t>
  </si>
  <si>
    <t>01/21/2020 16:25:17</t>
  </si>
  <si>
    <t>01/21/2020 16:25:22</t>
  </si>
  <si>
    <t>01/21/2020 16:25:27</t>
  </si>
  <si>
    <t>01/21/2020 16:25:31</t>
  </si>
  <si>
    <t>01/21/2020 16:25:35</t>
  </si>
  <si>
    <t>01/21/2020 16:25:40</t>
  </si>
  <si>
    <t>01/21/2020 16:25:44</t>
  </si>
  <si>
    <t>01/21/2020 16:25:48</t>
  </si>
  <si>
    <t>01/21/2020 16:25:53</t>
  </si>
  <si>
    <t>01/21/2020 16:25:57</t>
  </si>
  <si>
    <t>01/21/2020 16:26:01</t>
  </si>
  <si>
    <t>01/21/2020 16:26:05</t>
  </si>
  <si>
    <t>01/21/2020 16:26:10</t>
  </si>
  <si>
    <t>01/21/2020 16:26:14</t>
  </si>
  <si>
    <t>01/21/2020 16:26:18</t>
  </si>
  <si>
    <t>01/21/2020 16:26:22</t>
  </si>
  <si>
    <t>01/21/2020 16:26:27</t>
  </si>
  <si>
    <t>01/21/2020 16:26:36</t>
  </si>
  <si>
    <t>01/21/2020 16:26:41</t>
  </si>
  <si>
    <t>01/21/2020 16:26:46</t>
  </si>
  <si>
    <t>01/21/2020 16:26:53</t>
  </si>
  <si>
    <t>01/21/2020 16:26:57</t>
  </si>
  <si>
    <t>01/21/2020 16:27:02</t>
  </si>
  <si>
    <t>01/21/2020 16:27:06</t>
  </si>
  <si>
    <t>01/21/2020 16:27:11</t>
  </si>
  <si>
    <t>01/21/2020 16:27:15</t>
  </si>
  <si>
    <t>01/21/2020 16:27:20</t>
  </si>
  <si>
    <t>01/21/2020 16:27:24</t>
  </si>
  <si>
    <t>01/21/2020 16:27:28</t>
  </si>
  <si>
    <t>01/21/2020 16:27:32</t>
  </si>
  <si>
    <t>01/21/2020 16:27:37</t>
  </si>
  <si>
    <t>01/21/2020 16:27:42</t>
  </si>
  <si>
    <t>01/21/2020 16:27:46</t>
  </si>
  <si>
    <t>01/21/2020 16:27:51</t>
  </si>
  <si>
    <t>01/21/2020 16:27:56</t>
  </si>
  <si>
    <t>01/21/2020 16:27:59</t>
  </si>
  <si>
    <t>01/21/2020 16:28:04</t>
  </si>
  <si>
    <t>01/21/2020 16:28:07</t>
  </si>
  <si>
    <t>01/21/2020 16:28:08</t>
  </si>
  <si>
    <t>01/21/2020 16:29:30</t>
  </si>
  <si>
    <t>01/21/2020 16:26:12</t>
  </si>
  <si>
    <t>01/21/2020 16:31:31</t>
  </si>
  <si>
    <t>01/21/2020 16:26:35</t>
  </si>
  <si>
    <t>lu90282th1gm.tmp</t>
  </si>
  <si>
    <t>\\acsfs\profiles$\victoriaksr\My Documents\lu90282th1gm.tmp</t>
  </si>
  <si>
    <t>01/21/2020 16:26:51</t>
  </si>
  <si>
    <t>lu90282th1gx.tmp</t>
  </si>
  <si>
    <t>\\acsfs\profiles$\victoriaksr\My Documents\lu90282th1gx.tmp</t>
  </si>
  <si>
    <t>01/21/2020 16:29:10</t>
  </si>
  <si>
    <t>Erros operacionais - Dezembro.R1.xlsx</t>
  </si>
  <si>
    <t>\\acsfs\ACS\Gabriel da Silva\Contemporânea\Gen\Erros operacionais - Dezembro.R1.xlsx</t>
  </si>
  <si>
    <t>01/21/2020 16:29:45</t>
  </si>
  <si>
    <t>01/21/2020 16:29:54</t>
  </si>
  <si>
    <t>01/21/2020 16:29:58</t>
  </si>
  <si>
    <t>01/21/2020 16:30:03</t>
  </si>
  <si>
    <t>01/21/2020 16:30:07</t>
  </si>
  <si>
    <t>01/21/2020 16:30:11</t>
  </si>
  <si>
    <t>01/21/2020 16:30:25</t>
  </si>
  <si>
    <t>01/21/2020 16:30:35</t>
  </si>
  <si>
    <t>01/21/2020 16:30:54</t>
  </si>
  <si>
    <t>01/21/2020 16:27:55</t>
  </si>
  <si>
    <t>01/21/2020 16:31:03</t>
  </si>
  <si>
    <t>01/21/2020 16:32:22</t>
  </si>
  <si>
    <t>01/21/2020 16:32:30</t>
  </si>
  <si>
    <t>01/21/2020 16:28:17</t>
  </si>
  <si>
    <t>01/21/2020 16:33:31</t>
  </si>
  <si>
    <t>01/21/2020 16:28:55</t>
  </si>
  <si>
    <t>435ba3bb-98a9-4344-8f9c-795957490eaf.tmp</t>
  </si>
  <si>
    <t>\\acsfs\profiles$\philipegsf\Downloads\435ba3bb-98a9-4344-8f9c-795957490eaf.tmp</t>
  </si>
  <si>
    <t>01/21/2020 16:28:13</t>
  </si>
  <si>
    <t>01/21/2020 16:28:18</t>
  </si>
  <si>
    <t>01/21/2020 16:28:22</t>
  </si>
  <si>
    <t>01/21/2020 16:28:26</t>
  </si>
  <si>
    <t>01/21/2020 16:28:34</t>
  </si>
  <si>
    <t>01/21/2020 16:28:38</t>
  </si>
  <si>
    <t>01/21/2020 16:28:42</t>
  </si>
  <si>
    <t>01/21/2020 16:28:46</t>
  </si>
  <si>
    <t>01/21/2020 16:28:48</t>
  </si>
  <si>
    <t>01/21/2020 16:28:50</t>
  </si>
  <si>
    <t>01/21/2020 16:28:59</t>
  </si>
  <si>
    <t>01/21/2020 16:29:03</t>
  </si>
  <si>
    <t>01/21/2020 16:29:07</t>
  </si>
  <si>
    <t>01/21/2020 16:29:36</t>
  </si>
  <si>
    <t>01/21/2020 16:29:11</t>
  </si>
  <si>
    <t>01/21/2020 16:29:12</t>
  </si>
  <si>
    <t>01/21/2020 16:29:15</t>
  </si>
  <si>
    <t>01/21/2020 16:29:16</t>
  </si>
  <si>
    <t>01/21/2020 16:29:20</t>
  </si>
  <si>
    <t>01/21/2020 16:29:24</t>
  </si>
  <si>
    <t>01/21/2020 16:29:28</t>
  </si>
  <si>
    <t>01/21/2020 16:29:32</t>
  </si>
  <si>
    <t>01/21/2020 16:29:37</t>
  </si>
  <si>
    <t>01/21/2020 16:29:41</t>
  </si>
  <si>
    <t>01/21/2020 16:29:49</t>
  </si>
  <si>
    <t>01/21/2020 16:29:53</t>
  </si>
  <si>
    <t>01/21/2020 16:29:57</t>
  </si>
  <si>
    <t>01/21/2020 16:30:01</t>
  </si>
  <si>
    <t>01/21/2020 16:30:05</t>
  </si>
  <si>
    <t>01/21/2020 16:30:09</t>
  </si>
  <si>
    <t>01/21/2020 16:30:15</t>
  </si>
  <si>
    <t>01/21/2020 16:30:19</t>
  </si>
  <si>
    <t>01/21/2020 16:30:23</t>
  </si>
  <si>
    <t>01/21/2020 16:30:27</t>
  </si>
  <si>
    <t>01/21/2020 16:30:31</t>
  </si>
  <si>
    <t>01/21/2020 16:30:39</t>
  </si>
  <si>
    <t>01/21/2020 16:30:43</t>
  </si>
  <si>
    <t>01/21/2020 16:30:48</t>
  </si>
  <si>
    <t>01/21/2020 16:30:52</t>
  </si>
  <si>
    <t>01/21/2020 16:30:56</t>
  </si>
  <si>
    <t>01/21/2020 16:31:02</t>
  </si>
  <si>
    <t>01/21/2020 16:31:06</t>
  </si>
  <si>
    <t>01/21/2020 16:31:10</t>
  </si>
  <si>
    <t>01/21/2020 16:31:14</t>
  </si>
  <si>
    <t>01/21/2020 16:31:19</t>
  </si>
  <si>
    <t>01/21/2020 16:31:24</t>
  </si>
  <si>
    <t>01/21/2020 16:31:28</t>
  </si>
  <si>
    <t>01/21/2020 16:31:32</t>
  </si>
  <si>
    <t>01/21/2020 16:31:36</t>
  </si>
  <si>
    <t>01/21/2020 16:31:41</t>
  </si>
  <si>
    <t>01/21/2020 16:31:45</t>
  </si>
  <si>
    <t>01/21/2020 16:31:49</t>
  </si>
  <si>
    <t>01/21/2020 16:31:53</t>
  </si>
  <si>
    <t>01/21/2020 16:31:54</t>
  </si>
  <si>
    <t>01/21/2020 16:31:57</t>
  </si>
  <si>
    <t>01/21/2020 16:32:02</t>
  </si>
  <si>
    <t>01/21/2020 16:32:06</t>
  </si>
  <si>
    <t>01/21/2020 16:32:10</t>
  </si>
  <si>
    <t>01/21/2020 16:32:14</t>
  </si>
  <si>
    <t>01/21/2020 16:32:18</t>
  </si>
  <si>
    <t>01/21/2020 16:32:20</t>
  </si>
  <si>
    <t>01/21/2020 16:32:23</t>
  </si>
  <si>
    <t>01/21/2020 16:32:26</t>
  </si>
  <si>
    <t>01/21/2020 16:32:31</t>
  </si>
  <si>
    <t>01/21/2020 16:32:36</t>
  </si>
  <si>
    <t>01/21/2020 16:32:40</t>
  </si>
  <si>
    <t>01/21/2020 16:32:44</t>
  </si>
  <si>
    <t>01/21/2020 16:32:48</t>
  </si>
  <si>
    <t>01/21/2020 16:32:52</t>
  </si>
  <si>
    <t>01/21/2020 16:32:57</t>
  </si>
  <si>
    <t>01/21/2020 16:33:01</t>
  </si>
  <si>
    <t>01/21/2020 16:33:05</t>
  </si>
  <si>
    <t>01/21/2020 16:33:09</t>
  </si>
  <si>
    <t>01/21/2020 16:33:13</t>
  </si>
  <si>
    <t>01/21/2020 16:33:17</t>
  </si>
  <si>
    <t>01/21/2020 16:34:30</t>
  </si>
  <si>
    <t>01/21/2020 16:32:50</t>
  </si>
  <si>
    <t>01/21/2020 16:35:31</t>
  </si>
  <si>
    <t>01/21/2020 16:31:58</t>
  </si>
  <si>
    <t>01/21/2020 16:34:49</t>
  </si>
  <si>
    <t>01/21/2020 16:36:30</t>
  </si>
  <si>
    <t>01/21/2020 16:31:12</t>
  </si>
  <si>
    <t>01/21/2020 16:32:12</t>
  </si>
  <si>
    <t>01/21/2020 16:34:19</t>
  </si>
  <si>
    <t>01/21/2020 16:31:04</t>
  </si>
  <si>
    <t>01/21/2020 16:31:23</t>
  </si>
  <si>
    <t>01/21/2020 16:32:54</t>
  </si>
  <si>
    <t>01/21/2020 16:33:27</t>
  </si>
  <si>
    <t>01/21/2020 16:33:55</t>
  </si>
  <si>
    <t>01/21/2020 16:37:31</t>
  </si>
  <si>
    <t>80bb7609-8f15-49af-bd20-45fad9bfe21a.tmp</t>
  </si>
  <si>
    <t>\\acsfs\profiles$\laurandos\Downloads\80bb7609-8f15-49af-bd20-45fad9bfe21a.tmp</t>
  </si>
  <si>
    <t>01/21/2020 16:33:21</t>
  </si>
  <si>
    <t>01/21/2020 16:38:30</t>
  </si>
  <si>
    <t>01/21/2020 16:33:26</t>
  </si>
  <si>
    <t>01/21/2020 16:33:30</t>
  </si>
  <si>
    <t>01/21/2020 16:33:34</t>
  </si>
  <si>
    <t>01/21/2020 16:33:39</t>
  </si>
  <si>
    <t>01/21/2020 16:33:43</t>
  </si>
  <si>
    <t>01/21/2020 16:33:47</t>
  </si>
  <si>
    <t>01/21/2020 16:33:51</t>
  </si>
  <si>
    <t>01/21/2020 16:33:56</t>
  </si>
  <si>
    <t>01/21/2020 16:34:00</t>
  </si>
  <si>
    <t>01/21/2020 16:34:04</t>
  </si>
  <si>
    <t>01/21/2020 16:34:09</t>
  </si>
  <si>
    <t>01/21/2020 16:34:12</t>
  </si>
  <si>
    <t>01/21/2020 16:34:16</t>
  </si>
  <si>
    <t>01/21/2020 16:34:21</t>
  </si>
  <si>
    <t>01/21/2020 16:34:25</t>
  </si>
  <si>
    <t>01/21/2020 16:34:29</t>
  </si>
  <si>
    <t>01/21/2020 16:34:33</t>
  </si>
  <si>
    <t>01/21/2020 16:34:37</t>
  </si>
  <si>
    <t>01/21/2020 16:34:41</t>
  </si>
  <si>
    <t>01/21/2020 16:34:46</t>
  </si>
  <si>
    <t>01/21/2020 16:34:54</t>
  </si>
  <si>
    <t>01/21/2020 16:34:58</t>
  </si>
  <si>
    <t>01/21/2020 16:35:02</t>
  </si>
  <si>
    <t>01/21/2020 16:35:06</t>
  </si>
  <si>
    <t>01/21/2020 16:35:10</t>
  </si>
  <si>
    <t>01/21/2020 16:35:14</t>
  </si>
  <si>
    <t>01/21/2020 16:35:18</t>
  </si>
  <si>
    <t>01/21/2020 16:35:23</t>
  </si>
  <si>
    <t>01/21/2020 16:35:27</t>
  </si>
  <si>
    <t>01/21/2020 16:35:32</t>
  </si>
  <si>
    <t>01/21/2020 16:35:36</t>
  </si>
  <si>
    <t>01/21/2020 16:35:40</t>
  </si>
  <si>
    <t>01/21/2020 16:35:44</t>
  </si>
  <si>
    <t>01/21/2020 16:35:49</t>
  </si>
  <si>
    <t>01/21/2020 16:35:53</t>
  </si>
  <si>
    <t>01/21/2020 16:35:57</t>
  </si>
  <si>
    <t>01/21/2020 16:36:01</t>
  </si>
  <si>
    <t>01/21/2020 16:36:05</t>
  </si>
  <si>
    <t>01/21/2020 16:36:09</t>
  </si>
  <si>
    <t>01/21/2020 16:36:14</t>
  </si>
  <si>
    <t>01/21/2020 16:36:18</t>
  </si>
  <si>
    <t>01/21/2020 16:36:23</t>
  </si>
  <si>
    <t>01/21/2020 16:36:27</t>
  </si>
  <si>
    <t>01/21/2020 16:36:31</t>
  </si>
  <si>
    <t>01/21/2020 16:36:35</t>
  </si>
  <si>
    <t>01/21/2020 16:39:31</t>
  </si>
  <si>
    <t>01/21/2020 16:36:39</t>
  </si>
  <si>
    <t>01/21/2020 16:36:43</t>
  </si>
  <si>
    <t>01/21/2020 16:36:48</t>
  </si>
  <si>
    <t>01/21/2020 16:36:52</t>
  </si>
  <si>
    <t>01/21/2020 16:36:56</t>
  </si>
  <si>
    <t>01/21/2020 16:37:00</t>
  </si>
  <si>
    <t>01/21/2020 16:37:04</t>
  </si>
  <si>
    <t>01/21/2020 16:37:08</t>
  </si>
  <si>
    <t>01/21/2020 16:37:13</t>
  </si>
  <si>
    <t>01/21/2020 16:37:17</t>
  </si>
  <si>
    <t>01/21/2020 16:37:21</t>
  </si>
  <si>
    <t>01/21/2020 16:37:25</t>
  </si>
  <si>
    <t>01/21/2020 16:37:29</t>
  </si>
  <si>
    <t>01/21/2020 16:37:33</t>
  </si>
  <si>
    <t>01/21/2020 16:37:38</t>
  </si>
  <si>
    <t>01/21/2020 16:37:42</t>
  </si>
  <si>
    <t>01/21/2020 16:37:47</t>
  </si>
  <si>
    <t>01/21/2020 16:37:51</t>
  </si>
  <si>
    <t>01/21/2020 16:37:54</t>
  </si>
  <si>
    <t>01/21/2020 16:37:55</t>
  </si>
  <si>
    <t>01/21/2020 16:37:59</t>
  </si>
  <si>
    <t>01/21/2020 16:38:03</t>
  </si>
  <si>
    <t>01/21/2020 16:38:08</t>
  </si>
  <si>
    <t>01/21/2020 16:38:12</t>
  </si>
  <si>
    <t>01/21/2020 16:38:16</t>
  </si>
  <si>
    <t>01/21/2020 16:38:20</t>
  </si>
  <si>
    <t>01/21/2020 16:38:24</t>
  </si>
  <si>
    <t>01/21/2020 16:34:57</t>
  </si>
  <si>
    <t>01/21/2020 16:37:45</t>
  </si>
  <si>
    <t>688aaf54-92ab-4b97-af69-01650c48e0d5.tmp</t>
  </si>
  <si>
    <t>\\acsfs\profiles$\layonmof\Downloads\688aaf54-92ab-4b97-af69-01650c48e0d5.tmp</t>
  </si>
  <si>
    <t>42cd7d51-bf3f-4ade-a55d-1d000daad911.tmp</t>
  </si>
  <si>
    <t>\\acsfs\profiles$\layonmof\Downloads\42cd7d51-bf3f-4ade-a55d-1d000daad911.tmp</t>
  </si>
  <si>
    <t>01/21/2020 16:37:28</t>
  </si>
  <si>
    <t>01/21/2020 16:40:30</t>
  </si>
  <si>
    <t>8bb2dd54-22cc-4f32-9629-e5ba39c0c907.tmp</t>
  </si>
  <si>
    <t>\\acsfs\profiles$\andressamf\Downloads\8bb2dd54-22cc-4f32-9629-e5ba39c0c907.tmp</t>
  </si>
  <si>
    <t>01/21/2020 16:39:48</t>
  </si>
  <si>
    <t>01/21/2020 16:41:30</t>
  </si>
  <si>
    <t>01/21/2020 16:35:52</t>
  </si>
  <si>
    <t>01/21/2020 16:36:15</t>
  </si>
  <si>
    <t>outlook.office.com/owa/service.svc?action=CreateItem&amp;app=Mail&amp;n=383</t>
  </si>
  <si>
    <t>andrelpsa@algartech.com;flaviacno@algartech.com;gustavodsil@algartech.com;raicdf@algartech.com;talmaiardo@algartech.com;</t>
  </si>
  <si>
    <t>andrelpsa@algartech.com,flaviacno@algartech.com,gustavodsil@algartech.com,raicdf@algartech.com,talmaiardo@algartech.com</t>
  </si>
  <si>
    <t>01/21/2020 16:36:40</t>
  </si>
  <si>
    <t>01/21/2020 16:37:12</t>
  </si>
  <si>
    <t>01/21/2020 16:39:55</t>
  </si>
  <si>
    <t>01/21/2020 16:40:02</t>
  </si>
  <si>
    <t>01/21/2020 16:39:57</t>
  </si>
  <si>
    <t>01/21/2020 16:40:09</t>
  </si>
  <si>
    <t>01/21/2020 16:42:30</t>
  </si>
  <si>
    <t>a2c24682-843a-4a37-90af-b4bdc933d8c3.tmp</t>
  </si>
  <si>
    <t>\\acsfs\profiles$\Angelicacldr\Downloads\a2c24682-843a-4a37-90af-b4bdc933d8c3.tmp</t>
  </si>
  <si>
    <t>01/21/2020 16:38:28</t>
  </si>
  <si>
    <t>01/21/2020 16:44:30</t>
  </si>
  <si>
    <t>01/21/2020 16:38:33</t>
  </si>
  <si>
    <t>01/21/2020 16:38:37</t>
  </si>
  <si>
    <t>01/21/2020 16:38:41</t>
  </si>
  <si>
    <t>01/21/2020 16:38:45</t>
  </si>
  <si>
    <t>01/21/2020 16:38:49</t>
  </si>
  <si>
    <t>01/21/2020 16:38:53</t>
  </si>
  <si>
    <t>01/21/2020 16:38:57</t>
  </si>
  <si>
    <t>01/21/2020 16:39:02</t>
  </si>
  <si>
    <t>01/21/2020 16:39:06</t>
  </si>
  <si>
    <t>01/21/2020 16:39:10</t>
  </si>
  <si>
    <t>01/21/2020 16:39:14</t>
  </si>
  <si>
    <t>01/21/2020 16:39:18</t>
  </si>
  <si>
    <t>01/21/2020 16:39:22</t>
  </si>
  <si>
    <t>01/21/2020 16:39:27</t>
  </si>
  <si>
    <t>01/21/2020 16:39:35</t>
  </si>
  <si>
    <t>01/21/2020 16:39:39</t>
  </si>
  <si>
    <t>01/21/2020 16:39:43</t>
  </si>
  <si>
    <t>01/21/2020 16:39:47</t>
  </si>
  <si>
    <t>01/21/2020 16:39:51</t>
  </si>
  <si>
    <t>01/21/2020 16:39:52</t>
  </si>
  <si>
    <t>01/21/2020 16:39:56</t>
  </si>
  <si>
    <t>01/21/2020 16:40:00</t>
  </si>
  <si>
    <t>01/21/2020 16:40:04</t>
  </si>
  <si>
    <t>01/21/2020 16:40:08</t>
  </si>
  <si>
    <t>01/21/2020 16:40:13</t>
  </si>
  <si>
    <t>01/21/2020 16:40:17</t>
  </si>
  <si>
    <t>01/21/2020 16:40:22</t>
  </si>
  <si>
    <t>01/21/2020 16:40:26</t>
  </si>
  <si>
    <t>01/21/2020 16:40:34</t>
  </si>
  <si>
    <t>01/21/2020 16:40:38</t>
  </si>
  <si>
    <t>01/21/2020 16:40:42</t>
  </si>
  <si>
    <t>01/21/2020 16:40:47</t>
  </si>
  <si>
    <t>01/21/2020 16:40:51</t>
  </si>
  <si>
    <t>01/21/2020 16:40:56</t>
  </si>
  <si>
    <t>01/21/2020 16:41:00</t>
  </si>
  <si>
    <t>01/21/2020 16:41:04</t>
  </si>
  <si>
    <t>01/21/2020 16:41:08</t>
  </si>
  <si>
    <t>01/21/2020 16:41:12</t>
  </si>
  <si>
    <t>01/21/2020 16:41:17</t>
  </si>
  <si>
    <t>01/21/2020 16:41:21</t>
  </si>
  <si>
    <t>01/21/2020 16:41:26</t>
  </si>
  <si>
    <t>01/21/2020 16:41:31</t>
  </si>
  <si>
    <t>01/21/2020 16:41:35</t>
  </si>
  <si>
    <t>01/21/2020 16:41:39</t>
  </si>
  <si>
    <t>01/21/2020 16:41:43</t>
  </si>
  <si>
    <t>01/21/2020 16:41:49</t>
  </si>
  <si>
    <t>01/21/2020 16:41:53</t>
  </si>
  <si>
    <t>01/21/2020 16:41:57</t>
  </si>
  <si>
    <t>01/21/2020 16:42:02</t>
  </si>
  <si>
    <t>01/21/2020 16:42:06</t>
  </si>
  <si>
    <t>01/21/2020 16:42:11</t>
  </si>
  <si>
    <t>01/21/2020 16:42:16</t>
  </si>
  <si>
    <t>01/21/2020 16:42:20</t>
  </si>
  <si>
    <t>01/21/2020 16:42:25</t>
  </si>
  <si>
    <t>01/21/2020 16:42:29</t>
  </si>
  <si>
    <t>01/21/2020 16:42:34</t>
  </si>
  <si>
    <t>01/21/2020 16:42:38</t>
  </si>
  <si>
    <t>01/21/2020 16:42:42</t>
  </si>
  <si>
    <t>01/21/2020 16:42:46</t>
  </si>
  <si>
    <t>01/21/2020 16:42:50</t>
  </si>
  <si>
    <t>01/21/2020 16:42:54</t>
  </si>
  <si>
    <t>01/21/2020 16:42:59</t>
  </si>
  <si>
    <t>01/21/2020 16:43:03</t>
  </si>
  <si>
    <t>01/21/2020 16:43:08</t>
  </si>
  <si>
    <t>01/21/2020 16:43:12</t>
  </si>
  <si>
    <t>01/21/2020 16:43:17</t>
  </si>
  <si>
    <t>01/21/2020 16:43:25</t>
  </si>
  <si>
    <t>01/21/2020 16:43:29</t>
  </si>
  <si>
    <t>01/21/2020 16:39:11</t>
  </si>
  <si>
    <t>75ae70b4-7b44-4af8-a9d3-f9fef13ca527.tmp</t>
  </si>
  <si>
    <t>\\acsfs\profiles$\layonmof\Downloads\75ae70b4-7b44-4af8-a9d3-f9fef13ca527.tmp</t>
  </si>
  <si>
    <t>a6c60ac3-9ef1-429c-89c3-e92ba681bf9d.tmp</t>
  </si>
  <si>
    <t>\\acsfs\profiles$\layonmof\Downloads\a6c60ac3-9ef1-429c-89c3-e92ba681bf9d.tmp</t>
  </si>
  <si>
    <t>4e5edf90-6b9c-4096-8690-45bc6cf3067f.tmp</t>
  </si>
  <si>
    <t>\\acsfs\profiles$\layonmof\Downloads\4e5edf90-6b9c-4096-8690-45bc6cf3067f.tmp</t>
  </si>
  <si>
    <t>01/21/2020 16:42:49</t>
  </si>
  <si>
    <t>01/21/2020 16:45:31</t>
  </si>
  <si>
    <t>01/21/2020 16:46:30</t>
  </si>
  <si>
    <t>lu90282th1hd.tmp</t>
  </si>
  <si>
    <t>\\acsfs\profiles$\victoriaksr\My Documents\lu90282th1hd.tmp</t>
  </si>
  <si>
    <t>01/21/2020 16:43:19</t>
  </si>
  <si>
    <t>01/21/2020 16:44:12</t>
  </si>
  <si>
    <t>01/21/2020 16:41:48</t>
  </si>
  <si>
    <t>01/21/2020 16:45:55</t>
  </si>
  <si>
    <t>01/21/2020 16:41:54</t>
  </si>
  <si>
    <t>01/21/2020 16:47:31</t>
  </si>
  <si>
    <t>dd698a87-35e5-4189-85f5-b07e08061315.tmp</t>
  </si>
  <si>
    <t>\\acsfs\profiles$\larissaad\Downloads\dd698a87-35e5-4189-85f5-b07e08061315.tmp</t>
  </si>
  <si>
    <t>01/21/2020 16:45:52</t>
  </si>
  <si>
    <t>c1fad083-bfd2-4abb-948a-dd3e41c5de1d.tmp</t>
  </si>
  <si>
    <t>\\acsfs\profiles$\larissaad\Downloads\c1fad083-bfd2-4abb-948a-dd3e41c5de1d.tmp</t>
  </si>
  <si>
    <t>01/21/2020 16:46:26</t>
  </si>
  <si>
    <t>01/21/2020 16:45:40</t>
  </si>
  <si>
    <t>01/21/2020 16:48:31</t>
  </si>
  <si>
    <t>01/21/2020 16:47:25</t>
  </si>
  <si>
    <t>01/21/2020 16:47:57</t>
  </si>
  <si>
    <t>01/21/2020 16:43:33</t>
  </si>
  <si>
    <t>01/21/2020 16:49:31</t>
  </si>
  <si>
    <t>01/21/2020 16:43:37</t>
  </si>
  <si>
    <t>01/21/2020 16:43:41</t>
  </si>
  <si>
    <t>01/21/2020 16:43:45</t>
  </si>
  <si>
    <t>01/21/2020 16:43:50</t>
  </si>
  <si>
    <t>01/21/2020 16:43:54</t>
  </si>
  <si>
    <t>01/21/2020 16:43:58</t>
  </si>
  <si>
    <t>01/21/2020 16:44:02</t>
  </si>
  <si>
    <t>01/21/2020 16:44:06</t>
  </si>
  <si>
    <t>01/21/2020 16:44:10</t>
  </si>
  <si>
    <t>01/21/2020 16:44:14</t>
  </si>
  <si>
    <t>01/21/2020 16:44:19</t>
  </si>
  <si>
    <t>01/21/2020 16:44:23</t>
  </si>
  <si>
    <t>01/21/2020 16:44:27</t>
  </si>
  <si>
    <t>01/21/2020 16:44:31</t>
  </si>
  <si>
    <t>01/21/2020 16:44:35</t>
  </si>
  <si>
    <t>01/21/2020 16:44:39</t>
  </si>
  <si>
    <t>01/21/2020 16:44:44</t>
  </si>
  <si>
    <t>01/21/2020 16:44:49</t>
  </si>
  <si>
    <t>01/21/2020 16:44:53</t>
  </si>
  <si>
    <t>01/21/2020 16:44:57</t>
  </si>
  <si>
    <t>01/21/2020 16:45:02</t>
  </si>
  <si>
    <t>01/21/2020 16:45:08</t>
  </si>
  <si>
    <t>01/21/2020 16:45:12</t>
  </si>
  <si>
    <t>01/21/2020 16:45:19</t>
  </si>
  <si>
    <t>01/21/2020 16:45:22</t>
  </si>
  <si>
    <t>01/21/2020 16:45:27</t>
  </si>
  <si>
    <t>01/21/2020 16:45:35</t>
  </si>
  <si>
    <t>01/21/2020 16:45:44</t>
  </si>
  <si>
    <t>01/21/2020 16:45:48</t>
  </si>
  <si>
    <t>01/21/2020 16:45:53</t>
  </si>
  <si>
    <t>01/21/2020 16:45:57</t>
  </si>
  <si>
    <t>01/21/2020 16:46:01</t>
  </si>
  <si>
    <t>01/21/2020 16:46:05</t>
  </si>
  <si>
    <t>01/21/2020 16:46:09</t>
  </si>
  <si>
    <t>01/21/2020 16:46:14</t>
  </si>
  <si>
    <t>01/21/2020 16:46:18</t>
  </si>
  <si>
    <t>01/21/2020 16:46:22</t>
  </si>
  <si>
    <t>01/21/2020 16:46:34</t>
  </si>
  <si>
    <t>01/21/2020 16:46:38</t>
  </si>
  <si>
    <t>01/21/2020 16:46:43</t>
  </si>
  <si>
    <t>01/21/2020 16:46:47</t>
  </si>
  <si>
    <t>01/21/2020 16:46:51</t>
  </si>
  <si>
    <t>01/21/2020 16:46:55</t>
  </si>
  <si>
    <t>01/21/2020 16:46:59</t>
  </si>
  <si>
    <t>01/21/2020 16:47:03</t>
  </si>
  <si>
    <t>01/21/2020 16:47:08</t>
  </si>
  <si>
    <t>01/21/2020 16:47:12</t>
  </si>
  <si>
    <t>01/21/2020 16:47:16</t>
  </si>
  <si>
    <t>01/21/2020 16:47:20</t>
  </si>
  <si>
    <t>01/21/2020 16:47:24</t>
  </si>
  <si>
    <t>01/21/2020 16:47:28</t>
  </si>
  <si>
    <t>01/21/2020 16:47:32</t>
  </si>
  <si>
    <t>01/21/2020 16:47:37</t>
  </si>
  <si>
    <t>01/21/2020 16:47:41</t>
  </si>
  <si>
    <t>01/21/2020 16:47:45</t>
  </si>
  <si>
    <t>01/21/2020 16:47:51</t>
  </si>
  <si>
    <t>01/21/2020 16:44:33</t>
  </si>
  <si>
    <t>01/21/2020 16:47:55</t>
  </si>
  <si>
    <t>01/21/2020 16:47:59</t>
  </si>
  <si>
    <t>01/21/2020 16:44:50</t>
  </si>
  <si>
    <t>20-01 RELATORIO DE LOGIN AVON - Cópia.xlsm</t>
  </si>
  <si>
    <t>\\acsfs\deptos\Operacao\PCP\5 - Comum\CONTROL DESK\2 - DAC2\Control Desk AVON\Relatorios\Status de login\2020\20-01 RELATORIO DE LOGIN AVON - Cópia.xlsm</t>
  </si>
  <si>
    <t>01/21/2020 16:48:03</t>
  </si>
  <si>
    <t>01/21/2020 16:48:08</t>
  </si>
  <si>
    <t>01/21/2020 16:48:12</t>
  </si>
  <si>
    <t>01/21/2020 16:48:16</t>
  </si>
  <si>
    <t>01/21/2020 16:48:20</t>
  </si>
  <si>
    <t>01/21/2020 16:48:24</t>
  </si>
  <si>
    <t>01/21/2020 16:48:28</t>
  </si>
  <si>
    <t>01/21/2020 16:48:33</t>
  </si>
  <si>
    <t>01/21/2020 16:48:26</t>
  </si>
  <si>
    <t>5d4ac37e-5980-4013-a5cb-8455cd53c696.tmp</t>
  </si>
  <si>
    <t>\\acsfs\profiles$\fernandofs\Downloads\5d4ac37e-5980-4013-a5cb-8455cd53c696.tmp</t>
  </si>
  <si>
    <t>01/21/2020 16:48:39</t>
  </si>
  <si>
    <t>01/21/2020 16:50:31</t>
  </si>
  <si>
    <t>01/21/2020 16:47:21</t>
  </si>
  <si>
    <t>01/21/2020 16:51:31</t>
  </si>
  <si>
    <t>01/21/2020 16:45:58</t>
  </si>
  <si>
    <t>01/21/2020 16:49:12</t>
  </si>
  <si>
    <t>01/21/2020 16:50:12</t>
  </si>
  <si>
    <t>01/21/2020 16:48:07</t>
  </si>
  <si>
    <t>01/21/2020 16:49:46</t>
  </si>
  <si>
    <t>01/21/2020 16:52:31</t>
  </si>
  <si>
    <t>01/21/2020 16:48:04</t>
  </si>
  <si>
    <t>01/21/2020 16:53:31</t>
  </si>
  <si>
    <t>38e8e780-8822-4e52-9b7e-7e5dcf654202.tmp</t>
  </si>
  <si>
    <t>\\acsfs\profiles$\fabianobmf\Downloads\38e8e780-8822-4e52-9b7e-7e5dcf654202.tmp</t>
  </si>
  <si>
    <t>01/21/2020 16:51:50</t>
  </si>
  <si>
    <t>15638d65-9d76-4e00-95d6-d334584740d6.tmp</t>
  </si>
  <si>
    <t>\\acsfs\profiles$\gabrielamdp\Downloads\15638d65-9d76-4e00-95d6-d334584740d6.tmp</t>
  </si>
  <si>
    <t>2e093648-6ccc-4e78-aeea-01e073666481.tmp</t>
  </si>
  <si>
    <t>\\acsfs\profiles$\gabrielamdp\Downloads\2e093648-6ccc-4e78-aeea-01e073666481.tmp</t>
  </si>
  <si>
    <t>b662a584-0aec-4b4b-84d8-afcf3f1037f1.tmp</t>
  </si>
  <si>
    <t>\\acsfs\profiles$\gabrielamdp\Downloads\b662a584-0aec-4b4b-84d8-afcf3f1037f1.tmp</t>
  </si>
  <si>
    <t>01/21/2020 16:51:51</t>
  </si>
  <si>
    <t>6a41d725-4066-412c-833e-cdf74e4ab9f1.tmp</t>
  </si>
  <si>
    <t>\\acsfs\profiles$\gabrielamdp\Downloads\6a41d725-4066-412c-833e-cdf74e4ab9f1.tmp</t>
  </si>
  <si>
    <t>faed2f2b-dbdc-4d2d-be55-6abd8394257d.tmp</t>
  </si>
  <si>
    <t>\\acsfs\profiles$\gabrielamdp\Downloads\faed2f2b-dbdc-4d2d-be55-6abd8394257d.tmp</t>
  </si>
  <si>
    <t>01/21/2020 16:54:31</t>
  </si>
  <si>
    <t>01/21/2020 16:48:37</t>
  </si>
  <si>
    <t>01/21/2020 16:48:42</t>
  </si>
  <si>
    <t>01/21/2020 16:48:46</t>
  </si>
  <si>
    <t>01/21/2020 16:48:51</t>
  </si>
  <si>
    <t>01/21/2020 16:48:55</t>
  </si>
  <si>
    <t>01/21/2020 16:49:00</t>
  </si>
  <si>
    <t>01/21/2020 16:49:04</t>
  </si>
  <si>
    <t>01/21/2020 16:49:09</t>
  </si>
  <si>
    <t>01/21/2020 16:49:15</t>
  </si>
  <si>
    <t>01/21/2020 16:49:20</t>
  </si>
  <si>
    <t>01/21/2020 16:49:26</t>
  </si>
  <si>
    <t>01/21/2020 16:49:30</t>
  </si>
  <si>
    <t>01/21/2020 16:49:35</t>
  </si>
  <si>
    <t>01/21/2020 16:49:40</t>
  </si>
  <si>
    <t>01/21/2020 16:49:44</t>
  </si>
  <si>
    <t>01/21/2020 16:49:48</t>
  </si>
  <si>
    <t>01/21/2020 16:49:52</t>
  </si>
  <si>
    <t>01/21/2020 16:49:54</t>
  </si>
  <si>
    <t>01/21/2020 16:49:57</t>
  </si>
  <si>
    <t>01/21/2020 16:50:01</t>
  </si>
  <si>
    <t>01/21/2020 16:50:05</t>
  </si>
  <si>
    <t>01/21/2020 16:50:09</t>
  </si>
  <si>
    <t>01/21/2020 16:50:13</t>
  </si>
  <si>
    <t>01/21/2020 16:50:18</t>
  </si>
  <si>
    <t>01/21/2020 16:50:22</t>
  </si>
  <si>
    <t>01/21/2020 16:50:26</t>
  </si>
  <si>
    <t>01/21/2020 16:50:35</t>
  </si>
  <si>
    <t>01/21/2020 16:50:39</t>
  </si>
  <si>
    <t>01/21/2020 16:50:43</t>
  </si>
  <si>
    <t>01/21/2020 16:50:46</t>
  </si>
  <si>
    <t>01/21/2020 16:50:47</t>
  </si>
  <si>
    <t>01/21/2020 16:50:52</t>
  </si>
  <si>
    <t>01/21/2020 16:50:56</t>
  </si>
  <si>
    <t>01/21/2020 16:51:01</t>
  </si>
  <si>
    <t>01/21/2020 16:51:05</t>
  </si>
  <si>
    <t>01/21/2020 16:51:07</t>
  </si>
  <si>
    <t>01/21/2020 16:51:09</t>
  </si>
  <si>
    <t>01/21/2020 16:51:13</t>
  </si>
  <si>
    <t>01/21/2020 16:51:17</t>
  </si>
  <si>
    <t>01/21/2020 16:51:23</t>
  </si>
  <si>
    <t>01/21/2020 16:51:27</t>
  </si>
  <si>
    <t>01/21/2020 16:51:32</t>
  </si>
  <si>
    <t>01/21/2020 16:51:36</t>
  </si>
  <si>
    <t>01/21/2020 16:51:40</t>
  </si>
  <si>
    <t>01/21/2020 16:51:44</t>
  </si>
  <si>
    <t>01/21/2020 16:51:48</t>
  </si>
  <si>
    <t>01/21/2020 16:51:52</t>
  </si>
  <si>
    <t>01/21/2020 16:51:57</t>
  </si>
  <si>
    <t>01/21/2020 16:52:01</t>
  </si>
  <si>
    <t>01/21/2020 16:52:05</t>
  </si>
  <si>
    <t>01/21/2020 16:52:09</t>
  </si>
  <si>
    <t>01/21/2020 16:52:13</t>
  </si>
  <si>
    <t>01/21/2020 16:52:17</t>
  </si>
  <si>
    <t>01/21/2020 16:52:22</t>
  </si>
  <si>
    <t>01/21/2020 16:52:26</t>
  </si>
  <si>
    <t>01/21/2020 16:52:30</t>
  </si>
  <si>
    <t>01/21/2020 16:52:35</t>
  </si>
  <si>
    <t>01/21/2020 16:52:39</t>
  </si>
  <si>
    <t>01/21/2020 16:52:43</t>
  </si>
  <si>
    <t>01/21/2020 16:52:47</t>
  </si>
  <si>
    <t>01/21/2020 16:52:51</t>
  </si>
  <si>
    <t>01/21/2020 16:52:55</t>
  </si>
  <si>
    <t>01/21/2020 16:53:00</t>
  </si>
  <si>
    <t>01/21/2020 16:53:04</t>
  </si>
  <si>
    <t>01/21/2020 16:53:08</t>
  </si>
  <si>
    <t>01/21/2020 16:53:13</t>
  </si>
  <si>
    <t>01/21/2020 16:53:17</t>
  </si>
  <si>
    <t>01/21/2020 16:53:22</t>
  </si>
  <si>
    <t>01/21/2020 16:53:26</t>
  </si>
  <si>
    <t>01/21/2020 16:53:30</t>
  </si>
  <si>
    <t>01/21/2020 16:53:35</t>
  </si>
  <si>
    <t>01/21/2020 16:53:39</t>
  </si>
  <si>
    <t>01/21/2020 16:51:43</t>
  </si>
  <si>
    <t>2b9b713a-cdcb-4bfc-be6b-6063f9ebc30e.tmp</t>
  </si>
  <si>
    <t>\\acsfs\profiles$\fernandofs\Downloads\2b9b713a-cdcb-4bfc-be6b-6063f9ebc30e.tmp</t>
  </si>
  <si>
    <t>01/21/2020 16:52:53</t>
  </si>
  <si>
    <t>01/21/2020 16:55:31</t>
  </si>
  <si>
    <t>01/21/2020 16:53:43</t>
  </si>
  <si>
    <t>01/21/2020 16:53:44</t>
  </si>
  <si>
    <t>01/21/2020 16:54:10</t>
  </si>
  <si>
    <t>01/21/2020 16:54:11</t>
  </si>
  <si>
    <t>01/21/2020 16:51:28</t>
  </si>
  <si>
    <t>01/21/2020 16:56:31</t>
  </si>
  <si>
    <t>01/21/2020 16:54:22</t>
  </si>
  <si>
    <t>6643cdd4-e41b-437f-b524-679ffbb7fbee.tmp</t>
  </si>
  <si>
    <t>\\acsfs\profiles$\gabrielsma\Downloads\6643cdd4-e41b-437f-b524-679ffbb7fbee.tmp</t>
  </si>
  <si>
    <t>01/21/2020 16:54:28</t>
  </si>
  <si>
    <t>Não confirmado 352513.crdownload</t>
  </si>
  <si>
    <t>\\acsfs\ACS\Gabriel da Silva\Contemporânea\Gen\Não confirmado 352513.crdownload</t>
  </si>
  <si>
    <t>01/21/2020 16:55:43</t>
  </si>
  <si>
    <t>01/21/2020 16:55:12</t>
  </si>
  <si>
    <t>627f6556-d438-44f6-83ae-e389524a1633.tmp</t>
  </si>
  <si>
    <t>\\acsfs\profiles$\joycemmdl\Downloads\627f6556-d438-44f6-83ae-e389524a1633.tmp</t>
  </si>
  <si>
    <t>01/21/2020 16:51:55</t>
  </si>
  <si>
    <t>01/21/2020 16:55:56</t>
  </si>
  <si>
    <t>01/21/2020 16:55:53</t>
  </si>
  <si>
    <t>01/21/2020 16:58:31</t>
  </si>
  <si>
    <t>cdc09855-e631-4c9b-8209-17ff1881155c.tmp</t>
  </si>
  <si>
    <t>\\acsfs\profiles$\fabianobmf\Downloads\cdc09855-e631-4c9b-8209-17ff1881155c.tmp</t>
  </si>
  <si>
    <t>01/21/2020 16:59:31</t>
  </si>
  <si>
    <t>01/21/2020 16:53:48</t>
  </si>
  <si>
    <t>01/21/2020 16:53:52</t>
  </si>
  <si>
    <t>01/21/2020 16:53:56</t>
  </si>
  <si>
    <t>01/21/2020 16:54:00</t>
  </si>
  <si>
    <t>Pedro Henrique Almeida Batista_1_6780351891163391167_1_32.wav</t>
  </si>
  <si>
    <t>\\acsfs\Deptos\EDUCACAO EMPRESARIAL\FERNANDA MONIT\Fernanda\MONITORIA JANEIRO\Ligaçoes para MUTANT terceiro ciclo janeiro\Pedro Henrique Almeida Batista_1_6780351891163391167_1_32.wav</t>
  </si>
  <si>
    <t>01/21/2020 16:54:02</t>
  </si>
  <si>
    <t>01/21/2020 16:54:06</t>
  </si>
  <si>
    <t>01/21/2020 16:54:15</t>
  </si>
  <si>
    <t>01/21/2020 16:54:19</t>
  </si>
  <si>
    <t>01/21/2020 16:54:24</t>
  </si>
  <si>
    <t>01/21/2020 16:54:32</t>
  </si>
  <si>
    <t>01/21/2020 16:54:37</t>
  </si>
  <si>
    <t>01/21/2020 16:54:41</t>
  </si>
  <si>
    <t>01/21/2020 16:54:46</t>
  </si>
  <si>
    <t>01/21/2020 16:54:51</t>
  </si>
  <si>
    <t>01/21/2020 16:54:55</t>
  </si>
  <si>
    <t>01/21/2020 16:54:59</t>
  </si>
  <si>
    <t>01/21/2020 16:55:03</t>
  </si>
  <si>
    <t>01/21/2020 16:55:07</t>
  </si>
  <si>
    <t>01/21/2020 16:55:11</t>
  </si>
  <si>
    <t>01/21/2020 16:55:16</t>
  </si>
  <si>
    <t>01/21/2020 16:55:20</t>
  </si>
  <si>
    <t>01/21/2020 16:55:24</t>
  </si>
  <si>
    <t>01/21/2020 16:55:28</t>
  </si>
  <si>
    <t>01/21/2020 16:55:33</t>
  </si>
  <si>
    <t>01/21/2020 16:55:38</t>
  </si>
  <si>
    <t>01/21/2020 16:55:42</t>
  </si>
  <si>
    <t>01/21/2020 16:55:46</t>
  </si>
  <si>
    <t>01/21/2020 16:59:32</t>
  </si>
  <si>
    <t>01/21/2020 16:55:50</t>
  </si>
  <si>
    <t>01/21/2020 16:55:54</t>
  </si>
  <si>
    <t>01/21/2020 16:55:59</t>
  </si>
  <si>
    <t>01/21/2020 16:56:03</t>
  </si>
  <si>
    <t>01/21/2020 16:56:07</t>
  </si>
  <si>
    <t>01/21/2020 16:56:08</t>
  </si>
  <si>
    <t>01/21/2020 16:56:12</t>
  </si>
  <si>
    <t>01/21/2020 16:56:17</t>
  </si>
  <si>
    <t>01/21/2020 16:56:23</t>
  </si>
  <si>
    <t>01/21/2020 16:56:27</t>
  </si>
  <si>
    <t>01/21/2020 16:56:38</t>
  </si>
  <si>
    <t>01/21/2020 16:56:46</t>
  </si>
  <si>
    <t>01/21/2020 16:56:50</t>
  </si>
  <si>
    <t>01/21/2020 16:56:54</t>
  </si>
  <si>
    <t>01/21/2020 16:56:58</t>
  </si>
  <si>
    <t>01/21/2020 16:57:01</t>
  </si>
  <si>
    <t>01/21/2020 16:57:02</t>
  </si>
  <si>
    <t>01/21/2020 16:57:03</t>
  </si>
  <si>
    <t>01/21/2020 16:57:07</t>
  </si>
  <si>
    <t>01/21/2020 16:57:12</t>
  </si>
  <si>
    <t>01/21/2020 16:57:16</t>
  </si>
  <si>
    <t>01/21/2020 16:57:20</t>
  </si>
  <si>
    <t>01/21/2020 16:57:24</t>
  </si>
  <si>
    <t>01/21/2020 16:57:29</t>
  </si>
  <si>
    <t>01/21/2020 16:57:33</t>
  </si>
  <si>
    <t>01/21/2020 16:57:37</t>
  </si>
  <si>
    <t>01/21/2020 16:57:42</t>
  </si>
  <si>
    <t>01/21/2020 16:57:46</t>
  </si>
  <si>
    <t>01/21/2020 16:57:50</t>
  </si>
  <si>
    <t>01/21/2020 16:57:54</t>
  </si>
  <si>
    <t>01/21/2020 16:57:58</t>
  </si>
  <si>
    <t>01/21/2020 16:58:03</t>
  </si>
  <si>
    <t>01/21/2020 16:58:07</t>
  </si>
  <si>
    <t>01/21/2020 16:58:10</t>
  </si>
  <si>
    <t>01/21/2020 16:58:11</t>
  </si>
  <si>
    <t>01/21/2020 16:58:13</t>
  </si>
  <si>
    <t>01/21/2020 16:58:16</t>
  </si>
  <si>
    <t>01/21/2020 16:58:21</t>
  </si>
  <si>
    <t>01/21/2020 16:58:25</t>
  </si>
  <si>
    <t>01/21/2020 16:58:28</t>
  </si>
  <si>
    <t>01/21/2020 16:58:29</t>
  </si>
  <si>
    <t>01/21/2020 16:58:33</t>
  </si>
  <si>
    <t>01/21/2020 16:58:38</t>
  </si>
  <si>
    <t>01/21/2020 16:58:40</t>
  </si>
  <si>
    <t>01/21/2020 16:58:42</t>
  </si>
  <si>
    <t>01/21/2020 16:58:43</t>
  </si>
  <si>
    <t>01/21/2020 16:58:46</t>
  </si>
  <si>
    <t>01/21/2020 16:58:49</t>
  </si>
  <si>
    <t>01/21/2020 17:01:31</t>
  </si>
  <si>
    <t>lu5123671lboy.tmp</t>
  </si>
  <si>
    <t>\\acsfs\profiles$\LUCASBS\RENEG BV\Consolidado\lu5123671lboy.tmp</t>
  </si>
  <si>
    <t>\\acsfs\profiles$\LUCASBS\RENEG BV\Consolidado\lu5123671lboy.tmp\</t>
  </si>
  <si>
    <t>\\acsfs\profiles$\LUCASBS\RENEG BV\Consolidado\lu5123671lboy.tmp\META-INF\</t>
  </si>
  <si>
    <t>\\acsfs\profiles$\LUCASBS\RENEG BV\Consolidado\lu5123671lboy.tmp\Thumbnails\</t>
  </si>
  <si>
    <t>01/21/2020 16:57:55</t>
  </si>
  <si>
    <t>01/21/2020 17:02:50</t>
  </si>
  <si>
    <t>01/21/2020 17:03:31</t>
  </si>
  <si>
    <t>01/21/2020 17:02:56</t>
  </si>
  <si>
    <t>01/21/2020 17:00:12</t>
  </si>
  <si>
    <t>01/21/2020 17:04:32</t>
  </si>
  <si>
    <t>21-01 RELATORIO DE LOGIN AVON.xlsm</t>
  </si>
  <si>
    <t>\\acsfs\deptos\Operacao\PCP\5 - Comum\CONTROL DESK\2 - DAC2\Control Desk AVON\Relatorios\Status de login\2020\21-01 RELATORIO DE LOGIN AVON.xlsm</t>
  </si>
  <si>
    <t>01/21/2020 16:58:51</t>
  </si>
  <si>
    <t>01/21/2020 16:58:53</t>
  </si>
  <si>
    <t>01/21/2020 16:58:56</t>
  </si>
  <si>
    <t>01/21/2020 16:59:02</t>
  </si>
  <si>
    <t>01/21/2020 16:59:08</t>
  </si>
  <si>
    <t>01/21/2020 16:59:14</t>
  </si>
  <si>
    <t>01/21/2020 16:59:18</t>
  </si>
  <si>
    <t>01/21/2020 16:59:21</t>
  </si>
  <si>
    <t>01/21/2020 16:59:27</t>
  </si>
  <si>
    <t>01/21/2020 16:59:30</t>
  </si>
  <si>
    <t>01/21/2020 16:59:37</t>
  </si>
  <si>
    <t>01/21/2020 16:59:42</t>
  </si>
  <si>
    <t>01/21/2020 16:59:46</t>
  </si>
  <si>
    <t>01/21/2020 16:59:51</t>
  </si>
  <si>
    <t>01/21/2020 16:59:55</t>
  </si>
  <si>
    <t>01/21/2020 17:00:00</t>
  </si>
  <si>
    <t>01/21/2020 17:00:06</t>
  </si>
  <si>
    <t>01/21/2020 17:00:13</t>
  </si>
  <si>
    <t>01/21/2020 17:00:18</t>
  </si>
  <si>
    <t>01/21/2020 17:00:22</t>
  </si>
  <si>
    <t>01/21/2020 17:00:26</t>
  </si>
  <si>
    <t>01/21/2020 17:00:32</t>
  </si>
  <si>
    <t>01/21/2020 17:00:38</t>
  </si>
  <si>
    <t>01/21/2020 17:00:42</t>
  </si>
  <si>
    <t>01/21/2020 17:00:47</t>
  </si>
  <si>
    <t>01/21/2020 17:00:48</t>
  </si>
  <si>
    <t>01/21/2020 17:00:52</t>
  </si>
  <si>
    <t>01/21/2020 17:03:17</t>
  </si>
  <si>
    <t>fe378f19-418b-40ba-80d5-ead6fb2ce594.tmp</t>
  </si>
  <si>
    <t>\\acsfs\profiles$\fernandofs\Downloads\fe378f19-418b-40ba-80d5-ead6fb2ce594.tmp</t>
  </si>
  <si>
    <t>01/21/2020 17:03:28</t>
  </si>
  <si>
    <t>40eb29e1-d42d-4de1-bc77-51a4d16a8c29.tmp</t>
  </si>
  <si>
    <t>\\acsfs\profiles$\fernandofs\Downloads\40eb29e1-d42d-4de1-bc77-51a4d16a8c29.tmp</t>
  </si>
  <si>
    <t>01/21/2020 17:00:55</t>
  </si>
  <si>
    <t>01/21/2020 17:04:04</t>
  </si>
  <si>
    <t>d3b1fce2-9d10-47cb-ad9d-195e02934eae.tmp</t>
  </si>
  <si>
    <t>\\acsfs\profiles$\fernandofs\Downloads\d3b1fce2-9d10-47cb-ad9d-195e02934eae.tmp</t>
  </si>
  <si>
    <t>01/21/2020 17:00:58</t>
  </si>
  <si>
    <t>01/21/2020 17:01:02</t>
  </si>
  <si>
    <t>01/21/2020 17:01:06</t>
  </si>
  <si>
    <t>01/21/2020 17:01:07</t>
  </si>
  <si>
    <t>01/21/2020 17:01:11</t>
  </si>
  <si>
    <t>01/21/2020 17:01:12</t>
  </si>
  <si>
    <t>01/21/2020 17:01:16</t>
  </si>
  <si>
    <t>01/21/2020 17:01:19</t>
  </si>
  <si>
    <t>01/21/2020 17:01:20</t>
  </si>
  <si>
    <t>01/21/2020 17:01:24</t>
  </si>
  <si>
    <t>01/21/2020 17:01:29</t>
  </si>
  <si>
    <t>01/21/2020 17:01:34</t>
  </si>
  <si>
    <t>01/21/2020 17:01:39</t>
  </si>
  <si>
    <t>01/21/2020 17:01:43</t>
  </si>
  <si>
    <t>01/21/2020 17:01:47</t>
  </si>
  <si>
    <t>01/21/2020 17:01:52</t>
  </si>
  <si>
    <t>01/21/2020 17:01:54</t>
  </si>
  <si>
    <t>01/21/2020 17:01:56</t>
  </si>
  <si>
    <t>01/21/2020 17:02:00</t>
  </si>
  <si>
    <t>01/21/2020 17:02:05</t>
  </si>
  <si>
    <t>01/21/2020 17:02:09</t>
  </si>
  <si>
    <t>01/21/2020 17:02:13</t>
  </si>
  <si>
    <t>01/21/2020 17:02:19</t>
  </si>
  <si>
    <t>01/21/2020 17:02:23</t>
  </si>
  <si>
    <t>01/21/2020 17:02:27</t>
  </si>
  <si>
    <t>01/21/2020 17:02:31</t>
  </si>
  <si>
    <t>01/21/2020 17:02:34</t>
  </si>
  <si>
    <t>01/21/2020 17:02:36</t>
  </si>
  <si>
    <t>01/21/2020 17:02:40</t>
  </si>
  <si>
    <t>01/21/2020 17:02:44</t>
  </si>
  <si>
    <t>01/21/2020 17:02:49</t>
  </si>
  <si>
    <t>01/21/2020 17:02:53</t>
  </si>
  <si>
    <t>01/21/2020 17:02:57</t>
  </si>
  <si>
    <t>01/21/2020 17:03:01</t>
  </si>
  <si>
    <t>01/21/2020 17:03:05</t>
  </si>
  <si>
    <t>01/21/2020 17:03:08</t>
  </si>
  <si>
    <t>01/21/2020 17:03:09</t>
  </si>
  <si>
    <t>01/21/2020 17:03:14</t>
  </si>
  <si>
    <t>01/21/2020 17:03:18</t>
  </si>
  <si>
    <t>01/21/2020 17:03:22</t>
  </si>
  <si>
    <t>01/21/2020 17:05:31</t>
  </si>
  <si>
    <t>01/21/2020 17:03:26</t>
  </si>
  <si>
    <t>01/21/2020 17:03:32</t>
  </si>
  <si>
    <t>01/21/2020 17:03:35</t>
  </si>
  <si>
    <t>01/21/2020 17:03:39</t>
  </si>
  <si>
    <t>01/21/2020 17:03:43</t>
  </si>
  <si>
    <t>01/21/2020 17:03:44</t>
  </si>
  <si>
    <t>01/21/2020 17:03:48</t>
  </si>
  <si>
    <t>01/21/2020 17:03:52</t>
  </si>
  <si>
    <t>01/21/2020 17:03:56</t>
  </si>
  <si>
    <t>01/21/2020 17:05:27</t>
  </si>
  <si>
    <t>01/21/2020 17:06:31</t>
  </si>
  <si>
    <t>01/21/2020 17:02:12</t>
  </si>
  <si>
    <t>01/21/2020 17:03:55</t>
  </si>
  <si>
    <t>01/21/2020 17:05:29</t>
  </si>
  <si>
    <t>01/21/2020 17:07:32</t>
  </si>
  <si>
    <t>abd55639-1756-42c0-8fee-35dd603544f5.tmp</t>
  </si>
  <si>
    <t>\\acsfs\profiles$\welidicdj\Downloads\abd55639-1756-42c0-8fee-35dd603544f5.tmp</t>
  </si>
  <si>
    <t>01/21/2020 17:06:23</t>
  </si>
  <si>
    <t>01/21/2020 17:08:31</t>
  </si>
  <si>
    <t>3ade2a88-e754-4402-a6e3-40c02bc1b44c.tmp</t>
  </si>
  <si>
    <t>\\acsfs\profiles$\paulohaf\Downloads\3ade2a88-e754-4402-a6e3-40c02bc1b44c.tmp</t>
  </si>
  <si>
    <t>01/21/2020 17:07:42</t>
  </si>
  <si>
    <t>01/21/2020 17:09:32</t>
  </si>
  <si>
    <t>01/21/2020 17:05:51</t>
  </si>
  <si>
    <t>01/21/2020 17:10:31</t>
  </si>
  <si>
    <t>01/21/2020 17:07:54</t>
  </si>
  <si>
    <t>01/21/2020 17:07:55</t>
  </si>
  <si>
    <t>01/21/2020 17:04:02</t>
  </si>
  <si>
    <t>01/21/2020 17:04:05</t>
  </si>
  <si>
    <t>01/21/2020 17:04:06</t>
  </si>
  <si>
    <t>01/21/2020 17:04:10</t>
  </si>
  <si>
    <t>01/21/2020 17:04:15</t>
  </si>
  <si>
    <t>01/21/2020 17:04:20</t>
  </si>
  <si>
    <t>01/21/2020 17:04:25</t>
  </si>
  <si>
    <t>01/21/2020 17:04:29</t>
  </si>
  <si>
    <t>01/21/2020 17:04:33</t>
  </si>
  <si>
    <t>01/21/2020 17:04:37</t>
  </si>
  <si>
    <t>01/21/2020 17:04:41</t>
  </si>
  <si>
    <t>01/21/2020 17:04:46</t>
  </si>
  <si>
    <t>01/21/2020 17:04:50</t>
  </si>
  <si>
    <t>01/21/2020 17:04:54</t>
  </si>
  <si>
    <t>01/21/2020 17:04:58</t>
  </si>
  <si>
    <t>01/21/2020 17:05:02</t>
  </si>
  <si>
    <t>01/21/2020 17:05:06</t>
  </si>
  <si>
    <t>01/21/2020 17:05:11</t>
  </si>
  <si>
    <t>01/21/2020 17:05:15</t>
  </si>
  <si>
    <t>01/21/2020 17:05:16</t>
  </si>
  <si>
    <t>01/21/2020 17:05:19</t>
  </si>
  <si>
    <t>01/21/2020 17:05:20</t>
  </si>
  <si>
    <t>01/21/2020 17:05:21</t>
  </si>
  <si>
    <t>01/21/2020 17:05:24</t>
  </si>
  <si>
    <t>01/21/2020 17:05:28</t>
  </si>
  <si>
    <t>01/21/2020 17:05:32</t>
  </si>
  <si>
    <t>01/21/2020 17:05:36</t>
  </si>
  <si>
    <t>01/21/2020 17:05:41</t>
  </si>
  <si>
    <t>01/21/2020 17:05:45</t>
  </si>
  <si>
    <t>01/21/2020 17:05:49</t>
  </si>
  <si>
    <t>01/21/2020 17:05:53</t>
  </si>
  <si>
    <t>01/21/2020 17:05:57</t>
  </si>
  <si>
    <t>01/21/2020 17:06:01</t>
  </si>
  <si>
    <t>01/21/2020 17:06:06</t>
  </si>
  <si>
    <t>01/21/2020 17:06:11</t>
  </si>
  <si>
    <t>01/21/2020 17:06:13</t>
  </si>
  <si>
    <t>01/21/2020 17:06:14</t>
  </si>
  <si>
    <t>01/21/2020 17:06:18</t>
  </si>
  <si>
    <t>01/21/2020 17:06:27</t>
  </si>
  <si>
    <t>01/21/2020 17:06:35</t>
  </si>
  <si>
    <t>01/21/2020 17:06:37</t>
  </si>
  <si>
    <t>01/21/2020 17:06:39</t>
  </si>
  <si>
    <t>01/21/2020 17:06:42</t>
  </si>
  <si>
    <t>01/21/2020 17:06:43</t>
  </si>
  <si>
    <t>01/21/2020 17:06:48</t>
  </si>
  <si>
    <t>01/21/2020 17:06:52</t>
  </si>
  <si>
    <t>01/21/2020 17:06:56</t>
  </si>
  <si>
    <t>01/21/2020 17:07:00</t>
  </si>
  <si>
    <t>01/21/2020 17:07:04</t>
  </si>
  <si>
    <t>01/21/2020 17:07:05</t>
  </si>
  <si>
    <t>01/21/2020 17:07:09</t>
  </si>
  <si>
    <t>01/21/2020 17:07:13</t>
  </si>
  <si>
    <t>01/21/2020 17:07:17</t>
  </si>
  <si>
    <t>01/21/2020 17:07:21</t>
  </si>
  <si>
    <t>01/21/2020 17:07:26</t>
  </si>
  <si>
    <t>01/21/2020 17:07:30</t>
  </si>
  <si>
    <t>01/21/2020 17:07:34</t>
  </si>
  <si>
    <t>01/21/2020 17:07:38</t>
  </si>
  <si>
    <t>01/21/2020 17:07:47</t>
  </si>
  <si>
    <t>01/21/2020 17:07:51</t>
  </si>
  <si>
    <t>01/21/2020 17:07:59</t>
  </si>
  <si>
    <t>01/21/2020 17:08:03</t>
  </si>
  <si>
    <t>01/21/2020 17:08:08</t>
  </si>
  <si>
    <t>01/21/2020 17:08:09</t>
  </si>
  <si>
    <t>01/21/2020 17:08:12</t>
  </si>
  <si>
    <t>01/21/2020 17:08:16</t>
  </si>
  <si>
    <t>01/21/2020 17:08:19</t>
  </si>
  <si>
    <t>01/21/2020 17:08:20</t>
  </si>
  <si>
    <t>01/21/2020 17:08:24</t>
  </si>
  <si>
    <t>01/21/2020 17:08:25</t>
  </si>
  <si>
    <t>01/21/2020 17:08:29</t>
  </si>
  <si>
    <t>01/21/2020 17:08:33</t>
  </si>
  <si>
    <t>01/21/2020 17:08:35</t>
  </si>
  <si>
    <t>01/21/2020 17:08:37</t>
  </si>
  <si>
    <t>01/21/2020 17:08:38</t>
  </si>
  <si>
    <t>01/21/2020 17:08:41</t>
  </si>
  <si>
    <t>01/21/2020 17:08:42</t>
  </si>
  <si>
    <t>01/21/2020 17:08:46</t>
  </si>
  <si>
    <t>01/21/2020 17:08:50</t>
  </si>
  <si>
    <t>01/21/2020 17:08:54</t>
  </si>
  <si>
    <t>01/21/2020 17:08:55</t>
  </si>
  <si>
    <t>01/21/2020 17:08:59</t>
  </si>
  <si>
    <t>01/21/2020 17:09:00</t>
  </si>
  <si>
    <t>01/21/2020 17:09:03</t>
  </si>
  <si>
    <t>01/21/2020 17:09:04</t>
  </si>
  <si>
    <t>01/21/2020 17:09:07</t>
  </si>
  <si>
    <t>01/21/2020 17:09:08</t>
  </si>
  <si>
    <t>01/21/2020 17:09:11</t>
  </si>
  <si>
    <t>01/21/2020 17:09:16</t>
  </si>
  <si>
    <t>01/21/2020 17:09:19</t>
  </si>
  <si>
    <t>01/21/2020 17:09:21</t>
  </si>
  <si>
    <t>01/21/2020 17:09:24</t>
  </si>
  <si>
    <t>01/21/2020 17:09:29</t>
  </si>
  <si>
    <t>01/21/2020 17:09:31</t>
  </si>
  <si>
    <t>01/21/2020 17:09:33</t>
  </si>
  <si>
    <t>01/21/2020 17:07:12</t>
  </si>
  <si>
    <t>01/21/2020 17:11:31</t>
  </si>
  <si>
    <t>01/21/2020 17:09:56</t>
  </si>
  <si>
    <t>01/21/2020 17:11:15</t>
  </si>
  <si>
    <t>01/21/2020 17:11:13</t>
  </si>
  <si>
    <t>01/21/2020 17:12:32</t>
  </si>
  <si>
    <t>01/21/2020 17:09:43</t>
  </si>
  <si>
    <t>01/21/2020 17:09:28</t>
  </si>
  <si>
    <t>01/21/2020 17:13:31</t>
  </si>
  <si>
    <t>01/21/2020 17:11:44</t>
  </si>
  <si>
    <t>01/21/2020 17:14:31</t>
  </si>
  <si>
    <t>01/21/2020 17:11:57</t>
  </si>
  <si>
    <t>01/21/2020 17:12:15</t>
  </si>
  <si>
    <t>01/21/2020 17:12:21</t>
  </si>
  <si>
    <t>01/21/2020 17:12:56</t>
  </si>
  <si>
    <t>01/21/2020 17:13:10</t>
  </si>
  <si>
    <t>01/21/2020 17:13:28</t>
  </si>
  <si>
    <t>01/21/2020 17:10:54</t>
  </si>
  <si>
    <t>01/21/2020 17:12:48</t>
  </si>
  <si>
    <t>01/21/2020 17:09:36</t>
  </si>
  <si>
    <t>01/21/2020 17:15:31</t>
  </si>
  <si>
    <t>01/21/2020 17:09:38</t>
  </si>
  <si>
    <t>01/21/2020 17:09:41</t>
  </si>
  <si>
    <t>01/21/2020 17:09:46</t>
  </si>
  <si>
    <t>01/21/2020 17:09:50</t>
  </si>
  <si>
    <t>01/21/2020 17:10:01</t>
  </si>
  <si>
    <t>01/21/2020 17:10:05</t>
  </si>
  <si>
    <t>01/21/2020 17:10:06</t>
  </si>
  <si>
    <t>01/21/2020 17:10:09</t>
  </si>
  <si>
    <t>01/21/2020 17:10:14</t>
  </si>
  <si>
    <t>01/21/2020 17:10:20</t>
  </si>
  <si>
    <t>01/21/2020 17:10:24</t>
  </si>
  <si>
    <t>01/21/2020 17:10:29</t>
  </si>
  <si>
    <t>01/21/2020 17:10:34</t>
  </si>
  <si>
    <t>01/21/2020 17:10:38</t>
  </si>
  <si>
    <t>01/21/2020 17:10:42</t>
  </si>
  <si>
    <t>01/21/2020 17:10:47</t>
  </si>
  <si>
    <t>01/21/2020 17:10:51</t>
  </si>
  <si>
    <t>01/21/2020 17:10:55</t>
  </si>
  <si>
    <t>01/21/2020 17:10:59</t>
  </si>
  <si>
    <t>01/21/2020 17:11:03</t>
  </si>
  <si>
    <t>01/21/2020 17:11:08</t>
  </si>
  <si>
    <t>01/21/2020 17:11:12</t>
  </si>
  <si>
    <t>01/21/2020 17:11:17</t>
  </si>
  <si>
    <t>01/21/2020 17:11:21</t>
  </si>
  <si>
    <t>01/21/2020 17:11:25</t>
  </si>
  <si>
    <t>01/21/2020 17:11:29</t>
  </si>
  <si>
    <t>01/21/2020 17:11:33</t>
  </si>
  <si>
    <t>01/21/2020 17:11:38</t>
  </si>
  <si>
    <t>01/21/2020 17:11:42</t>
  </si>
  <si>
    <t>01/21/2020 17:11:47</t>
  </si>
  <si>
    <t>01/21/2020 17:11:51</t>
  </si>
  <si>
    <t>01/21/2020 17:11:56</t>
  </si>
  <si>
    <t>01/21/2020 17:12:01</t>
  </si>
  <si>
    <t>01/21/2020 17:12:07</t>
  </si>
  <si>
    <t>01/21/2020 17:12:12</t>
  </si>
  <si>
    <t>01/21/2020 17:12:17</t>
  </si>
  <si>
    <t>01/21/2020 17:12:22</t>
  </si>
  <si>
    <t>01/21/2020 17:12:26</t>
  </si>
  <si>
    <t>01/21/2020 17:12:30</t>
  </si>
  <si>
    <t>01/21/2020 17:12:35</t>
  </si>
  <si>
    <t>01/21/2020 17:12:39</t>
  </si>
  <si>
    <t>01/21/2020 17:12:43</t>
  </si>
  <si>
    <t>01/21/2020 17:12:52</t>
  </si>
  <si>
    <t>01/21/2020 17:12:57</t>
  </si>
  <si>
    <t>01/21/2020 17:13:01</t>
  </si>
  <si>
    <t>01/21/2020 17:13:05</t>
  </si>
  <si>
    <t>01/21/2020 17:13:09</t>
  </si>
  <si>
    <t>01/21/2020 17:13:13</t>
  </si>
  <si>
    <t>01/21/2020 17:13:18</t>
  </si>
  <si>
    <t>01/21/2020 17:13:22</t>
  </si>
  <si>
    <t>01/21/2020 17:13:27</t>
  </si>
  <si>
    <t>01/21/2020 17:13:36</t>
  </si>
  <si>
    <t>01/21/2020 17:13:38</t>
  </si>
  <si>
    <t>01/21/2020 17:13:40</t>
  </si>
  <si>
    <t>01/21/2020 17:13:44</t>
  </si>
  <si>
    <t>01/21/2020 17:13:49</t>
  </si>
  <si>
    <t>01/21/2020 17:13:51</t>
  </si>
  <si>
    <t>01/21/2020 17:13:53</t>
  </si>
  <si>
    <t>01/21/2020 17:13:54</t>
  </si>
  <si>
    <t>01/21/2020 17:14:00</t>
  </si>
  <si>
    <t>01/21/2020 17:14:03</t>
  </si>
  <si>
    <t>01/21/2020 17:14:05</t>
  </si>
  <si>
    <t>01/21/2020 17:14:09</t>
  </si>
  <si>
    <t>01/21/2020 17:14:13</t>
  </si>
  <si>
    <t>01/21/2020 17:14:18</t>
  </si>
  <si>
    <t>01/21/2020 17:14:22</t>
  </si>
  <si>
    <t>01/21/2020 17:14:26</t>
  </si>
  <si>
    <t>01/21/2020 17:14:30</t>
  </si>
  <si>
    <t>01/21/2020 17:14:34</t>
  </si>
  <si>
    <t>01/21/2020 17:14:39</t>
  </si>
  <si>
    <t>01/21/2020 17:14:44</t>
  </si>
  <si>
    <t>01/21/2020 17:14:46</t>
  </si>
  <si>
    <t>01/21/2020 17:15:02</t>
  </si>
  <si>
    <t>01/21/2020 17:16:31</t>
  </si>
  <si>
    <t>721e0e93-4ce6-4531-a2f2-e65b50086009.tmp</t>
  </si>
  <si>
    <t>\\acsfs\profiles$\cassianogc\Downloads\721e0e93-4ce6-4531-a2f2-e65b50086009.tmp</t>
  </si>
  <si>
    <t>01/21/2020 17:13:12</t>
  </si>
  <si>
    <t>01/21/2020 17:14:14</t>
  </si>
  <si>
    <t>01/21/2020 17:15:54</t>
  </si>
  <si>
    <t>01/21/2020 17:14:35</t>
  </si>
  <si>
    <t>01/21/2020 17:17:32</t>
  </si>
  <si>
    <t>michellegdl</t>
  </si>
  <si>
    <t>01/21/2020 17:14:37</t>
  </si>
  <si>
    <t>01/21/2020 17:14:06</t>
  </si>
  <si>
    <t>dda1062c-d04f-4efb-a791-44fa6e3a58cf.tmp</t>
  </si>
  <si>
    <t>\\acsfs\profiles$\taylaedoa\Downloads\dda1062c-d04f-4efb-a791-44fa6e3a58cf.tmp</t>
  </si>
  <si>
    <t>01/21/2020 17:15:17</t>
  </si>
  <si>
    <t>725dc21c-39b2-4a52-a77b-a781bfe9d2d7.tmp</t>
  </si>
  <si>
    <t>\\acsfs\profiles$\taylaedoa\Downloads\725dc21c-39b2-4a52-a77b-a781bfe9d2d7.tmp</t>
  </si>
  <si>
    <t>01/21/2020 17:13:46</t>
  </si>
  <si>
    <t>01/21/2020 17:19:32</t>
  </si>
  <si>
    <t>01/21/2020 17:13:57</t>
  </si>
  <si>
    <t>01/21/2020 17:13:59</t>
  </si>
  <si>
    <t>01/21/2020 17:14:54</t>
  </si>
  <si>
    <t>01/21/2020 17:14:55</t>
  </si>
  <si>
    <t>01/21/2020 17:15:15</t>
  </si>
  <si>
    <t>01/21/2020 17:15:21</t>
  </si>
  <si>
    <t>01/21/2020 17:15:36</t>
  </si>
  <si>
    <t>01/21/2020 17:15:06</t>
  </si>
  <si>
    <t>e8c2d324-996f-4d52-9e92-10521ecd893f.tmp</t>
  </si>
  <si>
    <t>\\acsfs\profiles$\layonmof\Downloads\e8c2d324-996f-4d52-9e92-10521ecd893f.tmp</t>
  </si>
  <si>
    <t>01/21/2020 17:19:12</t>
  </si>
  <si>
    <t>a86b59a2-924e-498e-b89c-c44676e6ab89.tmp</t>
  </si>
  <si>
    <t>\\acsfs\profiles$\fernandofs\Downloads\a86b59a2-924e-498e-b89c-c44676e6ab89.tmp</t>
  </si>
  <si>
    <t>01/21/2020 17:17:51</t>
  </si>
  <si>
    <t>ab51f092-cf3d-42d0-ac57-e2f15889f682.tmp</t>
  </si>
  <si>
    <t>\\acsfs\profiles$\mariajaf\Downloads\ab51f092-cf3d-42d0-ac57-e2f15889f682.tmp</t>
  </si>
  <si>
    <t>01/21/2020 17:14:48</t>
  </si>
  <si>
    <t>01/21/2020 17:20:31</t>
  </si>
  <si>
    <t>01/21/2020 17:14:52</t>
  </si>
  <si>
    <t>01/21/2020 17:14:56</t>
  </si>
  <si>
    <t>01/21/2020 17:15:00</t>
  </si>
  <si>
    <t>01/21/2020 17:15:05</t>
  </si>
  <si>
    <t>01/21/2020 17:15:09</t>
  </si>
  <si>
    <t>01/21/2020 17:15:13</t>
  </si>
  <si>
    <t>01/21/2020 17:15:26</t>
  </si>
  <si>
    <t>01/21/2020 17:15:35</t>
  </si>
  <si>
    <t>01/21/2020 17:15:39</t>
  </si>
  <si>
    <t>01/21/2020 17:15:43</t>
  </si>
  <si>
    <t>01/21/2020 17:15:47</t>
  </si>
  <si>
    <t>01/21/2020 17:15:52</t>
  </si>
  <si>
    <t>01/21/2020 17:15:56</t>
  </si>
  <si>
    <t>01/21/2020 17:16:00</t>
  </si>
  <si>
    <t>01/21/2020 17:16:04</t>
  </si>
  <si>
    <t>01/21/2020 17:16:08</t>
  </si>
  <si>
    <t>01/21/2020 17:16:13</t>
  </si>
  <si>
    <t>01/21/2020 17:16:17</t>
  </si>
  <si>
    <t>01/21/2020 17:16:21</t>
  </si>
  <si>
    <t>01/21/2020 17:16:26</t>
  </si>
  <si>
    <t>01/21/2020 17:16:30</t>
  </si>
  <si>
    <t>01/21/2020 17:16:35</t>
  </si>
  <si>
    <t>QUINDAIZA APARECIDA GUEDES DA SILVA_1_6780350113046928701_1_32.wav</t>
  </si>
  <si>
    <t>\\acsfs\Deptos\EDUCACAO EMPRESARIAL\FERNANDA MONIT\Fernanda\MONITORIA JANEIRO\Ligaçoes para MUTANT terceiro ciclo janeiro\QUINDAIZA APARECIDA GUEDES DA SILVA_1_6780350113046928701_1_32.wav</t>
  </si>
  <si>
    <t>01/21/2020 17:16:38</t>
  </si>
  <si>
    <t>01/21/2020 17:16:43</t>
  </si>
  <si>
    <t>01/21/2020 17:16:47</t>
  </si>
  <si>
    <t>01/21/2020 17:16:51</t>
  </si>
  <si>
    <t>01/21/2020 17:16:55</t>
  </si>
  <si>
    <t>01/21/2020 17:17:00</t>
  </si>
  <si>
    <t>01/21/2020 17:17:04</t>
  </si>
  <si>
    <t>01/21/2020 17:17:09</t>
  </si>
  <si>
    <t>01/21/2020 17:17:13</t>
  </si>
  <si>
    <t>01/21/2020 17:17:18</t>
  </si>
  <si>
    <t>01/21/2020 17:17:22</t>
  </si>
  <si>
    <t>01/21/2020 17:17:27</t>
  </si>
  <si>
    <t>01/21/2020 17:17:31</t>
  </si>
  <si>
    <t>01/21/2020 17:17:35</t>
  </si>
  <si>
    <t>01/21/2020 17:17:39</t>
  </si>
  <si>
    <t>01/21/2020 17:17:43</t>
  </si>
  <si>
    <t>01/21/2020 17:17:44</t>
  </si>
  <si>
    <t>01/21/2020 17:17:48</t>
  </si>
  <si>
    <t>01/21/2020 17:17:53</t>
  </si>
  <si>
    <t>01/21/2020 17:17:57</t>
  </si>
  <si>
    <t>01/21/2020 17:18:02</t>
  </si>
  <si>
    <t>01/21/2020 17:18:06</t>
  </si>
  <si>
    <t>01/21/2020 17:18:11</t>
  </si>
  <si>
    <t>01/21/2020 17:18:15</t>
  </si>
  <si>
    <t>01/21/2020 17:18:19</t>
  </si>
  <si>
    <t>01/21/2020 17:18:23</t>
  </si>
  <si>
    <t>01/21/2020 17:18:28</t>
  </si>
  <si>
    <t>01/21/2020 17:18:32</t>
  </si>
  <si>
    <t>01/21/2020 17:18:37</t>
  </si>
  <si>
    <t>01/21/2020 17:18:41</t>
  </si>
  <si>
    <t>01/21/2020 17:18:45</t>
  </si>
  <si>
    <t>01/21/2020 17:18:49</t>
  </si>
  <si>
    <t>01/21/2020 17:18:54</t>
  </si>
  <si>
    <t>01/21/2020 17:18:58</t>
  </si>
  <si>
    <t>01/21/2020 17:19:03</t>
  </si>
  <si>
    <t>01/21/2020 17:19:07</t>
  </si>
  <si>
    <t>01/21/2020 17:19:11</t>
  </si>
  <si>
    <t>01/21/2020 17:19:16</t>
  </si>
  <si>
    <t>01/21/2020 17:19:20</t>
  </si>
  <si>
    <t>01/21/2020 17:19:24</t>
  </si>
  <si>
    <t>01/21/2020 17:19:29</t>
  </si>
  <si>
    <t>01/21/2020 17:19:33</t>
  </si>
  <si>
    <t>01/21/2020 17:19:38</t>
  </si>
  <si>
    <t>01/21/2020 17:19:42</t>
  </si>
  <si>
    <t>01/21/2020 17:19:46</t>
  </si>
  <si>
    <t>01/21/2020 17:19:51</t>
  </si>
  <si>
    <t>01/21/2020 17:19:54</t>
  </si>
  <si>
    <t>01/21/2020 17:19:55</t>
  </si>
  <si>
    <t>01/21/2020 17:21:31</t>
  </si>
  <si>
    <t>01/21/2020 17:20:12</t>
  </si>
  <si>
    <t>01/21/2020 17:19:01</t>
  </si>
  <si>
    <t>01/21/2020 17:18:34</t>
  </si>
  <si>
    <t>01/21/2020 17:23:31</t>
  </si>
  <si>
    <t>01/21/2020 17:20:58</t>
  </si>
  <si>
    <t>b2462276-e001-4204-af82-b80ede0eb04e.tmp</t>
  </si>
  <si>
    <t>\\acsfs\profiles$\myllenardl\Downloads\b2462276-e001-4204-af82-b80ede0eb04e.tmp</t>
  </si>
  <si>
    <t>01/21/2020 17:23:08</t>
  </si>
  <si>
    <t>01/21/2020 17:24:32</t>
  </si>
  <si>
    <t>01/21/2020 17:19:41</t>
  </si>
  <si>
    <t>01/21/2020 17:25:31</t>
  </si>
  <si>
    <t>01/21/2020 17:19:52</t>
  </si>
  <si>
    <t>01/21/2020 17:19:59</t>
  </si>
  <si>
    <t>01/21/2020 17:20:04</t>
  </si>
  <si>
    <t>01/21/2020 17:20:09</t>
  </si>
  <si>
    <t>01/21/2020 17:20:13</t>
  </si>
  <si>
    <t>01/21/2020 17:20:18</t>
  </si>
  <si>
    <t>01/21/2020 17:20:22</t>
  </si>
  <si>
    <t>01/21/2020 17:20:26</t>
  </si>
  <si>
    <t>01/21/2020 17:20:30</t>
  </si>
  <si>
    <t>01/21/2020 17:20:35</t>
  </si>
  <si>
    <t>01/21/2020 17:20:39</t>
  </si>
  <si>
    <t>01/21/2020 17:20:43</t>
  </si>
  <si>
    <t>01/21/2020 17:20:47</t>
  </si>
  <si>
    <t>01/21/2020 17:20:51</t>
  </si>
  <si>
    <t>01/21/2020 17:20:56</t>
  </si>
  <si>
    <t>01/21/2020 17:21:00</t>
  </si>
  <si>
    <t>01/21/2020 17:21:05</t>
  </si>
  <si>
    <t>01/21/2020 17:21:09</t>
  </si>
  <si>
    <t>01/21/2020 17:21:13</t>
  </si>
  <si>
    <t>01/21/2020 17:21:17</t>
  </si>
  <si>
    <t>01/21/2020 17:21:21</t>
  </si>
  <si>
    <t>01/21/2020 17:21:26</t>
  </si>
  <si>
    <t>01/21/2020 17:21:30</t>
  </si>
  <si>
    <t>01/21/2020 17:21:35</t>
  </si>
  <si>
    <t>01/21/2020 17:21:39</t>
  </si>
  <si>
    <t>01/21/2020 17:21:43</t>
  </si>
  <si>
    <t>01/21/2020 17:21:47</t>
  </si>
  <si>
    <t>01/21/2020 17:21:52</t>
  </si>
  <si>
    <t>01/21/2020 17:21:56</t>
  </si>
  <si>
    <t>01/21/2020 17:22:00</t>
  </si>
  <si>
    <t>01/21/2020 17:22:04</t>
  </si>
  <si>
    <t>01/21/2020 17:22:09</t>
  </si>
  <si>
    <t>01/21/2020 17:22:13</t>
  </si>
  <si>
    <t>01/21/2020 17:22:17</t>
  </si>
  <si>
    <t>01/21/2020 17:22:22</t>
  </si>
  <si>
    <t>01/21/2020 17:22:26</t>
  </si>
  <si>
    <t>01/21/2020 17:22:30</t>
  </si>
  <si>
    <t>01/21/2020 17:22:35</t>
  </si>
  <si>
    <t>01/21/2020 17:22:39</t>
  </si>
  <si>
    <t>01/21/2020 17:22:43</t>
  </si>
  <si>
    <t>01/21/2020 17:22:47</t>
  </si>
  <si>
    <t>01/21/2020 17:22:51</t>
  </si>
  <si>
    <t>01/21/2020 17:22:56</t>
  </si>
  <si>
    <t>01/21/2020 17:23:00</t>
  </si>
  <si>
    <t>01/21/2020 17:23:04</t>
  </si>
  <si>
    <t>01/21/2020 17:23:13</t>
  </si>
  <si>
    <t>01/21/2020 17:23:17</t>
  </si>
  <si>
    <t>01/21/2020 17:23:21</t>
  </si>
  <si>
    <t>01/21/2020 17:23:26</t>
  </si>
  <si>
    <t>01/21/2020 17:23:30</t>
  </si>
  <si>
    <t>01/21/2020 17:23:35</t>
  </si>
  <si>
    <t>01/21/2020 17:23:39</t>
  </si>
  <si>
    <t>01/21/2020 17:23:43</t>
  </si>
  <si>
    <t>01/21/2020 17:23:48</t>
  </si>
  <si>
    <t>01/21/2020 17:23:52</t>
  </si>
  <si>
    <t>01/21/2020 17:23:56</t>
  </si>
  <si>
    <t>01/21/2020 17:24:00</t>
  </si>
  <si>
    <t>01/21/2020 17:24:05</t>
  </si>
  <si>
    <t>01/21/2020 17:24:09</t>
  </si>
  <si>
    <t>01/21/2020 17:24:13</t>
  </si>
  <si>
    <t>01/21/2020 17:24:18</t>
  </si>
  <si>
    <t>01/21/2020 17:24:23</t>
  </si>
  <si>
    <t>01/21/2020 17:24:28</t>
  </si>
  <si>
    <t>01/21/2020 17:24:33</t>
  </si>
  <si>
    <t>01/21/2020 17:24:37</t>
  </si>
  <si>
    <t>01/21/2020 17:24:41</t>
  </si>
  <si>
    <t>01/21/2020 17:24:45</t>
  </si>
  <si>
    <t>01/21/2020 17:24:50</t>
  </si>
  <si>
    <t>01/21/2020 17:24:54</t>
  </si>
  <si>
    <t>01/21/2020 17:24:56</t>
  </si>
  <si>
    <t>01/21/2020 17:24:58</t>
  </si>
  <si>
    <t>01/21/2020 17:25:11</t>
  </si>
  <si>
    <t>01/21/2020 17:26:32</t>
  </si>
  <si>
    <t>01/21/2020 17:21:33</t>
  </si>
  <si>
    <t>01/21/2020 17:23:28</t>
  </si>
  <si>
    <t>e66e6dec-3d78-43db-90ad-ef9155e27cb9.tmp</t>
  </si>
  <si>
    <t>\\acsfs\profiles$\fernandofs\Downloads\e66e6dec-3d78-43db-90ad-ef9155e27cb9.tmp</t>
  </si>
  <si>
    <t>4f6672c6-31b8-4959-8606-f697461de216.tmp</t>
  </si>
  <si>
    <t>\\acsfs\profiles$\fernandofs\Downloads\4f6672c6-31b8-4959-8606-f697461de216.tmp</t>
  </si>
  <si>
    <t>01/21/2020 17:23:40</t>
  </si>
  <si>
    <t>f274b6e8-87ef-4971-9b5a-991626822b2e.tmp</t>
  </si>
  <si>
    <t>\\acsfs\profiles$\fernandofs\Downloads\f274b6e8-87ef-4971-9b5a-991626822b2e.tmp</t>
  </si>
  <si>
    <t>01/21/2020 17:21:54</t>
  </si>
  <si>
    <t>01/21/2020 17:24:22</t>
  </si>
  <si>
    <t>01/21/2020 17:27:32</t>
  </si>
  <si>
    <t>fb09af3d-1a67-4472-814b-08ba1eedf31e.tmp</t>
  </si>
  <si>
    <t>\\acsfs\profiles$\nathaliaos\Downloads\fb09af3d-1a67-4472-814b-08ba1eedf31e.tmp</t>
  </si>
  <si>
    <t>01/21/2020 17:25:49</t>
  </si>
  <si>
    <t>e2ab8699-9148-468b-8c24-b5168892c960.tmp</t>
  </si>
  <si>
    <t>\\acsfs\profiles$\nathaliaos\Downloads\e2ab8699-9148-468b-8c24-b5168892c960.tmp</t>
  </si>
  <si>
    <t>01/21/2020 17:26:07</t>
  </si>
  <si>
    <t>abea2ae6-1581-4e99-ab02-f119a821a894.tmp</t>
  </si>
  <si>
    <t>\\acsfs\profiles$\nathaliaos\Downloads\abea2ae6-1581-4e99-ab02-f119a821a894.tmp</t>
  </si>
  <si>
    <t>01/21/2020 17:26:29</t>
  </si>
  <si>
    <t>e3ce87ab-869a-4a9a-b0ef-9346c908ec49.tmp</t>
  </si>
  <si>
    <t>\\acsfs\profiles$\nathaliaos\Downloads\e3ce87ab-869a-4a9a-b0ef-9346c908ec49.tmp</t>
  </si>
  <si>
    <t>01/21/2020 17:23:45</t>
  </si>
  <si>
    <t>01/21/2020 17:28:31</t>
  </si>
  <si>
    <t>01/21/2020 17:29:31</t>
  </si>
  <si>
    <t>01/21/2020 17:25:29</t>
  </si>
  <si>
    <t>01/21/2020 17:30:31</t>
  </si>
  <si>
    <t>52a61fd1-37ba-40d5-bc38-f9b53af355f7.tmp</t>
  </si>
  <si>
    <t>\\acsfs\profiles$\marcosvnds\Downloads\52a61fd1-37ba-40d5-bc38-f9b53af355f7.tmp</t>
  </si>
  <si>
    <t>01/21/2020 17:25:32</t>
  </si>
  <si>
    <t>656705d7-623b-41b7-8deb-18183d648ae5.tmp</t>
  </si>
  <si>
    <t>\\acsfs\profiles$\marcosvnds\Downloads\656705d7-623b-41b7-8deb-18183d648ae5.tmp</t>
  </si>
  <si>
    <t>01/21/2020 17:25:02</t>
  </si>
  <si>
    <t>01/21/2020 17:25:07</t>
  </si>
  <si>
    <t>01/21/2020 17:25:15</t>
  </si>
  <si>
    <t>01/21/2020 17:25:20</t>
  </si>
  <si>
    <t>01/21/2020 17:25:23</t>
  </si>
  <si>
    <t>01/21/2020 17:25:27</t>
  </si>
  <si>
    <t>01/21/2020 17:25:36</t>
  </si>
  <si>
    <t>01/21/2020 17:25:40</t>
  </si>
  <si>
    <t>01/21/2020 17:25:44</t>
  </si>
  <si>
    <t>01/21/2020 17:25:48</t>
  </si>
  <si>
    <t>01/21/2020 17:25:52</t>
  </si>
  <si>
    <t>01/21/2020 17:25:54</t>
  </si>
  <si>
    <t>01/21/2020 17:25:57</t>
  </si>
  <si>
    <t>01/21/2020 17:26:01</t>
  </si>
  <si>
    <t>01/21/2020 17:26:02</t>
  </si>
  <si>
    <t>01/21/2020 17:26:05</t>
  </si>
  <si>
    <t>01/21/2020 17:26:09</t>
  </si>
  <si>
    <t>01/21/2020 17:26:13</t>
  </si>
  <si>
    <t>01/21/2020 17:26:14</t>
  </si>
  <si>
    <t>01/21/2020 17:26:18</t>
  </si>
  <si>
    <t>01/21/2020 17:26:22</t>
  </si>
  <si>
    <t>01/21/2020 17:26:26</t>
  </si>
  <si>
    <t>01/21/2020 17:26:30</t>
  </si>
  <si>
    <t>01/21/2020 17:26:34</t>
  </si>
  <si>
    <t>01/21/2020 17:26:35</t>
  </si>
  <si>
    <t>01/21/2020 17:26:36</t>
  </si>
  <si>
    <t>01/21/2020 17:26:39</t>
  </si>
  <si>
    <t>01/21/2020 17:26:44</t>
  </si>
  <si>
    <t>01/21/2020 17:26:48</t>
  </si>
  <si>
    <t>01/21/2020 17:26:52</t>
  </si>
  <si>
    <t>01/21/2020 17:26:56</t>
  </si>
  <si>
    <t>01/21/2020 17:27:01</t>
  </si>
  <si>
    <t>01/21/2020 17:27:05</t>
  </si>
  <si>
    <t>01/21/2020 17:27:09</t>
  </si>
  <si>
    <t>01/21/2020 17:27:11</t>
  </si>
  <si>
    <t>01/21/2020 17:27:13</t>
  </si>
  <si>
    <t>01/21/2020 17:27:16</t>
  </si>
  <si>
    <t>01/21/2020 17:27:18</t>
  </si>
  <si>
    <t>01/21/2020 17:27:22</t>
  </si>
  <si>
    <t>01/21/2020 17:27:26</t>
  </si>
  <si>
    <t>01/21/2020 17:27:31</t>
  </si>
  <si>
    <t>01/21/2020 17:27:35</t>
  </si>
  <si>
    <t>01/21/2020 17:27:39</t>
  </si>
  <si>
    <t>01/21/2020 17:27:41</t>
  </si>
  <si>
    <t>01/21/2020 17:27:43</t>
  </si>
  <si>
    <t>01/21/2020 17:27:48</t>
  </si>
  <si>
    <t>01/21/2020 17:27:52</t>
  </si>
  <si>
    <t>01/21/2020 17:27:57</t>
  </si>
  <si>
    <t>01/21/2020 17:28:01</t>
  </si>
  <si>
    <t>01/21/2020 17:28:05</t>
  </si>
  <si>
    <t>01/21/2020 17:28:09</t>
  </si>
  <si>
    <t>01/21/2020 17:28:14</t>
  </si>
  <si>
    <t>01/21/2020 17:28:19</t>
  </si>
  <si>
    <t>01/21/2020 17:28:23</t>
  </si>
  <si>
    <t>01/21/2020 17:28:28</t>
  </si>
  <si>
    <t>01/21/2020 17:28:33</t>
  </si>
  <si>
    <t>01/21/2020 17:28:38</t>
  </si>
  <si>
    <t>01/21/2020 17:28:42</t>
  </si>
  <si>
    <t>01/21/2020 17:28:46</t>
  </si>
  <si>
    <t>01/21/2020 17:28:50</t>
  </si>
  <si>
    <t>01/21/2020 17:28:55</t>
  </si>
  <si>
    <t>01/21/2020 17:28:59</t>
  </si>
  <si>
    <t>01/21/2020 17:29:04</t>
  </si>
  <si>
    <t>01/21/2020 17:29:08</t>
  </si>
  <si>
    <t>01/21/2020 17:29:12</t>
  </si>
  <si>
    <t>01/21/2020 17:29:16</t>
  </si>
  <si>
    <t>01/21/2020 17:29:21</t>
  </si>
  <si>
    <t>01/21/2020 17:29:25</t>
  </si>
  <si>
    <t>01/21/2020 17:29:29</t>
  </si>
  <si>
    <t>01/21/2020 17:29:34</t>
  </si>
  <si>
    <t>01/21/2020 17:29:39</t>
  </si>
  <si>
    <t>01/21/2020 17:29:44</t>
  </si>
  <si>
    <t>01/21/2020 17:29:49</t>
  </si>
  <si>
    <t>01/21/2020 17:29:53</t>
  </si>
  <si>
    <t>01/21/2020 17:29:58</t>
  </si>
  <si>
    <t>01/21/2020 17:30:02</t>
  </si>
  <si>
    <t>01/21/2020 17:30:06</t>
  </si>
  <si>
    <t>01/21/2020 17:26:11</t>
  </si>
  <si>
    <t>01/21/2020 17:31:31</t>
  </si>
  <si>
    <t>01/21/2020 17:26:49</t>
  </si>
  <si>
    <t>01/21/2020 17:27:54</t>
  </si>
  <si>
    <t>01/21/2020 17:29:26</t>
  </si>
  <si>
    <t>01/21/2020 17:32:31</t>
  </si>
  <si>
    <t>01/21/2020 17:30:05</t>
  </si>
  <si>
    <t>174e2ad8-2535-446a-967e-9f98730266bd.tmp</t>
  </si>
  <si>
    <t>\\acsfs\profiles$\layonmof\Downloads\174e2ad8-2535-446a-967e-9f98730266bd.tmp</t>
  </si>
  <si>
    <t>01/21/2020 17:30:36</t>
  </si>
  <si>
    <t>0f327b33-d9e8-4db2-8284-f80eb5af745e.tmp</t>
  </si>
  <si>
    <t>\\acsfs\profiles$\layonmof\Downloads\0f327b33-d9e8-4db2-8284-f80eb5af745e.tmp</t>
  </si>
  <si>
    <t>01/21/2020 17:31:20</t>
  </si>
  <si>
    <t>766cb4c8-a275-41f7-965a-1d425a284e0b.tmp</t>
  </si>
  <si>
    <t>\\acsfs\profiles$\layonmof\Downloads\766cb4c8-a275-41f7-965a-1d425a284e0b.tmp</t>
  </si>
  <si>
    <t>01/21/2020 17:29:37</t>
  </si>
  <si>
    <t>01/21/2020 17:33:31</t>
  </si>
  <si>
    <t>b0dabf44-3eda-4f1f-8e67-7792bada2673.tmp</t>
  </si>
  <si>
    <t>\\acsfs\profiles$\paulohaf\Downloads\b0dabf44-3eda-4f1f-8e67-7792bada2673.tmp</t>
  </si>
  <si>
    <t>01/21/2020 17:32:42</t>
  </si>
  <si>
    <t>01/21/2020 17:34:32</t>
  </si>
  <si>
    <t>01/21/2020 17:35:31</t>
  </si>
  <si>
    <t>01/21/2020 17:31:13</t>
  </si>
  <si>
    <t>01/21/2020 17:31:14</t>
  </si>
  <si>
    <t>01/21/2020 17:31:15</t>
  </si>
  <si>
    <t>01/21/2020 17:31:21</t>
  </si>
  <si>
    <t>01/21/2020 17:33:46</t>
  </si>
  <si>
    <t>79afba5c-84ad-4e80-abd6-3c7d80f8ab57.tmp</t>
  </si>
  <si>
    <t>\\acsfs\profiles$\KARENJSS\Downloads\79afba5c-84ad-4e80-abd6-3c7d80f8ab57.tmp</t>
  </si>
  <si>
    <t>01/21/2020 17:30:11</t>
  </si>
  <si>
    <t>01/21/2020 17:30:15</t>
  </si>
  <si>
    <t>01/21/2020 17:32:11</t>
  </si>
  <si>
    <t>01/21/2020 17:30:20</t>
  </si>
  <si>
    <t>01/21/2020 17:30:24</t>
  </si>
  <si>
    <t>01/21/2020 17:30:28</t>
  </si>
  <si>
    <t>01/21/2020 17:30:32</t>
  </si>
  <si>
    <t>01/21/2020 17:30:41</t>
  </si>
  <si>
    <t>01/21/2020 17:30:45</t>
  </si>
  <si>
    <t>01/21/2020 17:30:49</t>
  </si>
  <si>
    <t>01/21/2020 17:30:54</t>
  </si>
  <si>
    <t>01/21/2020 17:30:58</t>
  </si>
  <si>
    <t>01/21/2020 17:31:03</t>
  </si>
  <si>
    <t>01/21/2020 17:31:08</t>
  </si>
  <si>
    <t>01/21/2020 17:31:12</t>
  </si>
  <si>
    <t>01/21/2020 17:31:16</t>
  </si>
  <si>
    <t>01/21/2020 17:31:24</t>
  </si>
  <si>
    <t>01/21/2020 17:31:28</t>
  </si>
  <si>
    <t>01/21/2020 17:31:33</t>
  </si>
  <si>
    <t>01/21/2020 17:31:37</t>
  </si>
  <si>
    <t>01/21/2020 17:31:42</t>
  </si>
  <si>
    <t>01/21/2020 17:31:47</t>
  </si>
  <si>
    <t>01/21/2020 17:31:52</t>
  </si>
  <si>
    <t>01/21/2020 17:31:54</t>
  </si>
  <si>
    <t>01/21/2020 17:31:56</t>
  </si>
  <si>
    <t>01/21/2020 17:32:00</t>
  </si>
  <si>
    <t>01/21/2020 17:32:04</t>
  </si>
  <si>
    <t>01/21/2020 17:32:08</t>
  </si>
  <si>
    <t>01/21/2020 17:32:12</t>
  </si>
  <si>
    <t>01/21/2020 17:32:17</t>
  </si>
  <si>
    <t>01/21/2020 17:32:23</t>
  </si>
  <si>
    <t>01/21/2020 17:32:27</t>
  </si>
  <si>
    <t>01/21/2020 17:32:36</t>
  </si>
  <si>
    <t>01/21/2020 17:32:40</t>
  </si>
  <si>
    <t>01/21/2020 17:32:44</t>
  </si>
  <si>
    <t>01/21/2020 17:32:49</t>
  </si>
  <si>
    <t>01/21/2020 17:32:51</t>
  </si>
  <si>
    <t>01/21/2020 17:32:53</t>
  </si>
  <si>
    <t>01/21/2020 17:32:57</t>
  </si>
  <si>
    <t>01/21/2020 17:33:01</t>
  </si>
  <si>
    <t>01/21/2020 17:33:05</t>
  </si>
  <si>
    <t>01/21/2020 17:33:09</t>
  </si>
  <si>
    <t>01/21/2020 17:33:14</t>
  </si>
  <si>
    <t>01/21/2020 17:33:18</t>
  </si>
  <si>
    <t>01/21/2020 17:33:22</t>
  </si>
  <si>
    <t>01/21/2020 17:33:26</t>
  </si>
  <si>
    <t>01/21/2020 17:33:35</t>
  </si>
  <si>
    <t>01/21/2020 17:33:39</t>
  </si>
  <si>
    <t>01/21/2020 17:33:43</t>
  </si>
  <si>
    <t>01/21/2020 17:33:48</t>
  </si>
  <si>
    <t>01/21/2020 17:33:53</t>
  </si>
  <si>
    <t>01/21/2020 17:33:57</t>
  </si>
  <si>
    <t>01/21/2020 17:34:02</t>
  </si>
  <si>
    <t>01/21/2020 17:34:06</t>
  </si>
  <si>
    <t>01/21/2020 17:34:10</t>
  </si>
  <si>
    <t>01/21/2020 17:34:14</t>
  </si>
  <si>
    <t>01/21/2020 17:34:20</t>
  </si>
  <si>
    <t>01/21/2020 17:34:24</t>
  </si>
  <si>
    <t>01/21/2020 17:34:28</t>
  </si>
  <si>
    <t>01/21/2020 17:34:33</t>
  </si>
  <si>
    <t>01/21/2020 17:34:36</t>
  </si>
  <si>
    <t>01/21/2020 17:34:41</t>
  </si>
  <si>
    <t>01/21/2020 17:34:42</t>
  </si>
  <si>
    <t>01/21/2020 17:34:44</t>
  </si>
  <si>
    <t>01/21/2020 17:34:45</t>
  </si>
  <si>
    <t>01/21/2020 17:34:49</t>
  </si>
  <si>
    <t>01/21/2020 17:34:52</t>
  </si>
  <si>
    <t>01/21/2020 17:34:53</t>
  </si>
  <si>
    <t>01/21/2020 17:36:31</t>
  </si>
  <si>
    <t>01/21/2020 17:34:58</t>
  </si>
  <si>
    <t>01/21/2020 17:35:02</t>
  </si>
  <si>
    <t>01/21/2020 17:35:07</t>
  </si>
  <si>
    <t>01/21/2020 17:35:11</t>
  </si>
  <si>
    <t>01/21/2020 17:35:15</t>
  </si>
  <si>
    <t>01/21/2020 17:34:00</t>
  </si>
  <si>
    <t>01/21/2020 17:31:11</t>
  </si>
  <si>
    <t>01/21/2020 17:33:40</t>
  </si>
  <si>
    <t>"mozilla/5.0 (windows nt 6.1) applewebkit/537.36 (khtml;0;0]\\\\\\\)\\\\\\\]\\\)\);0]ot;;1;12;13;137;13700014;13700109;13700167;13700185;13700235;13700451;13700563;13700607;13700883;13700946;13700951;13700982;13700982�;13701078;13701139;13701207;13701214;13701235;13701239;13701262;13701276;13701298;13701418;13701422;13701430;13701458;13701486;13701506;13701510;13701534;13701537;13701573;13701577;13701589;13701609;13701613;13701625;13701653;13701657;13701693;13701709]];13701709]]];13701749;13701825;13701833;13701901;13701905;13701909;13701921;13701945;13701949;13701953;13701957;13701969;13702064;13702068;13702084;13702088;142;1579520900840000;1579520901989000;1579521807978;1579524214946;1579529030884;1579546802300;1579564008808;1579579960944;1579619344476;1579619946523;1579627484186;1579628989319;195;2400];28;312;314;339;344;4;5701393;6.1;621969351;82;84;87;["mozilla/5.0 (windows nt 6.1) applewebkit/537.36 (khtml;[1;[[13701450;[[null;[];[]]];[false;[null;adfn-csyrvwqermfbxam1mkavsrzjlg0rundo9gysmvmlrxxhlhfmqhc</t>
  </si>
  <si>
    <t>"mozilla/5.0 (windows nt 6.1) applewebkit/537.36 (khtml,0,0]\\\\\\\)\\\\\\\]\\\)\),0]ot;,1,12,13,137,13700014,13700109,13700167,13700185,13700235,13700451,13700563,13700607,13700883,13700946,13700951,13700982,13700982�,13701078,13701139,13701207,13701214,13701235,13701239,13701262,13701276,13701298,13701418,13701422,13701430,13701458,13701486,13701506,13701510,13701534,13701537,13701573,13701577,13701589,13701609,13701613,13701625,13701653,13701657,13701693,13701709]],13701709]]],13701749,13701825,13701833,13701901,13701905,13701909,13701921,13701945,13701949,13701953,13701957,13701969,13702064,13702068,13702084,13702088,142,1579520900840000,1579520901989000,1579521807978,1579524214946,1579529030884,1579546802300,1579564008808,1579579960944,1579619344476,1579619946523,1579627484186,1579628989319,195,2400],28,312,314,339,344,4,5701393,6.1,621969351,82,84,87,["mozilla/5.0 (windows nt 6.1) applewebkit/537.36 (khtml,[1,[[13701450,[[null,[],[]]],[false,[null,adfn-csyrvwqermfbxam1mkavsrzjlg0rundo9gysmvmlrxxhlhfmqhc</t>
  </si>
  <si>
    <t>01/21/2020 17:34:05</t>
  </si>
  <si>
    <t>"mozilla/5.0 (windows nt 6.1) applewebkit/537.36 (khtml;0]\\\\\\\)\\\\\\\]\\\)\);1;106;121;123;13;13700109;13700563�;13700607;13700883;13701139;13701214;13701298;13701418;13701458;13701577;13701589;13701613;13701625;13701657;13701749;13701825;13701901;13701921;13701949;13701953;13701969;13702064;13702088;1579520900840000;1579520901989000;1579520906502;1579542888961;1579548307435;1579553171869;1579557687253;1579558289305;1579629290345;345;621969351;74;92;[[13701450;[];[]]];adfn-csyrvwqermfbxam1mkavsrzjlg0rundo9gysmvmlrxxhlhfmqhcw7_ynhcatkqscdyldsiy;andrelpsa@algartech.com;fabianacscg@algartech.com;false;false];fedb0gqdtuqawg";harunams@algartech.com;ken=ac4w5vi0ka-sxkbznvlqg8lj5-wvx_fz5a:1579520900837&amp;buildlabel=drive.web-frontend_20200108.00_p2;ken=ac4w5vi0ka-sxkbznvlqg8lj5-wvx_fz5a:1579520900837&amp;buildlabel=drive.web-frontend_20200108.00_p201613;l-ckacf_7r3zozh1hhizn88xwetaapoebcpjm5ey2zyse1nt3xmnhcr-rz9s-zdg-5-xx2v8f_tzsvcfibwrle5qaq53vh6r8m19mnq0rhk68ibitnjgrsmrdalihic4l1lxyqga8ovr5etkjjbkmsgw0htomrw0ftovchx</t>
  </si>
  <si>
    <t>"mozilla/5.0 (windows nt 6.1) applewebkit/537.36 (khtml,0]\\\\\\\)\\\\\\\]\\\)\),1,106,121,123,13,13700109,13700563�,13700607,13700883,13701139,13701214,13701298,13701418,13701458,13701577,13701589,13701613,13701625,13701657,13701749,13701825,13701901,13701921,13701949,13701953,13701969,13702064,13702088,1579520900840000,1579520901989000,1579520906502,1579542888961,1579548307435,1579553171869,1579557687253,1579558289305,1579629290345,345,621969351,74,92,[[13701450,[],[]]],adfn-csyrvwqermfbxam1mkavsrzjlg0rundo9gysmvmlrxxhlhfmqhcw7_ynhcatkqscdyldsiy,andrelpsa@algartech.com,fabianacscg@algartech.com,false,false],fedb0gqdtuqawg",harunams@algartech.com,ken=ac4w5vi0ka-sxkbznvlqg8lj5-wvx_fz5a:1579520900837&amp;buildlabel=drive.web-frontend_20200108.00_p2,ken=ac4w5vi0ka-sxkbznvlqg8lj5-wvx_fz5a:1579520900837&amp;buildlabel=drive.web-frontend_20200108.00_p201613,l-ckacf_7r3zozh1hhizn88xwetaapoebcpjm5ey2zyse1nt3xmnhcr-rz9s-zdg-5-xx2v8f_tzsvcfibwrle5qaq53vh6r8m19mnq0rhk68ibitnjgrsmrdalihic4l1lxyqga8ovr5etkjjbkmsgw0htomrw0ftovchx</t>
  </si>
  <si>
    <t>"[[];"[[null;"languagecode":"pt-br";"mozilla/5.0 (windows nt 6.1) applewebkit/537.36 (khtml;"requesttype":"background_request";"scenariotype;"timezone":"-03:00";0]\\\\\\]\\\)\);0]l;0]{_x001C_x�g�?`��nk�c��m�*�����o-��㟶��6r�&gt;�$�z{;;u��_x0004_�_x0004_��sw:�]�w�7`�_x000E_��ö_x0001_;1;13;13700109;13700563;13700563�;13700607;13700883;13701139;13701214;13701298;13701418;13701458;13701577;13701589;13701613;13701625;13701657;13701749;13701825;13701901;13701921;13701949;13701953;13701969;13702064;13702088;1579520900840000;1579520901989000;1579616868257;1579619043446;1579619118088;1579619125602;1579636682986;21660305]];25;289340552;304;311;358;389;389]]";390;40510093;40510189;621969351;7];8202316;8202524];[20276];[20686;[21660305;[21660332;[8202193;[[13701450;[];[]];[]]"];[]]];[null;adfn-csyrvwqermfbxam1mkavsrzjlg0rundo9gysmvmlrxxhlhfmqhcw7_ynhcatkqscdyldsiy;ess"}};false;false];fedb0gqdtuqawg";gmail_fe_200109.09_p2\;ken=ac4w5vi0ka-sxkbznvlqg8lj5-wvx_fz5a:1579520900837&amp;buildlabel=drive.web-frontend_20200108.00_p2;ken=ac4w5vi0ka-sxkbznvlqg8lj5-wvx_f</t>
  </si>
  <si>
    <t>"[[],"[[null,"languagecode":"pt-br","mozilla/5.0 (windows nt 6.1) applewebkit/537.36 (khtml,"requesttype":"background_request","scenariotype,"timezone":"-03:00",0]\\\\\\]\\\)\),0]l,0]{_x001C_x�g�?`��nk�c��m�*�����o-��㟶��6r�&gt;�$�z{;;u��_x0004_�_x0004_��sw:�]�w�7`�_x000E_��ö_x0001_,1,13,13700109,13700563,13700563�,13700607,13700883,13701139,13701214,13701298,13701418,13701458,13701577,13701589,13701613,13701625,13701657,13701749,13701825,13701901,13701921,13701949,13701953,13701969,13702064,13702088,1579520900840000,1579520901989000,1579616868257,1579619043446,1579619118088,1579619125602,1579636682986,21660305]],25,289340552,304,311,358,389,389]]",390,40510093,40510189,621969351,7],8202316,8202524],[20276],[20686,[21660305,[21660332,[8202193,[[13701450,[],[]],[]]"],[]]],[null,adfn-csyrvwqermfbxam1mkavsrzjlg0rundo9gysmvmlrxxhlhfmqhcw7_ynhcatkqscdyldsiy,ess"}},false,false],fedb0gqdtuqawg",gmail_fe_200109.09_p2\,ken=ac4w5vi0ka-sxkbznvlqg8lj5-wvx_fz5a:1579520900837&amp;buildlabel=drive.web-frontend_20200108.00_p2,ken=ac4w5vi0ka-sxkbznvlqg8lj5-wvx_f</t>
  </si>
  <si>
    <t>01/21/2020 17:33:24</t>
  </si>
  <si>
    <t>01/21/2020 17:33:54</t>
  </si>
  <si>
    <t>01/21/2020 17:34:25</t>
  </si>
  <si>
    <t>01/21/2020 17:36:00</t>
  </si>
  <si>
    <t>01/21/2020 17:37:32</t>
  </si>
  <si>
    <t>01/21/2020 17:36:50</t>
  </si>
  <si>
    <t>01/21/2020 16:11:42</t>
  </si>
  <si>
    <t>lu367564u1u0z.tmp</t>
  </si>
  <si>
    <t>\\acsfs\profiles$\rafaelacdoc\lu367564u1u0z.tmp</t>
  </si>
  <si>
    <t>\\acsfs\profiles$\rafaelacdoc\lu367564u1u0z.tmp\</t>
  </si>
  <si>
    <t>\\acsfs\profiles$\rafaelacdoc\lu367564u1u0z.tmp\META-INF\</t>
  </si>
  <si>
    <t>\\acsfs\profiles$\rafaelacdoc\lu367564u1u0z.tmp\Thumbnails\</t>
  </si>
  <si>
    <t>01/21/2020 16:11:48</t>
  </si>
  <si>
    <t>01/21/2020 16:11:49</t>
  </si>
  <si>
    <t>lu367564u1u12.tmp</t>
  </si>
  <si>
    <t>\\acsfs\profiles$\rafaelacdoc\lu367564u1u12.tmp</t>
  </si>
  <si>
    <t>\\acsfs\profiles$\rafaelacdoc\lu367564u1u12.tmp\</t>
  </si>
  <si>
    <t>\\acsfs\profiles$\rafaelacdoc\lu367564u1u12.tmp\META-INF\</t>
  </si>
  <si>
    <t>\\acsfs\profiles$\rafaelacdoc\lu367564u1u12.tmp\Thumbnails\</t>
  </si>
  <si>
    <t>01/21/2020 16:12:09</t>
  </si>
  <si>
    <t>01/21/2020 17:35:39</t>
  </si>
  <si>
    <t>01/21/2020 17:35:42</t>
  </si>
  <si>
    <t>01/21/2020 17:35:43</t>
  </si>
  <si>
    <t>01/21/2020 17:35:56</t>
  </si>
  <si>
    <t>01/21/2020 17:35:57</t>
  </si>
  <si>
    <t>01/21/2020 17:35:59</t>
  </si>
  <si>
    <t>01/21/2020 17:36:28</t>
  </si>
  <si>
    <t>01/21/2020 17:36:29</t>
  </si>
  <si>
    <t>01/21/2020 17:36:30</t>
  </si>
  <si>
    <t>01/21/2020 17:36:36</t>
  </si>
  <si>
    <t>01/21/2020 17:36:37</t>
  </si>
  <si>
    <t>01/21/2020 17:36:38</t>
  </si>
  <si>
    <t>01/21/2020 17:36:41</t>
  </si>
  <si>
    <t>01/21/2020 17:36:43</t>
  </si>
  <si>
    <t>01/21/2020 17:36:44</t>
  </si>
  <si>
    <t>01/21/2020 17:36:45</t>
  </si>
  <si>
    <t>01/21/2020 17:36:46</t>
  </si>
  <si>
    <t>01/21/2020 17:36:47</t>
  </si>
  <si>
    <t>01/21/2020 17:36:48</t>
  </si>
  <si>
    <t>01/21/2020 17:36:52</t>
  </si>
  <si>
    <t>01/21/2020 17:36:53</t>
  </si>
  <si>
    <t>01/21/2020 17:36:54</t>
  </si>
  <si>
    <t>01/21/2020 17:36:56</t>
  </si>
  <si>
    <t>01/21/2020 17:36:57</t>
  </si>
  <si>
    <t>01/21/2020 17:36:58</t>
  </si>
  <si>
    <t>01/21/2020 17:36:59</t>
  </si>
  <si>
    <t>01/21/2020 17:37:00</t>
  </si>
  <si>
    <t>01/21/2020 17:37:01</t>
  </si>
  <si>
    <t>01/21/2020 17:37:02</t>
  </si>
  <si>
    <t>01/21/2020 17:37:04</t>
  </si>
  <si>
    <t>01/21/2020 17:37:06</t>
  </si>
  <si>
    <t>01/21/2020 17:37:07</t>
  </si>
  <si>
    <t>01/21/2020 17:38:31</t>
  </si>
  <si>
    <t>01/21/2020 17:37:08</t>
  </si>
  <si>
    <t>01/21/2020 17:37:10</t>
  </si>
  <si>
    <t>01/21/2020 17:37:11</t>
  </si>
  <si>
    <t>01/21/2020 17:37:12</t>
  </si>
  <si>
    <t>01/21/2020 17:37:13</t>
  </si>
  <si>
    <t>01/21/2020 17:35:36</t>
  </si>
  <si>
    <t>01/21/2020 17:39:32</t>
  </si>
  <si>
    <t>01/21/2020 17:37:24</t>
  </si>
  <si>
    <t>01/21/2020 17:40:31</t>
  </si>
  <si>
    <t>01/21/2020 17:35:21</t>
  </si>
  <si>
    <t>01/21/2020 17:41:32</t>
  </si>
  <si>
    <t>01/21/2020 17:35:25</t>
  </si>
  <si>
    <t>01/21/2020 17:35:29</t>
  </si>
  <si>
    <t>01/21/2020 17:35:30</t>
  </si>
  <si>
    <t>01/21/2020 17:35:33</t>
  </si>
  <si>
    <t>01/21/2020 17:35:34</t>
  </si>
  <si>
    <t>01/21/2020 17:35:38</t>
  </si>
  <si>
    <t>01/21/2020 17:35:48</t>
  </si>
  <si>
    <t>01/21/2020 17:35:51</t>
  </si>
  <si>
    <t>01/21/2020 17:36:05</t>
  </si>
  <si>
    <t>01/21/2020 17:36:09</t>
  </si>
  <si>
    <t>01/21/2020 17:36:13</t>
  </si>
  <si>
    <t>01/21/2020 17:36:18</t>
  </si>
  <si>
    <t>01/21/2020 17:36:22</t>
  </si>
  <si>
    <t>01/21/2020 17:36:26</t>
  </si>
  <si>
    <t>01/21/2020 17:36:34</t>
  </si>
  <si>
    <t>01/21/2020 17:36:42</t>
  </si>
  <si>
    <t>01/21/2020 17:36:51</t>
  </si>
  <si>
    <t>01/21/2020 17:36:55</t>
  </si>
  <si>
    <t>01/21/2020 17:37:03</t>
  </si>
  <si>
    <t>01/21/2020 17:37:15</t>
  </si>
  <si>
    <t>01/21/2020 17:37:20</t>
  </si>
  <si>
    <t>01/21/2020 17:37:28</t>
  </si>
  <si>
    <t>01/21/2020 17:37:36</t>
  </si>
  <si>
    <t>01/21/2020 17:37:40</t>
  </si>
  <si>
    <t>01/21/2020 17:37:45</t>
  </si>
  <si>
    <t>01/21/2020 17:37:49</t>
  </si>
  <si>
    <t>01/21/2020 17:37:53</t>
  </si>
  <si>
    <t>01/21/2020 17:37:54</t>
  </si>
  <si>
    <t>01/21/2020 17:37:57</t>
  </si>
  <si>
    <t>01/21/2020 17:38:01</t>
  </si>
  <si>
    <t>01/21/2020 17:38:05</t>
  </si>
  <si>
    <t>01/21/2020 17:38:09</t>
  </si>
  <si>
    <t>01/21/2020 17:38:14</t>
  </si>
  <si>
    <t>01/21/2020 17:38:18</t>
  </si>
  <si>
    <t>01/21/2020 17:38:22</t>
  </si>
  <si>
    <t>01/21/2020 17:38:26</t>
  </si>
  <si>
    <t>01/21/2020 17:38:30</t>
  </si>
  <si>
    <t>01/21/2020 17:38:34</t>
  </si>
  <si>
    <t>01/21/2020 17:38:39</t>
  </si>
  <si>
    <t>01/21/2020 17:38:43</t>
  </si>
  <si>
    <t>01/21/2020 17:38:47</t>
  </si>
  <si>
    <t>01/21/2020 17:38:51</t>
  </si>
  <si>
    <t>01/21/2020 17:38:55</t>
  </si>
  <si>
    <t>01/21/2020 17:38:59</t>
  </si>
  <si>
    <t>01/21/2020 17:39:03</t>
  </si>
  <si>
    <t>01/21/2020 17:39:07</t>
  </si>
  <si>
    <t>01/21/2020 17:39:12</t>
  </si>
  <si>
    <t>01/21/2020 17:39:16</t>
  </si>
  <si>
    <t>01/21/2020 17:39:20</t>
  </si>
  <si>
    <t>01/21/2020 17:39:24</t>
  </si>
  <si>
    <t>01/21/2020 17:39:28</t>
  </si>
  <si>
    <t>01/21/2020 17:39:37</t>
  </si>
  <si>
    <t>01/21/2020 17:39:41</t>
  </si>
  <si>
    <t>01/21/2020 17:39:45</t>
  </si>
  <si>
    <t>01/21/2020 17:39:49</t>
  </si>
  <si>
    <t>01/21/2020 17:39:53</t>
  </si>
  <si>
    <t>01/21/2020 17:39:57</t>
  </si>
  <si>
    <t>01/21/2020 17:40:01</t>
  </si>
  <si>
    <t>01/21/2020 17:40:06</t>
  </si>
  <si>
    <t>01/21/2020 17:40:10</t>
  </si>
  <si>
    <t>01/21/2020 17:40:14</t>
  </si>
  <si>
    <t>01/21/2020 17:40:18</t>
  </si>
  <si>
    <t>01/21/2020 17:40:22</t>
  </si>
  <si>
    <t>01/21/2020 17:40:26</t>
  </si>
  <si>
    <t>01/21/2020 17:38:11</t>
  </si>
  <si>
    <t>01/21/2020 17:39:54</t>
  </si>
  <si>
    <t>01/21/2020 17:41:12</t>
  </si>
  <si>
    <t>01/21/2020 17:42:31</t>
  </si>
  <si>
    <t>\\acsfs\profiles$\victorgl\My Documents\xworkcenter\logs\</t>
  </si>
  <si>
    <t>XLOG_victorgl_21012020_133157.log</t>
  </si>
  <si>
    <t>\\acsfs\profiles$\victorgl\My Documents\xworkcenter\logs\XLOG_victorgl_21012020_133157.log</t>
  </si>
  <si>
    <t>01/21/2020 17:37:44</t>
  </si>
  <si>
    <t>01/21/2020 17:43:31</t>
  </si>
  <si>
    <t>80086abd-ac1c-4410-9cc7-f447fada6e0a.tmp</t>
  </si>
  <si>
    <t>\\acsfs\profiles$\leonardocb\Downloads\80086abd-ac1c-4410-9cc7-f447fada6e0a.tmp</t>
  </si>
  <si>
    <t>01/21/2020 17:40:29</t>
  </si>
  <si>
    <t>9970c5d6-50d1-4176-b447-28aa9cb52160.tmp</t>
  </si>
  <si>
    <t>\\acsfs\profiles$\leonardocb\Downloads\9970c5d6-50d1-4176-b447-28aa9cb52160.tmp</t>
  </si>
  <si>
    <t>01/21/2020 17:44:32</t>
  </si>
  <si>
    <t>01/21/2020 17:45:31</t>
  </si>
  <si>
    <t>01/21/2020 17:42:38</t>
  </si>
  <si>
    <t>01/21/2020 17:40:35</t>
  </si>
  <si>
    <t>01/21/2020 17:46:32</t>
  </si>
  <si>
    <t>01/21/2020 17:40:39</t>
  </si>
  <si>
    <t>01/21/2020 17:40:43</t>
  </si>
  <si>
    <t>01/21/2020 17:40:47</t>
  </si>
  <si>
    <t>01/21/2020 17:40:51</t>
  </si>
  <si>
    <t>01/21/2020 17:40:56</t>
  </si>
  <si>
    <t>01/21/2020 17:41:00</t>
  </si>
  <si>
    <t>01/21/2020 17:41:04</t>
  </si>
  <si>
    <t>01/21/2020 17:41:08</t>
  </si>
  <si>
    <t>01/21/2020 17:41:16</t>
  </si>
  <si>
    <t>01/21/2020 17:41:20</t>
  </si>
  <si>
    <t>01/21/2020 17:41:25</t>
  </si>
  <si>
    <t>01/21/2020 17:41:29</t>
  </si>
  <si>
    <t>01/21/2020 17:41:33</t>
  </si>
  <si>
    <t>01/21/2020 17:41:37</t>
  </si>
  <si>
    <t>01/21/2020 17:41:41</t>
  </si>
  <si>
    <t>01/21/2020 17:41:45</t>
  </si>
  <si>
    <t>01/21/2020 17:41:49</t>
  </si>
  <si>
    <t>01/21/2020 17:41:53</t>
  </si>
  <si>
    <t>01/21/2020 17:41:58</t>
  </si>
  <si>
    <t>01/21/2020 17:42:02</t>
  </si>
  <si>
    <t>01/21/2020 17:42:06</t>
  </si>
  <si>
    <t>01/21/2020 17:42:10</t>
  </si>
  <si>
    <t>01/21/2020 17:42:14</t>
  </si>
  <si>
    <t>01/21/2020 17:42:20</t>
  </si>
  <si>
    <t>01/21/2020 17:42:24</t>
  </si>
  <si>
    <t>01/21/2020 17:42:28</t>
  </si>
  <si>
    <t>01/21/2020 17:42:32</t>
  </si>
  <si>
    <t>01/21/2020 17:42:37</t>
  </si>
  <si>
    <t>01/21/2020 17:42:40</t>
  </si>
  <si>
    <t>01/21/2020 17:42:45</t>
  </si>
  <si>
    <t>01/21/2020 17:42:49</t>
  </si>
  <si>
    <t>01/21/2020 17:42:53</t>
  </si>
  <si>
    <t>01/21/2020 17:42:57</t>
  </si>
  <si>
    <t>01/21/2020 17:43:01</t>
  </si>
  <si>
    <t>01/21/2020 17:43:05</t>
  </si>
  <si>
    <t>01/21/2020 17:43:09</t>
  </si>
  <si>
    <t>01/21/2020 17:43:13</t>
  </si>
  <si>
    <t>01/21/2020 17:43:18</t>
  </si>
  <si>
    <t>01/21/2020 17:43:22</t>
  </si>
  <si>
    <t>01/21/2020 17:43:26</t>
  </si>
  <si>
    <t>01/21/2020 17:43:30</t>
  </si>
  <si>
    <t>01/21/2020 17:43:34</t>
  </si>
  <si>
    <t>01/21/2020 17:43:38</t>
  </si>
  <si>
    <t>01/21/2020 17:43:42</t>
  </si>
  <si>
    <t>01/21/2020 17:43:46</t>
  </si>
  <si>
    <t>01/21/2020 17:43:52</t>
  </si>
  <si>
    <t>01/21/2020 17:43:54</t>
  </si>
  <si>
    <t>01/21/2020 17:43:56</t>
  </si>
  <si>
    <t>01/21/2020 17:44:00</t>
  </si>
  <si>
    <t>01/21/2020 17:44:04</t>
  </si>
  <si>
    <t>01/21/2020 17:44:09</t>
  </si>
  <si>
    <t>01/21/2020 17:44:13</t>
  </si>
  <si>
    <t>01/21/2020 17:44:17</t>
  </si>
  <si>
    <t>01/21/2020 17:44:21</t>
  </si>
  <si>
    <t>01/21/2020 17:44:26</t>
  </si>
  <si>
    <t>01/21/2020 17:44:30</t>
  </si>
  <si>
    <t>01/21/2020 17:44:34</t>
  </si>
  <si>
    <t>01/21/2020 17:44:38</t>
  </si>
  <si>
    <t>01/21/2020 17:44:42</t>
  </si>
  <si>
    <t>01/21/2020 17:44:46</t>
  </si>
  <si>
    <t>01/21/2020 17:44:51</t>
  </si>
  <si>
    <t>01/21/2020 17:44:55</t>
  </si>
  <si>
    <t>01/21/2020 17:44:59</t>
  </si>
  <si>
    <t>01/21/2020 17:45:04</t>
  </si>
  <si>
    <t>01/21/2020 17:45:09</t>
  </si>
  <si>
    <t>01/21/2020 17:45:13</t>
  </si>
  <si>
    <t>01/21/2020 17:45:17</t>
  </si>
  <si>
    <t>01/21/2020 17:45:21</t>
  </si>
  <si>
    <t>01/21/2020 17:45:26</t>
  </si>
  <si>
    <t>01/21/2020 17:45:35</t>
  </si>
  <si>
    <t>01/21/2020 17:45:39</t>
  </si>
  <si>
    <t>01/21/2020 17:40:52</t>
  </si>
  <si>
    <t>01/21/2020 17:43:11</t>
  </si>
  <si>
    <t>01/21/2020 17:44:11</t>
  </si>
  <si>
    <t>01/21/2020 17:42:43</t>
  </si>
  <si>
    <t>01/21/2020 17:45:54</t>
  </si>
  <si>
    <t>01/21/2020 17:45:12</t>
  </si>
  <si>
    <t>01/21/2020 17:47:31</t>
  </si>
  <si>
    <t>01/21/2020 17:43:29</t>
  </si>
  <si>
    <t>a748326b-e4c5-481d-a058-2eaabef24b0a.tmp</t>
  </si>
  <si>
    <t>\\acsfs\profiles$\nathaliaos\Downloads\a748326b-e4c5-481d-a058-2eaabef24b0a.tmp</t>
  </si>
  <si>
    <t>01/21/2020 17:46:47</t>
  </si>
  <si>
    <t>01/21/2020 17:48:32</t>
  </si>
  <si>
    <t>01/21/2020 17:47:22</t>
  </si>
  <si>
    <t>01/21/2020 17:45:46</t>
  </si>
  <si>
    <t>01/21/2020 17:49:31</t>
  </si>
  <si>
    <t>317a1bcd-d183-4cd1-869b-a12d74fc0b37.tmp</t>
  </si>
  <si>
    <t>\\acsfs\profiles$\victorgl\Downloads\317a1bcd-d183-4cd1-869b-a12d74fc0b37.tmp</t>
  </si>
  <si>
    <t>01/21/2020 17:45:48</t>
  </si>
  <si>
    <t>b38257bc-72b7-418f-8a12-b5ec721d6fee.tmp</t>
  </si>
  <si>
    <t>\\acsfs\profiles$\victorgl\Downloads\b38257bc-72b7-418f-8a12-b5ec721d6fee.tmp</t>
  </si>
  <si>
    <t>01/21/2020 17:46:55</t>
  </si>
  <si>
    <t>4ff8d061-05ff-4cd6-b07a-763b72c51c28.tmp</t>
  </si>
  <si>
    <t>\\acsfs\profiles$\victorgl\Downloads\4ff8d061-05ff-4cd6-b07a-763b72c51c28.tmp</t>
  </si>
  <si>
    <t>01/21/2020 17:47:01</t>
  </si>
  <si>
    <t>01/21/2020 17:47:12</t>
  </si>
  <si>
    <t>01/21/2020 17:47:19</t>
  </si>
  <si>
    <t>01/21/2020 17:47:21</t>
  </si>
  <si>
    <t>01/21/2020 17:47:25</t>
  </si>
  <si>
    <t>01/21/2020 17:47:26</t>
  </si>
  <si>
    <t>01/21/2020 17:47:27</t>
  </si>
  <si>
    <t>01/21/2020 17:47:28</t>
  </si>
  <si>
    <t>01/21/2020 17:47:32</t>
  </si>
  <si>
    <t>01/21/2020 17:47:33</t>
  </si>
  <si>
    <t>01/21/2020 17:47:37</t>
  </si>
  <si>
    <t>01/21/2020 17:47:38</t>
  </si>
  <si>
    <t>01/21/2020 17:47:40</t>
  </si>
  <si>
    <t>01/21/2020 17:47:41</t>
  </si>
  <si>
    <t>01/21/2020 17:47:42</t>
  </si>
  <si>
    <t>01/21/2020 17:47:43</t>
  </si>
  <si>
    <t>01/21/2020 17:47:45</t>
  </si>
  <si>
    <t>01/21/2020 17:47:46</t>
  </si>
  <si>
    <t>01/21/2020 17:47:47</t>
  </si>
  <si>
    <t>01/21/2020 17:47:48</t>
  </si>
  <si>
    <t>01/21/2020 17:47:50</t>
  </si>
  <si>
    <t>01/21/2020 17:47:52</t>
  </si>
  <si>
    <t>01/21/2020 17:47:53</t>
  </si>
  <si>
    <t>01/21/2020 17:47:55</t>
  </si>
  <si>
    <t>01/21/2020 17:47:58</t>
  </si>
  <si>
    <t>01/21/2020 17:47:59</t>
  </si>
  <si>
    <t>01/21/2020 17:48:01</t>
  </si>
  <si>
    <t>01/21/2020 17:48:02</t>
  </si>
  <si>
    <t>01/21/2020 17:48:03</t>
  </si>
  <si>
    <t>01/21/2020 17:48:04</t>
  </si>
  <si>
    <t>01/21/2020 17:48:07</t>
  </si>
  <si>
    <t>01/21/2020 17:48:09</t>
  </si>
  <si>
    <t>01/21/2020 17:48:11</t>
  </si>
  <si>
    <t>01/21/2020 17:48:12</t>
  </si>
  <si>
    <t>01/21/2020 17:48:13</t>
  </si>
  <si>
    <t>01/21/2020 17:48:14</t>
  </si>
  <si>
    <t>01/21/2020 17:48:17</t>
  </si>
  <si>
    <t>01/21/2020 17:48:18</t>
  </si>
  <si>
    <t>01/21/2020 17:48:44</t>
  </si>
  <si>
    <t>01/21/2020 17:47:13</t>
  </si>
  <si>
    <t>01/21/2020 17:50:31</t>
  </si>
  <si>
    <t>01/21/2020 17:45:44</t>
  </si>
  <si>
    <t>01/21/2020 17:51:31</t>
  </si>
  <si>
    <t>01/21/2020 17:45:49</t>
  </si>
  <si>
    <t>01/21/2020 17:45:52</t>
  </si>
  <si>
    <t>01/21/2020 17:45:56</t>
  </si>
  <si>
    <t>01/21/2020 17:46:02</t>
  </si>
  <si>
    <t>01/21/2020 17:46:06</t>
  </si>
  <si>
    <t>01/21/2020 17:46:10</t>
  </si>
  <si>
    <t>01/21/2020 17:46:14</t>
  </si>
  <si>
    <t>01/21/2020 17:46:18</t>
  </si>
  <si>
    <t>01/21/2020 17:46:22</t>
  </si>
  <si>
    <t>01/21/2020 17:46:26</t>
  </si>
  <si>
    <t>01/21/2020 17:46:36</t>
  </si>
  <si>
    <t>01/21/2020 17:46:40</t>
  </si>
  <si>
    <t>01/21/2020 17:46:44</t>
  </si>
  <si>
    <t>01/21/2020 17:46:48</t>
  </si>
  <si>
    <t>01/21/2020 17:46:52</t>
  </si>
  <si>
    <t>01/21/2020 17:46:56</t>
  </si>
  <si>
    <t>01/21/2020 17:47:00</t>
  </si>
  <si>
    <t>01/21/2020 17:47:05</t>
  </si>
  <si>
    <t>01/21/2020 17:47:10</t>
  </si>
  <si>
    <t>01/21/2020 17:47:14</t>
  </si>
  <si>
    <t>01/21/2020 17:47:18</t>
  </si>
  <si>
    <t>01/21/2020 17:47:30</t>
  </si>
  <si>
    <t>01/21/2020 17:47:34</t>
  </si>
  <si>
    <t>01/21/2020 17:47:36</t>
  </si>
  <si>
    <t>01/21/2020 17:47:39</t>
  </si>
  <si>
    <t>01/21/2020 17:47:56</t>
  </si>
  <si>
    <t>01/21/2020 17:48:00</t>
  </si>
  <si>
    <t>01/21/2020 17:48:05</t>
  </si>
  <si>
    <t>01/21/2020 17:48:10</t>
  </si>
  <si>
    <t>01/21/2020 17:48:19</t>
  </si>
  <si>
    <t>01/21/2020 17:48:23</t>
  </si>
  <si>
    <t>01/21/2020 17:48:27</t>
  </si>
  <si>
    <t>01/21/2020 17:48:36</t>
  </si>
  <si>
    <t>01/21/2020 17:48:41</t>
  </si>
  <si>
    <t>01/21/2020 17:48:45</t>
  </si>
  <si>
    <t>01/21/2020 17:48:49</t>
  </si>
  <si>
    <t>01/21/2020 17:48:53</t>
  </si>
  <si>
    <t>01/21/2020 17:48:58</t>
  </si>
  <si>
    <t>01/21/2020 17:49:02</t>
  </si>
  <si>
    <t>01/21/2020 17:49:06</t>
  </si>
  <si>
    <t>01/21/2020 17:49:10</t>
  </si>
  <si>
    <t>01/21/2020 17:49:14</t>
  </si>
  <si>
    <t>01/21/2020 17:49:18</t>
  </si>
  <si>
    <t>01/21/2020 17:49:22</t>
  </si>
  <si>
    <t>01/21/2020 17:49:26</t>
  </si>
  <si>
    <t>01/21/2020 17:49:35</t>
  </si>
  <si>
    <t>01/21/2020 17:49:39</t>
  </si>
  <si>
    <t>01/21/2020 17:49:43</t>
  </si>
  <si>
    <t>01/21/2020 17:49:47</t>
  </si>
  <si>
    <t>01/21/2020 17:49:51</t>
  </si>
  <si>
    <t>01/21/2020 17:49:55</t>
  </si>
  <si>
    <t>01/21/2020 17:50:00</t>
  </si>
  <si>
    <t>01/21/2020 17:50:04</t>
  </si>
  <si>
    <t>01/21/2020 17:50:08</t>
  </si>
  <si>
    <t>01/21/2020 17:50:12</t>
  </si>
  <si>
    <t>01/21/2020 17:50:16</t>
  </si>
  <si>
    <t>01/21/2020 17:50:21</t>
  </si>
  <si>
    <t>01/21/2020 17:50:25</t>
  </si>
  <si>
    <t>01/21/2020 17:50:29</t>
  </si>
  <si>
    <t>01/21/2020 17:50:33</t>
  </si>
  <si>
    <t>01/21/2020 17:50:37</t>
  </si>
  <si>
    <t>01/21/2020 17:50:41</t>
  </si>
  <si>
    <t>01/21/2020 17:50:45</t>
  </si>
  <si>
    <t>01/21/2020 17:49:11</t>
  </si>
  <si>
    <t>01/21/2020 17:50:11</t>
  </si>
  <si>
    <t>01/21/2020 17:49:00</t>
  </si>
  <si>
    <t>01/21/2020 17:48:57</t>
  </si>
  <si>
    <t>01/21/2020 17:52:32</t>
  </si>
  <si>
    <t>01/21/2020 17:51:00</t>
  </si>
  <si>
    <t>ed550b6c-4049-47c0-9329-2ba2c829e31e.tmp</t>
  </si>
  <si>
    <t>\\acsfs\profiles$\welidicdj\Downloads\ed550b6c-4049-47c0-9329-2ba2c829e31e.tmp</t>
  </si>
  <si>
    <t>01/21/2020 17:51:27</t>
  </si>
  <si>
    <t>c5c7e2d8-0c51-4cbd-a4d0-cde5f4a1db8d.tmp</t>
  </si>
  <si>
    <t>\\acsfs\profiles$\welidicdj\Downloads\c5c7e2d8-0c51-4cbd-a4d0-cde5f4a1db8d.tmp</t>
  </si>
  <si>
    <t>01/21/2020 17:54:32</t>
  </si>
  <si>
    <t>01/21/2020 17:48:51</t>
  </si>
  <si>
    <t>01/21/2020 17:49:27</t>
  </si>
  <si>
    <t>01/21/2020 17:50:10</t>
  </si>
  <si>
    <t>01/21/2020 17:50:19</t>
  </si>
  <si>
    <t>01/21/2020 17:51:18</t>
  </si>
  <si>
    <t>01/21/2020 17:51:28</t>
  </si>
  <si>
    <t>01/21/2020 17:51:34</t>
  </si>
  <si>
    <t>01/21/2020 17:52:31</t>
  </si>
  <si>
    <t>01/21/2020 17:52:35</t>
  </si>
  <si>
    <t>01/21/2020 17:53:29</t>
  </si>
  <si>
    <t>01/21/2020 17:55:31</t>
  </si>
  <si>
    <t>01/21/2020 17:50:49</t>
  </si>
  <si>
    <t>01/21/2020 17:56:32</t>
  </si>
  <si>
    <t>01/21/2020 17:50:54</t>
  </si>
  <si>
    <t>01/21/2020 17:50:58</t>
  </si>
  <si>
    <t>01/21/2020 17:51:02</t>
  </si>
  <si>
    <t>01/21/2020 17:51:33</t>
  </si>
  <si>
    <t>01/21/2020 17:51:06</t>
  </si>
  <si>
    <t>01/21/2020 17:51:10</t>
  </si>
  <si>
    <t>01/21/2020 17:51:14</t>
  </si>
  <si>
    <t>01/21/2020 17:51:22</t>
  </si>
  <si>
    <t>01/21/2020 17:51:35</t>
  </si>
  <si>
    <t>01/21/2020 17:51:39</t>
  </si>
  <si>
    <t>01/21/2020 17:51:43</t>
  </si>
  <si>
    <t>01/21/2020 17:51:47</t>
  </si>
  <si>
    <t>01/21/2020 17:51:52</t>
  </si>
  <si>
    <t>01/21/2020 17:51:56</t>
  </si>
  <si>
    <t>01/21/2020 17:52:00</t>
  </si>
  <si>
    <t>01/21/2020 17:52:04</t>
  </si>
  <si>
    <t>01/21/2020 17:52:08</t>
  </si>
  <si>
    <t>01/21/2020 17:52:12</t>
  </si>
  <si>
    <t>01/21/2020 17:52:16</t>
  </si>
  <si>
    <t>01/21/2020 17:52:21</t>
  </si>
  <si>
    <t>01/21/2020 17:52:25</t>
  </si>
  <si>
    <t>01/21/2020 17:52:29</t>
  </si>
  <si>
    <t>01/21/2020 17:52:33</t>
  </si>
  <si>
    <t>01/21/2020 17:52:37</t>
  </si>
  <si>
    <t>01/21/2020 17:52:41</t>
  </si>
  <si>
    <t>01/21/2020 17:52:46</t>
  </si>
  <si>
    <t>01/21/2020 17:52:50</t>
  </si>
  <si>
    <t>01/21/2020 17:52:54</t>
  </si>
  <si>
    <t>01/21/2020 17:52:58</t>
  </si>
  <si>
    <t>01/21/2020 17:53:02</t>
  </si>
  <si>
    <t>01/21/2020 17:53:06</t>
  </si>
  <si>
    <t>01/21/2020 17:53:10</t>
  </si>
  <si>
    <t>01/21/2020 17:53:15</t>
  </si>
  <si>
    <t>01/21/2020 17:53:19</t>
  </si>
  <si>
    <t>01/21/2020 17:53:23</t>
  </si>
  <si>
    <t>01/21/2020 17:53:27</t>
  </si>
  <si>
    <t>01/21/2020 17:53:31</t>
  </si>
  <si>
    <t>01/21/2020 17:53:35</t>
  </si>
  <si>
    <t>01/21/2020 17:53:39</t>
  </si>
  <si>
    <t>01/21/2020 17:53:44</t>
  </si>
  <si>
    <t>01/21/2020 17:53:48</t>
  </si>
  <si>
    <t>01/21/2020 17:53:52</t>
  </si>
  <si>
    <t>01/21/2020 17:53:56</t>
  </si>
  <si>
    <t>01/21/2020 17:54:00</t>
  </si>
  <si>
    <t>01/21/2020 17:54:04</t>
  </si>
  <si>
    <t>01/21/2020 17:54:08</t>
  </si>
  <si>
    <t>01/21/2020 17:54:13</t>
  </si>
  <si>
    <t>01/21/2020 17:54:17</t>
  </si>
  <si>
    <t>01/21/2020 17:54:21</t>
  </si>
  <si>
    <t>01/21/2020 17:54:25</t>
  </si>
  <si>
    <t>01/21/2020 17:54:29</t>
  </si>
  <si>
    <t>01/21/2020 17:54:33</t>
  </si>
  <si>
    <t>01/21/2020 17:54:37</t>
  </si>
  <si>
    <t>01/21/2020 17:54:42</t>
  </si>
  <si>
    <t>01/21/2020 17:54:46</t>
  </si>
  <si>
    <t>01/21/2020 17:54:50</t>
  </si>
  <si>
    <t>01/21/2020 17:54:54</t>
  </si>
  <si>
    <t>01/21/2020 17:54:59</t>
  </si>
  <si>
    <t>01/21/2020 17:55:03</t>
  </si>
  <si>
    <t>01/21/2020 17:55:07</t>
  </si>
  <si>
    <t>01/21/2020 17:55:11</t>
  </si>
  <si>
    <t>01/21/2020 17:55:12</t>
  </si>
  <si>
    <t>01/21/2020 17:55:16</t>
  </si>
  <si>
    <t>01/21/2020 17:55:20</t>
  </si>
  <si>
    <t>01/21/2020 17:55:24</t>
  </si>
  <si>
    <t>01/21/2020 17:55:28</t>
  </si>
  <si>
    <t>01/21/2020 17:55:32</t>
  </si>
  <si>
    <t>01/21/2020 17:55:36</t>
  </si>
  <si>
    <t>01/21/2020 17:55:40</t>
  </si>
  <si>
    <t>01/21/2020 17:55:45</t>
  </si>
  <si>
    <t>01/21/2020 17:55:49</t>
  </si>
  <si>
    <t>01/21/2020 17:51:55</t>
  </si>
  <si>
    <t>01/21/2020 17:56:22</t>
  </si>
  <si>
    <t>01/21/2020 17:57:31</t>
  </si>
  <si>
    <t>01/21/2020 17:55:29</t>
  </si>
  <si>
    <t>01/21/2020 17:58:31</t>
  </si>
  <si>
    <t>01/21/2020 17:59:31</t>
  </si>
  <si>
    <t>01/21/2020 17:53:49</t>
  </si>
  <si>
    <t>01/21/2020 17:53:58</t>
  </si>
  <si>
    <t>01/21/2020 17:54:09</t>
  </si>
  <si>
    <t>01/21/2020 17:54:15</t>
  </si>
  <si>
    <t>01/21/2020 17:54:20</t>
  </si>
  <si>
    <t>01/21/2020 17:54:23</t>
  </si>
  <si>
    <t>01/21/2020 17:54:53</t>
  </si>
  <si>
    <t>01/21/2020 18:00:31</t>
  </si>
  <si>
    <t>01/21/2020 17:57:00</t>
  </si>
  <si>
    <t>01/21/2020 17:57:25</t>
  </si>
  <si>
    <t>01/21/2020 17:58:39</t>
  </si>
  <si>
    <t>01/21/2020 17:56:35</t>
  </si>
  <si>
    <t>01/21/2020 18:01:32</t>
  </si>
  <si>
    <t>01/21/2020 17:56:36</t>
  </si>
  <si>
    <t>lu5123671lbpn.tmp</t>
  </si>
  <si>
    <t>\\acsfs\profiles$\LUCASBS\RENEG BV\Consolidado\lu5123671lbpn.tmp</t>
  </si>
  <si>
    <t>\\acsfs\profiles$\LUCASBS\RENEG BV\Consolidado\lu5123671lbpn.tmp\</t>
  </si>
  <si>
    <t>\\acsfs\profiles$\LUCASBS\RENEG BV\Consolidado\lu5123671lbpn.tmp\META-INF\</t>
  </si>
  <si>
    <t>\\acsfs\profiles$\LUCASBS\RENEG BV\Consolidado\lu5123671lbpn.tmp\Thumbnails\</t>
  </si>
  <si>
    <t>01/21/2020 18:00:02</t>
  </si>
  <si>
    <t>01/21/2020 18:00:03</t>
  </si>
  <si>
    <t>lu5123671lbps.tmp</t>
  </si>
  <si>
    <t>\\acsfs\profiles$\LUCASBS\RENEG BV\Consolidado\lu5123671lbps.tmp</t>
  </si>
  <si>
    <t>\\acsfs\profiles$\LUCASBS\RENEG BV\Consolidado\lu5123671lbps.tmp\</t>
  </si>
  <si>
    <t>\\acsfs\profiles$\LUCASBS\RENEG BV\Consolidado\lu5123671lbps.tmp\META-INF\</t>
  </si>
  <si>
    <t>\\acsfs\profiles$\LUCASBS\RENEG BV\Consolidado\lu5123671lbps.tmp\Thumbnails\</t>
  </si>
  <si>
    <t>01/21/2020 18:00:44</t>
  </si>
  <si>
    <t>01/21/2020 18:00:45</t>
  </si>
  <si>
    <t>lu5123671lbpx.tmp</t>
  </si>
  <si>
    <t>\\acsfs\profiles$\LUCASBS\RENEG BV\Consolidado\lu5123671lbpx.tmp</t>
  </si>
  <si>
    <t>\\acsfs\profiles$\LUCASBS\RENEG BV\Consolidado\lu5123671lbpx.tmp\</t>
  </si>
  <si>
    <t>\\acsfs\profiles$\LUCASBS\RENEG BV\Consolidado\lu5123671lbpx.tmp\META-INF\</t>
  </si>
  <si>
    <t>\\acsfs\profiles$\LUCASBS\RENEG BV\Consolidado\lu5123671lbpx.tmp\Thumbnails\</t>
  </si>
  <si>
    <t>01/21/2020 17:57:23</t>
  </si>
  <si>
    <t>01/21/2020 17:55:53</t>
  </si>
  <si>
    <t>01/21/2020 17:55:55</t>
  </si>
  <si>
    <t>01/21/2020 17:55:57</t>
  </si>
  <si>
    <t>01/21/2020 17:56:01</t>
  </si>
  <si>
    <t>01/21/2020 17:56:05</t>
  </si>
  <si>
    <t>01/21/2020 17:56:10</t>
  </si>
  <si>
    <t>01/21/2020 17:56:14</t>
  </si>
  <si>
    <t>01/21/2020 17:56:18</t>
  </si>
  <si>
    <t>01/21/2020 17:56:26</t>
  </si>
  <si>
    <t>01/21/2020 17:56:30</t>
  </si>
  <si>
    <t>01/21/2020 17:56:34</t>
  </si>
  <si>
    <t>01/21/2020 17:56:39</t>
  </si>
  <si>
    <t>01/21/2020 17:56:43</t>
  </si>
  <si>
    <t>01/21/2020 17:56:47</t>
  </si>
  <si>
    <t>01/21/2020 17:56:51</t>
  </si>
  <si>
    <t>01/21/2020 17:56:55</t>
  </si>
  <si>
    <t>01/21/2020 17:56:59</t>
  </si>
  <si>
    <t>01/21/2020 17:57:04</t>
  </si>
  <si>
    <t>01/21/2020 17:57:08</t>
  </si>
  <si>
    <t>01/21/2020 17:57:12</t>
  </si>
  <si>
    <t>01/21/2020 17:57:16</t>
  </si>
  <si>
    <t>01/21/2020 17:57:20</t>
  </si>
  <si>
    <t>01/21/2020 17:57:24</t>
  </si>
  <si>
    <t>01/21/2020 17:57:28</t>
  </si>
  <si>
    <t>01/21/2020 17:57:32</t>
  </si>
  <si>
    <t>01/21/2020 17:57:37</t>
  </si>
  <si>
    <t>01/21/2020 17:57:41</t>
  </si>
  <si>
    <t>01/21/2020 17:56:11</t>
  </si>
  <si>
    <t>01/21/2020 17:57:45</t>
  </si>
  <si>
    <t>01/21/2020 17:57:49</t>
  </si>
  <si>
    <t>01/21/2020 17:57:53</t>
  </si>
  <si>
    <t>01/21/2020 17:57:57</t>
  </si>
  <si>
    <t>01/21/2020 17:58:02</t>
  </si>
  <si>
    <t>01/21/2020 17:58:06</t>
  </si>
  <si>
    <t>01/21/2020 17:58:10</t>
  </si>
  <si>
    <t>01/21/2020 17:58:14</t>
  </si>
  <si>
    <t>01/21/2020 17:58:18</t>
  </si>
  <si>
    <t>01/21/2020 17:58:22</t>
  </si>
  <si>
    <t>01/21/2020 17:58:26</t>
  </si>
  <si>
    <t>01/21/2020 17:58:30</t>
  </si>
  <si>
    <t>01/21/2020 17:58:35</t>
  </si>
  <si>
    <t>01/21/2020 17:58:43</t>
  </si>
  <si>
    <t>01/21/2020 17:58:47</t>
  </si>
  <si>
    <t>01/21/2020 17:58:51</t>
  </si>
  <si>
    <t>01/21/2020 17:58:55</t>
  </si>
  <si>
    <t>01/21/2020 17:58:59</t>
  </si>
  <si>
    <t>01/21/2020 17:59:04</t>
  </si>
  <si>
    <t>01/21/2020 17:59:08</t>
  </si>
  <si>
    <t>01/21/2020 17:59:12</t>
  </si>
  <si>
    <t>01/21/2020 17:59:18</t>
  </si>
  <si>
    <t>01/21/2020 17:59:22</t>
  </si>
  <si>
    <t>01/21/2020 17:59:26</t>
  </si>
  <si>
    <t>01/21/2020 17:59:30</t>
  </si>
  <si>
    <t>01/21/2020 17:59:34</t>
  </si>
  <si>
    <t>01/21/2020 17:59:39</t>
  </si>
  <si>
    <t>01/21/2020 17:59:43</t>
  </si>
  <si>
    <t>01/21/2020 17:59:47</t>
  </si>
  <si>
    <t>01/21/2020 17:59:51</t>
  </si>
  <si>
    <t>01/21/2020 17:59:55</t>
  </si>
  <si>
    <t>64f9e155-7176-4671-aa2a-b2e29b9a9dcc.tmp</t>
  </si>
  <si>
    <t>\\acsfs\profiles$\fernandofs\Downloads\64f9e155-7176-4671-aa2a-b2e29b9a9dcc.tmp</t>
  </si>
  <si>
    <t>01/21/2020 17:59:59</t>
  </si>
  <si>
    <t>01/21/2020 18:00:08</t>
  </si>
  <si>
    <t>01/21/2020 18:00:12</t>
  </si>
  <si>
    <t>01/21/2020 18:00:16</t>
  </si>
  <si>
    <t>01/21/2020 18:00:20</t>
  </si>
  <si>
    <t>01/21/2020 18:00:24</t>
  </si>
  <si>
    <t>01/21/2020 18:00:28</t>
  </si>
  <si>
    <t>01/21/2020 18:00:33</t>
  </si>
  <si>
    <t>01/21/2020 18:00:37</t>
  </si>
  <si>
    <t>01/21/2020 18:00:41</t>
  </si>
  <si>
    <t>01/21/2020 18:00:49</t>
  </si>
  <si>
    <t>01/21/2020 18:00:53</t>
  </si>
  <si>
    <t>01/21/2020 18:00:57</t>
  </si>
  <si>
    <t>01/21/2020 17:56:50</t>
  </si>
  <si>
    <t>01/21/2020 17:57:55</t>
  </si>
  <si>
    <t>01/21/2020 18:00:14</t>
  </si>
  <si>
    <t>01/21/2020 18:03:31</t>
  </si>
  <si>
    <t>01/21/2020 18:01:10</t>
  </si>
  <si>
    <t>01/21/2020 18:04:32</t>
  </si>
  <si>
    <t>01/21/2020 18:05:31</t>
  </si>
  <si>
    <t>01/21/2020 18:01:11</t>
  </si>
  <si>
    <t>01/21/2020 18:06:31</t>
  </si>
  <si>
    <t>01/21/2020 18:02:11</t>
  </si>
  <si>
    <t>01/21/2020 18:01:01</t>
  </si>
  <si>
    <t>01/21/2020 18:01:06</t>
  </si>
  <si>
    <t>01/21/2020 18:01:14</t>
  </si>
  <si>
    <t>01/21/2020 18:01:18</t>
  </si>
  <si>
    <t>01/21/2020 18:01:23</t>
  </si>
  <si>
    <t>01/21/2020 18:01:26</t>
  </si>
  <si>
    <t>01/21/2020 18:01:31</t>
  </si>
  <si>
    <t>01/21/2020 18:01:35</t>
  </si>
  <si>
    <t>01/21/2020 18:01:39</t>
  </si>
  <si>
    <t>01/21/2020 18:01:44</t>
  </si>
  <si>
    <t>01/21/2020 18:01:48</t>
  </si>
  <si>
    <t>01/21/2020 18:01:52</t>
  </si>
  <si>
    <t>01/21/2020 18:01:55</t>
  </si>
  <si>
    <t>01/21/2020 18:01:56</t>
  </si>
  <si>
    <t>01/21/2020 18:02:00</t>
  </si>
  <si>
    <t>01/21/2020 18:02:07</t>
  </si>
  <si>
    <t>01/21/2020 18:02:15</t>
  </si>
  <si>
    <t>01/21/2020 18:02:19</t>
  </si>
  <si>
    <t>01/21/2020 18:02:23</t>
  </si>
  <si>
    <t>01/21/2020 18:02:27</t>
  </si>
  <si>
    <t>01/21/2020 18:02:31</t>
  </si>
  <si>
    <t>01/21/2020 18:02:36</t>
  </si>
  <si>
    <t>01/21/2020 18:02:40</t>
  </si>
  <si>
    <t>01/21/2020 18:02:44</t>
  </si>
  <si>
    <t>01/21/2020 18:02:48</t>
  </si>
  <si>
    <t>01/21/2020 18:02:49</t>
  </si>
  <si>
    <t>01/21/2020 18:02:52</t>
  </si>
  <si>
    <t>01/21/2020 18:02:56</t>
  </si>
  <si>
    <t>01/21/2020 18:03:01</t>
  </si>
  <si>
    <t>01/21/2020 18:03:05</t>
  </si>
  <si>
    <t>01/21/2020 18:03:09</t>
  </si>
  <si>
    <t>01/21/2020 18:03:13</t>
  </si>
  <si>
    <t>01/21/2020 18:03:17</t>
  </si>
  <si>
    <t>01/21/2020 18:03:21</t>
  </si>
  <si>
    <t>01/21/2020 18:03:25</t>
  </si>
  <si>
    <t>01/21/2020 18:03:29</t>
  </si>
  <si>
    <t>01/21/2020 18:03:34</t>
  </si>
  <si>
    <t>01/21/2020 18:03:38</t>
  </si>
  <si>
    <t>01/21/2020 18:03:42</t>
  </si>
  <si>
    <t>01/21/2020 18:03:46</t>
  </si>
  <si>
    <t>01/21/2020 18:03:50</t>
  </si>
  <si>
    <t>01/21/2020 18:03:54</t>
  </si>
  <si>
    <t>01/21/2020 18:03:59</t>
  </si>
  <si>
    <t>01/21/2020 18:04:03</t>
  </si>
  <si>
    <t>01/21/2020 18:04:07</t>
  </si>
  <si>
    <t>01/21/2020 18:04:11</t>
  </si>
  <si>
    <t>01/21/2020 18:04:15</t>
  </si>
  <si>
    <t>01/21/2020 18:04:19</t>
  </si>
  <si>
    <t>01/21/2020 18:04:24</t>
  </si>
  <si>
    <t>01/21/2020 18:04:28</t>
  </si>
  <si>
    <t>01/21/2020 18:04:36</t>
  </si>
  <si>
    <t>01/21/2020 18:04:40</t>
  </si>
  <si>
    <t>01/21/2020 18:04:44</t>
  </si>
  <si>
    <t>01/21/2020 18:04:48</t>
  </si>
  <si>
    <t>01/21/2020 18:04:53</t>
  </si>
  <si>
    <t>01/21/2020 18:04:57</t>
  </si>
  <si>
    <t>01/21/2020 18:05:01</t>
  </si>
  <si>
    <t>01/21/2020 18:05:05</t>
  </si>
  <si>
    <t>01/21/2020 18:05:09</t>
  </si>
  <si>
    <t>01/21/2020 18:05:13</t>
  </si>
  <si>
    <t>01/21/2020 18:05:17</t>
  </si>
  <si>
    <t>01/21/2020 18:05:22</t>
  </si>
  <si>
    <t>01/21/2020 18:05:26</t>
  </si>
  <si>
    <t>01/21/2020 18:05:30</t>
  </si>
  <si>
    <t>01/21/2020 18:05:34</t>
  </si>
  <si>
    <t>01/21/2020 18:05:38</t>
  </si>
  <si>
    <t>01/21/2020 18:05:42</t>
  </si>
  <si>
    <t>01/21/2020 18:05:46</t>
  </si>
  <si>
    <t>01/21/2020 18:05:52</t>
  </si>
  <si>
    <t>01/21/2020 18:05:55</t>
  </si>
  <si>
    <t>01/21/2020 18:05:59</t>
  </si>
  <si>
    <t>01/21/2020 18:06:03</t>
  </si>
  <si>
    <t>01/21/2020 18:03:55</t>
  </si>
  <si>
    <t>01/21/2020 18:04:25</t>
  </si>
  <si>
    <t>01/21/2020 18:05:57</t>
  </si>
  <si>
    <t>01/21/2020 18:07:31</t>
  </si>
  <si>
    <t>01/21/2020 18:03:44</t>
  </si>
  <si>
    <t>a67dad91-1300-41f1-94f6-fc7ce6e9bf4c.tmp</t>
  </si>
  <si>
    <t>\\acsfs\profiles$\henriqueco\Downloads\a67dad91-1300-41f1-94f6-fc7ce6e9bf4c.tmp</t>
  </si>
  <si>
    <t>01/21/2020 18:06:18</t>
  </si>
  <si>
    <t>8e377375-0d55-4cb1-b61d-a9d8ef233e39.tmp</t>
  </si>
  <si>
    <t>\\acsfs\profiles$\henriqueco\Downloads\8e377375-0d55-4cb1-b61d-a9d8ef233e39.tmp</t>
  </si>
  <si>
    <t>01/21/2020 18:05:03</t>
  </si>
  <si>
    <t>01/21/2020 18:05:15</t>
  </si>
  <si>
    <t>01/21/2020 18:05:16</t>
  </si>
  <si>
    <t>01/21/2020 18:05:19</t>
  </si>
  <si>
    <t>1a0c6beb-f3f0-4d5e-9e5e-da7bbe9a7fdb.tmp</t>
  </si>
  <si>
    <t>\\acsfs\profiles$\Adrieledgc\Downloads\1a0c6beb-f3f0-4d5e-9e5e-da7bbe9a7fdb.tmp</t>
  </si>
  <si>
    <t>01/21/2020 18:04:43</t>
  </si>
  <si>
    <t>01/21/2020 18:08:32</t>
  </si>
  <si>
    <t>01/21/2020 18:09:31</t>
  </si>
  <si>
    <t>01/21/2020 18:07:44</t>
  </si>
  <si>
    <t>01/21/2020 18:10:32</t>
  </si>
  <si>
    <t>d1df2396-21a4-4f5c-9cb8-c5c1ccf7440f.tmp</t>
  </si>
  <si>
    <t>\\acsfs\profiles$\andreapdsg\Downloads\d1df2396-21a4-4f5c-9cb8-c5c1ccf7440f.tmp</t>
  </si>
  <si>
    <t>01/21/2020 18:11:31</t>
  </si>
  <si>
    <t>\\acsfs\ACS\Gabriel da Silva\Contemporânea\VENDAS\Vendas e Ofertas_novo.xlsm</t>
  </si>
  <si>
    <t>01/21/2020 18:08:06</t>
  </si>
  <si>
    <t>Vendas e Ofertas_Jan.20.xlsm</t>
  </si>
  <si>
    <t>\\acsfs\ACS\Gabriel da Silva\Contemporânea\Vendas e Ofertas_Jan.20.xlsm</t>
  </si>
  <si>
    <t>01/21/2020 18:08:41</t>
  </si>
  <si>
    <t>Vendas e Ofertas_Jan.20.xlsx</t>
  </si>
  <si>
    <t>\\acsfs\ACS\Gabriel da Silva\Contemporânea\Vendas e Ofertas_Jan.20.xlsx</t>
  </si>
  <si>
    <t>01/21/2020 18:09:03</t>
  </si>
  <si>
    <t>01/21/2020 18:10:05</t>
  </si>
  <si>
    <t>01/21/2020 18:07:11</t>
  </si>
  <si>
    <t>01/21/2020 18:08:11</t>
  </si>
  <si>
    <t>01/21/2020 18:06:07</t>
  </si>
  <si>
    <t>01/21/2020 18:06:11</t>
  </si>
  <si>
    <t>01/21/2020 18:06:15</t>
  </si>
  <si>
    <t>01/21/2020 18:06:20</t>
  </si>
  <si>
    <t>01/21/2020 18:06:24</t>
  </si>
  <si>
    <t>01/21/2020 18:06:28</t>
  </si>
  <si>
    <t>01/21/2020 18:06:32</t>
  </si>
  <si>
    <t>01/21/2020 18:06:36</t>
  </si>
  <si>
    <t>01/21/2020 18:06:40</t>
  </si>
  <si>
    <t>01/21/2020 18:06:44</t>
  </si>
  <si>
    <t>01/21/2020 18:06:49</t>
  </si>
  <si>
    <t>01/21/2020 18:06:53</t>
  </si>
  <si>
    <t>01/21/2020 18:06:57</t>
  </si>
  <si>
    <t>01/21/2020 18:07:01</t>
  </si>
  <si>
    <t>01/21/2020 18:07:05</t>
  </si>
  <si>
    <t>01/21/2020 18:07:09</t>
  </si>
  <si>
    <t>01/21/2020 18:07:13</t>
  </si>
  <si>
    <t>01/21/2020 18:07:18</t>
  </si>
  <si>
    <t>01/21/2020 18:07:22</t>
  </si>
  <si>
    <t>01/21/2020 18:07:26</t>
  </si>
  <si>
    <t>01/21/2020 18:07:30</t>
  </si>
  <si>
    <t>01/21/2020 18:07:34</t>
  </si>
  <si>
    <t>01/21/2020 18:07:38</t>
  </si>
  <si>
    <t>01/21/2020 18:07:42</t>
  </si>
  <si>
    <t>01/21/2020 18:07:47</t>
  </si>
  <si>
    <t>01/21/2020 18:07:51</t>
  </si>
  <si>
    <t>01/21/2020 18:07:55</t>
  </si>
  <si>
    <t>01/21/2020 18:07:59</t>
  </si>
  <si>
    <t>01/21/2020 18:08:03</t>
  </si>
  <si>
    <t>01/21/2020 18:08:07</t>
  </si>
  <si>
    <t>01/21/2020 18:08:16</t>
  </si>
  <si>
    <t>01/21/2020 18:08:20</t>
  </si>
  <si>
    <t>01/21/2020 18:08:24</t>
  </si>
  <si>
    <t>01/21/2020 18:08:28</t>
  </si>
  <si>
    <t>01/21/2020 18:08:33</t>
  </si>
  <si>
    <t>01/21/2020 18:08:36</t>
  </si>
  <si>
    <t>01/21/2020 18:08:40</t>
  </si>
  <si>
    <t>01/21/2020 18:08:44</t>
  </si>
  <si>
    <t>01/21/2020 18:08:49</t>
  </si>
  <si>
    <t>01/21/2020 18:08:53</t>
  </si>
  <si>
    <t>01/21/2020 18:08:57</t>
  </si>
  <si>
    <t>01/21/2020 18:09:01</t>
  </si>
  <si>
    <t>01/21/2020 18:09:05</t>
  </si>
  <si>
    <t>01/21/2020 18:09:09</t>
  </si>
  <si>
    <t>01/21/2020 18:09:13</t>
  </si>
  <si>
    <t>01/21/2020 18:09:18</t>
  </si>
  <si>
    <t>01/21/2020 18:09:22</t>
  </si>
  <si>
    <t>01/21/2020 18:09:26</t>
  </si>
  <si>
    <t>01/21/2020 18:09:30</t>
  </si>
  <si>
    <t>01/21/2020 18:09:34</t>
  </si>
  <si>
    <t>01/21/2020 18:09:38</t>
  </si>
  <si>
    <t>01/21/2020 18:09:42</t>
  </si>
  <si>
    <t>01/21/2020 18:09:46</t>
  </si>
  <si>
    <t>01/21/2020 18:09:51</t>
  </si>
  <si>
    <t>01/21/2020 18:09:55</t>
  </si>
  <si>
    <t>01/21/2020 18:10:00</t>
  </si>
  <si>
    <t>01/21/2020 18:10:03</t>
  </si>
  <si>
    <t>01/21/2020 18:10:07</t>
  </si>
  <si>
    <t>01/21/2020 18:10:11</t>
  </si>
  <si>
    <t>01/21/2020 18:10:16</t>
  </si>
  <si>
    <t>01/21/2020 18:10:20</t>
  </si>
  <si>
    <t>01/21/2020 18:10:24</t>
  </si>
  <si>
    <t>01/21/2020 18:10:28</t>
  </si>
  <si>
    <t>01/21/2020 18:10:30</t>
  </si>
  <si>
    <t>01/21/2020 18:10:36</t>
  </si>
  <si>
    <t>01/21/2020 18:10:40</t>
  </si>
  <si>
    <t>01/21/2020 18:10:44</t>
  </si>
  <si>
    <t>01/21/2020 18:10:49</t>
  </si>
  <si>
    <t>01/21/2020 18:10:53</t>
  </si>
  <si>
    <t>01/21/2020 18:10:57</t>
  </si>
  <si>
    <t>01/21/2020 18:11:01</t>
  </si>
  <si>
    <t>01/21/2020 18:11:05</t>
  </si>
  <si>
    <t>01/21/2020 18:11:09</t>
  </si>
  <si>
    <t>01/21/2020 18:06:33</t>
  </si>
  <si>
    <t>01/21/2020 18:07:19</t>
  </si>
  <si>
    <t>01/21/2020 18:07:48</t>
  </si>
  <si>
    <t>01/21/2020 18:07:54</t>
  </si>
  <si>
    <t>01/21/2020 18:08:13</t>
  </si>
  <si>
    <t>01/21/2020 18:12:32</t>
  </si>
  <si>
    <t>01/21/2020 18:10:08</t>
  </si>
  <si>
    <t>01/21/2020 18:13:31</t>
  </si>
  <si>
    <t>01/21/2020 18:09:23</t>
  </si>
  <si>
    <t>f3d949fe-83ec-4375-96bc-e3b43bcf0b74.tmp</t>
  </si>
  <si>
    <t>\\acsfs\profiles$\gabrielamdp\Downloads\f3d949fe-83ec-4375-96bc-e3b43bcf0b74.tmp</t>
  </si>
  <si>
    <t>01/21/2020 18:09:27</t>
  </si>
  <si>
    <t>01/21/2020 18:14:31</t>
  </si>
  <si>
    <t>01/21/2020 18:15:31</t>
  </si>
  <si>
    <t>01/21/2020 18:11:57</t>
  </si>
  <si>
    <t>01/21/2020 18:16:31</t>
  </si>
  <si>
    <t>\\acsfs\ACS\Gabriel da Silva\Contemporânea\VENDAS\Vendas e Ofertas_Jan.20.xlsm</t>
  </si>
  <si>
    <t>01/21/2020 18:15:21</t>
  </si>
  <si>
    <t>f9f50c77-44c5-4b64-8374-3383d3e399e9.tmp</t>
  </si>
  <si>
    <t>\\acsfs\profiles$\gabrielsma\Downloads\f9f50c77-44c5-4b64-8374-3383d3e399e9.tmp</t>
  </si>
  <si>
    <t>01/21/2020 18:15:42</t>
  </si>
  <si>
    <t>01/21/2020 18:13:11</t>
  </si>
  <si>
    <t>01/21/2020 18:14:11</t>
  </si>
  <si>
    <t>01/21/2020 18:11:13</t>
  </si>
  <si>
    <t>01/21/2020 18:11:17</t>
  </si>
  <si>
    <t>01/21/2020 18:11:22</t>
  </si>
  <si>
    <t>01/21/2020 18:11:26</t>
  </si>
  <si>
    <t>01/21/2020 18:11:30</t>
  </si>
  <si>
    <t>01/21/2020 18:11:34</t>
  </si>
  <si>
    <t>01/21/2020 18:11:38</t>
  </si>
  <si>
    <t>01/21/2020 18:11:42</t>
  </si>
  <si>
    <t>01/21/2020 18:11:47</t>
  </si>
  <si>
    <t>01/21/2020 18:11:51</t>
  </si>
  <si>
    <t>01/21/2020 18:11:56</t>
  </si>
  <si>
    <t>01/21/2020 18:12:00</t>
  </si>
  <si>
    <t>01/21/2020 18:12:04</t>
  </si>
  <si>
    <t>01/21/2020 18:12:08</t>
  </si>
  <si>
    <t>01/21/2020 18:12:12</t>
  </si>
  <si>
    <t>01/21/2020 18:12:16</t>
  </si>
  <si>
    <t>01/21/2020 18:12:21</t>
  </si>
  <si>
    <t>01/21/2020 18:12:25</t>
  </si>
  <si>
    <t>01/21/2020 18:12:29</t>
  </si>
  <si>
    <t>01/21/2020 18:12:33</t>
  </si>
  <si>
    <t>01/21/2020 18:12:37</t>
  </si>
  <si>
    <t>01/21/2020 18:12:41</t>
  </si>
  <si>
    <t>01/21/2020 18:12:45</t>
  </si>
  <si>
    <t>01/21/2020 18:12:50</t>
  </si>
  <si>
    <t>01/21/2020 18:12:54</t>
  </si>
  <si>
    <t>01/21/2020 18:12:58</t>
  </si>
  <si>
    <t>01/21/2020 18:13:02</t>
  </si>
  <si>
    <t>01/21/2020 18:13:06</t>
  </si>
  <si>
    <t>01/21/2020 18:13:10</t>
  </si>
  <si>
    <t>01/21/2020 18:13:14</t>
  </si>
  <si>
    <t>01/21/2020 18:13:19</t>
  </si>
  <si>
    <t>01/21/2020 18:13:23</t>
  </si>
  <si>
    <t>01/21/2020 18:13:27</t>
  </si>
  <si>
    <t>01/21/2020 18:13:35</t>
  </si>
  <si>
    <t>01/21/2020 18:13:39</t>
  </si>
  <si>
    <t>01/21/2020 18:13:43</t>
  </si>
  <si>
    <t>01/21/2020 18:13:48</t>
  </si>
  <si>
    <t>01/21/2020 18:13:52</t>
  </si>
  <si>
    <t>01/21/2020 18:13:55</t>
  </si>
  <si>
    <t>01/21/2020 18:13:56</t>
  </si>
  <si>
    <t>01/21/2020 18:14:00</t>
  </si>
  <si>
    <t>01/21/2020 18:14:04</t>
  </si>
  <si>
    <t>01/21/2020 18:14:08</t>
  </si>
  <si>
    <t>01/21/2020 18:14:12</t>
  </si>
  <si>
    <t>01/21/2020 18:14:17</t>
  </si>
  <si>
    <t>01/21/2020 18:14:21</t>
  </si>
  <si>
    <t>01/21/2020 18:14:25</t>
  </si>
  <si>
    <t>01/21/2020 18:14:29</t>
  </si>
  <si>
    <t>01/21/2020 18:14:33</t>
  </si>
  <si>
    <t>01/21/2020 18:14:37</t>
  </si>
  <si>
    <t>01/21/2020 18:14:41</t>
  </si>
  <si>
    <t>01/21/2020 18:14:46</t>
  </si>
  <si>
    <t>01/21/2020 18:14:50</t>
  </si>
  <si>
    <t>01/21/2020 18:14:54</t>
  </si>
  <si>
    <t>01/21/2020 18:14:58</t>
  </si>
  <si>
    <t>01/21/2020 18:15:02</t>
  </si>
  <si>
    <t>01/21/2020 18:15:06</t>
  </si>
  <si>
    <t>01/21/2020 18:15:11</t>
  </si>
  <si>
    <t>01/21/2020 18:15:15</t>
  </si>
  <si>
    <t>01/21/2020 18:15:19</t>
  </si>
  <si>
    <t>01/21/2020 18:15:23</t>
  </si>
  <si>
    <t>01/21/2020 18:15:27</t>
  </si>
  <si>
    <t>01/21/2020 18:15:35</t>
  </si>
  <si>
    <t>01/21/2020 18:15:39</t>
  </si>
  <si>
    <t>01/21/2020 18:15:44</t>
  </si>
  <si>
    <t>01/21/2020 18:15:48</t>
  </si>
  <si>
    <t>01/21/2020 18:15:52</t>
  </si>
  <si>
    <t>01/21/2020 18:15:56</t>
  </si>
  <si>
    <t>01/21/2020 18:16:00</t>
  </si>
  <si>
    <t>01/21/2020 18:16:04</t>
  </si>
  <si>
    <t>01/21/2020 18:16:09</t>
  </si>
  <si>
    <t>01/21/2020 18:16:13</t>
  </si>
  <si>
    <t>01/21/2020 18:13:38</t>
  </si>
  <si>
    <t>01/21/2020 18:15:55</t>
  </si>
  <si>
    <t>01/21/2020 18:14:18</t>
  </si>
  <si>
    <t>01/21/2020 18:17:32</t>
  </si>
  <si>
    <t>01/21/2020 18:20:31</t>
  </si>
  <si>
    <t>01/21/2020 18:16:17</t>
  </si>
  <si>
    <t>01/21/2020 18:19:27</t>
  </si>
  <si>
    <t>01/21/2020 18:21:32</t>
  </si>
  <si>
    <t>894c904c-5ee9-4287-b26a-3ccf97d37c6b.tmp</t>
  </si>
  <si>
    <t>\\acsfs\profiles$\gabrielamdp\Downloads\894c904c-5ee9-4287-b26a-3ccf97d37c6b.tmp</t>
  </si>
  <si>
    <t>205ef3f8-4b93-4208-809e-13596b82a6ce.tmp</t>
  </si>
  <si>
    <t>\\acsfs\profiles$\gabrielamdp\Downloads\205ef3f8-4b93-4208-809e-13596b82a6ce.tmp</t>
  </si>
  <si>
    <t>c071df14-0bd1-4044-b7ee-56f0053c23fe.tmp</t>
  </si>
  <si>
    <t>\\acsfs\profiles$\gabrielamdp\Downloads\c071df14-0bd1-4044-b7ee-56f0053c23fe.tmp</t>
  </si>
  <si>
    <t>4516363e-5a27-4c0d-afc6-adaae54d7a1a.tmp</t>
  </si>
  <si>
    <t>\\acsfs\profiles$\gabrielamdp\Downloads\4516363e-5a27-4c0d-afc6-adaae54d7a1a.tmp</t>
  </si>
  <si>
    <t>01/21/2020 18:20:24</t>
  </si>
  <si>
    <t>347a868e-6325-4384-b53e-4a5d722e589a.tmp</t>
  </si>
  <si>
    <t>\\acsfs\profiles$\gabrielamdp\Downloads\347a868e-6325-4384-b53e-4a5d722e589a.tmp</t>
  </si>
  <si>
    <t>01/21/2020 18:19:11</t>
  </si>
  <si>
    <t>01/21/2020 18:20:11</t>
  </si>
  <si>
    <t>01/21/2020 18:16:21</t>
  </si>
  <si>
    <t>01/21/2020 18:16:25</t>
  </si>
  <si>
    <t>01/21/2020 18:16:29</t>
  </si>
  <si>
    <t>01/21/2020 18:16:33</t>
  </si>
  <si>
    <t>01/21/2020 18:16:38</t>
  </si>
  <si>
    <t>01/21/2020 18:16:42</t>
  </si>
  <si>
    <t>01/21/2020 18:16:46</t>
  </si>
  <si>
    <t>01/21/2020 18:16:50</t>
  </si>
  <si>
    <t>01/21/2020 18:16:54</t>
  </si>
  <si>
    <t>01/21/2020 18:16:58</t>
  </si>
  <si>
    <t>01/21/2020 18:17:02</t>
  </si>
  <si>
    <t>01/21/2020 18:17:07</t>
  </si>
  <si>
    <t>01/21/2020 18:17:11</t>
  </si>
  <si>
    <t>01/21/2020 18:17:15</t>
  </si>
  <si>
    <t>01/21/2020 18:17:19</t>
  </si>
  <si>
    <t>01/21/2020 18:17:23</t>
  </si>
  <si>
    <t>01/21/2020 18:17:27</t>
  </si>
  <si>
    <t>01/21/2020 18:17:31</t>
  </si>
  <si>
    <t>01/21/2020 18:17:36</t>
  </si>
  <si>
    <t>01/21/2020 18:17:40</t>
  </si>
  <si>
    <t>01/21/2020 18:17:44</t>
  </si>
  <si>
    <t>01/21/2020 18:17:48</t>
  </si>
  <si>
    <t>01/21/2020 18:17:52</t>
  </si>
  <si>
    <t>01/21/2020 18:17:56</t>
  </si>
  <si>
    <t>01/21/2020 18:18:00</t>
  </si>
  <si>
    <t>01/21/2020 18:18:05</t>
  </si>
  <si>
    <t>01/21/2020 18:18:08</t>
  </si>
  <si>
    <t>01/21/2020 18:18:10</t>
  </si>
  <si>
    <t>01/21/2020 18:18:14</t>
  </si>
  <si>
    <t>01/21/2020 18:18:18</t>
  </si>
  <si>
    <t>01/21/2020 18:18:22</t>
  </si>
  <si>
    <t>01/21/2020 18:18:26</t>
  </si>
  <si>
    <t>01/21/2020 18:18:30</t>
  </si>
  <si>
    <t>01/21/2020 18:18:34</t>
  </si>
  <si>
    <t>01/21/2020 18:18:38</t>
  </si>
  <si>
    <t>01/21/2020 18:18:43</t>
  </si>
  <si>
    <t>01/21/2020 18:18:47</t>
  </si>
  <si>
    <t>01/21/2020 18:18:51</t>
  </si>
  <si>
    <t>01/21/2020 18:18:55</t>
  </si>
  <si>
    <t>01/21/2020 18:18:59</t>
  </si>
  <si>
    <t>01/21/2020 18:19:03</t>
  </si>
  <si>
    <t>01/21/2020 18:19:08</t>
  </si>
  <si>
    <t>01/21/2020 18:19:12</t>
  </si>
  <si>
    <t>01/21/2020 18:19:16</t>
  </si>
  <si>
    <t>01/21/2020 18:19:20</t>
  </si>
  <si>
    <t>01/21/2020 18:19:24</t>
  </si>
  <si>
    <t>01/21/2020 18:19:28</t>
  </si>
  <si>
    <t>01/21/2020 18:19:32</t>
  </si>
  <si>
    <t>01/21/2020 18:19:36</t>
  </si>
  <si>
    <t>01/21/2020 18:19:41</t>
  </si>
  <si>
    <t>01/21/2020 18:19:45</t>
  </si>
  <si>
    <t>01/21/2020 18:19:49</t>
  </si>
  <si>
    <t>01/21/2020 18:19:53</t>
  </si>
  <si>
    <t>01/21/2020 18:19:55</t>
  </si>
  <si>
    <t>01/21/2020 18:19:57</t>
  </si>
  <si>
    <t>01/21/2020 18:20:01</t>
  </si>
  <si>
    <t>01/21/2020 18:20:05</t>
  </si>
  <si>
    <t>01/21/2020 18:20:10</t>
  </si>
  <si>
    <t>01/21/2020 18:20:14</t>
  </si>
  <si>
    <t>01/21/2020 18:20:18</t>
  </si>
  <si>
    <t>01/21/2020 18:20:22</t>
  </si>
  <si>
    <t>01/21/2020 18:20:26</t>
  </si>
  <si>
    <t>01/21/2020 18:20:30</t>
  </si>
  <si>
    <t>01/21/2020 18:20:34</t>
  </si>
  <si>
    <t>01/21/2020 18:20:39</t>
  </si>
  <si>
    <t>01/21/2020 18:20:43</t>
  </si>
  <si>
    <t>01/21/2020 18:20:47</t>
  </si>
  <si>
    <t>01/21/2020 18:20:51</t>
  </si>
  <si>
    <t>01/21/2020 18:20:55</t>
  </si>
  <si>
    <t>01/21/2020 18:20:59</t>
  </si>
  <si>
    <t>01/21/2020 18:21:03</t>
  </si>
  <si>
    <t>01/21/2020 18:21:08</t>
  </si>
  <si>
    <t>01/21/2020 18:21:12</t>
  </si>
  <si>
    <t>01/21/2020 18:21:16</t>
  </si>
  <si>
    <t>01/21/2020 18:21:20</t>
  </si>
  <si>
    <t>01/21/2020 18:19:01</t>
  </si>
  <si>
    <t>01/21/2020 18:21:26</t>
  </si>
  <si>
    <t>01/21/2020 18:22:31</t>
  </si>
  <si>
    <t>01/21/2020 18:25:31</t>
  </si>
  <si>
    <t>01/21/2020 18:25:46</t>
  </si>
  <si>
    <t>01/21/2020 18:26:31</t>
  </si>
  <si>
    <t>01/21/2020 18:25:51</t>
  </si>
  <si>
    <t>01/21/2020 18:25:11</t>
  </si>
  <si>
    <t>01/21/2020 18:24:22</t>
  </si>
  <si>
    <t>01/21/2020 18:21:24</t>
  </si>
  <si>
    <t>01/21/2020 18:21:28</t>
  </si>
  <si>
    <t>01/21/2020 18:21:36</t>
  </si>
  <si>
    <t>01/21/2020 18:21:41</t>
  </si>
  <si>
    <t>01/21/2020 18:21:45</t>
  </si>
  <si>
    <t>01/21/2020 18:21:49</t>
  </si>
  <si>
    <t>01/21/2020 18:21:53</t>
  </si>
  <si>
    <t>01/21/2020 18:21:57</t>
  </si>
  <si>
    <t>01/21/2020 18:22:01</t>
  </si>
  <si>
    <t>01/21/2020 18:22:05</t>
  </si>
  <si>
    <t>01/21/2020 18:22:10</t>
  </si>
  <si>
    <t>01/21/2020 18:22:14</t>
  </si>
  <si>
    <t>01/21/2020 18:22:19</t>
  </si>
  <si>
    <t>01/21/2020 18:22:23</t>
  </si>
  <si>
    <t>01/21/2020 18:22:27</t>
  </si>
  <si>
    <t>01/21/2020 18:22:35</t>
  </si>
  <si>
    <t>01/21/2020 18:22:40</t>
  </si>
  <si>
    <t>01/21/2020 18:22:44</t>
  </si>
  <si>
    <t>01/21/2020 18:22:48</t>
  </si>
  <si>
    <t>01/21/2020 18:22:52</t>
  </si>
  <si>
    <t>01/21/2020 18:22:56</t>
  </si>
  <si>
    <t>01/21/2020 18:23:00</t>
  </si>
  <si>
    <t>01/21/2020 18:23:04</t>
  </si>
  <si>
    <t>01/21/2020 18:23:08</t>
  </si>
  <si>
    <t>01/21/2020 18:23:13</t>
  </si>
  <si>
    <t>01/21/2020 18:23:17</t>
  </si>
  <si>
    <t>01/21/2020 18:23:21</t>
  </si>
  <si>
    <t>01/21/2020 18:23:25</t>
  </si>
  <si>
    <t>01/21/2020 18:23:29</t>
  </si>
  <si>
    <t>01/21/2020 18:23:34</t>
  </si>
  <si>
    <t>01/21/2020 18:27:31</t>
  </si>
  <si>
    <t>01/21/2020 18:21:54</t>
  </si>
  <si>
    <t>01/21/2020 18:25:09</t>
  </si>
  <si>
    <t>01/21/2020 18:23:37</t>
  </si>
  <si>
    <t>01/21/2020 18:23:42</t>
  </si>
  <si>
    <t>01/21/2020 18:23:46</t>
  </si>
  <si>
    <t>01/21/2020 18:23:50</t>
  </si>
  <si>
    <t>01/21/2020 18:23:54</t>
  </si>
  <si>
    <t>01/21/2020 18:23:58</t>
  </si>
  <si>
    <t>01/21/2020 18:24:02</t>
  </si>
  <si>
    <t>01/21/2020 18:24:06</t>
  </si>
  <si>
    <t>01/21/2020 18:24:10</t>
  </si>
  <si>
    <t>01/21/2020 18:24:15</t>
  </si>
  <si>
    <t>01/21/2020 18:24:19</t>
  </si>
  <si>
    <t>01/21/2020 18:24:23</t>
  </si>
  <si>
    <t>01/21/2020 18:24:27</t>
  </si>
  <si>
    <t>01/21/2020 18:24:31</t>
  </si>
  <si>
    <t>01/21/2020 18:24:35</t>
  </si>
  <si>
    <t>01/21/2020 18:24:40</t>
  </si>
  <si>
    <t>01/21/2020 18:24:44</t>
  </si>
  <si>
    <t>01/21/2020 18:24:48</t>
  </si>
  <si>
    <t>01/21/2020 18:24:52</t>
  </si>
  <si>
    <t>01/21/2020 18:24:56</t>
  </si>
  <si>
    <t>01/21/2020 18:25:00</t>
  </si>
  <si>
    <t>01/21/2020 18:25:04</t>
  </si>
  <si>
    <t>01/21/2020 18:25:13</t>
  </si>
  <si>
    <t>01/21/2020 18:25:17</t>
  </si>
  <si>
    <t>01/21/2020 18:25:21</t>
  </si>
  <si>
    <t>01/21/2020 18:25:25</t>
  </si>
  <si>
    <t>01/21/2020 18:25:29</t>
  </si>
  <si>
    <t>01/21/2020 18:25:33</t>
  </si>
  <si>
    <t>01/21/2020 18:25:37</t>
  </si>
  <si>
    <t>01/21/2020 18:25:42</t>
  </si>
  <si>
    <t>01/21/2020 18:25:50</t>
  </si>
  <si>
    <t>01/21/2020 18:25:54</t>
  </si>
  <si>
    <t>01/21/2020 18:25:55</t>
  </si>
  <si>
    <t>01/21/2020 18:25:58</t>
  </si>
  <si>
    <t>01/21/2020 18:26:02</t>
  </si>
  <si>
    <t>01/21/2020 18:26:07</t>
  </si>
  <si>
    <t>01/21/2020 18:26:11</t>
  </si>
  <si>
    <t>01/21/2020 18:26:15</t>
  </si>
  <si>
    <t>01/21/2020 18:26:19</t>
  </si>
  <si>
    <t>01/21/2020 18:26:23</t>
  </si>
  <si>
    <t>01/21/2020 18:26:27</t>
  </si>
  <si>
    <t>01/21/2020 18:23:09</t>
  </si>
  <si>
    <t>01/21/2020 18:28:31</t>
  </si>
  <si>
    <t>01/21/2020 18:27:46</t>
  </si>
  <si>
    <t>e5b7cf57-624d-4f57-9284-def58b6831f4.tmp</t>
  </si>
  <si>
    <t>\\acsfs\profiles$\edicarlosdl\Downloads\e5b7cf57-624d-4f57-9284-def58b6831f4.tmp</t>
  </si>
  <si>
    <t>01/21/2020 18:23:48</t>
  </si>
  <si>
    <t>01/21/2020 18:28:39</t>
  </si>
  <si>
    <t>01/21/2020 18:29:32</t>
  </si>
  <si>
    <t>01/21/2020 18:27:09</t>
  </si>
  <si>
    <t>01/21/2020 18:30:31</t>
  </si>
  <si>
    <t>01/21/2020 18:25:59</t>
  </si>
  <si>
    <t>01/21/2020 18:29:14</t>
  </si>
  <si>
    <t>01/21/2020 18:31:32</t>
  </si>
  <si>
    <t>lu5123671lbqa.tmp</t>
  </si>
  <si>
    <t>\\acsfs\profiles$\LUCASBS\RENEG BV\Consolidado\lu5123671lbqa.tmp</t>
  </si>
  <si>
    <t>\\acsfs\profiles$\LUCASBS\RENEG BV\Consolidado\lu5123671lbqa.tmp\</t>
  </si>
  <si>
    <t>\\acsfs\profiles$\LUCASBS\RENEG BV\Consolidado\lu5123671lbqa.tmp\META-INF\</t>
  </si>
  <si>
    <t>\\acsfs\profiles$\LUCASBS\RENEG BV\Consolidado\lu5123671lbqa.tmp\Thumbnails\</t>
  </si>
  <si>
    <t>01/21/2020 18:26:49</t>
  </si>
  <si>
    <t>01/21/2020 18:27:55</t>
  </si>
  <si>
    <t>01/21/2020 18:29:13</t>
  </si>
  <si>
    <t>01/21/2020 18:32:31</t>
  </si>
  <si>
    <t>01/21/2020 18:26:36</t>
  </si>
  <si>
    <t>01/21/2020 18:26:40</t>
  </si>
  <si>
    <t>01/21/2020 18:26:44</t>
  </si>
  <si>
    <t>01/21/2020 18:26:48</t>
  </si>
  <si>
    <t>01/21/2020 18:26:52</t>
  </si>
  <si>
    <t>01/21/2020 18:26:56</t>
  </si>
  <si>
    <t>01/21/2020 18:27:00</t>
  </si>
  <si>
    <t>01/21/2020 18:27:05</t>
  </si>
  <si>
    <t>01/21/2020 18:27:13</t>
  </si>
  <si>
    <t>01/21/2020 18:27:17</t>
  </si>
  <si>
    <t>01/21/2020 18:27:21</t>
  </si>
  <si>
    <t>01/21/2020 18:27:25</t>
  </si>
  <si>
    <t>01/21/2020 18:27:29</t>
  </si>
  <si>
    <t>01/21/2020 18:27:34</t>
  </si>
  <si>
    <t>01/21/2020 18:27:38</t>
  </si>
  <si>
    <t>01/21/2020 18:27:42</t>
  </si>
  <si>
    <t>01/21/2020 18:27:50</t>
  </si>
  <si>
    <t>01/21/2020 18:27:54</t>
  </si>
  <si>
    <t>01/21/2020 18:27:58</t>
  </si>
  <si>
    <t>01/21/2020 18:28:02</t>
  </si>
  <si>
    <t>01/21/2020 18:28:07</t>
  </si>
  <si>
    <t>01/21/2020 18:28:11</t>
  </si>
  <si>
    <t>01/21/2020 18:28:15</t>
  </si>
  <si>
    <t>01/21/2020 18:28:19</t>
  </si>
  <si>
    <t>01/21/2020 18:28:23</t>
  </si>
  <si>
    <t>01/21/2020 18:28:27</t>
  </si>
  <si>
    <t>01/21/2020 18:28:32</t>
  </si>
  <si>
    <t>01/21/2020 18:28:36</t>
  </si>
  <si>
    <t>01/21/2020 18:28:40</t>
  </si>
  <si>
    <t>01/21/2020 18:28:44</t>
  </si>
  <si>
    <t>01/21/2020 18:28:48</t>
  </si>
  <si>
    <t>01/21/2020 18:28:52</t>
  </si>
  <si>
    <t>01/21/2020 18:28:56</t>
  </si>
  <si>
    <t>01/21/2020 18:29:01</t>
  </si>
  <si>
    <t>01/21/2020 18:29:05</t>
  </si>
  <si>
    <t>01/21/2020 18:29:09</t>
  </si>
  <si>
    <t>01/21/2020 18:29:17</t>
  </si>
  <si>
    <t>01/21/2020 18:29:21</t>
  </si>
  <si>
    <t>01/21/2020 18:29:25</t>
  </si>
  <si>
    <t>01/21/2020 18:29:29</t>
  </si>
  <si>
    <t>01/21/2020 18:29:34</t>
  </si>
  <si>
    <t>01/21/2020 18:29:38</t>
  </si>
  <si>
    <t>01/21/2020 18:29:42</t>
  </si>
  <si>
    <t>01/21/2020 18:29:46</t>
  </si>
  <si>
    <t>01/21/2020 18:29:50</t>
  </si>
  <si>
    <t>01/21/2020 18:29:54</t>
  </si>
  <si>
    <t>01/21/2020 18:29:58</t>
  </si>
  <si>
    <t>01/21/2020 18:30:03</t>
  </si>
  <si>
    <t>01/21/2020 18:30:07</t>
  </si>
  <si>
    <t>01/21/2020 18:30:11</t>
  </si>
  <si>
    <t>01/21/2020 18:30:15</t>
  </si>
  <si>
    <t>01/21/2020 18:30:20</t>
  </si>
  <si>
    <t>01/21/2020 18:30:23</t>
  </si>
  <si>
    <t>01/21/2020 18:30:27</t>
  </si>
  <si>
    <t>01/21/2020 18:30:32</t>
  </si>
  <si>
    <t>01/21/2020 18:30:36</t>
  </si>
  <si>
    <t>01/21/2020 18:30:41</t>
  </si>
  <si>
    <t>01/21/2020 18:30:45</t>
  </si>
  <si>
    <t>01/21/2020 18:30:49</t>
  </si>
  <si>
    <t>01/21/2020 18:30:53</t>
  </si>
  <si>
    <t>01/21/2020 18:30:57</t>
  </si>
  <si>
    <t>01/21/2020 18:31:01</t>
  </si>
  <si>
    <t>01/21/2020 18:31:07</t>
  </si>
  <si>
    <t>01/21/2020 18:31:11</t>
  </si>
  <si>
    <t>01/21/2020 18:31:15</t>
  </si>
  <si>
    <t>01/21/2020 18:31:19</t>
  </si>
  <si>
    <t>01/21/2020 18:31:23</t>
  </si>
  <si>
    <t>01/21/2020 18:31:27</t>
  </si>
  <si>
    <t>01/21/2020 18:31:31</t>
  </si>
  <si>
    <t>01/21/2020 18:32:17</t>
  </si>
  <si>
    <t>9658ca1b-2a59-41f7-8397-3b458c23b065.tmp</t>
  </si>
  <si>
    <t>\\acsfs\profiles$\Adrieledgc\Downloads\9658ca1b-2a59-41f7-8397-3b458c23b065.tmp</t>
  </si>
  <si>
    <t>01/21/2020 18:35:31</t>
  </si>
  <si>
    <t>01/21/2020 18:32:41</t>
  </si>
  <si>
    <t>01/21/2020 18:36:31</t>
  </si>
  <si>
    <t>b74bb13a-aad8-445e-8224-b1c1912e961e.tmp</t>
  </si>
  <si>
    <t>\\acsfs\profiles$\joycemmdl\Downloads\b74bb13a-aad8-445e-8224-b1c1912e961e.tmp</t>
  </si>
  <si>
    <t>01/21/2020 18:31:13</t>
  </si>
  <si>
    <t>01/21/2020 18:32:11</t>
  </si>
  <si>
    <t>01/21/2020 18:31:43</t>
  </si>
  <si>
    <t>01/21/2020 18:37:31</t>
  </si>
  <si>
    <t>878723fb-ad37-4340-b4e8-0c44c77fbb8b.tmp</t>
  </si>
  <si>
    <t>\\acsfs\profiles$\brendadsl\Downloads\878723fb-ad37-4340-b4e8-0c44c77fbb8b.tmp</t>
  </si>
  <si>
    <t>01/21/2020 18:33:55</t>
  </si>
  <si>
    <t>01/21/2020 18:34:26</t>
  </si>
  <si>
    <t>01/21/2020 18:31:35</t>
  </si>
  <si>
    <t>01/21/2020 18:31:40</t>
  </si>
  <si>
    <t>01/21/2020 18:31:44</t>
  </si>
  <si>
    <t>01/21/2020 18:31:48</t>
  </si>
  <si>
    <t>01/21/2020 18:31:52</t>
  </si>
  <si>
    <t>01/21/2020 18:31:55</t>
  </si>
  <si>
    <t>01/21/2020 18:31:56</t>
  </si>
  <si>
    <t>01/21/2020 18:32:00</t>
  </si>
  <si>
    <t>01/21/2020 18:32:05</t>
  </si>
  <si>
    <t>01/21/2020 18:32:09</t>
  </si>
  <si>
    <t>01/21/2020 18:32:13</t>
  </si>
  <si>
    <t>01/21/2020 18:32:21</t>
  </si>
  <si>
    <t>01/21/2020 18:32:25</t>
  </si>
  <si>
    <t>01/21/2020 18:32:29</t>
  </si>
  <si>
    <t>01/21/2020 18:32:34</t>
  </si>
  <si>
    <t>01/21/2020 18:32:38</t>
  </si>
  <si>
    <t>01/21/2020 18:32:42</t>
  </si>
  <si>
    <t>01/21/2020 18:32:46</t>
  </si>
  <si>
    <t>01/21/2020 18:32:50</t>
  </si>
  <si>
    <t>01/21/2020 18:32:54</t>
  </si>
  <si>
    <t>01/21/2020 18:32:59</t>
  </si>
  <si>
    <t>01/21/2020 18:33:03</t>
  </si>
  <si>
    <t>01/21/2020 18:33:07</t>
  </si>
  <si>
    <t>01/21/2020 18:33:11</t>
  </si>
  <si>
    <t>01/21/2020 18:33:15</t>
  </si>
  <si>
    <t>01/21/2020 18:33:19</t>
  </si>
  <si>
    <t>01/21/2020 18:33:23</t>
  </si>
  <si>
    <t>01/21/2020 18:33:28</t>
  </si>
  <si>
    <t>01/21/2020 18:33:32</t>
  </si>
  <si>
    <t>01/21/2020 18:33:36</t>
  </si>
  <si>
    <t>01/21/2020 18:33:40</t>
  </si>
  <si>
    <t>01/21/2020 18:33:44</t>
  </si>
  <si>
    <t>01/21/2020 18:33:48</t>
  </si>
  <si>
    <t>01/21/2020 18:33:52</t>
  </si>
  <si>
    <t>01/21/2020 18:33:56</t>
  </si>
  <si>
    <t>01/21/2020 18:34:01</t>
  </si>
  <si>
    <t>01/21/2020 18:34:05</t>
  </si>
  <si>
    <t>01/21/2020 18:34:09</t>
  </si>
  <si>
    <t>01/21/2020 18:34:13</t>
  </si>
  <si>
    <t>01/21/2020 18:34:17</t>
  </si>
  <si>
    <t>01/21/2020 18:34:21</t>
  </si>
  <si>
    <t>01/21/2020 18:34:25</t>
  </si>
  <si>
    <t>01/21/2020 18:34:30</t>
  </si>
  <si>
    <t>01/21/2020 18:34:34</t>
  </si>
  <si>
    <t>01/21/2020 18:34:38</t>
  </si>
  <si>
    <t>01/21/2020 18:34:42</t>
  </si>
  <si>
    <t>01/21/2020 18:34:46</t>
  </si>
  <si>
    <t>01/21/2020 18:34:50</t>
  </si>
  <si>
    <t>01/21/2020 18:34:55</t>
  </si>
  <si>
    <t>01/21/2020 18:34:59</t>
  </si>
  <si>
    <t>01/21/2020 18:35:03</t>
  </si>
  <si>
    <t>01/21/2020 18:35:08</t>
  </si>
  <si>
    <t>01/21/2020 18:35:12</t>
  </si>
  <si>
    <t>01/21/2020 18:35:16</t>
  </si>
  <si>
    <t>01/21/2020 18:35:20</t>
  </si>
  <si>
    <t>01/21/2020 18:35:24</t>
  </si>
  <si>
    <t>01/21/2020 18:35:28</t>
  </si>
  <si>
    <t>01/21/2020 18:35:32</t>
  </si>
  <si>
    <t>01/21/2020 18:35:36</t>
  </si>
  <si>
    <t>01/21/2020 18:35:41</t>
  </si>
  <si>
    <t>01/21/2020 18:35:45</t>
  </si>
  <si>
    <t>01/21/2020 18:35:49</t>
  </si>
  <si>
    <t>01/21/2020 18:35:53</t>
  </si>
  <si>
    <t>01/21/2020 18:35:57</t>
  </si>
  <si>
    <t>01/21/2020 18:36:01</t>
  </si>
  <si>
    <t>01/21/2020 18:36:06</t>
  </si>
  <si>
    <t>01/21/2020 18:36:10</t>
  </si>
  <si>
    <t>01/21/2020 18:36:14</t>
  </si>
  <si>
    <t>01/21/2020 18:36:18</t>
  </si>
  <si>
    <t>01/21/2020 18:36:22</t>
  </si>
  <si>
    <t>01/21/2020 18:36:26</t>
  </si>
  <si>
    <t>01/21/2020 18:36:30</t>
  </si>
  <si>
    <t>01/21/2020 18:36:34</t>
  </si>
  <si>
    <t>01/21/2020 18:36:39</t>
  </si>
  <si>
    <t>01/21/2020 18:34:52</t>
  </si>
  <si>
    <t>11231fda-d0e8-4916-af23-3ba292404ecc.tmp</t>
  </si>
  <si>
    <t>\\acsfs\profiles$\Adrieledgc\Downloads\11231fda-d0e8-4916-af23-3ba292404ecc.tmp</t>
  </si>
  <si>
    <t>01/21/2020 18:37:11</t>
  </si>
  <si>
    <t>01/21/2020 18:38:32</t>
  </si>
  <si>
    <t>01/21/2020 18:40:32</t>
  </si>
  <si>
    <t>01/21/2020 18:39:14</t>
  </si>
  <si>
    <t>01/21/2020 18:41:31</t>
  </si>
  <si>
    <t>01/21/2020 18:38:11</t>
  </si>
  <si>
    <t>01/21/2020 18:36:44</t>
  </si>
  <si>
    <t>01/21/2020 18:42:32</t>
  </si>
  <si>
    <t>01/21/2020 18:39:55</t>
  </si>
  <si>
    <t>01/21/2020 18:39:22</t>
  </si>
  <si>
    <t>01/21/2020 18:38:42</t>
  </si>
  <si>
    <t>01/21/2020 18:36:43</t>
  </si>
  <si>
    <t>01/21/2020 18:36:47</t>
  </si>
  <si>
    <t>01/21/2020 18:36:51</t>
  </si>
  <si>
    <t>01/21/2020 18:36:55</t>
  </si>
  <si>
    <t>01/21/2020 18:36:59</t>
  </si>
  <si>
    <t>01/21/2020 18:37:03</t>
  </si>
  <si>
    <t>01/21/2020 18:37:07</t>
  </si>
  <si>
    <t>01/21/2020 18:37:12</t>
  </si>
  <si>
    <t>01/21/2020 18:37:16</t>
  </si>
  <si>
    <t>01/21/2020 18:37:20</t>
  </si>
  <si>
    <t>01/21/2020 18:37:24</t>
  </si>
  <si>
    <t>01/21/2020 18:37:28</t>
  </si>
  <si>
    <t>01/21/2020 18:37:32</t>
  </si>
  <si>
    <t>01/21/2020 18:37:36</t>
  </si>
  <si>
    <t>01/21/2020 18:37:41</t>
  </si>
  <si>
    <t>01/21/2020 18:37:45</t>
  </si>
  <si>
    <t>01/21/2020 18:37:49</t>
  </si>
  <si>
    <t>01/21/2020 18:37:53</t>
  </si>
  <si>
    <t>01/21/2020 18:37:55</t>
  </si>
  <si>
    <t>01/21/2020 18:37:57</t>
  </si>
  <si>
    <t>01/21/2020 18:38:01</t>
  </si>
  <si>
    <t>01/21/2020 18:38:05</t>
  </si>
  <si>
    <t>01/21/2020 18:38:10</t>
  </si>
  <si>
    <t>01/21/2020 18:38:14</t>
  </si>
  <si>
    <t>01/21/2020 18:38:18</t>
  </si>
  <si>
    <t>01/21/2020 18:38:22</t>
  </si>
  <si>
    <t>01/21/2020 18:38:26</t>
  </si>
  <si>
    <t>01/21/2020 18:38:30</t>
  </si>
  <si>
    <t>01/21/2020 18:38:34</t>
  </si>
  <si>
    <t>01/21/2020 18:38:39</t>
  </si>
  <si>
    <t>01/21/2020 18:38:43</t>
  </si>
  <si>
    <t>01/21/2020 18:38:47</t>
  </si>
  <si>
    <t>01/21/2020 18:38:51</t>
  </si>
  <si>
    <t>01/21/2020 18:38:55</t>
  </si>
  <si>
    <t>01/21/2020 18:38:59</t>
  </si>
  <si>
    <t>01/21/2020 18:39:03</t>
  </si>
  <si>
    <t>01/21/2020 18:39:05</t>
  </si>
  <si>
    <t>01/21/2020 18:39:07</t>
  </si>
  <si>
    <t>01/21/2020 18:39:11</t>
  </si>
  <si>
    <t>01/21/2020 18:39:15</t>
  </si>
  <si>
    <t>01/21/2020 18:39:19</t>
  </si>
  <si>
    <t>01/21/2020 18:39:23</t>
  </si>
  <si>
    <t>01/21/2020 18:39:28</t>
  </si>
  <si>
    <t>01/21/2020 18:39:32</t>
  </si>
  <si>
    <t>01/21/2020 18:39:36</t>
  </si>
  <si>
    <t>01/21/2020 18:39:40</t>
  </si>
  <si>
    <t>01/21/2020 18:39:44</t>
  </si>
  <si>
    <t>01/21/2020 18:39:48</t>
  </si>
  <si>
    <t>01/21/2020 18:39:52</t>
  </si>
  <si>
    <t>01/21/2020 18:39:56</t>
  </si>
  <si>
    <t>01/21/2020 18:40:01</t>
  </si>
  <si>
    <t>01/21/2020 18:40:05</t>
  </si>
  <si>
    <t>01/21/2020 18:40:09</t>
  </si>
  <si>
    <t>01/21/2020 18:40:13</t>
  </si>
  <si>
    <t>01/21/2020 18:40:17</t>
  </si>
  <si>
    <t>01/21/2020 18:40:21</t>
  </si>
  <si>
    <t>01/21/2020 18:40:25</t>
  </si>
  <si>
    <t>01/21/2020 18:40:30</t>
  </si>
  <si>
    <t>01/21/2020 18:40:34</t>
  </si>
  <si>
    <t>01/21/2020 18:40:38</t>
  </si>
  <si>
    <t>01/21/2020 18:40:42</t>
  </si>
  <si>
    <t>01/21/2020 18:40:46</t>
  </si>
  <si>
    <t>01/21/2020 18:40:50</t>
  </si>
  <si>
    <t>01/21/2020 18:40:54</t>
  </si>
  <si>
    <t>01/21/2020 18:40:58</t>
  </si>
  <si>
    <t>01/21/2020 18:41:03</t>
  </si>
  <si>
    <t>01/21/2020 18:41:07</t>
  </si>
  <si>
    <t>01/21/2020 18:41:11</t>
  </si>
  <si>
    <t>01/21/2020 18:41:15</t>
  </si>
  <si>
    <t>01/21/2020 18:41:19</t>
  </si>
  <si>
    <t>01/21/2020 18:41:23</t>
  </si>
  <si>
    <t>01/21/2020 18:41:28</t>
  </si>
  <si>
    <t>01/21/2020 18:41:32</t>
  </si>
  <si>
    <t>01/21/2020 18:41:36</t>
  </si>
  <si>
    <t>01/21/2020 18:41:40</t>
  </si>
  <si>
    <t>01/21/2020 18:41:44</t>
  </si>
  <si>
    <t>01/21/2020 18:41:24</t>
  </si>
  <si>
    <t>01/21/2020 18:43:32</t>
  </si>
  <si>
    <t>b9052eb5-f17c-4338-a377-5134844c792a.tmp</t>
  </si>
  <si>
    <t>\\acsfs\profiles$\brunalas\Downloads\b9052eb5-f17c-4338-a377-5134844c792a.tmp</t>
  </si>
  <si>
    <t>01/21/2020 18:43:09</t>
  </si>
  <si>
    <t>01/21/2020 18:45:31</t>
  </si>
  <si>
    <t>01/21/2020 18:44:12</t>
  </si>
  <si>
    <t>01/21/2020 18:46:31</t>
  </si>
  <si>
    <t>01/21/2020 18:43:11</t>
  </si>
  <si>
    <t>01/21/2020 18:44:11</t>
  </si>
  <si>
    <t>01/21/2020 18:42:06</t>
  </si>
  <si>
    <t>01/21/2020 18:47:31</t>
  </si>
  <si>
    <t>01/21/2020 18:44:31</t>
  </si>
  <si>
    <t>01/21/2020 18:45:55</t>
  </si>
  <si>
    <t>01/21/2020 18:41:48</t>
  </si>
  <si>
    <t>01/21/2020 18:41:52</t>
  </si>
  <si>
    <t>01/21/2020 18:41:57</t>
  </si>
  <si>
    <t>01/21/2020 18:42:01</t>
  </si>
  <si>
    <t>01/21/2020 18:42:05</t>
  </si>
  <si>
    <t>01/21/2020 18:42:09</t>
  </si>
  <si>
    <t>01/21/2020 18:42:13</t>
  </si>
  <si>
    <t>01/21/2020 18:42:17</t>
  </si>
  <si>
    <t>01/21/2020 18:42:21</t>
  </si>
  <si>
    <t>01/21/2020 18:42:25</t>
  </si>
  <si>
    <t>01/21/2020 18:42:30</t>
  </si>
  <si>
    <t>01/21/2020 18:42:34</t>
  </si>
  <si>
    <t>01/21/2020 18:42:38</t>
  </si>
  <si>
    <t>01/21/2020 18:42:42</t>
  </si>
  <si>
    <t>01/21/2020 18:42:46</t>
  </si>
  <si>
    <t>01/21/2020 18:42:50</t>
  </si>
  <si>
    <t>01/21/2020 18:42:54</t>
  </si>
  <si>
    <t>01/21/2020 18:42:59</t>
  </si>
  <si>
    <t>01/21/2020 18:43:03</t>
  </si>
  <si>
    <t>01/21/2020 18:43:07</t>
  </si>
  <si>
    <t>01/21/2020 18:43:15</t>
  </si>
  <si>
    <t>01/21/2020 18:43:19</t>
  </si>
  <si>
    <t>01/21/2020 18:43:23</t>
  </si>
  <si>
    <t>01/21/2020 18:43:28</t>
  </si>
  <si>
    <t>01/21/2020 18:43:35</t>
  </si>
  <si>
    <t>01/21/2020 18:43:39</t>
  </si>
  <si>
    <t>01/21/2020 18:43:43</t>
  </si>
  <si>
    <t>01/21/2020 18:43:47</t>
  </si>
  <si>
    <t>01/21/2020 18:43:51</t>
  </si>
  <si>
    <t>01/21/2020 18:43:55</t>
  </si>
  <si>
    <t>01/21/2020 18:43:59</t>
  </si>
  <si>
    <t>01/21/2020 18:44:04</t>
  </si>
  <si>
    <t>01/21/2020 18:44:08</t>
  </si>
  <si>
    <t>01/21/2020 18:44:16</t>
  </si>
  <si>
    <t>01/21/2020 18:44:20</t>
  </si>
  <si>
    <t>01/21/2020 18:44:24</t>
  </si>
  <si>
    <t>01/21/2020 18:44:28</t>
  </si>
  <si>
    <t>01/21/2020 18:44:33</t>
  </si>
  <si>
    <t>01/21/2020 18:44:37</t>
  </si>
  <si>
    <t>01/21/2020 18:44:41</t>
  </si>
  <si>
    <t>01/21/2020 18:44:45</t>
  </si>
  <si>
    <t>01/21/2020 18:44:49</t>
  </si>
  <si>
    <t>01/21/2020 18:44:53</t>
  </si>
  <si>
    <t>01/21/2020 18:44:57</t>
  </si>
  <si>
    <t>01/21/2020 18:45:01</t>
  </si>
  <si>
    <t>01/21/2020 18:45:06</t>
  </si>
  <si>
    <t>01/21/2020 18:45:10</t>
  </si>
  <si>
    <t>01/21/2020 18:45:14</t>
  </si>
  <si>
    <t>01/21/2020 18:45:18</t>
  </si>
  <si>
    <t>01/21/2020 18:45:22</t>
  </si>
  <si>
    <t>01/21/2020 18:45:27</t>
  </si>
  <si>
    <t>01/21/2020 18:45:35</t>
  </si>
  <si>
    <t>01/21/2020 18:45:40</t>
  </si>
  <si>
    <t>01/21/2020 18:45:44</t>
  </si>
  <si>
    <t>01/21/2020 18:45:48</t>
  </si>
  <si>
    <t>01/21/2020 18:45:52</t>
  </si>
  <si>
    <t>01/21/2020 18:45:56</t>
  </si>
  <si>
    <t>01/21/2020 18:46:00</t>
  </si>
  <si>
    <t>01/21/2020 18:46:04</t>
  </si>
  <si>
    <t>01/21/2020 18:46:08</t>
  </si>
  <si>
    <t>01/21/2020 18:46:13</t>
  </si>
  <si>
    <t>01/21/2020 18:46:17</t>
  </si>
  <si>
    <t>01/21/2020 18:46:21</t>
  </si>
  <si>
    <t>01/21/2020 18:46:25</t>
  </si>
  <si>
    <t>01/21/2020 18:46:29</t>
  </si>
  <si>
    <t>01/21/2020 18:46:33</t>
  </si>
  <si>
    <t>01/21/2020 18:46:37</t>
  </si>
  <si>
    <t>01/21/2020 18:46:41</t>
  </si>
  <si>
    <t>01/21/2020 18:46:46</t>
  </si>
  <si>
    <t>01/21/2020 18:46:50</t>
  </si>
  <si>
    <t>01/21/2020 18:46:54</t>
  </si>
  <si>
    <t>01/21/2020 18:43:01</t>
  </si>
  <si>
    <t>01/21/2020 18:44:10</t>
  </si>
  <si>
    <t>9889fcf7-c2ba-4d76-8f28-15965c509c97.tmp</t>
  </si>
  <si>
    <t>\\acsfs\profiles$\taylaedoa\Downloads\9889fcf7-c2ba-4d76-8f28-15965c509c97.tmp</t>
  </si>
  <si>
    <t>01/21/2020 18:48:31</t>
  </si>
  <si>
    <t>01/21/2020 18:47:42</t>
  </si>
  <si>
    <t>01/21/2020 18:49:31</t>
  </si>
  <si>
    <t>01/21/2020 18:50:31</t>
  </si>
  <si>
    <t>01/21/2020 18:49:11</t>
  </si>
  <si>
    <t>01/21/2020 18:51:31</t>
  </si>
  <si>
    <t>01/21/2020 18:50:12</t>
  </si>
  <si>
    <t>01/21/2020 18:49:56</t>
  </si>
  <si>
    <t>01/21/2020 18:52:31</t>
  </si>
  <si>
    <t>01/21/2020 18:46:58</t>
  </si>
  <si>
    <t>01/21/2020 18:47:02</t>
  </si>
  <si>
    <t>01/21/2020 18:47:06</t>
  </si>
  <si>
    <t>01/21/2020 18:47:10</t>
  </si>
  <si>
    <t>01/21/2020 18:47:15</t>
  </si>
  <si>
    <t>01/21/2020 18:47:19</t>
  </si>
  <si>
    <t>01/21/2020 18:47:23</t>
  </si>
  <si>
    <t>01/21/2020 18:47:27</t>
  </si>
  <si>
    <t>01/21/2020 18:47:35</t>
  </si>
  <si>
    <t>01/21/2020 18:47:39</t>
  </si>
  <si>
    <t>01/21/2020 18:47:43</t>
  </si>
  <si>
    <t>01/21/2020 18:47:48</t>
  </si>
  <si>
    <t>01/21/2020 18:47:52</t>
  </si>
  <si>
    <t>01/21/2020 18:47:54</t>
  </si>
  <si>
    <t>01/21/2020 18:47:56</t>
  </si>
  <si>
    <t>01/21/2020 18:48:00</t>
  </si>
  <si>
    <t>01/21/2020 18:48:04</t>
  </si>
  <si>
    <t>01/21/2020 18:48:08</t>
  </si>
  <si>
    <t>01/21/2020 18:48:13</t>
  </si>
  <si>
    <t>01/21/2020 18:48:17</t>
  </si>
  <si>
    <t>01/21/2020 18:48:21</t>
  </si>
  <si>
    <t>01/21/2020 18:48:25</t>
  </si>
  <si>
    <t>01/21/2020 18:48:29</t>
  </si>
  <si>
    <t>01/21/2020 18:48:33</t>
  </si>
  <si>
    <t>01/21/2020 18:48:37</t>
  </si>
  <si>
    <t>01/21/2020 18:48:41</t>
  </si>
  <si>
    <t>01/21/2020 18:48:46</t>
  </si>
  <si>
    <t>01/21/2020 18:48:50</t>
  </si>
  <si>
    <t>01/21/2020 18:48:54</t>
  </si>
  <si>
    <t>01/21/2020 18:48:58</t>
  </si>
  <si>
    <t>01/21/2020 18:49:02</t>
  </si>
  <si>
    <t>01/21/2020 18:49:06</t>
  </si>
  <si>
    <t>01/21/2020 18:49:15</t>
  </si>
  <si>
    <t>01/21/2020 18:49:19</t>
  </si>
  <si>
    <t>01/21/2020 18:49:23</t>
  </si>
  <si>
    <t>01/21/2020 18:49:27</t>
  </si>
  <si>
    <t>01/21/2020 18:49:35</t>
  </si>
  <si>
    <t>01/21/2020 18:49:40</t>
  </si>
  <si>
    <t>01/21/2020 18:49:45</t>
  </si>
  <si>
    <t>01/21/2020 18:49:49</t>
  </si>
  <si>
    <t>01/21/2020 18:49:53</t>
  </si>
  <si>
    <t>01/21/2020 18:49:55</t>
  </si>
  <si>
    <t>01/21/2020 18:49:57</t>
  </si>
  <si>
    <t>01/21/2020 18:50:01</t>
  </si>
  <si>
    <t>01/21/2020 18:50:02</t>
  </si>
  <si>
    <t>01/21/2020 18:50:04</t>
  </si>
  <si>
    <t>01/21/2020 18:50:09</t>
  </si>
  <si>
    <t>01/21/2020 18:50:13</t>
  </si>
  <si>
    <t>01/21/2020 18:50:18</t>
  </si>
  <si>
    <t>01/21/2020 18:50:21</t>
  </si>
  <si>
    <t>01/21/2020 18:50:25</t>
  </si>
  <si>
    <t>01/21/2020 18:50:29</t>
  </si>
  <si>
    <t>01/21/2020 18:50:33</t>
  </si>
  <si>
    <t>01/21/2020 18:50:38</t>
  </si>
  <si>
    <t>01/21/2020 18:50:42</t>
  </si>
  <si>
    <t>01/21/2020 18:50:46</t>
  </si>
  <si>
    <t>01/21/2020 18:50:50</t>
  </si>
  <si>
    <t>01/21/2020 18:50:54</t>
  </si>
  <si>
    <t>01/21/2020 18:50:58</t>
  </si>
  <si>
    <t>01/21/2020 18:51:02</t>
  </si>
  <si>
    <t>01/21/2020 18:51:06</t>
  </si>
  <si>
    <t>01/21/2020 18:51:11</t>
  </si>
  <si>
    <t>01/21/2020 18:51:15</t>
  </si>
  <si>
    <t>01/21/2020 18:51:19</t>
  </si>
  <si>
    <t>01/21/2020 18:51:23</t>
  </si>
  <si>
    <t>01/21/2020 18:51:27</t>
  </si>
  <si>
    <t>01/21/2020 18:51:35</t>
  </si>
  <si>
    <t>01/21/2020 18:51:39</t>
  </si>
  <si>
    <t>01/21/2020 18:51:45</t>
  </si>
  <si>
    <t>01/21/2020 18:51:49</t>
  </si>
  <si>
    <t>01/21/2020 18:51:53</t>
  </si>
  <si>
    <t>01/21/2020 18:51:57</t>
  </si>
  <si>
    <t>01/21/2020 18:52:01</t>
  </si>
  <si>
    <t>01/21/2020 18:51:21</t>
  </si>
  <si>
    <t>01/21/2020 18:50:32</t>
  </si>
  <si>
    <t>01/21/2020 18:53:31</t>
  </si>
  <si>
    <t>074d6378-ad76-452e-afe9-62f852dcf527.tmp</t>
  </si>
  <si>
    <t>\\acsfs\profiles$\leonardocb\Downloads\074d6378-ad76-452e-afe9-62f852dcf527.tmp</t>
  </si>
  <si>
    <t>01/21/2020 18:48:35</t>
  </si>
  <si>
    <t>78e65a96-63d8-498a-ae94-da359fb8b2d0.tmp</t>
  </si>
  <si>
    <t>\\acsfs\profiles$\nycolleemdj\Downloads\78e65a96-63d8-498a-ae94-da359fb8b2d0.tmp</t>
  </si>
  <si>
    <t>b3cd990e-f765-42b2-89d6-60a35ef8a254.tmp</t>
  </si>
  <si>
    <t>\\acsfs\profiles$\nycolleemdj\Downloads\b3cd990e-f765-42b2-89d6-60a35ef8a254.tmp</t>
  </si>
  <si>
    <t>01/21/2020 18:53:18</t>
  </si>
  <si>
    <t>01/21/2020 18:55:31</t>
  </si>
  <si>
    <t>01/21/2020 18:55:33</t>
  </si>
  <si>
    <t>01/21/2020 18:56:31</t>
  </si>
  <si>
    <t>01/21/2020 18:55:12</t>
  </si>
  <si>
    <t>01/21/2020 18:51:55</t>
  </si>
  <si>
    <t>01/21/2020 18:57:31</t>
  </si>
  <si>
    <t>01/21/2020 18:52:02</t>
  </si>
  <si>
    <t>01/21/2020 18:55:32</t>
  </si>
  <si>
    <t>01/21/2020 18:52:05</t>
  </si>
  <si>
    <t>01/21/2020 18:52:09</t>
  </si>
  <si>
    <t>01/21/2020 18:52:13</t>
  </si>
  <si>
    <t>01/21/2020 18:52:18</t>
  </si>
  <si>
    <t>01/21/2020 18:52:22</t>
  </si>
  <si>
    <t>01/21/2020 18:52:26</t>
  </si>
  <si>
    <t>01/21/2020 18:52:30</t>
  </si>
  <si>
    <t>01/21/2020 18:52:34</t>
  </si>
  <si>
    <t>01/21/2020 18:52:38</t>
  </si>
  <si>
    <t>01/21/2020 18:52:42</t>
  </si>
  <si>
    <t>01/21/2020 18:52:47</t>
  </si>
  <si>
    <t>01/21/2020 18:52:51</t>
  </si>
  <si>
    <t>01/21/2020 18:52:55</t>
  </si>
  <si>
    <t>01/21/2020 18:52:59</t>
  </si>
  <si>
    <t>01/21/2020 18:53:03</t>
  </si>
  <si>
    <t>01/21/2020 18:53:07</t>
  </si>
  <si>
    <t>01/21/2020 18:53:11</t>
  </si>
  <si>
    <t>01/21/2020 18:53:16</t>
  </si>
  <si>
    <t>01/21/2020 18:53:20</t>
  </si>
  <si>
    <t>01/21/2020 18:53:24</t>
  </si>
  <si>
    <t>01/21/2020 18:53:28</t>
  </si>
  <si>
    <t>01/21/2020 18:53:32</t>
  </si>
  <si>
    <t>01/21/2020 18:53:36</t>
  </si>
  <si>
    <t>01/21/2020 18:53:40</t>
  </si>
  <si>
    <t>01/21/2020 18:53:45</t>
  </si>
  <si>
    <t>01/21/2020 18:53:49</t>
  </si>
  <si>
    <t>01/21/2020 18:53:53</t>
  </si>
  <si>
    <t>01/21/2020 18:53:57</t>
  </si>
  <si>
    <t>01/21/2020 18:54:01</t>
  </si>
  <si>
    <t>01/21/2020 18:54:05</t>
  </si>
  <si>
    <t>01/21/2020 18:54:09</t>
  </si>
  <si>
    <t>01/21/2020 18:54:14</t>
  </si>
  <si>
    <t>01/21/2020 18:54:18</t>
  </si>
  <si>
    <t>01/21/2020 18:54:22</t>
  </si>
  <si>
    <t>01/21/2020 18:54:26</t>
  </si>
  <si>
    <t>01/21/2020 18:54:30</t>
  </si>
  <si>
    <t>01/21/2020 18:54:34</t>
  </si>
  <si>
    <t>01/21/2020 18:54:38</t>
  </si>
  <si>
    <t>01/21/2020 18:54:42</t>
  </si>
  <si>
    <t>01/21/2020 18:54:47</t>
  </si>
  <si>
    <t>01/21/2020 18:54:51</t>
  </si>
  <si>
    <t>01/21/2020 18:54:55</t>
  </si>
  <si>
    <t>01/21/2020 18:54:59</t>
  </si>
  <si>
    <t>01/21/2020 18:55:03</t>
  </si>
  <si>
    <t>01/21/2020 18:55:07</t>
  </si>
  <si>
    <t>01/21/2020 18:55:11</t>
  </si>
  <si>
    <t>01/21/2020 18:55:16</t>
  </si>
  <si>
    <t>01/21/2020 18:55:20</t>
  </si>
  <si>
    <t>01/21/2020 18:55:24</t>
  </si>
  <si>
    <t>01/21/2020 18:55:28</t>
  </si>
  <si>
    <t>01/21/2020 18:55:36</t>
  </si>
  <si>
    <t>01/21/2020 18:55:41</t>
  </si>
  <si>
    <t>01/21/2020 18:55:45</t>
  </si>
  <si>
    <t>01/21/2020 18:55:50</t>
  </si>
  <si>
    <t>01/21/2020 18:55:54</t>
  </si>
  <si>
    <t>01/21/2020 18:55:56</t>
  </si>
  <si>
    <t>01/21/2020 18:55:58</t>
  </si>
  <si>
    <t>01/21/2020 18:56:02</t>
  </si>
  <si>
    <t>01/21/2020 18:56:06</t>
  </si>
  <si>
    <t>01/21/2020 18:56:10</t>
  </si>
  <si>
    <t>01/21/2020 18:56:15</t>
  </si>
  <si>
    <t>01/21/2020 18:56:19</t>
  </si>
  <si>
    <t>01/21/2020 18:56:24</t>
  </si>
  <si>
    <t>01/21/2020 18:56:28</t>
  </si>
  <si>
    <t>01/21/2020 18:56:32</t>
  </si>
  <si>
    <t>01/21/2020 18:56:36</t>
  </si>
  <si>
    <t>01/21/2020 18:56:40</t>
  </si>
  <si>
    <t>01/21/2020 18:56:44</t>
  </si>
  <si>
    <t>01/21/2020 18:56:48</t>
  </si>
  <si>
    <t>01/21/2020 18:56:52</t>
  </si>
  <si>
    <t>01/21/2020 18:56:57</t>
  </si>
  <si>
    <t>01/21/2020 18:57:01</t>
  </si>
  <si>
    <t>01/21/2020 18:57:05</t>
  </si>
  <si>
    <t>01/21/2020 18:53:06</t>
  </si>
  <si>
    <t>01/21/2020 18:58:32</t>
  </si>
  <si>
    <t>01/21/2020 18:56:35</t>
  </si>
  <si>
    <t>01/21/2020 19:00:32</t>
  </si>
  <si>
    <t>e70b8049-a2d0-43ce-aba9-00822ecd1b84.tmp</t>
  </si>
  <si>
    <t>\\acsfs\profiles$\andreapdsg\Downloads\e70b8049-a2d0-43ce-aba9-00822ecd1b84.tmp</t>
  </si>
  <si>
    <t>01/21/2020 18:57:25</t>
  </si>
  <si>
    <t>01/21/2020 19:01:31</t>
  </si>
  <si>
    <t>01/21/2020 18:57:17</t>
  </si>
  <si>
    <t>01/21/2020 18:57:18</t>
  </si>
  <si>
    <t>lu5123671lbqn.tmp</t>
  </si>
  <si>
    <t>\\acsfs\profiles$\LUCASBS\RENEG BV\Consolidado\lu5123671lbqn.tmp</t>
  </si>
  <si>
    <t>\\acsfs\profiles$\LUCASBS\RENEG BV\Consolidado\lu5123671lbqn.tmp\</t>
  </si>
  <si>
    <t>\\acsfs\profiles$\LUCASBS\RENEG BV\Consolidado\lu5123671lbqn.tmp\META-INF\</t>
  </si>
  <si>
    <t>\\acsfs\profiles$\LUCASBS\RENEG BV\Consolidado\lu5123671lbqn.tmp\Thumbnails\</t>
  </si>
  <si>
    <t>01/21/2020 18:58:46</t>
  </si>
  <si>
    <t>01/21/2020 18:58:47</t>
  </si>
  <si>
    <t>lu5123671lbqs.tmp</t>
  </si>
  <si>
    <t>\\acsfs\profiles$\LUCASBS\RENEG BV\Consolidado\lu5123671lbqs.tmp</t>
  </si>
  <si>
    <t>\\acsfs\profiles$\LUCASBS\RENEG BV\Consolidado\lu5123671lbqs.tmp\</t>
  </si>
  <si>
    <t>\\acsfs\profiles$\LUCASBS\RENEG BV\Consolidado\lu5123671lbqs.tmp\META-INF\</t>
  </si>
  <si>
    <t>\\acsfs\profiles$\LUCASBS\RENEG BV\Consolidado\lu5123671lbqs.tmp\Thumbnails\</t>
  </si>
  <si>
    <t>01/21/2020 18:56:11</t>
  </si>
  <si>
    <t>01/21/2020 18:56:53</t>
  </si>
  <si>
    <t>01/21/2020 18:56:54</t>
  </si>
  <si>
    <t>01/21/2020 18:56:55</t>
  </si>
  <si>
    <t>01/21/2020 18:56:56</t>
  </si>
  <si>
    <t>01/21/2020 18:56:58</t>
  </si>
  <si>
    <t>01/21/2020 18:56:59</t>
  </si>
  <si>
    <t>01/21/2020 18:57:16</t>
  </si>
  <si>
    <t>01/21/2020 18:57:55</t>
  </si>
  <si>
    <t>01/21/2020 19:02:32</t>
  </si>
  <si>
    <t>01/21/2020 19:00:06</t>
  </si>
  <si>
    <t>01/21/2020 18:59:34</t>
  </si>
  <si>
    <t>01/21/2020 18:57:09</t>
  </si>
  <si>
    <t>01/21/2020 18:57:13</t>
  </si>
  <si>
    <t>01/21/2020 18:57:21</t>
  </si>
  <si>
    <t>01/21/2020 18:57:30</t>
  </si>
  <si>
    <t>01/21/2020 18:57:34</t>
  </si>
  <si>
    <t>01/21/2020 18:57:38</t>
  </si>
  <si>
    <t>01/21/2020 18:57:42</t>
  </si>
  <si>
    <t>01/21/2020 18:57:46</t>
  </si>
  <si>
    <t>01/21/2020 18:57:50</t>
  </si>
  <si>
    <t>01/21/2020 18:57:54</t>
  </si>
  <si>
    <t>01/21/2020 18:57:58</t>
  </si>
  <si>
    <t>01/21/2020 18:58:03</t>
  </si>
  <si>
    <t>01/21/2020 18:58:07</t>
  </si>
  <si>
    <t>01/21/2020 18:58:11</t>
  </si>
  <si>
    <t>01/21/2020 18:58:15</t>
  </si>
  <si>
    <t>01/21/2020 18:58:19</t>
  </si>
  <si>
    <t>01/21/2020 18:58:23</t>
  </si>
  <si>
    <t>01/21/2020 18:58:27</t>
  </si>
  <si>
    <t>01/21/2020 18:58:31</t>
  </si>
  <si>
    <t>01/21/2020 18:58:36</t>
  </si>
  <si>
    <t>01/21/2020 18:58:40</t>
  </si>
  <si>
    <t>01/21/2020 18:58:44</t>
  </si>
  <si>
    <t>01/21/2020 18:58:48</t>
  </si>
  <si>
    <t>01/21/2020 18:58:52</t>
  </si>
  <si>
    <t>01/21/2020 18:58:56</t>
  </si>
  <si>
    <t>01/21/2020 18:59:00</t>
  </si>
  <si>
    <t>01/21/2020 18:59:05</t>
  </si>
  <si>
    <t>01/21/2020 18:59:09</t>
  </si>
  <si>
    <t>01/21/2020 18:59:13</t>
  </si>
  <si>
    <t>01/21/2020 18:59:17</t>
  </si>
  <si>
    <t>01/21/2020 18:59:21</t>
  </si>
  <si>
    <t>01/21/2020 18:59:25</t>
  </si>
  <si>
    <t>01/21/2020 18:59:30</t>
  </si>
  <si>
    <t>01/21/2020 18:59:38</t>
  </si>
  <si>
    <t>01/21/2020 18:59:42</t>
  </si>
  <si>
    <t>01/21/2020 18:59:46</t>
  </si>
  <si>
    <t>01/21/2020 18:59:50</t>
  </si>
  <si>
    <t>01/21/2020 18:59:54</t>
  </si>
  <si>
    <t>01/21/2020 18:59:58</t>
  </si>
  <si>
    <t>01/21/2020 19:00:03</t>
  </si>
  <si>
    <t>01/21/2020 19:00:07</t>
  </si>
  <si>
    <t>01/21/2020 19:00:11</t>
  </si>
  <si>
    <t>01/21/2020 19:00:15</t>
  </si>
  <si>
    <t>01/21/2020 19:00:20</t>
  </si>
  <si>
    <t>01/21/2020 19:00:23</t>
  </si>
  <si>
    <t>01/21/2020 19:00:28</t>
  </si>
  <si>
    <t>01/21/2020 19:00:33</t>
  </si>
  <si>
    <t>01/21/2020 19:00:37</t>
  </si>
  <si>
    <t>01/21/2020 19:00:41</t>
  </si>
  <si>
    <t>01/21/2020 19:00:45</t>
  </si>
  <si>
    <t>01/21/2020 19:00:49</t>
  </si>
  <si>
    <t>01/21/2020 19:00:53</t>
  </si>
  <si>
    <t>01/21/2020 19:00:57</t>
  </si>
  <si>
    <t>01/21/2020 19:01:01</t>
  </si>
  <si>
    <t>01/21/2020 19:01:06</t>
  </si>
  <si>
    <t>01/21/2020 19:01:10</t>
  </si>
  <si>
    <t>01/21/2020 19:01:14</t>
  </si>
  <si>
    <t>01/21/2020 19:01:18</t>
  </si>
  <si>
    <t>01/21/2020 19:01:22</t>
  </si>
  <si>
    <t>01/21/2020 19:01:26</t>
  </si>
  <si>
    <t>01/21/2020 19:01:30</t>
  </si>
  <si>
    <t>01/21/2020 19:01:35</t>
  </si>
  <si>
    <t>01/21/2020 19:01:39</t>
  </si>
  <si>
    <t>01/21/2020 19:01:43</t>
  </si>
  <si>
    <t>01/21/2020 19:01:48</t>
  </si>
  <si>
    <t>01/21/2020 19:01:52</t>
  </si>
  <si>
    <t>01/21/2020 19:01:55</t>
  </si>
  <si>
    <t>01/21/2020 19:01:56</t>
  </si>
  <si>
    <t>01/21/2020 19:02:00</t>
  </si>
  <si>
    <t>01/21/2020 19:02:04</t>
  </si>
  <si>
    <t>01/21/2020 19:02:08</t>
  </si>
  <si>
    <t>01/21/2020 19:02:12</t>
  </si>
  <si>
    <t>01/21/2020 18:58:04</t>
  </si>
  <si>
    <t>5507353d-4a14-405f-ba51-1238537e8de2.tmp</t>
  </si>
  <si>
    <t>\\acsfs\profiles$\layonmof\Downloads\5507353d-4a14-405f-ba51-1238537e8de2.tmp</t>
  </si>
  <si>
    <t>01/21/2020 19:00:58</t>
  </si>
  <si>
    <t>01/21/2020 19:03:31</t>
  </si>
  <si>
    <t>01/21/2020 19:05:32</t>
  </si>
  <si>
    <t>01/21/2020 19:04:03</t>
  </si>
  <si>
    <t>01/21/2020 19:06:31</t>
  </si>
  <si>
    <t>01/21/2020 19:03:12</t>
  </si>
  <si>
    <t>01/21/2020 19:03:55</t>
  </si>
  <si>
    <t>01/21/2020 19:07:31</t>
  </si>
  <si>
    <t>01/21/2020 19:04:26</t>
  </si>
  <si>
    <t>01/21/2020 19:05:29</t>
  </si>
  <si>
    <t>01/21/2020 19:03:44</t>
  </si>
  <si>
    <t>7fd98bbd-7ff2-41f8-8e63-afe2f59ba85b.tmp</t>
  </si>
  <si>
    <t>\\acsfs\profiles$\henriqueco\Downloads\7fd98bbd-7ff2-41f8-8e63-afe2f59ba85b.tmp</t>
  </si>
  <si>
    <t>01/21/2020 19:02:18</t>
  </si>
  <si>
    <t>01/21/2020 19:02:22</t>
  </si>
  <si>
    <t>01/21/2020 19:02:26</t>
  </si>
  <si>
    <t>01/21/2020 19:02:30</t>
  </si>
  <si>
    <t>01/21/2020 19:02:34</t>
  </si>
  <si>
    <t>01/21/2020 19:02:39</t>
  </si>
  <si>
    <t>01/21/2020 19:02:43</t>
  </si>
  <si>
    <t>01/21/2020 19:02:48</t>
  </si>
  <si>
    <t>01/21/2020 19:02:52</t>
  </si>
  <si>
    <t>01/21/2020 19:02:56</t>
  </si>
  <si>
    <t>01/21/2020 19:03:01</t>
  </si>
  <si>
    <t>01/21/2020 19:03:03</t>
  </si>
  <si>
    <t>01/21/2020 19:03:06</t>
  </si>
  <si>
    <t>01/21/2020 19:03:10</t>
  </si>
  <si>
    <t>01/21/2020 19:03:14</t>
  </si>
  <si>
    <t>01/21/2020 19:03:18</t>
  </si>
  <si>
    <t>01/21/2020 19:03:22</t>
  </si>
  <si>
    <t>01/21/2020 19:03:26</t>
  </si>
  <si>
    <t>01/21/2020 19:03:35</t>
  </si>
  <si>
    <t>01/21/2020 19:03:39</t>
  </si>
  <si>
    <t>01/21/2020 19:03:43</t>
  </si>
  <si>
    <t>01/21/2020 19:03:48</t>
  </si>
  <si>
    <t>01/21/2020 19:03:52</t>
  </si>
  <si>
    <t>01/21/2020 19:03:56</t>
  </si>
  <si>
    <t>01/21/2020 19:04:00</t>
  </si>
  <si>
    <t>01/21/2020 19:04:04</t>
  </si>
  <si>
    <t>01/21/2020 19:04:08</t>
  </si>
  <si>
    <t>01/21/2020 19:04:13</t>
  </si>
  <si>
    <t>01/21/2020 19:04:17</t>
  </si>
  <si>
    <t>01/21/2020 19:04:21</t>
  </si>
  <si>
    <t>01/21/2020 19:04:25</t>
  </si>
  <si>
    <t>01/21/2020 19:04:29</t>
  </si>
  <si>
    <t>01/21/2020 19:04:34</t>
  </si>
  <si>
    <t>01/21/2020 19:04:38</t>
  </si>
  <si>
    <t>01/21/2020 19:04:42</t>
  </si>
  <si>
    <t>01/21/2020 19:04:46</t>
  </si>
  <si>
    <t>01/21/2020 19:04:50</t>
  </si>
  <si>
    <t>01/21/2020 19:04:54</t>
  </si>
  <si>
    <t>01/21/2020 19:04:58</t>
  </si>
  <si>
    <t>01/21/2020 19:05:02</t>
  </si>
  <si>
    <t>01/21/2020 19:05:07</t>
  </si>
  <si>
    <t>01/21/2020 19:05:11</t>
  </si>
  <si>
    <t>01/21/2020 19:05:15</t>
  </si>
  <si>
    <t>01/21/2020 19:05:19</t>
  </si>
  <si>
    <t>01/21/2020 19:05:23</t>
  </si>
  <si>
    <t>01/21/2020 19:05:27</t>
  </si>
  <si>
    <t>01/21/2020 19:05:31</t>
  </si>
  <si>
    <t>01/21/2020 19:05:36</t>
  </si>
  <si>
    <t>01/21/2020 19:05:40</t>
  </si>
  <si>
    <t>01/21/2020 19:05:44</t>
  </si>
  <si>
    <t>01/21/2020 19:05:48</t>
  </si>
  <si>
    <t>01/21/2020 19:05:52</t>
  </si>
  <si>
    <t>01/21/2020 19:05:56</t>
  </si>
  <si>
    <t>01/21/2020 19:06:00</t>
  </si>
  <si>
    <t>01/21/2020 19:06:04</t>
  </si>
  <si>
    <t>01/21/2020 19:06:09</t>
  </si>
  <si>
    <t>01/21/2020 19:06:13</t>
  </si>
  <si>
    <t>01/21/2020 19:06:17</t>
  </si>
  <si>
    <t>01/21/2020 19:06:21</t>
  </si>
  <si>
    <t>01/21/2020 19:06:25</t>
  </si>
  <si>
    <t>01/21/2020 19:06:29</t>
  </si>
  <si>
    <t>01/21/2020 19:06:34</t>
  </si>
  <si>
    <t>01/21/2020 19:06:38</t>
  </si>
  <si>
    <t>01/21/2020 19:06:42</t>
  </si>
  <si>
    <t>01/21/2020 19:06:46</t>
  </si>
  <si>
    <t>01/21/2020 19:06:50</t>
  </si>
  <si>
    <t>01/21/2020 19:06:54</t>
  </si>
  <si>
    <t>01/21/2020 19:06:58</t>
  </si>
  <si>
    <t>01/21/2020 19:07:03</t>
  </si>
  <si>
    <t>01/21/2020 19:07:07</t>
  </si>
  <si>
    <t>01/21/2020 19:07:11</t>
  </si>
  <si>
    <t>01/21/2020 19:07:15</t>
  </si>
  <si>
    <t>01/21/2020 19:07:19</t>
  </si>
  <si>
    <t>01/21/2020 19:07:08</t>
  </si>
  <si>
    <t>01/21/2020 19:08:31</t>
  </si>
  <si>
    <t>a734304e-33a4-4411-b7f3-c2c3c0cd66f5.tmp</t>
  </si>
  <si>
    <t>\\acsfs\profiles$\paulohaf\Downloads\a734304e-33a4-4411-b7f3-c2c3c0cd66f5.tmp</t>
  </si>
  <si>
    <t>01/21/2020 19:10:32</t>
  </si>
  <si>
    <t>01/21/2020 19:08:11</t>
  </si>
  <si>
    <t>01/21/2020 19:11:31</t>
  </si>
  <si>
    <t>01/21/2020 19:09:11</t>
  </si>
  <si>
    <t>01/21/2020 19:07:38</t>
  </si>
  <si>
    <t>01/21/2020 19:12:32</t>
  </si>
  <si>
    <t>01/21/2020 19:09:56</t>
  </si>
  <si>
    <t>01/21/2020 19:07:10</t>
  </si>
  <si>
    <t>07d33e89-320f-42d2-9df2-9359fb50051d.tmp</t>
  </si>
  <si>
    <t>\\acsfs\profiles$\joselrb\Downloads\07d33e89-320f-42d2-9df2-9359fb50051d.tmp</t>
  </si>
  <si>
    <t>01/21/2020 19:07:23</t>
  </si>
  <si>
    <t>01/21/2020 19:07:27</t>
  </si>
  <si>
    <t>01/21/2020 19:07:32</t>
  </si>
  <si>
    <t>01/21/2020 19:07:36</t>
  </si>
  <si>
    <t>01/21/2020 19:07:40</t>
  </si>
  <si>
    <t>01/21/2020 19:07:44</t>
  </si>
  <si>
    <t>01/21/2020 19:07:48</t>
  </si>
  <si>
    <t>01/21/2020 19:07:52</t>
  </si>
  <si>
    <t>01/21/2020 19:07:55</t>
  </si>
  <si>
    <t>01/21/2020 19:07:56</t>
  </si>
  <si>
    <t>01/21/2020 19:08:01</t>
  </si>
  <si>
    <t>01/21/2020 19:08:05</t>
  </si>
  <si>
    <t>01/21/2020 19:08:09</t>
  </si>
  <si>
    <t>01/21/2020 19:08:13</t>
  </si>
  <si>
    <t>01/21/2020 19:08:17</t>
  </si>
  <si>
    <t>01/21/2020 19:08:21</t>
  </si>
  <si>
    <t>01/21/2020 19:08:25</t>
  </si>
  <si>
    <t>01/21/2020 19:08:30</t>
  </si>
  <si>
    <t>01/21/2020 19:08:34</t>
  </si>
  <si>
    <t>01/21/2020 19:08:39</t>
  </si>
  <si>
    <t>01/21/2020 19:08:43</t>
  </si>
  <si>
    <t>01/21/2020 19:08:47</t>
  </si>
  <si>
    <t>01/21/2020 19:08:51</t>
  </si>
  <si>
    <t>01/21/2020 19:08:55</t>
  </si>
  <si>
    <t>01/21/2020 19:08:59</t>
  </si>
  <si>
    <t>01/21/2020 19:09:03</t>
  </si>
  <si>
    <t>01/21/2020 19:09:08</t>
  </si>
  <si>
    <t>01/21/2020 19:09:12</t>
  </si>
  <si>
    <t>01/21/2020 19:09:16</t>
  </si>
  <si>
    <t>01/21/2020 19:09:20</t>
  </si>
  <si>
    <t>01/21/2020 19:09:24</t>
  </si>
  <si>
    <t>01/21/2020 19:09:28</t>
  </si>
  <si>
    <t>01/21/2020 19:09:32</t>
  </si>
  <si>
    <t>01/21/2020 19:09:37</t>
  </si>
  <si>
    <t>01/21/2020 19:09:41</t>
  </si>
  <si>
    <t>01/21/2020 19:09:45</t>
  </si>
  <si>
    <t>01/21/2020 19:09:49</t>
  </si>
  <si>
    <t>01/21/2020 19:09:53</t>
  </si>
  <si>
    <t>01/21/2020 19:09:57</t>
  </si>
  <si>
    <t>01/21/2020 19:10:01</t>
  </si>
  <si>
    <t>01/21/2020 19:10:05</t>
  </si>
  <si>
    <t>01/21/2020 19:10:10</t>
  </si>
  <si>
    <t>01/21/2020 19:10:14</t>
  </si>
  <si>
    <t>01/21/2020 19:10:18</t>
  </si>
  <si>
    <t>01/21/2020 19:10:22</t>
  </si>
  <si>
    <t>01/21/2020 19:10:26</t>
  </si>
  <si>
    <t>01/21/2020 19:10:30</t>
  </si>
  <si>
    <t>01/21/2020 19:10:34</t>
  </si>
  <si>
    <t>01/21/2020 19:10:35</t>
  </si>
  <si>
    <t>01/21/2020 19:10:39</t>
  </si>
  <si>
    <t>01/21/2020 19:10:43</t>
  </si>
  <si>
    <t>01/21/2020 19:10:47</t>
  </si>
  <si>
    <t>01/21/2020 19:10:51</t>
  </si>
  <si>
    <t>01/21/2020 19:10:55</t>
  </si>
  <si>
    <t>01/21/2020 19:10:59</t>
  </si>
  <si>
    <t>01/21/2020 19:11:03</t>
  </si>
  <si>
    <t>01/21/2020 19:11:08</t>
  </si>
  <si>
    <t>01/21/2020 19:11:12</t>
  </si>
  <si>
    <t>01/21/2020 19:11:16</t>
  </si>
  <si>
    <t>01/21/2020 19:11:20</t>
  </si>
  <si>
    <t>01/21/2020 19:11:24</t>
  </si>
  <si>
    <t>01/21/2020 19:11:28</t>
  </si>
  <si>
    <t>01/21/2020 19:11:32</t>
  </si>
  <si>
    <t>01/21/2020 19:11:37</t>
  </si>
  <si>
    <t>01/21/2020 19:11:41</t>
  </si>
  <si>
    <t>01/21/2020 19:11:45</t>
  </si>
  <si>
    <t>01/21/2020 19:11:49</t>
  </si>
  <si>
    <t>01/21/2020 19:11:53</t>
  </si>
  <si>
    <t>01/21/2020 19:11:57</t>
  </si>
  <si>
    <t>01/21/2020 19:12:01</t>
  </si>
  <si>
    <t>01/21/2020 19:12:05</t>
  </si>
  <si>
    <t>01/21/2020 19:12:10</t>
  </si>
  <si>
    <t>01/21/2020 19:12:14</t>
  </si>
  <si>
    <t>01/21/2020 19:12:18</t>
  </si>
  <si>
    <t>01/21/2020 19:13:31</t>
  </si>
  <si>
    <t>01/21/2020 19:12:22</t>
  </si>
  <si>
    <t>01/21/2020 19:09:02</t>
  </si>
  <si>
    <t>01/21/2020 19:13:21</t>
  </si>
  <si>
    <t>01/21/2020 19:14:32</t>
  </si>
  <si>
    <t>01/21/2020 19:15:32</t>
  </si>
  <si>
    <t>01/21/2020 19:14:11</t>
  </si>
  <si>
    <t>01/21/2020 19:16:32</t>
  </si>
  <si>
    <t>01/21/2020 19:15:12</t>
  </si>
  <si>
    <t>01/21/2020 19:12:07</t>
  </si>
  <si>
    <t>01/21/2020 19:17:32</t>
  </si>
  <si>
    <t>01/21/2020 19:15:26</t>
  </si>
  <si>
    <t>01/21/2020 19:15:55</t>
  </si>
  <si>
    <t>01/21/2020 19:12:26</t>
  </si>
  <si>
    <t>01/21/2020 19:12:30</t>
  </si>
  <si>
    <t>01/21/2020 19:12:34</t>
  </si>
  <si>
    <t>01/21/2020 19:12:38</t>
  </si>
  <si>
    <t>01/21/2020 19:12:43</t>
  </si>
  <si>
    <t>01/21/2020 19:12:47</t>
  </si>
  <si>
    <t>01/21/2020 19:12:51</t>
  </si>
  <si>
    <t>01/21/2020 19:12:55</t>
  </si>
  <si>
    <t>01/21/2020 19:12:59</t>
  </si>
  <si>
    <t>01/21/2020 19:13:03</t>
  </si>
  <si>
    <t>01/21/2020 19:13:08</t>
  </si>
  <si>
    <t>01/21/2020 19:13:12</t>
  </si>
  <si>
    <t>01/21/2020 19:13:17</t>
  </si>
  <si>
    <t>01/21/2020 19:18:32</t>
  </si>
  <si>
    <t>01/21/2020 19:13:24</t>
  </si>
  <si>
    <t>01/21/2020 19:13:29</t>
  </si>
  <si>
    <t>01/21/2020 19:13:33</t>
  </si>
  <si>
    <t>01/21/2020 19:13:37</t>
  </si>
  <si>
    <t>01/21/2020 19:13:41</t>
  </si>
  <si>
    <t>01/21/2020 19:13:46</t>
  </si>
  <si>
    <t>01/21/2020 19:13:49</t>
  </si>
  <si>
    <t>01/21/2020 19:13:54</t>
  </si>
  <si>
    <t>01/21/2020 19:13:56</t>
  </si>
  <si>
    <t>01/21/2020 19:13:58</t>
  </si>
  <si>
    <t>01/21/2020 19:14:02</t>
  </si>
  <si>
    <t>01/21/2020 19:14:06</t>
  </si>
  <si>
    <t>01/21/2020 19:14:10</t>
  </si>
  <si>
    <t>01/21/2020 19:14:14</t>
  </si>
  <si>
    <t>01/21/2020 19:14:19</t>
  </si>
  <si>
    <t>01/21/2020 19:14:23</t>
  </si>
  <si>
    <t>01/21/2020 19:14:27</t>
  </si>
  <si>
    <t>01/21/2020 19:14:31</t>
  </si>
  <si>
    <t>01/21/2020 19:14:36</t>
  </si>
  <si>
    <t>01/21/2020 19:14:40</t>
  </si>
  <si>
    <t>01/21/2020 19:14:44</t>
  </si>
  <si>
    <t>01/21/2020 19:14:48</t>
  </si>
  <si>
    <t>01/21/2020 19:14:52</t>
  </si>
  <si>
    <t>01/21/2020 19:14:56</t>
  </si>
  <si>
    <t>01/21/2020 19:15:00</t>
  </si>
  <si>
    <t>01/21/2020 19:15:05</t>
  </si>
  <si>
    <t>01/21/2020 19:15:09</t>
  </si>
  <si>
    <t>01/21/2020 19:15:13</t>
  </si>
  <si>
    <t>01/21/2020 19:15:17</t>
  </si>
  <si>
    <t>01/21/2020 19:15:21</t>
  </si>
  <si>
    <t>01/21/2020 19:15:25</t>
  </si>
  <si>
    <t>01/21/2020 19:15:29</t>
  </si>
  <si>
    <t>01/21/2020 19:15:33</t>
  </si>
  <si>
    <t>01/21/2020 19:15:37</t>
  </si>
  <si>
    <t>01/21/2020 19:15:42</t>
  </si>
  <si>
    <t>01/21/2020 19:15:46</t>
  </si>
  <si>
    <t>01/21/2020 19:15:50</t>
  </si>
  <si>
    <t>01/21/2020 19:15:54</t>
  </si>
  <si>
    <t>01/21/2020 19:15:58</t>
  </si>
  <si>
    <t>01/21/2020 19:16:02</t>
  </si>
  <si>
    <t>01/21/2020 19:16:07</t>
  </si>
  <si>
    <t>01/21/2020 19:16:11</t>
  </si>
  <si>
    <t>01/21/2020 19:16:15</t>
  </si>
  <si>
    <t>01/21/2020 19:16:19</t>
  </si>
  <si>
    <t>01/21/2020 19:16:23</t>
  </si>
  <si>
    <t>01/21/2020 19:16:27</t>
  </si>
  <si>
    <t>01/21/2020 19:16:31</t>
  </si>
  <si>
    <t>01/21/2020 19:16:36</t>
  </si>
  <si>
    <t>01/21/2020 19:16:40</t>
  </si>
  <si>
    <t>01/21/2020 19:16:44</t>
  </si>
  <si>
    <t>01/21/2020 19:16:48</t>
  </si>
  <si>
    <t>01/21/2020 19:16:52</t>
  </si>
  <si>
    <t>01/21/2020 19:16:56</t>
  </si>
  <si>
    <t>01/21/2020 19:17:00</t>
  </si>
  <si>
    <t>01/21/2020 19:17:04</t>
  </si>
  <si>
    <t>01/21/2020 19:17:10</t>
  </si>
  <si>
    <t>01/21/2020 19:17:13</t>
  </si>
  <si>
    <t>01/21/2020 19:17:17</t>
  </si>
  <si>
    <t>01/21/2020 19:17:21</t>
  </si>
  <si>
    <t>01/21/2020 19:17:25</t>
  </si>
  <si>
    <t>01/21/2020 19:17:29</t>
  </si>
  <si>
    <t>01/21/2020 19:16:16</t>
  </si>
  <si>
    <t>01/21/2020 19:20:32</t>
  </si>
  <si>
    <t>01/21/2020 19:20:11</t>
  </si>
  <si>
    <t>01/21/2020 19:21:32</t>
  </si>
  <si>
    <t>01/21/2020 19:17:40</t>
  </si>
  <si>
    <t>01/21/2020 19:17:07</t>
  </si>
  <si>
    <t>01/21/2020 19:22:33</t>
  </si>
  <si>
    <t>01/21/2020 19:20:58</t>
  </si>
  <si>
    <t>01/21/2020 19:19:02</t>
  </si>
  <si>
    <t>89a316d3-1653-4f20-b922-b4a1d2f8b9fa.tmp</t>
  </si>
  <si>
    <t>\\acsfs\profiles$\laurandos\Downloads\89a316d3-1653-4f20-b922-b4a1d2f8b9fa.tmp</t>
  </si>
  <si>
    <t>01/21/2020 19:17:35</t>
  </si>
  <si>
    <t>01/21/2020 19:23:32</t>
  </si>
  <si>
    <t>01/21/2020 19:17:38</t>
  </si>
  <si>
    <t>01/21/2020 19:17:42</t>
  </si>
  <si>
    <t>01/21/2020 19:17:46</t>
  </si>
  <si>
    <t>01/21/2020 19:17:50</t>
  </si>
  <si>
    <t>01/21/2020 19:17:54</t>
  </si>
  <si>
    <t>01/21/2020 19:17:58</t>
  </si>
  <si>
    <t>01/21/2020 19:18:02</t>
  </si>
  <si>
    <t>01/21/2020 19:18:07</t>
  </si>
  <si>
    <t>01/21/2020 19:18:11</t>
  </si>
  <si>
    <t>01/21/2020 19:18:15</t>
  </si>
  <si>
    <t>01/21/2020 19:18:19</t>
  </si>
  <si>
    <t>01/21/2020 19:18:24</t>
  </si>
  <si>
    <t>01/21/2020 19:18:28</t>
  </si>
  <si>
    <t>01/21/2020 19:18:36</t>
  </si>
  <si>
    <t>01/21/2020 19:18:41</t>
  </si>
  <si>
    <t>01/21/2020 19:18:45</t>
  </si>
  <si>
    <t>01/21/2020 19:18:49</t>
  </si>
  <si>
    <t>01/21/2020 19:18:53</t>
  </si>
  <si>
    <t>01/21/2020 19:18:57</t>
  </si>
  <si>
    <t>01/21/2020 19:19:01</t>
  </si>
  <si>
    <t>01/21/2020 19:19:05</t>
  </si>
  <si>
    <t>01/21/2020 19:19:09</t>
  </si>
  <si>
    <t>01/21/2020 19:19:14</t>
  </si>
  <si>
    <t>01/21/2020 19:19:18</t>
  </si>
  <si>
    <t>01/21/2020 19:19:22</t>
  </si>
  <si>
    <t>01/21/2020 19:19:26</t>
  </si>
  <si>
    <t>01/21/2020 19:19:30</t>
  </si>
  <si>
    <t>01/21/2020 19:19:34</t>
  </si>
  <si>
    <t>01/21/2020 19:19:38</t>
  </si>
  <si>
    <t>01/21/2020 19:19:43</t>
  </si>
  <si>
    <t>01/21/2020 19:19:47</t>
  </si>
  <si>
    <t>01/21/2020 19:19:51</t>
  </si>
  <si>
    <t>01/21/2020 19:19:55</t>
  </si>
  <si>
    <t>01/21/2020 19:19:56</t>
  </si>
  <si>
    <t>01/21/2020 19:19:59</t>
  </si>
  <si>
    <t>01/21/2020 19:20:03</t>
  </si>
  <si>
    <t>01/21/2020 19:20:07</t>
  </si>
  <si>
    <t>01/21/2020 19:20:12</t>
  </si>
  <si>
    <t>01/21/2020 19:20:16</t>
  </si>
  <si>
    <t>01/21/2020 19:20:20</t>
  </si>
  <si>
    <t>01/21/2020 19:20:24</t>
  </si>
  <si>
    <t>01/21/2020 19:20:28</t>
  </si>
  <si>
    <t>01/21/2020 19:20:36</t>
  </si>
  <si>
    <t>01/21/2020 19:20:40</t>
  </si>
  <si>
    <t>01/21/2020 19:20:45</t>
  </si>
  <si>
    <t>01/21/2020 19:20:49</t>
  </si>
  <si>
    <t>01/21/2020 19:20:53</t>
  </si>
  <si>
    <t>01/21/2020 19:20:57</t>
  </si>
  <si>
    <t>01/21/2020 19:21:01</t>
  </si>
  <si>
    <t>01/21/2020 19:21:05</t>
  </si>
  <si>
    <t>01/21/2020 19:21:09</t>
  </si>
  <si>
    <t>01/21/2020 19:21:14</t>
  </si>
  <si>
    <t>01/21/2020 19:21:18</t>
  </si>
  <si>
    <t>01/21/2020 19:21:22</t>
  </si>
  <si>
    <t>01/21/2020 19:21:26</t>
  </si>
  <si>
    <t>01/21/2020 19:21:30</t>
  </si>
  <si>
    <t>01/21/2020 19:21:34</t>
  </si>
  <si>
    <t>01/21/2020 19:21:38</t>
  </si>
  <si>
    <t>01/21/2020 19:21:43</t>
  </si>
  <si>
    <t>01/21/2020 19:21:47</t>
  </si>
  <si>
    <t>01/21/2020 19:21:51</t>
  </si>
  <si>
    <t>01/21/2020 19:21:55</t>
  </si>
  <si>
    <t>01/21/2020 19:21:59</t>
  </si>
  <si>
    <t>01/21/2020 19:22:03</t>
  </si>
  <si>
    <t>01/21/2020 19:22:07</t>
  </si>
  <si>
    <t>01/21/2020 19:22:11</t>
  </si>
  <si>
    <t>01/21/2020 19:22:15</t>
  </si>
  <si>
    <t>01/21/2020 19:22:20</t>
  </si>
  <si>
    <t>01/21/2020 19:22:24</t>
  </si>
  <si>
    <t>01/21/2020 19:22:28</t>
  </si>
  <si>
    <t>01/21/2020 19:22:32</t>
  </si>
  <si>
    <t>01/21/2020 19:22:36</t>
  </si>
  <si>
    <t>01/21/2020 19:21:39</t>
  </si>
  <si>
    <t>01/21/2020 19:22:43</t>
  </si>
  <si>
    <t>01/21/2020 19:25:33</t>
  </si>
  <si>
    <t>01/21/2020 19:23:02</t>
  </si>
  <si>
    <t>01/21/2020 19:26:33</t>
  </si>
  <si>
    <t>a14851c2-c9bc-4016-85fb-1cb6e8273e42.tmp</t>
  </si>
  <si>
    <t>\\acsfs\profiles$\gabrielamdp\Downloads\a14851c2-c9bc-4016-85fb-1cb6e8273e42.tmp</t>
  </si>
  <si>
    <t>01/21/2020 19:21:11</t>
  </si>
  <si>
    <t>01/21/2020 19:23:24</t>
  </si>
  <si>
    <t>01/21/2020 19:23:25</t>
  </si>
  <si>
    <t>01/21/2020 19:23:27</t>
  </si>
  <si>
    <t>01/21/2020 19:25:53</t>
  </si>
  <si>
    <t>01/21/2020 19:27:33</t>
  </si>
  <si>
    <t>63c0c076-66ef-44a1-a4c7-9a2b3921fd11.tmp</t>
  </si>
  <si>
    <t>\\acsfs\profiles$\taylaedoa\Downloads\63c0c076-66ef-44a1-a4c7-9a2b3921fd11.tmp</t>
  </si>
  <si>
    <t>01/21/2020 19:26:43</t>
  </si>
  <si>
    <t>01/21/2020 19:28:33</t>
  </si>
  <si>
    <t>01/21/2020 19:22:40</t>
  </si>
  <si>
    <t>01/21/2020 19:22:44</t>
  </si>
  <si>
    <t>01/21/2020 19:22:49</t>
  </si>
  <si>
    <t>01/21/2020 19:22:53</t>
  </si>
  <si>
    <t>01/21/2020 19:22:57</t>
  </si>
  <si>
    <t>01/21/2020 19:23:01</t>
  </si>
  <si>
    <t>01/21/2020 19:23:05</t>
  </si>
  <si>
    <t>01/21/2020 19:23:09</t>
  </si>
  <si>
    <t>01/21/2020 19:23:13</t>
  </si>
  <si>
    <t>01/21/2020 19:23:18</t>
  </si>
  <si>
    <t>01/21/2020 19:23:22</t>
  </si>
  <si>
    <t>01/21/2020 19:23:26</t>
  </si>
  <si>
    <t>01/21/2020 19:23:30</t>
  </si>
  <si>
    <t>01/21/2020 19:23:34</t>
  </si>
  <si>
    <t>01/21/2020 19:23:38</t>
  </si>
  <si>
    <t>01/21/2020 19:23:42</t>
  </si>
  <si>
    <t>01/21/2020 19:23:46</t>
  </si>
  <si>
    <t>01/21/2020 19:23:51</t>
  </si>
  <si>
    <t>01/21/2020 19:23:55</t>
  </si>
  <si>
    <t>01/21/2020 19:23:59</t>
  </si>
  <si>
    <t>01/21/2020 19:24:03</t>
  </si>
  <si>
    <t>01/21/2020 19:24:07</t>
  </si>
  <si>
    <t>01/21/2020 19:24:11</t>
  </si>
  <si>
    <t>01/21/2020 19:24:15</t>
  </si>
  <si>
    <t>01/21/2020 19:24:20</t>
  </si>
  <si>
    <t>01/21/2020 19:24:24</t>
  </si>
  <si>
    <t>01/21/2020 19:24:28</t>
  </si>
  <si>
    <t>01/21/2020 19:24:32</t>
  </si>
  <si>
    <t>01/21/2020 19:24:36</t>
  </si>
  <si>
    <t>01/21/2020 19:24:40</t>
  </si>
  <si>
    <t>01/21/2020 19:24:44</t>
  </si>
  <si>
    <t>01/21/2020 19:24:49</t>
  </si>
  <si>
    <t>01/21/2020 19:24:53</t>
  </si>
  <si>
    <t>01/21/2020 19:24:57</t>
  </si>
  <si>
    <t>01/21/2020 19:25:01</t>
  </si>
  <si>
    <t>01/21/2020 19:25:05</t>
  </si>
  <si>
    <t>01/21/2020 19:25:09</t>
  </si>
  <si>
    <t>01/21/2020 19:25:13</t>
  </si>
  <si>
    <t>01/21/2020 19:25:17</t>
  </si>
  <si>
    <t>01/21/2020 19:25:19</t>
  </si>
  <si>
    <t>01/21/2020 19:25:22</t>
  </si>
  <si>
    <t>01/21/2020 19:25:26</t>
  </si>
  <si>
    <t>01/21/2020 19:25:30</t>
  </si>
  <si>
    <t>01/21/2020 19:25:34</t>
  </si>
  <si>
    <t>01/21/2020 19:25:38</t>
  </si>
  <si>
    <t>01/21/2020 19:25:43</t>
  </si>
  <si>
    <t>01/21/2020 19:25:46</t>
  </si>
  <si>
    <t>01/21/2020 19:25:51</t>
  </si>
  <si>
    <t>01/21/2020 19:25:55</t>
  </si>
  <si>
    <t>01/21/2020 19:25:56</t>
  </si>
  <si>
    <t>01/21/2020 19:25:59</t>
  </si>
  <si>
    <t>01/21/2020 19:26:03</t>
  </si>
  <si>
    <t>01/21/2020 19:26:08</t>
  </si>
  <si>
    <t>01/21/2020 19:26:12</t>
  </si>
  <si>
    <t>01/21/2020 19:26:16</t>
  </si>
  <si>
    <t>01/21/2020 19:26:20</t>
  </si>
  <si>
    <t>01/21/2020 19:26:24</t>
  </si>
  <si>
    <t>01/21/2020 19:26:29</t>
  </si>
  <si>
    <t>01/21/2020 19:26:37</t>
  </si>
  <si>
    <t>01/21/2020 19:26:41</t>
  </si>
  <si>
    <t>01/21/2020 19:26:45</t>
  </si>
  <si>
    <t>01/21/2020 19:26:49</t>
  </si>
  <si>
    <t>01/21/2020 19:26:53</t>
  </si>
  <si>
    <t>01/21/2020 19:26:57</t>
  </si>
  <si>
    <t>01/21/2020 19:27:02</t>
  </si>
  <si>
    <t>01/21/2020 19:27:06</t>
  </si>
  <si>
    <t>01/21/2020 19:27:10</t>
  </si>
  <si>
    <t>01/21/2020 19:27:14</t>
  </si>
  <si>
    <t>01/21/2020 19:27:18</t>
  </si>
  <si>
    <t>01/21/2020 19:27:22</t>
  </si>
  <si>
    <t>01/21/2020 19:27:27</t>
  </si>
  <si>
    <t>01/21/2020 19:27:31</t>
  </si>
  <si>
    <t>01/21/2020 19:27:35</t>
  </si>
  <si>
    <t>01/21/2020 19:27:39</t>
  </si>
  <si>
    <t>01/21/2020 19:27:43</t>
  </si>
  <si>
    <t>01/21/2020 19:30:34</t>
  </si>
  <si>
    <t>01/21/2020 19:26:11</t>
  </si>
  <si>
    <t>01/21/2020 19:31:33</t>
  </si>
  <si>
    <t>01/21/2020 19:29:12</t>
  </si>
  <si>
    <t>01/21/2020 19:32:33</t>
  </si>
  <si>
    <t>01/21/2020 19:29:15</t>
  </si>
  <si>
    <t>01/21/2020 19:27:47</t>
  </si>
  <si>
    <t>01/21/2020 19:33:33</t>
  </si>
  <si>
    <t>01/21/2020 19:27:51</t>
  </si>
  <si>
    <t>01/21/2020 19:27:55</t>
  </si>
  <si>
    <t>01/21/2020 19:28:00</t>
  </si>
  <si>
    <t>01/21/2020 19:28:04</t>
  </si>
  <si>
    <t>01/21/2020 19:28:08</t>
  </si>
  <si>
    <t>01/21/2020 19:28:12</t>
  </si>
  <si>
    <t>01/21/2020 19:28:16</t>
  </si>
  <si>
    <t>01/21/2020 19:28:20</t>
  </si>
  <si>
    <t>01/21/2020 19:28:24</t>
  </si>
  <si>
    <t>01/21/2020 19:28:28</t>
  </si>
  <si>
    <t>01/21/2020 19:28:37</t>
  </si>
  <si>
    <t>01/21/2020 19:28:41</t>
  </si>
  <si>
    <t>01/21/2020 19:28:45</t>
  </si>
  <si>
    <t>01/21/2020 19:28:49</t>
  </si>
  <si>
    <t>01/21/2020 19:28:53</t>
  </si>
  <si>
    <t>01/21/2020 19:28:57</t>
  </si>
  <si>
    <t>01/21/2020 19:29:02</t>
  </si>
  <si>
    <t>01/21/2020 19:29:06</t>
  </si>
  <si>
    <t>01/21/2020 19:29:10</t>
  </si>
  <si>
    <t>01/21/2020 19:29:14</t>
  </si>
  <si>
    <t>01/21/2020 19:29:18</t>
  </si>
  <si>
    <t>01/21/2020 19:29:22</t>
  </si>
  <si>
    <t>01/21/2020 19:29:26</t>
  </si>
  <si>
    <t>01/21/2020 19:29:31</t>
  </si>
  <si>
    <t>01/21/2020 19:29:35</t>
  </si>
  <si>
    <t>01/21/2020 19:29:39</t>
  </si>
  <si>
    <t>01/21/2020 19:29:43</t>
  </si>
  <si>
    <t>01/21/2020 19:29:47</t>
  </si>
  <si>
    <t>01/21/2020 19:29:51</t>
  </si>
  <si>
    <t>01/21/2020 19:29:56</t>
  </si>
  <si>
    <t>01/21/2020 19:30:00</t>
  </si>
  <si>
    <t>01/21/2020 19:30:04</t>
  </si>
  <si>
    <t>01/21/2020 19:30:08</t>
  </si>
  <si>
    <t>01/21/2020 19:30:12</t>
  </si>
  <si>
    <t>01/21/2020 19:30:16</t>
  </si>
  <si>
    <t>01/21/2020 19:30:20</t>
  </si>
  <si>
    <t>01/21/2020 19:30:24</t>
  </si>
  <si>
    <t>01/21/2020 19:30:29</t>
  </si>
  <si>
    <t>01/21/2020 19:30:33</t>
  </si>
  <si>
    <t>01/21/2020 19:30:37</t>
  </si>
  <si>
    <t>01/21/2020 19:30:41</t>
  </si>
  <si>
    <t>01/21/2020 19:30:45</t>
  </si>
  <si>
    <t>01/21/2020 19:30:49</t>
  </si>
  <si>
    <t>01/21/2020 19:30:53</t>
  </si>
  <si>
    <t>01/21/2020 19:30:58</t>
  </si>
  <si>
    <t>01/21/2020 19:31:02</t>
  </si>
  <si>
    <t>01/21/2020 19:31:07</t>
  </si>
  <si>
    <t>01/21/2020 19:31:10</t>
  </si>
  <si>
    <t>01/21/2020 19:31:14</t>
  </si>
  <si>
    <t>01/21/2020 19:31:18</t>
  </si>
  <si>
    <t>01/21/2020 19:31:22</t>
  </si>
  <si>
    <t>01/21/2020 19:31:27</t>
  </si>
  <si>
    <t>01/21/2020 19:31:31</t>
  </si>
  <si>
    <t>01/21/2020 19:31:36</t>
  </si>
  <si>
    <t>01/21/2020 19:31:40</t>
  </si>
  <si>
    <t>01/21/2020 19:31:44</t>
  </si>
  <si>
    <t>01/21/2020 19:31:48</t>
  </si>
  <si>
    <t>01/21/2020 19:31:52</t>
  </si>
  <si>
    <t>01/21/2020 19:31:56</t>
  </si>
  <si>
    <t>01/21/2020 19:32:01</t>
  </si>
  <si>
    <t>01/21/2020 19:32:05</t>
  </si>
  <si>
    <t>01/21/2020 19:32:09</t>
  </si>
  <si>
    <t>01/21/2020 19:32:13</t>
  </si>
  <si>
    <t>01/21/2020 19:32:17</t>
  </si>
  <si>
    <t>01/21/2020 19:32:21</t>
  </si>
  <si>
    <t>01/21/2020 19:32:25</t>
  </si>
  <si>
    <t>01/21/2020 19:32:29</t>
  </si>
  <si>
    <t>01/21/2020 19:32:34</t>
  </si>
  <si>
    <t>01/21/2020 19:32:38</t>
  </si>
  <si>
    <t>01/21/2020 19:32:42</t>
  </si>
  <si>
    <t>01/21/2020 19:32:46</t>
  </si>
  <si>
    <t>01/21/2020 19:32:50</t>
  </si>
  <si>
    <t>0454977a-34aa-4de3-9b60-153ab32c300c.tmp</t>
  </si>
  <si>
    <t>\\acsfs\profiles$\erichds\Downloads\0454977a-34aa-4de3-9b60-153ab32c300c.tmp</t>
  </si>
  <si>
    <t>01/21/2020 19:33:11</t>
  </si>
  <si>
    <t>94c33f73-d850-49f6-9882-7d2c854003ee.tmp</t>
  </si>
  <si>
    <t>\\acsfs\profiles$\erichds\Downloads\94c33f73-d850-49f6-9882-7d2c854003ee.tmp</t>
  </si>
  <si>
    <t>01/21/2020 19:35:33</t>
  </si>
  <si>
    <t>01/21/2020 19:35:54</t>
  </si>
  <si>
    <t>01/21/2020 19:36:34</t>
  </si>
  <si>
    <t>01/21/2020 19:32:12</t>
  </si>
  <si>
    <t>01/21/2020 19:35:12</t>
  </si>
  <si>
    <t>01/21/2020 19:35:57</t>
  </si>
  <si>
    <t>01/21/2020 19:32:54</t>
  </si>
  <si>
    <t>01/21/2020 19:38:34</t>
  </si>
  <si>
    <t>01/21/2020 19:32:56</t>
  </si>
  <si>
    <t>01/21/2020 19:32:58</t>
  </si>
  <si>
    <t>01/21/2020 19:33:03</t>
  </si>
  <si>
    <t>01/21/2020 19:33:07</t>
  </si>
  <si>
    <t>01/21/2020 19:33:15</t>
  </si>
  <si>
    <t>01/21/2020 19:33:19</t>
  </si>
  <si>
    <t>01/21/2020 19:33:23</t>
  </si>
  <si>
    <t>01/21/2020 19:33:27</t>
  </si>
  <si>
    <t>01/21/2020 19:33:32</t>
  </si>
  <si>
    <t>01/21/2020 19:33:36</t>
  </si>
  <si>
    <t>01/21/2020 19:33:40</t>
  </si>
  <si>
    <t>01/21/2020 19:33:44</t>
  </si>
  <si>
    <t>01/21/2020 19:33:48</t>
  </si>
  <si>
    <t>01/21/2020 19:33:52</t>
  </si>
  <si>
    <t>01/21/2020 19:33:56</t>
  </si>
  <si>
    <t>01/21/2020 19:34:00</t>
  </si>
  <si>
    <t>01/21/2020 19:34:05</t>
  </si>
  <si>
    <t>01/21/2020 19:34:09</t>
  </si>
  <si>
    <t>01/21/2020 19:34:13</t>
  </si>
  <si>
    <t>01/21/2020 19:34:17</t>
  </si>
  <si>
    <t>01/21/2020 19:34:21</t>
  </si>
  <si>
    <t>01/21/2020 19:34:25</t>
  </si>
  <si>
    <t>01/21/2020 19:34:29</t>
  </si>
  <si>
    <t>01/21/2020 19:34:34</t>
  </si>
  <si>
    <t>01/21/2020 19:34:38</t>
  </si>
  <si>
    <t>01/21/2020 19:34:42</t>
  </si>
  <si>
    <t>01/21/2020 19:34:46</t>
  </si>
  <si>
    <t>01/21/2020 19:34:50</t>
  </si>
  <si>
    <t>01/21/2020 19:34:54</t>
  </si>
  <si>
    <t>01/21/2020 19:34:58</t>
  </si>
  <si>
    <t>01/21/2020 19:35:03</t>
  </si>
  <si>
    <t>01/21/2020 19:35:07</t>
  </si>
  <si>
    <t>01/21/2020 19:35:11</t>
  </si>
  <si>
    <t>01/21/2020 19:35:15</t>
  </si>
  <si>
    <t>01/21/2020 19:35:19</t>
  </si>
  <si>
    <t>01/21/2020 19:35:23</t>
  </si>
  <si>
    <t>01/21/2020 19:35:27</t>
  </si>
  <si>
    <t>01/21/2020 19:35:32</t>
  </si>
  <si>
    <t>01/21/2020 19:35:36</t>
  </si>
  <si>
    <t>01/21/2020 19:35:40</t>
  </si>
  <si>
    <t>01/21/2020 19:35:44</t>
  </si>
  <si>
    <t>01/21/2020 19:35:48</t>
  </si>
  <si>
    <t>01/21/2020 19:35:52</t>
  </si>
  <si>
    <t>01/21/2020 19:36:01</t>
  </si>
  <si>
    <t>01/21/2020 19:36:05</t>
  </si>
  <si>
    <t>01/21/2020 19:36:09</t>
  </si>
  <si>
    <t>01/21/2020 19:36:13</t>
  </si>
  <si>
    <t>01/21/2020 19:36:17</t>
  </si>
  <si>
    <t>01/21/2020 19:36:22</t>
  </si>
  <si>
    <t>01/21/2020 19:36:27</t>
  </si>
  <si>
    <t>01/21/2020 19:36:31</t>
  </si>
  <si>
    <t>01/21/2020 19:36:35</t>
  </si>
  <si>
    <t>01/21/2020 19:36:39</t>
  </si>
  <si>
    <t>01/21/2020 19:36:43</t>
  </si>
  <si>
    <t>01/21/2020 19:36:47</t>
  </si>
  <si>
    <t>01/21/2020 19:36:51</t>
  </si>
  <si>
    <t>01/21/2020 19:36:55</t>
  </si>
  <si>
    <t>01/21/2020 19:36:59</t>
  </si>
  <si>
    <t>01/21/2020 19:37:03</t>
  </si>
  <si>
    <t>01/21/2020 19:37:08</t>
  </si>
  <si>
    <t>01/21/2020 19:37:12</t>
  </si>
  <si>
    <t>01/21/2020 19:37:16</t>
  </si>
  <si>
    <t>01/21/2020 19:37:20</t>
  </si>
  <si>
    <t>01/21/2020 19:37:24</t>
  </si>
  <si>
    <t>01/21/2020 19:37:28</t>
  </si>
  <si>
    <t>01/21/2020 19:37:32</t>
  </si>
  <si>
    <t>01/21/2020 19:37:36</t>
  </si>
  <si>
    <t>01/21/2020 19:37:40</t>
  </si>
  <si>
    <t>01/21/2020 19:37:44</t>
  </si>
  <si>
    <t>01/21/2020 19:37:48</t>
  </si>
  <si>
    <t>01/21/2020 19:37:53</t>
  </si>
  <si>
    <t>01/21/2020 19:37:56</t>
  </si>
  <si>
    <t>01/21/2020 19:40:33</t>
  </si>
  <si>
    <t>01/21/2020 19:38:12</t>
  </si>
  <si>
    <t>01/21/2020 19:41:33</t>
  </si>
  <si>
    <t>01/21/2020 19:42:33</t>
  </si>
  <si>
    <t>01/21/2020 19:40:21</t>
  </si>
  <si>
    <t>01/21/2020 19:40:25</t>
  </si>
  <si>
    <t>01/21/2020 19:41:14</t>
  </si>
  <si>
    <t>01/21/2020 19:43:33</t>
  </si>
  <si>
    <t>01/21/2020 19:37:57</t>
  </si>
  <si>
    <t>01/21/2020 19:38:01</t>
  </si>
  <si>
    <t>01/21/2020 19:38:05</t>
  </si>
  <si>
    <t>01/21/2020 19:38:09</t>
  </si>
  <si>
    <t>01/21/2020 19:38:13</t>
  </si>
  <si>
    <t>01/21/2020 19:38:17</t>
  </si>
  <si>
    <t>01/21/2020 19:38:21</t>
  </si>
  <si>
    <t>01/21/2020 19:38:26</t>
  </si>
  <si>
    <t>01/21/2020 19:38:30</t>
  </si>
  <si>
    <t>01/21/2020 19:38:38</t>
  </si>
  <si>
    <t>01/21/2020 19:38:42</t>
  </si>
  <si>
    <t>01/21/2020 19:38:46</t>
  </si>
  <si>
    <t>01/21/2020 19:38:50</t>
  </si>
  <si>
    <t>01/21/2020 19:38:54</t>
  </si>
  <si>
    <t>01/21/2020 19:38:58</t>
  </si>
  <si>
    <t>01/21/2020 19:39:02</t>
  </si>
  <si>
    <t>01/21/2020 19:39:06</t>
  </si>
  <si>
    <t>01/21/2020 19:39:11</t>
  </si>
  <si>
    <t>01/21/2020 19:39:15</t>
  </si>
  <si>
    <t>01/21/2020 19:39:19</t>
  </si>
  <si>
    <t>01/21/2020 19:39:23</t>
  </si>
  <si>
    <t>01/21/2020 19:39:27</t>
  </si>
  <si>
    <t>01/21/2020 19:39:31</t>
  </si>
  <si>
    <t>01/21/2020 19:39:35</t>
  </si>
  <si>
    <t>01/21/2020 19:39:39</t>
  </si>
  <si>
    <t>01/21/2020 19:39:43</t>
  </si>
  <si>
    <t>01/21/2020 19:39:48</t>
  </si>
  <si>
    <t>01/21/2020 19:39:52</t>
  </si>
  <si>
    <t>01/21/2020 19:39:56</t>
  </si>
  <si>
    <t>01/21/2020 19:40:00</t>
  </si>
  <si>
    <t>01/21/2020 19:40:04</t>
  </si>
  <si>
    <t>01/21/2020 19:40:08</t>
  </si>
  <si>
    <t>01/21/2020 19:40:12</t>
  </si>
  <si>
    <t>01/21/2020 19:40:16</t>
  </si>
  <si>
    <t>01/21/2020 19:40:29</t>
  </si>
  <si>
    <t>01/21/2020 19:40:34</t>
  </si>
  <si>
    <t>01/21/2020 19:40:38</t>
  </si>
  <si>
    <t>01/21/2020 19:40:42</t>
  </si>
  <si>
    <t>01/21/2020 19:40:46</t>
  </si>
  <si>
    <t>01/21/2020 19:40:50</t>
  </si>
  <si>
    <t>01/21/2020 19:40:54</t>
  </si>
  <si>
    <t>01/21/2020 19:40:58</t>
  </si>
  <si>
    <t>01/21/2020 19:41:03</t>
  </si>
  <si>
    <t>01/21/2020 19:41:07</t>
  </si>
  <si>
    <t>01/21/2020 19:41:11</t>
  </si>
  <si>
    <t>01/21/2020 19:41:15</t>
  </si>
  <si>
    <t>01/21/2020 19:41:19</t>
  </si>
  <si>
    <t>01/21/2020 19:41:23</t>
  </si>
  <si>
    <t>01/21/2020 19:41:27</t>
  </si>
  <si>
    <t>01/21/2020 19:41:31</t>
  </si>
  <si>
    <t>01/21/2020 19:41:35</t>
  </si>
  <si>
    <t>01/21/2020 19:41:40</t>
  </si>
  <si>
    <t>01/21/2020 19:41:44</t>
  </si>
  <si>
    <t>01/21/2020 19:41:48</t>
  </si>
  <si>
    <t>01/21/2020 19:41:52</t>
  </si>
  <si>
    <t>01/21/2020 19:41:56</t>
  </si>
  <si>
    <t>01/21/2020 19:42:00</t>
  </si>
  <si>
    <t>01/21/2020 19:42:04</t>
  </si>
  <si>
    <t>01/21/2020 19:42:08</t>
  </si>
  <si>
    <t>01/21/2020 19:42:13</t>
  </si>
  <si>
    <t>01/21/2020 19:42:17</t>
  </si>
  <si>
    <t>01/21/2020 19:42:21</t>
  </si>
  <si>
    <t>01/21/2020 19:42:25</t>
  </si>
  <si>
    <t>01/21/2020 19:42:29</t>
  </si>
  <si>
    <t>01/21/2020 19:42:37</t>
  </si>
  <si>
    <t>01/21/2020 19:42:41</t>
  </si>
  <si>
    <t>01/21/2020 19:42:45</t>
  </si>
  <si>
    <t>01/21/2020 19:42:49</t>
  </si>
  <si>
    <t>01/21/2020 19:42:54</t>
  </si>
  <si>
    <t>01/21/2020 19:42:58</t>
  </si>
  <si>
    <t>01/21/2020 19:43:02</t>
  </si>
  <si>
    <t>01/21/2020 19:43:06</t>
  </si>
  <si>
    <t>01/21/2020 19:41:34</t>
  </si>
  <si>
    <t>01/21/2020 19:45:33</t>
  </si>
  <si>
    <t>01/21/2020 19:41:12</t>
  </si>
  <si>
    <t>01/21/2020 19:46:33</t>
  </si>
  <si>
    <t>01/21/2020 19:44:12</t>
  </si>
  <si>
    <t>01/21/2020 19:46:32</t>
  </si>
  <si>
    <t>01/21/2020 19:47:33</t>
  </si>
  <si>
    <t>66945090-cbbc-4a56-8911-54087c57e4b9.tmp</t>
  </si>
  <si>
    <t>\\acsfs\profiles$\henriqueco\Downloads\66945090-cbbc-4a56-8911-54087c57e4b9.tmp</t>
  </si>
  <si>
    <t>01/21/2020 19:43:54</t>
  </si>
  <si>
    <t>01/21/2020 19:44:46</t>
  </si>
  <si>
    <t>01/21/2020 19:48:33</t>
  </si>
  <si>
    <t>01/21/2020 19:43:10</t>
  </si>
  <si>
    <t>01/21/2020 19:43:14</t>
  </si>
  <si>
    <t>01/21/2020 19:43:18</t>
  </si>
  <si>
    <t>01/21/2020 19:43:22</t>
  </si>
  <si>
    <t>01/21/2020 19:43:26</t>
  </si>
  <si>
    <t>01/21/2020 19:43:30</t>
  </si>
  <si>
    <t>01/21/2020 19:43:34</t>
  </si>
  <si>
    <t>01/21/2020 19:43:39</t>
  </si>
  <si>
    <t>01/21/2020 19:43:43</t>
  </si>
  <si>
    <t>01/21/2020 19:43:47</t>
  </si>
  <si>
    <t>01/21/2020 19:43:51</t>
  </si>
  <si>
    <t>01/21/2020 19:43:55</t>
  </si>
  <si>
    <t>01/21/2020 19:43:56</t>
  </si>
  <si>
    <t>01/21/2020 19:43:59</t>
  </si>
  <si>
    <t>01/21/2020 19:44:03</t>
  </si>
  <si>
    <t>01/21/2020 19:44:07</t>
  </si>
  <si>
    <t>01/21/2020 19:44:11</t>
  </si>
  <si>
    <t>01/21/2020 19:44:15</t>
  </si>
  <si>
    <t>01/21/2020 19:44:25</t>
  </si>
  <si>
    <t>01/21/2020 19:44:29</t>
  </si>
  <si>
    <t>01/21/2020 19:44:33</t>
  </si>
  <si>
    <t>01/21/2020 19:44:37</t>
  </si>
  <si>
    <t>01/21/2020 19:44:41</t>
  </si>
  <si>
    <t>01/21/2020 19:44:50</t>
  </si>
  <si>
    <t>01/21/2020 19:44:54</t>
  </si>
  <si>
    <t>01/21/2020 19:44:58</t>
  </si>
  <si>
    <t>01/21/2020 19:45:02</t>
  </si>
  <si>
    <t>01/21/2020 19:45:06</t>
  </si>
  <si>
    <t>01/21/2020 19:45:11</t>
  </si>
  <si>
    <t>01/21/2020 19:45:15</t>
  </si>
  <si>
    <t>01/21/2020 19:45:19</t>
  </si>
  <si>
    <t>01/21/2020 19:45:23</t>
  </si>
  <si>
    <t>01/21/2020 19:45:27</t>
  </si>
  <si>
    <t>01/21/2020 19:45:31</t>
  </si>
  <si>
    <t>01/21/2020 19:45:35</t>
  </si>
  <si>
    <t>01/21/2020 19:45:39</t>
  </si>
  <si>
    <t>01/21/2020 19:45:44</t>
  </si>
  <si>
    <t>01/21/2020 19:45:49</t>
  </si>
  <si>
    <t>01/21/2020 19:45:50</t>
  </si>
  <si>
    <t>01/21/2020 19:45:51</t>
  </si>
  <si>
    <t>01/21/2020 19:45:52</t>
  </si>
  <si>
    <t>01/21/2020 19:45:56</t>
  </si>
  <si>
    <t>01/21/2020 19:46:01</t>
  </si>
  <si>
    <t>01/21/2020 19:46:05</t>
  </si>
  <si>
    <t>01/21/2020 19:46:09</t>
  </si>
  <si>
    <t>01/21/2020 19:46:13</t>
  </si>
  <si>
    <t>01/21/2020 19:46:17</t>
  </si>
  <si>
    <t>01/21/2020 19:46:21</t>
  </si>
  <si>
    <t>01/21/2020 19:46:25</t>
  </si>
  <si>
    <t>01/21/2020 19:46:29</t>
  </si>
  <si>
    <t>01/21/2020 19:46:34</t>
  </si>
  <si>
    <t>01/21/2020 19:46:38</t>
  </si>
  <si>
    <t>01/21/2020 19:46:42</t>
  </si>
  <si>
    <t>01/21/2020 19:46:46</t>
  </si>
  <si>
    <t>01/21/2020 19:46:50</t>
  </si>
  <si>
    <t>01/21/2020 19:46:55</t>
  </si>
  <si>
    <t>01/21/2020 19:46:59</t>
  </si>
  <si>
    <t>01/21/2020 19:47:03</t>
  </si>
  <si>
    <t>01/21/2020 19:47:07</t>
  </si>
  <si>
    <t>01/21/2020 19:47:11</t>
  </si>
  <si>
    <t>01/21/2020 19:47:15</t>
  </si>
  <si>
    <t>01/21/2020 19:47:19</t>
  </si>
  <si>
    <t>01/21/2020 19:47:23</t>
  </si>
  <si>
    <t>01/21/2020 19:47:27</t>
  </si>
  <si>
    <t>01/21/2020 19:47:32</t>
  </si>
  <si>
    <t>01/21/2020 19:47:36</t>
  </si>
  <si>
    <t>01/21/2020 19:47:40</t>
  </si>
  <si>
    <t>01/21/2020 19:47:44</t>
  </si>
  <si>
    <t>01/21/2020 19:47:48</t>
  </si>
  <si>
    <t>01/21/2020 19:47:52</t>
  </si>
  <si>
    <t>01/21/2020 19:47:56</t>
  </si>
  <si>
    <t>01/21/2020 19:48:00</t>
  </si>
  <si>
    <t>01/21/2020 19:48:04</t>
  </si>
  <si>
    <t>01/21/2020 19:48:09</t>
  </si>
  <si>
    <t>01/21/2020 19:48:11</t>
  </si>
  <si>
    <t>01/21/2020 19:48:13</t>
  </si>
  <si>
    <t>01/21/2020 19:50:33</t>
  </si>
  <si>
    <t>01/21/2020 19:47:12</t>
  </si>
  <si>
    <t>01/21/2020 19:51:33</t>
  </si>
  <si>
    <t>01/21/2020 19:50:12</t>
  </si>
  <si>
    <t>01/21/2020 19:50:30</t>
  </si>
  <si>
    <t>01/21/2020 19:50:31</t>
  </si>
  <si>
    <t>01/21/2020 19:50:26</t>
  </si>
  <si>
    <t>9b44d503-17b9-42aa-b5cf-60a991137f2a.tmp</t>
  </si>
  <si>
    <t>\\acsfs\profiles$\KARENJSS\Downloads\9b44d503-17b9-42aa-b5cf-60a991137f2a.tmp</t>
  </si>
  <si>
    <t>01/21/2020 19:50:29</t>
  </si>
  <si>
    <t>ab73a2c5-5c30-4b8b-9272-9f02317b1930.tmp</t>
  </si>
  <si>
    <t>\\acsfs\profiles$\KARENJSS\Downloads\ab73a2c5-5c30-4b8b-9272-9f02317b1930.tmp</t>
  </si>
  <si>
    <t>01/21/2020 19:52:33</t>
  </si>
  <si>
    <t>01/21/2020 19:47:37</t>
  </si>
  <si>
    <t>9832035f-5ca6-4503-b34b-db44460e6b22.tmp</t>
  </si>
  <si>
    <t>\\acsfs\profiles$\nathaliaos\Downloads\9832035f-5ca6-4503-b34b-db44460e6b22.tmp</t>
  </si>
  <si>
    <t>01/21/2020 19:48:17</t>
  </si>
  <si>
    <t>01/21/2020 19:53:33</t>
  </si>
  <si>
    <t>01/21/2020 19:48:21</t>
  </si>
  <si>
    <t>01/21/2020 19:48:25</t>
  </si>
  <si>
    <t>01/21/2020 19:48:29</t>
  </si>
  <si>
    <t>01/21/2020 19:48:37</t>
  </si>
  <si>
    <t>01/21/2020 19:48:42</t>
  </si>
  <si>
    <t>01/21/2020 19:48:46</t>
  </si>
  <si>
    <t>01/21/2020 19:48:50</t>
  </si>
  <si>
    <t>01/21/2020 19:48:54</t>
  </si>
  <si>
    <t>01/21/2020 19:48:58</t>
  </si>
  <si>
    <t>01/21/2020 19:49:02</t>
  </si>
  <si>
    <t>01/21/2020 19:49:06</t>
  </si>
  <si>
    <t>01/21/2020 19:49:10</t>
  </si>
  <si>
    <t>01/21/2020 19:49:14</t>
  </si>
  <si>
    <t>01/21/2020 19:49:19</t>
  </si>
  <si>
    <t>01/21/2020 19:49:23</t>
  </si>
  <si>
    <t>01/21/2020 19:49:27</t>
  </si>
  <si>
    <t>01/21/2020 19:49:31</t>
  </si>
  <si>
    <t>01/21/2020 19:49:35</t>
  </si>
  <si>
    <t>01/21/2020 19:49:39</t>
  </si>
  <si>
    <t>01/21/2020 19:49:43</t>
  </si>
  <si>
    <t>01/21/2020 19:49:47</t>
  </si>
  <si>
    <t>01/21/2020 19:49:51</t>
  </si>
  <si>
    <t>01/21/2020 19:49:55</t>
  </si>
  <si>
    <t>01/21/2020 19:49:56</t>
  </si>
  <si>
    <t>01/21/2020 19:50:00</t>
  </si>
  <si>
    <t>01/21/2020 19:50:04</t>
  </si>
  <si>
    <t>01/21/2020 19:50:08</t>
  </si>
  <si>
    <t>01/21/2020 19:50:16</t>
  </si>
  <si>
    <t>01/21/2020 19:50:20</t>
  </si>
  <si>
    <t>01/21/2020 19:50:24</t>
  </si>
  <si>
    <t>01/21/2020 19:50:28</t>
  </si>
  <si>
    <t>01/21/2020 19:50:32</t>
  </si>
  <si>
    <t>01/21/2020 19:50:37</t>
  </si>
  <si>
    <t>01/21/2020 19:50:41</t>
  </si>
  <si>
    <t>01/21/2020 19:50:46</t>
  </si>
  <si>
    <t>01/21/2020 19:50:50</t>
  </si>
  <si>
    <t>01/21/2020 19:50:54</t>
  </si>
  <si>
    <t>01/21/2020 19:50:58</t>
  </si>
  <si>
    <t>01/21/2020 19:51:02</t>
  </si>
  <si>
    <t>01/21/2020 19:51:06</t>
  </si>
  <si>
    <t>01/21/2020 19:51:10</t>
  </si>
  <si>
    <t>01/21/2020 19:51:14</t>
  </si>
  <si>
    <t>01/21/2020 19:51:18</t>
  </si>
  <si>
    <t>01/21/2020 19:51:22</t>
  </si>
  <si>
    <t>01/21/2020 19:51:26</t>
  </si>
  <si>
    <t>01/21/2020 19:51:30</t>
  </si>
  <si>
    <t>01/21/2020 19:51:35</t>
  </si>
  <si>
    <t>01/21/2020 19:51:39</t>
  </si>
  <si>
    <t>01/21/2020 19:51:43</t>
  </si>
  <si>
    <t>01/21/2020 19:51:47</t>
  </si>
  <si>
    <t>01/21/2020 19:51:51</t>
  </si>
  <si>
    <t>01/21/2020 19:51:55</t>
  </si>
  <si>
    <t>01/21/2020 19:51:59</t>
  </si>
  <si>
    <t>01/21/2020 19:52:03</t>
  </si>
  <si>
    <t>01/21/2020 19:52:07</t>
  </si>
  <si>
    <t>01/21/2020 19:52:12</t>
  </si>
  <si>
    <t>01/21/2020 19:52:16</t>
  </si>
  <si>
    <t>01/21/2020 19:52:20</t>
  </si>
  <si>
    <t>01/21/2020 19:52:24</t>
  </si>
  <si>
    <t>01/21/2020 19:52:28</t>
  </si>
  <si>
    <t>01/21/2020 19:52:32</t>
  </si>
  <si>
    <t>01/21/2020 19:52:36</t>
  </si>
  <si>
    <t>01/21/2020 19:52:40</t>
  </si>
  <si>
    <t>01/21/2020 19:52:44</t>
  </si>
  <si>
    <t>01/21/2020 19:52:49</t>
  </si>
  <si>
    <t>01/21/2020 19:52:53</t>
  </si>
  <si>
    <t>01/21/2020 19:52:57</t>
  </si>
  <si>
    <t>01/21/2020 19:53:01</t>
  </si>
  <si>
    <t>01/21/2020 19:53:05</t>
  </si>
  <si>
    <t>01/21/2020 19:53:09</t>
  </si>
  <si>
    <t>01/21/2020 19:53:13</t>
  </si>
  <si>
    <t>01/21/2020 19:53:18</t>
  </si>
  <si>
    <t>01/21/2020 19:53:48</t>
  </si>
  <si>
    <t>01/21/2020 19:54:34</t>
  </si>
  <si>
    <t>01/21/2020 19:55:33</t>
  </si>
  <si>
    <t>01/21/2020 19:52:22</t>
  </si>
  <si>
    <t>01/21/2020 19:56:33</t>
  </si>
  <si>
    <t>1a768ee7-a753-4d75-a11f-7bc0d09c0648.tmp</t>
  </si>
  <si>
    <t>\\acsfs\profiles$\KARENJSS\Downloads\1a768ee7-a753-4d75-a11f-7bc0d09c0648.tmp</t>
  </si>
  <si>
    <t>01/21/2020 19:57:33</t>
  </si>
  <si>
    <t>01/21/2020 19:52:43</t>
  </si>
  <si>
    <t>01/21/2020 19:54:32</t>
  </si>
  <si>
    <t>01/21/2020 19:58:33</t>
  </si>
  <si>
    <t>01/21/2020 19:53:22</t>
  </si>
  <si>
    <t>01/21/2020 19:53:27</t>
  </si>
  <si>
    <t>01/21/2020 19:53:31</t>
  </si>
  <si>
    <t>01/21/2020 19:53:35</t>
  </si>
  <si>
    <t>01/21/2020 19:53:39</t>
  </si>
  <si>
    <t>01/21/2020 19:53:43</t>
  </si>
  <si>
    <t>01/21/2020 19:53:47</t>
  </si>
  <si>
    <t>01/21/2020 19:53:51</t>
  </si>
  <si>
    <t>01/21/2020 19:53:55</t>
  </si>
  <si>
    <t>01/21/2020 19:53:59</t>
  </si>
  <si>
    <t>01/21/2020 19:54:03</t>
  </si>
  <si>
    <t>01/21/2020 19:54:08</t>
  </si>
  <si>
    <t>01/21/2020 19:54:12</t>
  </si>
  <si>
    <t>01/21/2020 19:54:16</t>
  </si>
  <si>
    <t>01/21/2020 19:54:20</t>
  </si>
  <si>
    <t>01/21/2020 19:54:24</t>
  </si>
  <si>
    <t>01/21/2020 19:54:28</t>
  </si>
  <si>
    <t>01/21/2020 19:54:36</t>
  </si>
  <si>
    <t>01/21/2020 19:54:40</t>
  </si>
  <si>
    <t>01/21/2020 19:54:45</t>
  </si>
  <si>
    <t>01/21/2020 19:54:49</t>
  </si>
  <si>
    <t>01/21/2020 19:54:53</t>
  </si>
  <si>
    <t>01/21/2020 19:54:57</t>
  </si>
  <si>
    <t>01/21/2020 19:55:01</t>
  </si>
  <si>
    <t>01/21/2020 19:55:05</t>
  </si>
  <si>
    <t>01/21/2020 19:55:09</t>
  </si>
  <si>
    <t>01/21/2020 19:55:13</t>
  </si>
  <si>
    <t>01/21/2020 19:55:18</t>
  </si>
  <si>
    <t>01/21/2020 19:55:22</t>
  </si>
  <si>
    <t>01/21/2020 19:55:27</t>
  </si>
  <si>
    <t>01/21/2020 19:55:31</t>
  </si>
  <si>
    <t>01/21/2020 19:55:35</t>
  </si>
  <si>
    <t>01/21/2020 19:55:39</t>
  </si>
  <si>
    <t>01/21/2020 19:55:43</t>
  </si>
  <si>
    <t>01/21/2020 19:55:45</t>
  </si>
  <si>
    <t>01/21/2020 19:55:47</t>
  </si>
  <si>
    <t>01/21/2020 19:55:51</t>
  </si>
  <si>
    <t>01/21/2020 19:55:55</t>
  </si>
  <si>
    <t>01/21/2020 19:55:56</t>
  </si>
  <si>
    <t>01/21/2020 19:56:00</t>
  </si>
  <si>
    <t>01/21/2020 19:56:04</t>
  </si>
  <si>
    <t>01/21/2020 19:56:08</t>
  </si>
  <si>
    <t>01/21/2020 19:56:12</t>
  </si>
  <si>
    <t>01/21/2020 19:56:16</t>
  </si>
  <si>
    <t>01/21/2020 19:56:20</t>
  </si>
  <si>
    <t>01/21/2020 19:56:24</t>
  </si>
  <si>
    <t>01/21/2020 19:56:28</t>
  </si>
  <si>
    <t>01/21/2020 19:56:32</t>
  </si>
  <si>
    <t>01/21/2020 19:56:37</t>
  </si>
  <si>
    <t>01/21/2020 19:56:41</t>
  </si>
  <si>
    <t>01/21/2020 19:56:45</t>
  </si>
  <si>
    <t>01/21/2020 19:56:49</t>
  </si>
  <si>
    <t>01/21/2020 19:56:53</t>
  </si>
  <si>
    <t>01/21/2020 19:56:57</t>
  </si>
  <si>
    <t>01/21/2020 19:57:01</t>
  </si>
  <si>
    <t>01/21/2020 19:57:05</t>
  </si>
  <si>
    <t>01/21/2020 19:57:10</t>
  </si>
  <si>
    <t>01/21/2020 19:57:14</t>
  </si>
  <si>
    <t>01/21/2020 19:57:18</t>
  </si>
  <si>
    <t>01/21/2020 19:57:22</t>
  </si>
  <si>
    <t>01/21/2020 19:57:26</t>
  </si>
  <si>
    <t>01/21/2020 19:57:30</t>
  </si>
  <si>
    <t>01/21/2020 19:57:34</t>
  </si>
  <si>
    <t>01/21/2020 19:57:38</t>
  </si>
  <si>
    <t>01/21/2020 19:57:42</t>
  </si>
  <si>
    <t>01/21/2020 19:57:46</t>
  </si>
  <si>
    <t>01/21/2020 19:57:51</t>
  </si>
  <si>
    <t>01/21/2020 19:57:55</t>
  </si>
  <si>
    <t>01/21/2020 19:57:59</t>
  </si>
  <si>
    <t>01/21/2020 19:58:03</t>
  </si>
  <si>
    <t>01/21/2020 19:58:07</t>
  </si>
  <si>
    <t>01/21/2020 19:58:11</t>
  </si>
  <si>
    <t>01/21/2020 19:58:15</t>
  </si>
  <si>
    <t>01/21/2020 19:58:19</t>
  </si>
  <si>
    <t>01/21/2020 19:58:23</t>
  </si>
  <si>
    <t>01/21/2020 19:56:39</t>
  </si>
  <si>
    <t>01/21/2020 19:59:33</t>
  </si>
  <si>
    <t>01/21/2020 20:00:33</t>
  </si>
  <si>
    <t>01/21/2020 19:58:21</t>
  </si>
  <si>
    <t>01/21/2020 19:55:26</t>
  </si>
  <si>
    <t>01/21/2020 20:01:34</t>
  </si>
  <si>
    <t>01/21/2020 19:58:28</t>
  </si>
  <si>
    <t>01/21/2020 20:03:34</t>
  </si>
  <si>
    <t>01/21/2020 19:58:32</t>
  </si>
  <si>
    <t>01/21/2020 19:58:36</t>
  </si>
  <si>
    <t>01/21/2020 19:58:40</t>
  </si>
  <si>
    <t>01/21/2020 19:58:44</t>
  </si>
  <si>
    <t>01/21/2020 19:58:48</t>
  </si>
  <si>
    <t>01/21/2020 19:58:52</t>
  </si>
  <si>
    <t>01/21/2020 19:58:56</t>
  </si>
  <si>
    <t>01/21/2020 19:59:00</t>
  </si>
  <si>
    <t>01/21/2020 19:59:05</t>
  </si>
  <si>
    <t>01/21/2020 19:59:07</t>
  </si>
  <si>
    <t>01/21/2020 19:59:08</t>
  </si>
  <si>
    <t>01/21/2020 20:04:33</t>
  </si>
  <si>
    <t>01/21/2020 20:01:56</t>
  </si>
  <si>
    <t>01/21/2020 20:03:27</t>
  </si>
  <si>
    <t>01/21/2020 20:05:34</t>
  </si>
  <si>
    <t>01/21/2020 20:02:17</t>
  </si>
  <si>
    <t>01/21/2020 20:06:34</t>
  </si>
  <si>
    <t>01/21/2020 20:02:11</t>
  </si>
  <si>
    <t>01/21/2020 20:02:12</t>
  </si>
  <si>
    <t>lu5123671lbrd.tmp</t>
  </si>
  <si>
    <t>\\acsfs\profiles$\LUCASBS\RENEG BV\Consolidado\lu5123671lbrd.tmp</t>
  </si>
  <si>
    <t>\\acsfs\profiles$\LUCASBS\RENEG BV\Consolidado\lu5123671lbrd.tmp\</t>
  </si>
  <si>
    <t>\\acsfs\profiles$\LUCASBS\RENEG BV\Consolidado\lu5123671lbrd.tmp\META-INF\</t>
  </si>
  <si>
    <t>\\acsfs\profiles$\LUCASBS\RENEG BV\Consolidado\lu5123671lbrd.tmp\Thumbnails\</t>
  </si>
  <si>
    <t>01/21/2020 20:05:46</t>
  </si>
  <si>
    <t>01/21/2020 20:05:47</t>
  </si>
  <si>
    <t>lu5123671lbri.tmp</t>
  </si>
  <si>
    <t>\\acsfs\profiles$\LUCASBS\RENEG BV\Consolidado\lu5123671lbri.tmp</t>
  </si>
  <si>
    <t>\\acsfs\profiles$\LUCASBS\RENEG BV\Consolidado\lu5123671lbri.tmp\</t>
  </si>
  <si>
    <t>\\acsfs\profiles$\LUCASBS\RENEG BV\Consolidado\lu5123671lbri.tmp\META-INF\</t>
  </si>
  <si>
    <t>\\acsfs\profiles$\LUCASBS\RENEG BV\Consolidado\lu5123671lbri.tmp\Thumbnails\</t>
  </si>
  <si>
    <t>01/21/2020 20:01:28</t>
  </si>
  <si>
    <t>01/21/2020 20:04:21</t>
  </si>
  <si>
    <t>01/21/2020 20:07:33</t>
  </si>
  <si>
    <t>01/21/2020 20:04:00</t>
  </si>
  <si>
    <t>01/21/2020 20:03:50</t>
  </si>
  <si>
    <t>01/21/2020 20:04:56</t>
  </si>
  <si>
    <t>01/21/2020 20:09:33</t>
  </si>
  <si>
    <t>01/21/2020 20:07:56</t>
  </si>
  <si>
    <t>01/21/2020 20:10:33</t>
  </si>
  <si>
    <t>01/21/2020 20:10:34</t>
  </si>
  <si>
    <t>01/21/2020 20:05:42</t>
  </si>
  <si>
    <t>01/21/2020 20:06:33</t>
  </si>
  <si>
    <t>01/21/2020 20:11:33</t>
  </si>
  <si>
    <t>lu5123671lbrn.tmp</t>
  </si>
  <si>
    <t>\\acsfs\profiles$\LUCASBS\RENEG BV\Consolidado\lu5123671lbrn.tmp</t>
  </si>
  <si>
    <t>\\acsfs\profiles$\LUCASBS\RENEG BV\Consolidado\lu5123671lbrn.tmp\</t>
  </si>
  <si>
    <t>\\acsfs\profiles$\LUCASBS\RENEG BV\Consolidado\lu5123671lbrn.tmp\META-INF\</t>
  </si>
  <si>
    <t>\\acsfs\profiles$\LUCASBS\RENEG BV\Consolidado\lu5123671lbrn.tmp\Thumbnails\</t>
  </si>
  <si>
    <t>01/21/2020 20:06:49</t>
  </si>
  <si>
    <t>lu5123671lbrs.tmp</t>
  </si>
  <si>
    <t>\\acsfs\profiles$\LUCASBS\RENEG BV\Consolidado\lu5123671lbrs.tmp</t>
  </si>
  <si>
    <t>\\acsfs\profiles$\LUCASBS\RENEG BV\Consolidado\lu5123671lbrs.tmp\</t>
  </si>
  <si>
    <t>\\acsfs\profiles$\LUCASBS\RENEG BV\Consolidado\lu5123671lbrs.tmp\META-INF\</t>
  </si>
  <si>
    <t>\\acsfs\profiles$\LUCASBS\RENEG BV\Consolidado\lu5123671lbrs.tmp\Thumbnails\</t>
  </si>
  <si>
    <t>01/21/2020 20:08:12</t>
  </si>
  <si>
    <t>01/21/2020 20:09:56</t>
  </si>
  <si>
    <t>01/21/2020 20:13:33</t>
  </si>
  <si>
    <t>01/21/2020 20:10:56</t>
  </si>
  <si>
    <t>01/21/2020 20:14:33</t>
  </si>
  <si>
    <t>01/21/2020 20:11:23</t>
  </si>
  <si>
    <t>01/21/2020 20:13:18</t>
  </si>
  <si>
    <t>01/21/2020 20:10:35</t>
  </si>
  <si>
    <t>01/21/2020 20:15:33</t>
  </si>
  <si>
    <t>01/21/2020 20:14:12</t>
  </si>
  <si>
    <t>01/21/2020 20:16:33</t>
  </si>
  <si>
    <t>01/21/2020 20:12:40</t>
  </si>
  <si>
    <t>01/21/2020 20:17:33</t>
  </si>
  <si>
    <t>01/21/2020 20:12:47</t>
  </si>
  <si>
    <t>01/21/2020 20:12:58</t>
  </si>
  <si>
    <t>01/21/2020 20:13:16</t>
  </si>
  <si>
    <t>01/21/2020 20:15:01</t>
  </si>
  <si>
    <t>image2020-01-21-194331.pdf</t>
  </si>
  <si>
    <t>01/21/2020 20:16:05</t>
  </si>
  <si>
    <t>01/21/2020 20:13:56</t>
  </si>
  <si>
    <t>01/21/2020 20:19:33</t>
  </si>
  <si>
    <t>01/21/2020 20:16:56</t>
  </si>
  <si>
    <t>01/21/2020 20:20:33</t>
  </si>
  <si>
    <t>01/21/2020 20:20:12</t>
  </si>
  <si>
    <t>01/21/2020 20:21:34</t>
  </si>
  <si>
    <t>01/21/2020 20:18:54</t>
  </si>
  <si>
    <t>01/21/2020 20:24:33</t>
  </si>
  <si>
    <t>01/21/2020 20:19:56</t>
  </si>
  <si>
    <t>01/21/2020 20:22:56</t>
  </si>
  <si>
    <t>01/21/2020 20:25:33</t>
  </si>
  <si>
    <t>01/21/2020 20:23:39</t>
  </si>
  <si>
    <t>01/21/2020 20:26:34</t>
  </si>
  <si>
    <t>01/21/2020 20:23:40</t>
  </si>
  <si>
    <t>01/21/2020 20:25:56</t>
  </si>
  <si>
    <t>01/21/2020 20:29:33</t>
  </si>
  <si>
    <t>01/21/2020 20:26:25</t>
  </si>
  <si>
    <t>01/21/2020 20:30:33</t>
  </si>
  <si>
    <t>01/21/2020 20:30:34</t>
  </si>
  <si>
    <t>01/21/2020 20:26:12</t>
  </si>
  <si>
    <t>01/21/2020 20:31:33</t>
  </si>
  <si>
    <t>01/21/2020 20:29:12</t>
  </si>
  <si>
    <t>01/21/2020 20:28:11</t>
  </si>
  <si>
    <t>01/21/2020 20:32:33</t>
  </si>
  <si>
    <t>01/21/2020 20:28:56</t>
  </si>
  <si>
    <t>01/21/2020 20:34:33</t>
  </si>
  <si>
    <t>01/21/2020 20:29:04</t>
  </si>
  <si>
    <t>01/21/2020 20:29:05</t>
  </si>
  <si>
    <t>01/21/2020 20:29:06</t>
  </si>
  <si>
    <t>01/21/2020 20:31:57</t>
  </si>
  <si>
    <t>01/21/2020 20:35:33</t>
  </si>
  <si>
    <t>01/21/2020 20:32:12</t>
  </si>
  <si>
    <t>01/21/2020 20:36:34</t>
  </si>
  <si>
    <t>01/21/2020 20:35:12</t>
  </si>
  <si>
    <t>01/21/2020 20:31:24</t>
  </si>
  <si>
    <t>01/21/2020 20:33:27</t>
  </si>
  <si>
    <t>01/21/2020 20:38:33</t>
  </si>
  <si>
    <t>1117704b-d551-41f3-bef4-13813f6fdbc7.tmp</t>
  </si>
  <si>
    <t>\\acsfs\profiles$\edicarlosdl\Downloads\1117704b-d551-41f3-bef4-13813f6fdbc7.tmp</t>
  </si>
  <si>
    <t>01/21/2020 20:34:19</t>
  </si>
  <si>
    <t>01/21/2020 20:39:34</t>
  </si>
  <si>
    <t>01/21/2020 20:34:56</t>
  </si>
  <si>
    <t>01/21/2020 20:37:56</t>
  </si>
  <si>
    <t>01/21/2020 20:40:33</t>
  </si>
  <si>
    <t>01/21/2020 20:38:12</t>
  </si>
  <si>
    <t>01/21/2020 20:41:34</t>
  </si>
  <si>
    <t>01/21/2020 20:39:43</t>
  </si>
  <si>
    <t>01/21/2020 20:42:33</t>
  </si>
  <si>
    <t>4ddf4e2e-a0ba-435f-a14e-4d9b7b7da5d0.tmp</t>
  </si>
  <si>
    <t>\\acsfs\profiles$\Angelicacldr\Downloads\4ddf4e2e-a0ba-435f-a14e-4d9b7b7da5d0.tmp</t>
  </si>
  <si>
    <t>01/21/2020 20:41:27</t>
  </si>
  <si>
    <t>XLOG_Angelicacldr_13012020_084547.log</t>
  </si>
  <si>
    <t>\\acsfs\profiles$\Angelicacldr\My Documents\xworkcenter\logs\XLOG_Angelicacldr_13012020_084547.log</t>
  </si>
  <si>
    <t>01/21/2020 20:40:56</t>
  </si>
  <si>
    <t>01/21/2020 20:44:33</t>
  </si>
  <si>
    <t>01/21/2020 20:42:15</t>
  </si>
  <si>
    <t>01/21/2020 20:45:33</t>
  </si>
  <si>
    <t>01/21/2020 20:44:03</t>
  </si>
  <si>
    <t>01/21/2020 20:41:12</t>
  </si>
  <si>
    <t>01/21/2020 20:46:33</t>
  </si>
  <si>
    <t>01/21/2020 20:44:12</t>
  </si>
  <si>
    <t>01/21/2020 20:42:18</t>
  </si>
  <si>
    <t>01/21/2020 20:47:33</t>
  </si>
  <si>
    <t>01/21/2020 20:45:20</t>
  </si>
  <si>
    <t>24133f97-1232-4e2e-a6e5-4d7f26f5133c.tmp</t>
  </si>
  <si>
    <t>\\acsfs\profiles$\Angelicacldr\Downloads\24133f97-1232-4e2e-a6e5-4d7f26f5133c.tmp</t>
  </si>
  <si>
    <t>01/21/2020 20:48:34</t>
  </si>
  <si>
    <t>01/21/2020 20:43:53</t>
  </si>
  <si>
    <t>01/21/2020 20:49:33</t>
  </si>
  <si>
    <t>01/21/2020 20:43:56</t>
  </si>
  <si>
    <t>01/21/2020 20:46:56</t>
  </si>
  <si>
    <t>01/21/2020 20:50:33</t>
  </si>
  <si>
    <t>01/21/2020 20:47:12</t>
  </si>
  <si>
    <t>01/21/2020 20:51:33</t>
  </si>
  <si>
    <t>01/21/2020 20:49:17</t>
  </si>
  <si>
    <t>01/21/2020 20:50:12</t>
  </si>
  <si>
    <t>01/21/2020 20:47:22</t>
  </si>
  <si>
    <t>01/21/2020 20:52:33</t>
  </si>
  <si>
    <t>8d6b794b-af97-4ac1-83c0-1766746e7096.tmp</t>
  </si>
  <si>
    <t>\\acsfs\profiles$\Angelicacldr\Downloads\8d6b794b-af97-4ac1-83c0-1766746e7096.tmp</t>
  </si>
  <si>
    <t>01/21/2020 20:50:35</t>
  </si>
  <si>
    <t>1487cf92-c1f9-46a2-83e0-03136ba8dba3.tmp</t>
  </si>
  <si>
    <t>\\acsfs\profiles$\fabianobmf\Downloads\1487cf92-c1f9-46a2-83e0-03136ba8dba3.tmp</t>
  </si>
  <si>
    <t>01/21/2020 20:50:34</t>
  </si>
  <si>
    <t>01/21/2020 20:53:34</t>
  </si>
  <si>
    <t>01/21/2020 20:49:08</t>
  </si>
  <si>
    <t>01/21/2020 20:54:33</t>
  </si>
  <si>
    <t>01/21/2020 20:49:56</t>
  </si>
  <si>
    <t>01/21/2020 20:52:56</t>
  </si>
  <si>
    <t>01/21/2020 20:55:33</t>
  </si>
  <si>
    <t>01/21/2020 20:55:12</t>
  </si>
  <si>
    <t>01/21/2020 20:56:33</t>
  </si>
  <si>
    <t>01/21/2020 20:54:47</t>
  </si>
  <si>
    <t>01/21/2020 20:57:34</t>
  </si>
  <si>
    <t>01/21/2020 20:56:43</t>
  </si>
  <si>
    <t>XLOG_anakcs_21012020_125717.log</t>
  </si>
  <si>
    <t>\\acsfs\profiles$\anakcs\My Documents\xworkcenter\logs\XLOG_anakcs_21012020_125717.log</t>
  </si>
  <si>
    <t>01/21/2020 20:56:45</t>
  </si>
  <si>
    <t>01/21/2020 20:56:47</t>
  </si>
  <si>
    <t>\\acsfs\profiles$\anakcs\My Documents\</t>
  </si>
  <si>
    <t>Anotações.txt</t>
  </si>
  <si>
    <t>\\acsfs\profiles$\anakcs\My Documents\Anotações.txt</t>
  </si>
  <si>
    <t>01/21/2020 20:56:05</t>
  </si>
  <si>
    <t>01/21/2020 20:54:56</t>
  </si>
  <si>
    <t>2866ab4d-b8a6-4419-904d-ec398c63afb4.tmp</t>
  </si>
  <si>
    <t>\\acsfs\profiles$\Adrieledgc\Downloads\2866ab4d-b8a6-4419-904d-ec398c63afb4.tmp</t>
  </si>
  <si>
    <t>01/21/2020 20:56:31</t>
  </si>
  <si>
    <t>01/21/2020 20:58:33</t>
  </si>
  <si>
    <t>01/21/2020 20:55:56</t>
  </si>
  <si>
    <t>01/21/2020 20:59:34</t>
  </si>
  <si>
    <t>01/21/2020 20:57:14</t>
  </si>
  <si>
    <t>01/21/2020 21:00:33</t>
  </si>
  <si>
    <t>01/21/2020 20:56:12</t>
  </si>
  <si>
    <t>01/21/2020 21:01:34</t>
  </si>
  <si>
    <t>01/21/2020 21:02:01</t>
  </si>
  <si>
    <t>01/21/2020 21:03:33</t>
  </si>
  <si>
    <t>01/21/2020 20:58:57</t>
  </si>
  <si>
    <t>01/21/2020 21:04:34</t>
  </si>
  <si>
    <t>01/21/2020 21:01:08</t>
  </si>
  <si>
    <t>01/21/2020 21:01:57</t>
  </si>
  <si>
    <t>01/21/2020 21:05:33</t>
  </si>
  <si>
    <t>01/21/2020 21:02:48</t>
  </si>
  <si>
    <t>01/21/2020 21:01:12</t>
  </si>
  <si>
    <t>01/21/2020 21:06:33</t>
  </si>
  <si>
    <t>01/21/2020 21:02:12</t>
  </si>
  <si>
    <t>01/21/2020 21:04:48</t>
  </si>
  <si>
    <t>01/21/2020 21:04:52</t>
  </si>
  <si>
    <t>01/21/2020 21:07:33</t>
  </si>
  <si>
    <t>01/21/2020 21:07:18</t>
  </si>
  <si>
    <t>87e469f5-0488-4df3-9779-b27485cc3d4e.tmp</t>
  </si>
  <si>
    <t>\\acsfs\profiles$\layonmof\Downloads\87e469f5-0488-4df3-9779-b27485cc3d4e.tmp</t>
  </si>
  <si>
    <t>01/21/2020 21:04:57</t>
  </si>
  <si>
    <t>01/21/2020 21:09:34</t>
  </si>
  <si>
    <t>01/21/2020 21:07:57</t>
  </si>
  <si>
    <t>01/21/2020 21:10:33</t>
  </si>
  <si>
    <t>01/21/2020 21:07:12</t>
  </si>
  <si>
    <t>01/21/2020 21:11:33</t>
  </si>
  <si>
    <t>01/21/2020 21:08:12</t>
  </si>
  <si>
    <t>01/21/2020 21:11:40</t>
  </si>
  <si>
    <t>01/21/2020 21:13:33</t>
  </si>
  <si>
    <t>01/21/2020 21:10:57</t>
  </si>
  <si>
    <t>01/21/2020 21:14:34</t>
  </si>
  <si>
    <t>01/21/2020 21:12:28</t>
  </si>
  <si>
    <t>01/21/2020 21:11:28</t>
  </si>
  <si>
    <t>01/21/2020 21:15:33</t>
  </si>
  <si>
    <t>01/21/2020 21:13:12</t>
  </si>
  <si>
    <t>01/21/2020 21:16:33</t>
  </si>
  <si>
    <t>01/21/2020 21:14:12</t>
  </si>
  <si>
    <t>01/21/2020 21:14:23</t>
  </si>
  <si>
    <t>01/21/2020 21:17:33</t>
  </si>
  <si>
    <t>ulog_AcroARM2_Reader_3b8210f9-3618-47e4-b9cc-5aaaba62831a_54eda7c1-f451-41c9-b4d7-3cfb023f1890_0.log</t>
  </si>
  <si>
    <t>C:\Users\flaviacno\AppData\Roaming\Adobe\LogTransport2\Logs\ulog_AcroARM2_Reader_3b8210f9-3618-47e4-b9cc-5aaaba62831a_54eda7c1-f451-41c9-b4d7-3cfb023f1890_0.log\</t>
  </si>
  <si>
    <t>01/21/2020 21:16:23</t>
  </si>
  <si>
    <t>01/21/2020 21:14:35</t>
  </si>
  <si>
    <t>01/21/2020 21:13:57</t>
  </si>
  <si>
    <t>01/21/2020 21:19:33</t>
  </si>
  <si>
    <t>01/21/2020 21:16:57</t>
  </si>
  <si>
    <t>01/21/2020 21:20:34</t>
  </si>
  <si>
    <t>01/21/2020 21:18:23</t>
  </si>
  <si>
    <t>01/21/2020 21:21:33</t>
  </si>
  <si>
    <t>01/21/2020 21:19:12</t>
  </si>
  <si>
    <t>01/21/2020 21:20:13</t>
  </si>
  <si>
    <t>01/21/2020 21:19:32</t>
  </si>
  <si>
    <t>01/21/2020 21:22:34</t>
  </si>
  <si>
    <t>01/21/2020 21:21:36</t>
  </si>
  <si>
    <t>01/21/2020 21:23:33</t>
  </si>
  <si>
    <t>01/21/2020 21:19:07</t>
  </si>
  <si>
    <t>01/21/2020 21:19:57</t>
  </si>
  <si>
    <t>01/21/2020 21:24:33</t>
  </si>
  <si>
    <t>01/21/2020 21:20:27</t>
  </si>
  <si>
    <t>01/21/2020 21:22:57</t>
  </si>
  <si>
    <t>01/21/2020 21:25:34</t>
  </si>
  <si>
    <t>01/21/2020 21:22:28</t>
  </si>
  <si>
    <t>01/21/2020 21:26:33</t>
  </si>
  <si>
    <t>01/21/2020 21:22:31</t>
  </si>
  <si>
    <t>01/21/2020 21:22:01</t>
  </si>
  <si>
    <t>01/21/2020 21:23:22</t>
  </si>
  <si>
    <t>01/21/2020 21:23:20</t>
  </si>
  <si>
    <t>01/21/2020 21:27:34</t>
  </si>
  <si>
    <t>01/21/2020 21:28:33</t>
  </si>
  <si>
    <t>01/21/2020 21:25:57</t>
  </si>
  <si>
    <t>01/21/2020 21:29:34</t>
  </si>
  <si>
    <t>01/21/2020 21:28:10</t>
  </si>
  <si>
    <t>01/21/2020 21:30:33</t>
  </si>
  <si>
    <t>01/21/2020 21:26:12</t>
  </si>
  <si>
    <t>01/21/2020 21:31:33</t>
  </si>
  <si>
    <t>01/21/2020 21:29:12</t>
  </si>
  <si>
    <t>01/21/2020 21:27:35</t>
  </si>
  <si>
    <t>01/21/2020 21:32:34</t>
  </si>
  <si>
    <t>01/21/2020 21:30:08</t>
  </si>
  <si>
    <t>01/21/2020 21:28:57</t>
  </si>
  <si>
    <t>01/21/2020 21:34:33</t>
  </si>
  <si>
    <t>01/21/2020 21:31:58</t>
  </si>
  <si>
    <t>01/21/2020 21:35:33</t>
  </si>
  <si>
    <t>01/21/2020 21:32:12</t>
  </si>
  <si>
    <t>01/21/2020 21:36:33</t>
  </si>
  <si>
    <t>01/21/2020 21:35:12</t>
  </si>
  <si>
    <t>01/21/2020 21:32:02</t>
  </si>
  <si>
    <t>b4a6cbdc-7eda-4c4c-8871-9d53940f9a7b.tmp</t>
  </si>
  <si>
    <t>\\acsfs\profiles$\ROBERTM\Downloads\b4a6cbdc-7eda-4c4c-8871-9d53940f9a7b.tmp</t>
  </si>
  <si>
    <t>01/21/2020 21:33:00</t>
  </si>
  <si>
    <t>df3e21f5-15b0-4000-9976-bfb04ebbe69e.tmp</t>
  </si>
  <si>
    <t>\\acsfs\profiles$\ROBERTM\Downloads\df3e21f5-15b0-4000-9976-bfb04ebbe69e.tmp</t>
  </si>
  <si>
    <t>01/21/2020 21:36:20</t>
  </si>
  <si>
    <t>01/21/2020 21:37:34</t>
  </si>
  <si>
    <t>1b8c950f-65d8-404f-8cc6-d4a6b0405dc5.tmp</t>
  </si>
  <si>
    <t>\\acsfs\profiles$\nathaliaos\Downloads\1b8c950f-65d8-404f-8cc6-d4a6b0405dc5.tmp</t>
  </si>
  <si>
    <t>01/21/2020 21:33:51</t>
  </si>
  <si>
    <t>01/21/2020 21:35:59</t>
  </si>
  <si>
    <t>01/21/2020 21:38:33</t>
  </si>
  <si>
    <t>01/21/2020 21:37:23</t>
  </si>
  <si>
    <t>124257f0-970f-4be0-830c-68d09071c9e9.tmp</t>
  </si>
  <si>
    <t>\\acsfs\profiles$\nycolleemdj\Downloads\124257f0-970f-4be0-830c-68d09071c9e9.tmp</t>
  </si>
  <si>
    <t>01/21/2020 21:34:10</t>
  </si>
  <si>
    <t>01/21/2020 21:39:34</t>
  </si>
  <si>
    <t>01/21/2020 21:34:57</t>
  </si>
  <si>
    <t>01/21/2020 21:37:57</t>
  </si>
  <si>
    <t>01/21/2020 21:35:54</t>
  </si>
  <si>
    <t>01/21/2020 21:37:11</t>
  </si>
  <si>
    <t>01/21/2020 21:40:33</t>
  </si>
  <si>
    <t>01/21/2020 21:38:45</t>
  </si>
  <si>
    <t>01/21/2020 21:38:12</t>
  </si>
  <si>
    <t>01/21/2020 21:41:33</t>
  </si>
  <si>
    <t>01/21/2020 21:41:12</t>
  </si>
  <si>
    <t>01/21/2020 21:40:57</t>
  </si>
  <si>
    <t>01/21/2020 21:44:33</t>
  </si>
  <si>
    <t>01/21/2020 21:42:16</t>
  </si>
  <si>
    <t>01/21/2020 21:45:33</t>
  </si>
  <si>
    <t>01/21/2020 21:44:12</t>
  </si>
  <si>
    <t>01/21/2020 21:46:34</t>
  </si>
  <si>
    <t>d40d7512-12fc-4cbc-be5c-80b00d501ea7.tmp</t>
  </si>
  <si>
    <t>\\acsfs\profiles$\ROBERTM\Downloads\d40d7512-12fc-4cbc-be5c-80b00d501ea7.tmp</t>
  </si>
  <si>
    <t>01/21/2020 21:44:00</t>
  </si>
  <si>
    <t>c82eb246-feb9-4a1c-bbf0-16353490d7a2.tmp</t>
  </si>
  <si>
    <t>\\acsfs\profiles$\ROBERTM\Downloads\c82eb246-feb9-4a1c-bbf0-16353490d7a2.tmp</t>
  </si>
  <si>
    <t>01/21/2020 21:43:57</t>
  </si>
  <si>
    <t>01/21/2020 21:49:33</t>
  </si>
  <si>
    <t>01/21/2020 21:46:57</t>
  </si>
  <si>
    <t>01/21/2020 21:44:35</t>
  </si>
  <si>
    <t>01/21/2020 21:49:17</t>
  </si>
  <si>
    <t>01/21/2020 21:50:34</t>
  </si>
  <si>
    <t>01/21/2020 21:49:28</t>
  </si>
  <si>
    <t>01/21/2020 21:51:33</t>
  </si>
  <si>
    <t>01/21/2020 21:47:12</t>
  </si>
  <si>
    <t>01/21/2020 21:50:12</t>
  </si>
  <si>
    <t>01/21/2020 21:47:59</t>
  </si>
  <si>
    <t>01/21/2020 21:53:33</t>
  </si>
  <si>
    <t>01/21/2020 21:49:57</t>
  </si>
  <si>
    <t>01/21/2020 21:54:33</t>
  </si>
  <si>
    <t>01/21/2020 21:52:57</t>
  </si>
  <si>
    <t>01/21/2020 21:49:48</t>
  </si>
  <si>
    <t>MARCOS VINICIUS NARCIZO DA SILVA (29131).contact</t>
  </si>
  <si>
    <t>\\acsfs\profiles$\marcosvnds\Contacts\MARCOS VINICIUS NARCIZO DA SILVA (29131).contact</t>
  </si>
  <si>
    <t>01/21/2020 21:50:00</t>
  </si>
  <si>
    <t>01/21/2020 21:50:01</t>
  </si>
  <si>
    <t>01/21/2020 21:50:02</t>
  </si>
  <si>
    <t>01/21/2020 21:50:03</t>
  </si>
  <si>
    <t>01/21/2020 21:50:04</t>
  </si>
  <si>
    <t>01/21/2020 21:50:05</t>
  </si>
  <si>
    <t>01/21/2020 21:50:06</t>
  </si>
  <si>
    <t>01/21/2020 21:50:07</t>
  </si>
  <si>
    <t>01/21/2020 21:50:08</t>
  </si>
  <si>
    <t>01/21/2020 21:50:20</t>
  </si>
  <si>
    <t>01/21/2020 21:50:21</t>
  </si>
  <si>
    <t>01/21/2020 21:55:34</t>
  </si>
  <si>
    <t>01/21/2020 21:53:13</t>
  </si>
  <si>
    <t>01/21/2020 21:56:33</t>
  </si>
  <si>
    <t>01/21/2020 21:56:13</t>
  </si>
  <si>
    <t>01/21/2020 21:57:17</t>
  </si>
  <si>
    <t>01/21/2020 21:58:33</t>
  </si>
  <si>
    <t>01/21/2020 21:57:57</t>
  </si>
  <si>
    <t>26474a50-24f5-48ab-9cbc-1d40cda505be.tmp</t>
  </si>
  <si>
    <t>\\acsfs\profiles$\nycolleemdj\Downloads\26474a50-24f5-48ab-9cbc-1d40cda505be.tmp</t>
  </si>
  <si>
    <t>01/21/2020 21:55:57</t>
  </si>
  <si>
    <t>01/21/2020 21:59:33</t>
  </si>
  <si>
    <t>01/21/2020 21:57:28</t>
  </si>
  <si>
    <t>01/21/2020 22:00:33</t>
  </si>
  <si>
    <t>01/21/2020 21:59:13</t>
  </si>
  <si>
    <t>01/21/2020 22:01:33</t>
  </si>
  <si>
    <t>01/21/2020 21:59:14</t>
  </si>
  <si>
    <t>01/21/2020 22:02:34</t>
  </si>
  <si>
    <t>01/21/2020 22:00:17</t>
  </si>
  <si>
    <t>XLOG_thaisdss_21012020_135102.log</t>
  </si>
  <si>
    <t>\\acsfs\profiles$\thaisdss\My Documents\xworkcenter\logs\XLOG_thaisdss_21012020_135102.log</t>
  </si>
  <si>
    <t>\\acsfs\profiles$\thaisdss\My Documents\xworkcenter\logs\wrapper.log</t>
  </si>
  <si>
    <t>01/21/2020 22:00:29</t>
  </si>
  <si>
    <t>01/21/2020 22:00:49</t>
  </si>
  <si>
    <t>01/21/2020 22:03:33</t>
  </si>
  <si>
    <t>01/21/2020 21:58:57</t>
  </si>
  <si>
    <t>01/21/2020 22:04:33</t>
  </si>
  <si>
    <t>01/21/2020 22:01:57</t>
  </si>
  <si>
    <t>01/21/2020 22:05:33</t>
  </si>
  <si>
    <t>01/21/2020 22:02:13</t>
  </si>
  <si>
    <t>01/21/2020 22:06:33</t>
  </si>
  <si>
    <t>01/21/2020 22:05:13</t>
  </si>
  <si>
    <t>01/21/2020 22:07:34</t>
  </si>
  <si>
    <t>01/21/2020 22:02:52</t>
  </si>
  <si>
    <t>01/21/2020 22:06:03</t>
  </si>
  <si>
    <t>01/21/2020 22:08:33</t>
  </si>
  <si>
    <t>01/21/2020 22:04:57</t>
  </si>
  <si>
    <t>01/21/2020 22:09:34</t>
  </si>
  <si>
    <t>01/21/2020 22:05:28</t>
  </si>
  <si>
    <t>01/21/2020 22:07:48</t>
  </si>
  <si>
    <t>01/21/2020 22:07:49</t>
  </si>
  <si>
    <t>01/21/2020 22:07:57</t>
  </si>
  <si>
    <t>01/21/2020 22:10:33</t>
  </si>
  <si>
    <t>01/21/2020 22:08:13</t>
  </si>
  <si>
    <t>01/21/2020 22:11:33</t>
  </si>
  <si>
    <t>01/21/2020 22:11:13</t>
  </si>
  <si>
    <t>01/21/2020 22:12:33</t>
  </si>
  <si>
    <t>01/21/2020 22:09:46</t>
  </si>
  <si>
    <t>01/21/2020 22:08:38</t>
  </si>
  <si>
    <t>4b9ffba8-2377-406a-961d-98e4d6aeff3c.tmp</t>
  </si>
  <si>
    <t>\\acsfs\profiles$\taylaedoa\Downloads\4b9ffba8-2377-406a-961d-98e4d6aeff3c.tmp</t>
  </si>
  <si>
    <t>01/21/2020 22:10:03</t>
  </si>
  <si>
    <t>75cd3719-9f1b-4359-9991-024cc0d9e722.tmp</t>
  </si>
  <si>
    <t>\\acsfs\profiles$\taylaedoa\Downloads\75cd3719-9f1b-4359-9991-024cc0d9e722.tmp</t>
  </si>
  <si>
    <t>01/21/2020 22:12:57</t>
  </si>
  <si>
    <t>01/21/2020 22:14:33</t>
  </si>
  <si>
    <t>01/21/2020 22:13:24</t>
  </si>
  <si>
    <t>01/21/2020 22:15:33</t>
  </si>
  <si>
    <t>01/21/2020 22:14:13</t>
  </si>
  <si>
    <t>01/21/2020 22:16:33</t>
  </si>
  <si>
    <t>01/21/2020 22:13:38</t>
  </si>
  <si>
    <t>01/21/2020 22:18:33</t>
  </si>
  <si>
    <t>01/21/2020 22:13:57</t>
  </si>
  <si>
    <t>01/21/2020 22:19:33</t>
  </si>
  <si>
    <t>01/21/2020 22:20:33</t>
  </si>
  <si>
    <t>01/21/2020 22:18:25</t>
  </si>
  <si>
    <t>01/21/2020 22:21:33</t>
  </si>
  <si>
    <t>01/21/2020 22:17:13</t>
  </si>
  <si>
    <t>01/21/2020 22:20:13</t>
  </si>
  <si>
    <t>01/21/2020 22:19:42</t>
  </si>
  <si>
    <t>72e7fb92-0fec-4f59-bc39-bb50cd47e96b.tmp</t>
  </si>
  <si>
    <t>\\acsfs\profiles$\ROBERTM\Downloads\72e7fb92-0fec-4f59-bc39-bb50cd47e96b.tmp</t>
  </si>
  <si>
    <t>01/21/2020 22:20:40</t>
  </si>
  <si>
    <t>38d5e3b0-1134-40b4-b8bb-bc8ea2b709d1.tmp</t>
  </si>
  <si>
    <t>\\acsfs\profiles$\ROBERTM\Downloads\38d5e3b0-1134-40b4-b8bb-bc8ea2b709d1.tmp</t>
  </si>
  <si>
    <t>01/21/2020 22:21:05</t>
  </si>
  <si>
    <t>01/21/2020 22:22:34</t>
  </si>
  <si>
    <t>01/21/2020 22:21:23</t>
  </si>
  <si>
    <t>054d4e80-0630-4640-9907-0782b20c165f.tmp</t>
  </si>
  <si>
    <t>\\acsfs\profiles$\taylaedoa\Downloads\054d4e80-0630-4640-9907-0782b20c165f.tmp</t>
  </si>
  <si>
    <t>01/21/2020 22:18:57</t>
  </si>
  <si>
    <t>01/21/2020 22:24:34</t>
  </si>
  <si>
    <t>01/21/2020 22:19:24</t>
  </si>
  <si>
    <t>01/21/2020 22:19:57</t>
  </si>
  <si>
    <t>01/21/2020 22:23:30</t>
  </si>
  <si>
    <t>01/21/2020 22:25:33</t>
  </si>
  <si>
    <t>01/21/2020 22:24:33</t>
  </si>
  <si>
    <t>01/21/2020 22:23:13</t>
  </si>
  <si>
    <t>01/21/2020 22:26:33</t>
  </si>
  <si>
    <t>01/21/2020 22:26:12</t>
  </si>
  <si>
    <t>01/21/2020 22:22:06</t>
  </si>
  <si>
    <t>4ac2c288-bb99-48d5-9a94-cbb85014dfd6.tmp</t>
  </si>
  <si>
    <t>\\acsfs\profiles$\ROBERTM\Downloads\4ac2c288-bb99-48d5-9a94-cbb85014dfd6.tmp</t>
  </si>
  <si>
    <t>01/21/2020 22:22:42</t>
  </si>
  <si>
    <t>236158eb-c07f-42c1-a76f-b41d620e8653.tmp</t>
  </si>
  <si>
    <t>\\acsfs\profiles$\ROBERTM\Downloads\236158eb-c07f-42c1-a76f-b41d620e8653.tmp</t>
  </si>
  <si>
    <t>01/21/2020 22:22:59</t>
  </si>
  <si>
    <t>144be14f-5d64-4ab2-9e39-9621122821f8.tmp</t>
  </si>
  <si>
    <t>\\acsfs\profiles$\ROBERTM\Downloads\144be14f-5d64-4ab2-9e39-9621122821f8.tmp</t>
  </si>
  <si>
    <t>01/21/2020 22:23:11</t>
  </si>
  <si>
    <t>01/21/2020 22:27:34</t>
  </si>
  <si>
    <t>01/21/2020 22:24:57</t>
  </si>
  <si>
    <t>01/21/2020 22:29:33</t>
  </si>
  <si>
    <t>01/21/2020 22:25:57</t>
  </si>
  <si>
    <t>01/21/2020 22:27:27</t>
  </si>
  <si>
    <t>01/21/2020 22:30:34</t>
  </si>
  <si>
    <t>01/21/2020 22:29:12</t>
  </si>
  <si>
    <t>01/21/2020 22:31:33</t>
  </si>
  <si>
    <t>01/21/2020 22:32:21</t>
  </si>
  <si>
    <t>01/21/2020 22:33:33</t>
  </si>
  <si>
    <t>01/21/2020 22:30:57</t>
  </si>
  <si>
    <t>01/21/2020 22:34:33</t>
  </si>
  <si>
    <t>01/21/2020 22:31:58</t>
  </si>
  <si>
    <t>01/21/2020 22:35:34</t>
  </si>
  <si>
    <t>01/21/2020 22:32:12</t>
  </si>
  <si>
    <t>01/21/2020 22:36:33</t>
  </si>
  <si>
    <t>01/21/2020 22:35:12</t>
  </si>
  <si>
    <t>01/21/2020 22:35:23</t>
  </si>
  <si>
    <t>01/21/2020 22:39:33</t>
  </si>
  <si>
    <t>01/21/2020 22:36:57</t>
  </si>
  <si>
    <t>01/21/2020 22:37:57</t>
  </si>
  <si>
    <t>01/21/2020 22:37:47</t>
  </si>
  <si>
    <t>01/21/2020 22:40:34</t>
  </si>
  <si>
    <t>01/21/2020 22:36:24</t>
  </si>
  <si>
    <t>01/21/2020 22:38:12</t>
  </si>
  <si>
    <t>01/21/2020 22:41:33</t>
  </si>
  <si>
    <t>01/21/2020 22:41:12</t>
  </si>
  <si>
    <t>01/21/2020 22:42:01</t>
  </si>
  <si>
    <t>01/21/2020 22:43:33</t>
  </si>
  <si>
    <t>01/21/2020 22:42:58</t>
  </si>
  <si>
    <t>01/21/2020 22:44:34</t>
  </si>
  <si>
    <t>01/21/2020 22:45:33</t>
  </si>
  <si>
    <t>01/21/2020 22:45:22</t>
  </si>
  <si>
    <t>01/21/2020 22:46:33</t>
  </si>
  <si>
    <t>01/21/2020 22:45:55</t>
  </si>
  <si>
    <t>ea8e7a34-1046-4de3-af71-8650d8267dfd.tmp</t>
  </si>
  <si>
    <t>\\acsfs\profiles$\ROBERTM\Downloads\ea8e7a34-1046-4de3-af71-8650d8267dfd.tmp</t>
  </si>
  <si>
    <t>01/21/2020 22:44:12</t>
  </si>
  <si>
    <t>01/21/2020 22:43:02</t>
  </si>
  <si>
    <t>01/21/2020 22:48:33</t>
  </si>
  <si>
    <t>01/21/2020 22:43:58</t>
  </si>
  <si>
    <t>01/21/2020 22:49:34</t>
  </si>
  <si>
    <t>01/21/2020 22:46:59</t>
  </si>
  <si>
    <t>01/21/2020 22:50:33</t>
  </si>
  <si>
    <t>01/21/2020 22:47:12</t>
  </si>
  <si>
    <t>01/21/2020 22:51:34</t>
  </si>
  <si>
    <t>01/21/2020 22:50:13</t>
  </si>
  <si>
    <t>01/21/2020 22:51:25</t>
  </si>
  <si>
    <t>01/21/2020 22:53:34</t>
  </si>
  <si>
    <t>01/21/2020 22:49:58</t>
  </si>
  <si>
    <t>01/21/2020 22:54:33</t>
  </si>
  <si>
    <t>01/21/2020 22:50:29</t>
  </si>
  <si>
    <t>01/21/2020 22:55:33</t>
  </si>
  <si>
    <t>01/21/2020 22:53:13</t>
  </si>
  <si>
    <t>01/21/2020 22:56:33</t>
  </si>
  <si>
    <t>01/21/2020 22:56:13</t>
  </si>
  <si>
    <t>01/21/2020 22:55:58</t>
  </si>
  <si>
    <t>01/21/2020 22:59:33</t>
  </si>
  <si>
    <t>01/21/2020 22:58:27</t>
  </si>
  <si>
    <t>01/21/2020 23:00:34</t>
  </si>
  <si>
    <t>01/21/2020 22:56:25</t>
  </si>
  <si>
    <t>01/21/2020 22:57:34</t>
  </si>
  <si>
    <t>01/21/2020 23:01:33</t>
  </si>
  <si>
    <t>01/21/2020 22:59:13</t>
  </si>
  <si>
    <t>01/21/2020 23:00:58</t>
  </si>
  <si>
    <t>01/21/2020 23:02:33</t>
  </si>
  <si>
    <t>01/21/2020 23:00:01</t>
  </si>
  <si>
    <t>911d46c9-32ce-4c8e-8a3c-e39da72050ce.tmp</t>
  </si>
  <si>
    <t>\\acsfs\profiles$\taylaedoa\Downloads\911d46c9-32ce-4c8e-8a3c-e39da72050ce.tmp</t>
  </si>
  <si>
    <t>01/21/2020 22:59:01</t>
  </si>
  <si>
    <t>01/21/2020 23:01:58</t>
  </si>
  <si>
    <t>01/21/2020 23:04:33</t>
  </si>
  <si>
    <t>01/21/2020 23:01:11</t>
  </si>
  <si>
    <t>01/21/2020 22:59:25</t>
  </si>
  <si>
    <t>01/21/2020 23:05:33</t>
  </si>
  <si>
    <t>01/21/2020 23:02:13</t>
  </si>
  <si>
    <t>01/21/2020 23:06:33</t>
  </si>
  <si>
    <t>01/21/2020 23:05:13</t>
  </si>
  <si>
    <t>01/21/2020 23:04:54</t>
  </si>
  <si>
    <t>01/21/2020 23:09:33</t>
  </si>
  <si>
    <t>01/21/2020 23:04:29</t>
  </si>
  <si>
    <t>01/21/2020 23:07:58</t>
  </si>
  <si>
    <t>01/21/2020 23:10:33</t>
  </si>
  <si>
    <t>01/21/2020 23:08:13</t>
  </si>
  <si>
    <t>01/21/2020 23:11:33</t>
  </si>
  <si>
    <t>01/21/2020 23:11:13</t>
  </si>
  <si>
    <t>01/21/2020 23:12:16</t>
  </si>
  <si>
    <t>01/21/2020 23:14:34</t>
  </si>
  <si>
    <t>01/21/2020 23:12:58</t>
  </si>
  <si>
    <t>01/21/2020 23:15:33</t>
  </si>
  <si>
    <t>01/21/2020 23:10:51</t>
  </si>
  <si>
    <t>01/21/2020 23:14:13</t>
  </si>
  <si>
    <t>01/21/2020 23:16:33</t>
  </si>
  <si>
    <t>01/21/2020 23:17:18</t>
  </si>
  <si>
    <t>01/21/2020 23:18:33</t>
  </si>
  <si>
    <t>01/21/2020 23:17:23</t>
  </si>
  <si>
    <t>01/21/2020 23:15:44</t>
  </si>
  <si>
    <t>01/21/2020 23:13:58</t>
  </si>
  <si>
    <t>01/21/2020 23:19:33</t>
  </si>
  <si>
    <t>01/21/2020 23:17:52</t>
  </si>
  <si>
    <t>$I2K2TKB.txt</t>
  </si>
  <si>
    <t>\\acsfs\profiles$\julianeas\My Documents\$RECYCLE.BIN\$I2K2TKB.txt</t>
  </si>
  <si>
    <t>01/21/2020 23:18:00</t>
  </si>
  <si>
    <t>01/21/2020 23:20:33</t>
  </si>
  <si>
    <t>01/21/2020 23:17:13</t>
  </si>
  <si>
    <t>01/21/2020 23:21:33</t>
  </si>
  <si>
    <t>01/21/2020 23:20:14</t>
  </si>
  <si>
    <t>01/21/2020 23:18:58</t>
  </si>
  <si>
    <t>01/21/2020 23:24:34</t>
  </si>
  <si>
    <t>01/21/2020 23:19:58</t>
  </si>
  <si>
    <t>01/21/2020 23:25:33</t>
  </si>
  <si>
    <t>01/21/2020 23:22:58</t>
  </si>
  <si>
    <t>01/21/2020 23:26:34</t>
  </si>
  <si>
    <t>01/21/2020 23:23:13</t>
  </si>
  <si>
    <t>01/21/2020 23:26:13</t>
  </si>
  <si>
    <t>01/21/2020 23:27:04</t>
  </si>
  <si>
    <t>01/21/2020 23:28:33</t>
  </si>
  <si>
    <t>01/21/2020 23:24:58</t>
  </si>
  <si>
    <t>01/21/2020 23:29:34</t>
  </si>
  <si>
    <t>01/21/2020 23:25:58</t>
  </si>
  <si>
    <t>01/21/2020 23:28:10</t>
  </si>
  <si>
    <t>01/21/2020 23:25:35</t>
  </si>
  <si>
    <t>01/21/2020 23:30:33</t>
  </si>
  <si>
    <t>01/21/2020 23:29:13</t>
  </si>
  <si>
    <t>01/21/2020 23:31:33</t>
  </si>
  <si>
    <t>01/21/2020 23:28:00</t>
  </si>
  <si>
    <t>01/21/2020 23:32:33</t>
  </si>
  <si>
    <t>01/21/2020 23:30:58</t>
  </si>
  <si>
    <t>01/21/2020 23:34:33</t>
  </si>
  <si>
    <t>01/21/2020 23:31:59</t>
  </si>
  <si>
    <t>01/21/2020 23:35:33</t>
  </si>
  <si>
    <t>01/21/2020 23:35:44</t>
  </si>
  <si>
    <t>01/21/2020 23:36:34</t>
  </si>
  <si>
    <t>01/21/2020 23:32:13</t>
  </si>
  <si>
    <t>01/21/2020 23:35:13</t>
  </si>
  <si>
    <t>01/21/2020 23:35:26</t>
  </si>
  <si>
    <t>01/21/2020 23:35:28</t>
  </si>
  <si>
    <t>01/21/2020 23:35:29</t>
  </si>
  <si>
    <t>01/21/2020 23:35:30</t>
  </si>
  <si>
    <t>01/21/2020 23:35:32</t>
  </si>
  <si>
    <t>01/21/2020 23:32:32</t>
  </si>
  <si>
    <t>01/21/2020 23:37:33</t>
  </si>
  <si>
    <t>01/21/2020 23:33:25</t>
  </si>
  <si>
    <t>01/21/2020 23:38:33</t>
  </si>
  <si>
    <t>01/21/2020 23:35:41</t>
  </si>
  <si>
    <t>01/21/2020 23:39:34</t>
  </si>
  <si>
    <t>01/21/2020 23:36:58</t>
  </si>
  <si>
    <t>01/21/2020 23:37:58</t>
  </si>
  <si>
    <t>01/21/2020 23:40:33</t>
  </si>
  <si>
    <t>01/21/2020 23:41:13</t>
  </si>
  <si>
    <t>01/21/2020 23:41:34</t>
  </si>
  <si>
    <t>01/21/2020 23:42:58</t>
  </si>
  <si>
    <t>01/21/2020 23:44:33</t>
  </si>
  <si>
    <t>01/21/2020 23:43:29</t>
  </si>
  <si>
    <t>01/21/2020 23:45:33</t>
  </si>
  <si>
    <t>01/21/2020 23:43:10</t>
  </si>
  <si>
    <t>01/21/2020 23:43:58</t>
  </si>
  <si>
    <t>01/21/2020 23:46:34</t>
  </si>
  <si>
    <t>01/21/2020 23:42:08</t>
  </si>
  <si>
    <t>01/21/2020 23:47:33</t>
  </si>
  <si>
    <t>01/21/2020 23:49:33</t>
  </si>
  <si>
    <t>01/21/2020 23:48:32</t>
  </si>
  <si>
    <t>01/21/2020 23:50:33</t>
  </si>
  <si>
    <t>01/21/2020 23:47:13</t>
  </si>
  <si>
    <t>01/21/2020 23:51:34</t>
  </si>
  <si>
    <t>01/21/2020 23:50:03</t>
  </si>
  <si>
    <t>01/21/2020 23:52:33</t>
  </si>
  <si>
    <t>01/21/2020 23:48:58</t>
  </si>
  <si>
    <t>01/21/2020 23:54:33</t>
  </si>
  <si>
    <t>01/21/2020 23:49:30</t>
  </si>
  <si>
    <t>01/21/2020 23:49:58</t>
  </si>
  <si>
    <t>01/21/2020 23:49:42</t>
  </si>
  <si>
    <t>01/21/2020 23:55:33</t>
  </si>
  <si>
    <t>01/21/2020 23:53:13</t>
  </si>
  <si>
    <t>01/21/2020 23:56:34</t>
  </si>
  <si>
    <t>01/21/2020 23:54:58</t>
  </si>
  <si>
    <t>01/21/2020 23:59:34</t>
  </si>
  <si>
    <t>01/21/2020 23:55:58</t>
  </si>
  <si>
    <t>01/21/2020 23:57:28</t>
  </si>
  <si>
    <t>01/22/2020 00:00:33</t>
  </si>
  <si>
    <t>01/21/2020 23:59:13</t>
  </si>
  <si>
    <t>01/22/2020 00:01:33</t>
  </si>
  <si>
    <t>01/22/2020 00:01:52</t>
  </si>
  <si>
    <t>01/22/2020 00:02:34</t>
  </si>
  <si>
    <t>01/22/2020 00:00:52</t>
  </si>
  <si>
    <t>01/22/2020 00:03:33</t>
  </si>
  <si>
    <t>01/22/2020 00:00:58</t>
  </si>
  <si>
    <t>01/22/2020 00:04:34</t>
  </si>
  <si>
    <t>01/22/2020 00:01:58</t>
  </si>
  <si>
    <t>01/22/2020 00:02:50</t>
  </si>
  <si>
    <t>01/22/2020 00:03:30</t>
  </si>
  <si>
    <t>01/22/2020 00:03:37</t>
  </si>
  <si>
    <t>01/22/2020 00:05:33</t>
  </si>
  <si>
    <t>01/22/2020 00:03:08</t>
  </si>
  <si>
    <t>01/22/2020 00:06:34</t>
  </si>
  <si>
    <t>01/22/2020 00:03:23</t>
  </si>
  <si>
    <t>01/22/2020 00:06:00</t>
  </si>
  <si>
    <t>01/22/2020 00:01:47</t>
  </si>
  <si>
    <t>9d3832a6-6487-4663-a60e-b026528bcf0b.tmp</t>
  </si>
  <si>
    <t>\\acsfs\profiles$\ROBERTM\Downloads\9d3832a6-6487-4663-a60e-b026528bcf0b.tmp</t>
  </si>
  <si>
    <t>01/22/2020 00:02:43</t>
  </si>
  <si>
    <t>ffd8b60f-bd05-45e5-86e3-581c438dee5f.tmp</t>
  </si>
  <si>
    <t>\\acsfs\profiles$\ROBERTM\Downloads\ffd8b60f-bd05-45e5-86e3-581c438dee5f.tmp</t>
  </si>
  <si>
    <t>01/22/2020 00:05:13</t>
  </si>
  <si>
    <t>01/22/2020 00:02:09</t>
  </si>
  <si>
    <t>01/22/2020 00:07:33</t>
  </si>
  <si>
    <t>01/22/2020 00:06:07</t>
  </si>
  <si>
    <t>8ebabe0c-64f6-4fbf-9112-a99778721c3f.tmp</t>
  </si>
  <si>
    <t>\\acsfs\profiles$\marlyannegdls\Downloads\8ebabe0c-64f6-4fbf-9112-a99778721c3f.tmp</t>
  </si>
  <si>
    <t>01/22/2020 00:05:39</t>
  </si>
  <si>
    <t>01/22/2020 00:06:16</t>
  </si>
  <si>
    <t>01/22/2020 00:08:33</t>
  </si>
  <si>
    <t>01/22/2020 00:07:46</t>
  </si>
  <si>
    <t>01/22/2020 00:03:04</t>
  </si>
  <si>
    <t>01/22/2020 00:06:24</t>
  </si>
  <si>
    <t>01/22/2020 00:08:02</t>
  </si>
  <si>
    <t>01/22/2020 00:06:41</t>
  </si>
  <si>
    <t>01/22/2020 00:05:41</t>
  </si>
  <si>
    <t>01/22/2020 00:09:33</t>
  </si>
  <si>
    <t>01/22/2020 00:06:58</t>
  </si>
  <si>
    <t>01/22/2020 00:07:58</t>
  </si>
  <si>
    <t>01/22/2020 00:08:20</t>
  </si>
  <si>
    <t>01/22/2020 00:10:33</t>
  </si>
  <si>
    <t>01/22/2020 00:08:41</t>
  </si>
  <si>
    <t>636fe9be-a39c-4099-98b5-c156efaf29e8.tmp</t>
  </si>
  <si>
    <t>\\acsfs\profiles$\mariaavds\Downloads\636fe9be-a39c-4099-98b5-c156efaf29e8.tmp</t>
  </si>
  <si>
    <t>01/22/2020 00:09:46</t>
  </si>
  <si>
    <t>ec48341a-7c86-431b-a64c-cb5aef738cf2.tmp</t>
  </si>
  <si>
    <t>\\acsfs\profiles$\mariaavds\Downloads\ec48341a-7c86-431b-a64c-cb5aef738cf2.tmp</t>
  </si>
  <si>
    <t>01/22/2020 00:08:45</t>
  </si>
  <si>
    <t>01/22/2020 00:10:12</t>
  </si>
  <si>
    <t>01/22/2020 00:11:34</t>
  </si>
  <si>
    <t>01/22/2020 00:10:02</t>
  </si>
  <si>
    <t>01/22/2020 00:06:57</t>
  </si>
  <si>
    <t>01/22/2020 00:11:13</t>
  </si>
  <si>
    <t>01/22/2020 00:08:27</t>
  </si>
  <si>
    <t>01/22/2020 00:12:33</t>
  </si>
  <si>
    <t>01/22/2020 00:08:24</t>
  </si>
  <si>
    <t>51440056-d7e1-4f9e-8b9b-768c6f2ac00c.tmp</t>
  </si>
  <si>
    <t>\\acsfs\profiles$\marlyannegdls\Downloads\51440056-d7e1-4f9e-8b9b-768c6f2ac00c.tmp</t>
  </si>
  <si>
    <t>01/22/2020 00:09:14</t>
  </si>
  <si>
    <t>01/22/2020 00:11:20</t>
  </si>
  <si>
    <t>01/22/2020 00:13:33</t>
  </si>
  <si>
    <t>01/22/2020 00:11:08</t>
  </si>
  <si>
    <t>01/22/2020 00:11:58</t>
  </si>
  <si>
    <t>01/22/2020 00:12:58</t>
  </si>
  <si>
    <t>01/22/2020 00:14:34</t>
  </si>
  <si>
    <t>01/22/2020 00:13:29</t>
  </si>
  <si>
    <t>01/22/2020 00:14:13</t>
  </si>
  <si>
    <t>01/22/2020 00:15:33</t>
  </si>
  <si>
    <t>01/22/2020 00:12:56</t>
  </si>
  <si>
    <t>01/22/2020 00:13:20</t>
  </si>
  <si>
    <t>01/22/2020 00:12:22</t>
  </si>
  <si>
    <t>01/22/2020 00:16:34</t>
  </si>
  <si>
    <t>01/22/2020 00:12:45</t>
  </si>
  <si>
    <t>01/22/2020 00:14:56</t>
  </si>
  <si>
    <t>01/22/2020 00:17:33</t>
  </si>
  <si>
    <t>01/22/2020 00:13:58</t>
  </si>
  <si>
    <t>01/22/2020 00:19:34</t>
  </si>
  <si>
    <t>01/22/2020 00:20:33</t>
  </si>
  <si>
    <t>01/22/2020 00:19:24</t>
  </si>
  <si>
    <t>20373e2b-e9e2-46c8-9f4d-b9dd46ba65c1.tmp</t>
  </si>
  <si>
    <t>\\acsfs\profiles$\mariaavds\Downloads\20373e2b-e9e2-46c8-9f4d-b9dd46ba65c1.tmp</t>
  </si>
  <si>
    <t>01/22/2020 00:19:32</t>
  </si>
  <si>
    <t>2666201e-11bd-45cc-8cb8-b18968eea44c.tmp</t>
  </si>
  <si>
    <t>\\acsfs\profiles$\mariaavds\Downloads\2666201e-11bd-45cc-8cb8-b18968eea44c.tmp</t>
  </si>
  <si>
    <t>01/22/2020 00:17:13</t>
  </si>
  <si>
    <t>01/22/2020 00:21:34</t>
  </si>
  <si>
    <t>01/22/2020 00:18:58</t>
  </si>
  <si>
    <t>01/22/2020 00:24:33</t>
  </si>
  <si>
    <t>01/22/2020 00:19:58</t>
  </si>
  <si>
    <t>01/22/2020 00:20:59</t>
  </si>
  <si>
    <t>01/22/2020 00:25:33</t>
  </si>
  <si>
    <t>01/22/2020 00:22:11</t>
  </si>
  <si>
    <t>01/22/2020 00:26:33</t>
  </si>
  <si>
    <t>01/22/2020 00:23:14</t>
  </si>
  <si>
    <t>01/22/2020 00:24:59</t>
  </si>
  <si>
    <t>01/22/2020 00:29:34</t>
  </si>
  <si>
    <t>01/22/2020 00:25:59</t>
  </si>
  <si>
    <t>01/22/2020 00:28:30</t>
  </si>
  <si>
    <t>01/22/2020 00:25:34</t>
  </si>
  <si>
    <t>01/22/2020 00:30:33</t>
  </si>
  <si>
    <t>01/22/2020 00:29:13</t>
  </si>
  <si>
    <t>01/22/2020 00:31:34</t>
  </si>
  <si>
    <t>01/22/2020 00:31:28</t>
  </si>
  <si>
    <t>01/22/2020 00:33:33</t>
  </si>
  <si>
    <t>01/22/2020 00:30:59</t>
  </si>
  <si>
    <t>01/22/2020 00:34:33</t>
  </si>
  <si>
    <t>01/22/2020 00:32:00</t>
  </si>
  <si>
    <t>01/22/2020 00:35:33</t>
  </si>
  <si>
    <t>01/22/2020 00:35:13</t>
  </si>
  <si>
    <t>01/22/2020 00:36:34</t>
  </si>
  <si>
    <t>01/22/2020 00:35:42</t>
  </si>
  <si>
    <t>01/22/2020 00:38:33</t>
  </si>
  <si>
    <t>01/22/2020 00:36:59</t>
  </si>
  <si>
    <t>01/22/2020 00:39:33</t>
  </si>
  <si>
    <t>01/22/2020 00:37:59</t>
  </si>
  <si>
    <t>01/22/2020 00:40:33</t>
  </si>
  <si>
    <t>01/22/2020 00:39:14</t>
  </si>
  <si>
    <t>01/22/2020 00:40:00</t>
  </si>
  <si>
    <t>01/22/2020 00:41:34</t>
  </si>
  <si>
    <t>01/22/2020 00:41:13</t>
  </si>
  <si>
    <t>01/22/2020 00:37:56</t>
  </si>
  <si>
    <t>01/22/2020 00:43:33</t>
  </si>
  <si>
    <t>01/22/2020 00:40:05</t>
  </si>
  <si>
    <t>01/22/2020 00:44:33</t>
  </si>
  <si>
    <t>01/22/2020 00:40:06</t>
  </si>
  <si>
    <t>01/22/2020 00:40:07</t>
  </si>
  <si>
    <t>01/22/2020 00:43:13</t>
  </si>
  <si>
    <t>01/22/2020 00:45:33</t>
  </si>
  <si>
    <t>01/22/2020 00:43:59</t>
  </si>
  <si>
    <t>01/22/2020 00:49:33</t>
  </si>
  <si>
    <t>01/22/2020 00:45:59</t>
  </si>
  <si>
    <t>01/22/2020 00:47:39</t>
  </si>
  <si>
    <t>01/22/2020 00:47:51</t>
  </si>
  <si>
    <t>01/22/2020 00:50:33</t>
  </si>
  <si>
    <t>01/22/2020 00:47:49</t>
  </si>
  <si>
    <t>01/22/2020 00:47:13</t>
  </si>
  <si>
    <t>01/22/2020 00:51:34</t>
  </si>
  <si>
    <t>01/22/2020 00:52:28</t>
  </si>
  <si>
    <t>01/22/2020 00:53:33</t>
  </si>
  <si>
    <t>01/22/2020 00:49:59</t>
  </si>
  <si>
    <t>01/22/2020 00:54:33</t>
  </si>
  <si>
    <t>01/22/2020 00:51:29</t>
  </si>
  <si>
    <t>01/22/2020 00:51:59</t>
  </si>
  <si>
    <t>01/22/2020 00:53:34</t>
  </si>
  <si>
    <t>01/22/2020 00:55:33</t>
  </si>
  <si>
    <t>01/22/2020 00:53:13</t>
  </si>
  <si>
    <t>01/22/2020 00:56:33</t>
  </si>
  <si>
    <t>01/22/2020 00:53:29</t>
  </si>
  <si>
    <t>01/22/2020 00:54:29</t>
  </si>
  <si>
    <t>01/22/2020 00:55:02</t>
  </si>
  <si>
    <t>01/22/2020 00:57:33</t>
  </si>
  <si>
    <t>01/22/2020 00:52:20</t>
  </si>
  <si>
    <t>01/22/2020 00:56:08</t>
  </si>
  <si>
    <t>01/22/2020 00:59:34</t>
  </si>
  <si>
    <t>01/22/2020 00:54:19</t>
  </si>
  <si>
    <t>01/22/2020 01:00:33</t>
  </si>
  <si>
    <t>01/22/2020 00:58:04</t>
  </si>
  <si>
    <t>01/22/2020 01:16:34</t>
  </si>
  <si>
    <t>01/22/2020 00:59:15</t>
  </si>
  <si>
    <t>01/22/2020 00:59:46</t>
  </si>
  <si>
    <t>01/22/2020 01:00:13</t>
  </si>
  <si>
    <t>01/22/2020 01:01:58</t>
  </si>
  <si>
    <t>01/22/2020 00:58:28</t>
  </si>
  <si>
    <t>01/22/2020 00:59:13</t>
  </si>
  <si>
    <t>01/22/2020 00:59:59</t>
  </si>
  <si>
    <t>01/22/2020 01:01:38</t>
  </si>
  <si>
    <t>01/22/2020 01:01:17</t>
  </si>
  <si>
    <t>01/22/2020 01:02:03</t>
  </si>
  <si>
    <t>01/22/2020 01:01:30</t>
  </si>
  <si>
    <t>01/22/2020 01:02:08</t>
  </si>
  <si>
    <t>01/22/2020 01:05:53</t>
  </si>
  <si>
    <t>01/22/2020 01:10:51</t>
  </si>
  <si>
    <t>2f10d899-88e2-4427-8e14-7092e3ec2b54.tmp</t>
  </si>
  <si>
    <t>\\acsfs\profiles$\ROBERTM\Downloads\2f10d899-88e2-4427-8e14-7092e3ec2b54.tmp</t>
  </si>
  <si>
    <t>01/22/2020 01:13:29</t>
  </si>
  <si>
    <t>01/22/2020 01:17:34</t>
  </si>
  <si>
    <t>01/22/2020 01:05:59</t>
  </si>
  <si>
    <t>01/22/2020 01:06:07</t>
  </si>
  <si>
    <t>01/22/2020 01:06:08</t>
  </si>
  <si>
    <t>01/22/2020 01:06:09</t>
  </si>
  <si>
    <t>01/22/2020 01:06:11</t>
  </si>
  <si>
    <t>01/22/2020 01:06:12</t>
  </si>
  <si>
    <t>01/22/2020 01:06:14</t>
  </si>
  <si>
    <t>01/22/2020 01:06:15</t>
  </si>
  <si>
    <t>01/22/2020 01:06:16</t>
  </si>
  <si>
    <t>01/22/2020 01:06:27</t>
  </si>
  <si>
    <t>01/22/2020 01:06:28</t>
  </si>
  <si>
    <t>01/22/2020 01:06:29</t>
  </si>
  <si>
    <t>01/22/2020 01:06:30</t>
  </si>
  <si>
    <t>01/22/2020 01:11:40</t>
  </si>
  <si>
    <t>01/22/2020 01:14:29</t>
  </si>
  <si>
    <t>01/22/2020 01:07:16</t>
  </si>
  <si>
    <t>01/22/2020 01:09:41</t>
  </si>
  <si>
    <t>01/22/2020 01:11:59</t>
  </si>
  <si>
    <t>01/22/2020 01:15:06</t>
  </si>
  <si>
    <t>01/22/2020 01:18:35</t>
  </si>
  <si>
    <t>01/22/2020 01:11:35</t>
  </si>
  <si>
    <t>01/22/2020 01:19:34</t>
  </si>
  <si>
    <t>01/22/2020 01:20:35</t>
  </si>
  <si>
    <t>01/22/2020 01:12:32</t>
  </si>
  <si>
    <t>01/22/2020 01:21:34</t>
  </si>
  <si>
    <t>01/22/2020 01:17:41</t>
  </si>
  <si>
    <t>01/22/2020 01:22:34</t>
  </si>
  <si>
    <t>01/22/2020 01:17:30</t>
  </si>
  <si>
    <t>01/22/2020 01:17:59</t>
  </si>
  <si>
    <t>01/22/2020 01:20:11</t>
  </si>
  <si>
    <t>01/22/2020 01:19:43</t>
  </si>
  <si>
    <t>01/22/2020 01:22:14</t>
  </si>
  <si>
    <t>01/22/2020 01:23:34</t>
  </si>
  <si>
    <t>01/22/2020 01:21:36</t>
  </si>
  <si>
    <t>01/22/2020 01:21:18</t>
  </si>
  <si>
    <t>01/22/2020 01:25:34</t>
  </si>
  <si>
    <t>01/22/2020 01:22:00</t>
  </si>
  <si>
    <t>01/22/2020 01:27:34</t>
  </si>
  <si>
    <t>01/22/2020 01:23:43</t>
  </si>
  <si>
    <t>01/22/2020 01:23:59</t>
  </si>
  <si>
    <t>01/22/2020 01:25:00</t>
  </si>
  <si>
    <t>01/22/2020 01:25:46</t>
  </si>
  <si>
    <t>01/22/2020 01:28:34</t>
  </si>
  <si>
    <t>01/22/2020 01:26:48</t>
  </si>
  <si>
    <t>01/22/2020 01:29:31</t>
  </si>
  <si>
    <t>01/22/2020 01:32:35</t>
  </si>
  <si>
    <t>01/22/2020 01:29:41</t>
  </si>
  <si>
    <t>01/22/2020 01:27:42</t>
  </si>
  <si>
    <t>01/22/2020 01:29:59</t>
  </si>
  <si>
    <t>01/22/2020 01:29:05</t>
  </si>
  <si>
    <t>01/22/2020 01:33:34</t>
  </si>
  <si>
    <t>01/22/2020 01:33:29</t>
  </si>
  <si>
    <t>01/22/2020 01:37:35</t>
  </si>
  <si>
    <t>01/22/2020 01:35:41</t>
  </si>
  <si>
    <t>01/22/2020 01:33:06</t>
  </si>
  <si>
    <t>01/22/2020 01:35:32</t>
  </si>
  <si>
    <t>01/22/2020 01:35:59</t>
  </si>
  <si>
    <t>01/22/2020 01:35:09</t>
  </si>
  <si>
    <t>01/22/2020 01:40:34</t>
  </si>
  <si>
    <t>01/22/2020 01:39:34</t>
  </si>
  <si>
    <t>01/22/2020 01:41:35</t>
  </si>
  <si>
    <t>01/22/2020 01:37:02</t>
  </si>
  <si>
    <t>01/22/2020 01:42:34</t>
  </si>
  <si>
    <t>01/22/2020 01:40:53</t>
  </si>
  <si>
    <t>01/22/2020 01:40:59</t>
  </si>
  <si>
    <t>01/22/2020 01:40:44</t>
  </si>
  <si>
    <t>01/22/2020 01:43:35</t>
  </si>
  <si>
    <t>01/22/2020 01:44:04</t>
  </si>
  <si>
    <t>01/22/2020 01:45:34</t>
  </si>
  <si>
    <t>01/22/2020 01:41:41</t>
  </si>
  <si>
    <t>01/22/2020 01:47:34</t>
  </si>
  <si>
    <t>01/22/2020 01:44:47</t>
  </si>
  <si>
    <t>01/22/2020 01:41:59</t>
  </si>
  <si>
    <t>01/22/2020 01:44:49</t>
  </si>
  <si>
    <t>01/22/2020 01:42:45</t>
  </si>
  <si>
    <t>01/22/2020 01:47:41</t>
  </si>
  <si>
    <t>01/22/2020 01:52:34</t>
  </si>
  <si>
    <t>01/22/2020 01:48:49</t>
  </si>
  <si>
    <t>01/22/2020 01:49:59</t>
  </si>
  <si>
    <t>01/22/2020 01:51:18</t>
  </si>
  <si>
    <t>01/22/2020 01:52:35</t>
  </si>
  <si>
    <t>01/22/2020 01:57:34</t>
  </si>
  <si>
    <t>01/22/2020 01:53:41</t>
  </si>
  <si>
    <t>01/22/2020 01:55:59</t>
  </si>
  <si>
    <t>01/22/2020 01:56:20</t>
  </si>
  <si>
    <t>01/22/2020 01:55:50</t>
  </si>
  <si>
    <t>01/22/2020 01:58:34</t>
  </si>
  <si>
    <t>01/22/2020 01:59:41</t>
  </si>
  <si>
    <t>01/22/2020 02:02:34</t>
  </si>
  <si>
    <t>01/22/2020 02:00:08</t>
  </si>
  <si>
    <t>01/22/2020 01:59:05</t>
  </si>
  <si>
    <t>01/22/2020 02:01:51</t>
  </si>
  <si>
    <t>01/22/2020 02:03:35</t>
  </si>
  <si>
    <t>01/22/2020 02:02:42</t>
  </si>
  <si>
    <t>01/22/2020 02:06:35</t>
  </si>
  <si>
    <t>01/22/2020 02:05:41</t>
  </si>
  <si>
    <t>01/22/2020 02:07:34</t>
  </si>
  <si>
    <t>01/22/2020 02:01:59</t>
  </si>
  <si>
    <t>01/22/2020 02:03:33</t>
  </si>
  <si>
    <t>01/22/2020 02:03:34</t>
  </si>
  <si>
    <t>01/22/2020 02:04:00</t>
  </si>
  <si>
    <t>01/22/2020 02:05:29</t>
  </si>
  <si>
    <t>01/22/2020 02:07:39</t>
  </si>
  <si>
    <t>01/22/2020 02:12:34</t>
  </si>
  <si>
    <t>01/22/2020 02:11:41</t>
  </si>
  <si>
    <t>01/22/2020 02:08:59</t>
  </si>
  <si>
    <t>01/22/2020 02:07:31</t>
  </si>
  <si>
    <t>01/22/2020 02:10:39</t>
  </si>
  <si>
    <t>01/22/2020 02:13:34</t>
  </si>
  <si>
    <t>01/22/2020 02:12:09</t>
  </si>
  <si>
    <t>01/22/2020 02:15:42</t>
  </si>
  <si>
    <t>01/22/2020 02:17:34</t>
  </si>
  <si>
    <t>01/22/2020 02:12:06</t>
  </si>
  <si>
    <t>01/22/2020 02:13:36</t>
  </si>
  <si>
    <t>01/22/2020 02:15:00</t>
  </si>
  <si>
    <t>01/22/2020 02:13:59</t>
  </si>
  <si>
    <t>01/22/2020 02:18:03</t>
  </si>
  <si>
    <t>01/22/2020 02:18:34</t>
  </si>
  <si>
    <t>01/22/2020 02:17:41</t>
  </si>
  <si>
    <t>01/22/2020 02:22:35</t>
  </si>
  <si>
    <t>01/22/2020 02:19:54</t>
  </si>
  <si>
    <t>01/22/2020 02:21:00</t>
  </si>
  <si>
    <t>01/22/2020 02:21:31</t>
  </si>
  <si>
    <t>01/22/2020 02:20:49</t>
  </si>
  <si>
    <t>01/22/2020 02:24:34</t>
  </si>
  <si>
    <t>01/22/2020 02:23:30</t>
  </si>
  <si>
    <t>01/22/2020 02:27:34</t>
  </si>
  <si>
    <t>01/22/2020 02:23:41</t>
  </si>
  <si>
    <t>01/22/2020 02:24:25</t>
  </si>
  <si>
    <t>01/22/2020 02:28:35</t>
  </si>
  <si>
    <t>01/22/2020 02:29:42</t>
  </si>
  <si>
    <t>01/22/2020 02:32:34</t>
  </si>
  <si>
    <t>01/22/2020 02:31:02</t>
  </si>
  <si>
    <t>01/22/2020 02:27:00</t>
  </si>
  <si>
    <t>01/22/2020 02:27:31</t>
  </si>
  <si>
    <t>01/22/2020 02:29:02</t>
  </si>
  <si>
    <t>01/22/2020 02:32:16</t>
  </si>
  <si>
    <t>01/22/2020 02:33:35</t>
  </si>
  <si>
    <t>01/22/2020 02:34:09</t>
  </si>
  <si>
    <t>01/22/2020 02:35:34</t>
  </si>
  <si>
    <t>01/22/2020 02:35:42</t>
  </si>
  <si>
    <t>01/22/2020 02:37:35</t>
  </si>
  <si>
    <t>01/22/2020 02:33:00</t>
  </si>
  <si>
    <t>01/22/2020 02:35:11</t>
  </si>
  <si>
    <t>01/22/2020 02:36:41</t>
  </si>
  <si>
    <t>01/22/2020 02:34:40</t>
  </si>
  <si>
    <t>01/22/2020 02:38:35</t>
  </si>
  <si>
    <t>01/22/2020 02:38:48</t>
  </si>
  <si>
    <t>01/22/2020 02:42:35</t>
  </si>
  <si>
    <t>01/22/2020 02:41:43</t>
  </si>
  <si>
    <t>01/22/2020 02:39:00</t>
  </si>
  <si>
    <t>01/22/2020 02:41:16</t>
  </si>
  <si>
    <t>01/22/2020 02:45:35</t>
  </si>
  <si>
    <t>01/22/2020 02:46:38</t>
  </si>
  <si>
    <t>01/22/2020 02:47:36</t>
  </si>
  <si>
    <t>01/22/2020 02:43:00</t>
  </si>
  <si>
    <t>01/22/2020 02:44:13</t>
  </si>
  <si>
    <t>01/22/2020 02:45:00</t>
  </si>
  <si>
    <t>01/22/2020 02:47:43</t>
  </si>
  <si>
    <t>01/22/2020 02:52:35</t>
  </si>
  <si>
    <t>01/22/2020 02:50:48</t>
  </si>
  <si>
    <t>01/22/2020 02:51:00</t>
  </si>
  <si>
    <t>01/22/2020 02:51:28</t>
  </si>
  <si>
    <t>01/22/2020 02:49:43</t>
  </si>
  <si>
    <t>01/22/2020 02:53:35</t>
  </si>
  <si>
    <t>01/22/2020 02:49:25</t>
  </si>
  <si>
    <t>01/22/2020 02:50:51</t>
  </si>
  <si>
    <t>01/22/2020 02:55:35</t>
  </si>
  <si>
    <t>01/22/2020 02:53:02</t>
  </si>
  <si>
    <t>01/22/2020 02:57:36</t>
  </si>
  <si>
    <t>01/22/2020 02:53:09</t>
  </si>
  <si>
    <t>01/22/2020 02:53:14</t>
  </si>
  <si>
    <t>01/22/2020 02:53:21</t>
  </si>
  <si>
    <t>01/22/2020 02:53:22</t>
  </si>
  <si>
    <t>01/22/2020 02:53:23</t>
  </si>
  <si>
    <t>01/22/2020 02:53:24</t>
  </si>
  <si>
    <t>01/22/2020 02:53:26</t>
  </si>
  <si>
    <t>01/22/2020 02:53:27</t>
  </si>
  <si>
    <t>01/22/2020 02:56:04</t>
  </si>
  <si>
    <t>01/22/2020 02:57:41</t>
  </si>
  <si>
    <t>01/22/2020 03:00:35</t>
  </si>
  <si>
    <t>01/22/2020 02:58:50</t>
  </si>
  <si>
    <t>01/22/2020 03:02:35</t>
  </si>
  <si>
    <t>01/22/2020 03:01:02</t>
  </si>
  <si>
    <t>01/22/2020 02:57:00</t>
  </si>
  <si>
    <t>01/22/2020 02:58:19</t>
  </si>
  <si>
    <t>01/22/2020 03:00:47</t>
  </si>
  <si>
    <t>01/22/2020 03:05:36</t>
  </si>
  <si>
    <t>01/22/2020 03:04:50</t>
  </si>
  <si>
    <t>01/22/2020 03:07:36</t>
  </si>
  <si>
    <t>01/22/2020 03:03:00</t>
  </si>
  <si>
    <t>01/22/2020 03:06:25</t>
  </si>
  <si>
    <t>01/22/2020 03:06:34</t>
  </si>
  <si>
    <t>01/22/2020 03:08:35</t>
  </si>
  <si>
    <t>01/22/2020 03:06:23</t>
  </si>
  <si>
    <t>01/22/2020 03:06:41</t>
  </si>
  <si>
    <t>01/22/2020 03:11:35</t>
  </si>
  <si>
    <t>01/22/2020 03:08:33</t>
  </si>
  <si>
    <t>01/22/2020 03:12:36</t>
  </si>
  <si>
    <t>01/22/2020 03:10:50</t>
  </si>
  <si>
    <t>01/22/2020 03:09:00</t>
  </si>
  <si>
    <t>01/22/2020 03:10:59</t>
  </si>
  <si>
    <t>01/22/2020 03:11:47</t>
  </si>
  <si>
    <t>01/22/2020 03:13:25</t>
  </si>
  <si>
    <t>01/22/2020 03:14:35</t>
  </si>
  <si>
    <t>01/22/2020 03:09:05</t>
  </si>
  <si>
    <t>01/22/2020 03:13:51</t>
  </si>
  <si>
    <t>01/22/2020 03:15:35</t>
  </si>
  <si>
    <t>01/22/2020 03:14:51</t>
  </si>
  <si>
    <t>01/22/2020 03:12:32</t>
  </si>
  <si>
    <t>01/22/2020 03:16:35</t>
  </si>
  <si>
    <t>01/22/2020 03:13:56</t>
  </si>
  <si>
    <t>01/22/2020 03:17:36</t>
  </si>
  <si>
    <t>01/22/2020 03:15:00</t>
  </si>
  <si>
    <t>01/22/2020 03:14:32</t>
  </si>
  <si>
    <t>01/22/2020 03:14:16</t>
  </si>
  <si>
    <t>01/22/2020 03:18:35</t>
  </si>
  <si>
    <t>01/22/2020 03:18:23</t>
  </si>
  <si>
    <t>01/22/2020 03:19:35</t>
  </si>
  <si>
    <t>01/22/2020 03:15:53</t>
  </si>
  <si>
    <t>01/22/2020 03:21:35</t>
  </si>
  <si>
    <t>01/22/2020 03:16:50</t>
  </si>
  <si>
    <t>01/22/2020 03:22:35</t>
  </si>
  <si>
    <t>01/22/2020 03:21:00</t>
  </si>
  <si>
    <t>01/22/2020 03:21:27</t>
  </si>
  <si>
    <t>01/22/2020 03:22:02</t>
  </si>
  <si>
    <t>01/22/2020 03:26:36</t>
  </si>
  <si>
    <t>01/22/2020 03:22:50</t>
  </si>
  <si>
    <t>01/22/2020 03:27:35</t>
  </si>
  <si>
    <t>01/22/2020 03:24:07</t>
  </si>
  <si>
    <t>01/22/2020 03:23:21</t>
  </si>
  <si>
    <t>01/22/2020 03:25:47</t>
  </si>
  <si>
    <t>01/22/2020 03:28:36</t>
  </si>
  <si>
    <t>01/22/2020 03:24:58</t>
  </si>
  <si>
    <t>01/22/2020 03:29:35</t>
  </si>
  <si>
    <t>01/22/2020 03:24:55</t>
  </si>
  <si>
    <t>01/22/2020 03:26:20</t>
  </si>
  <si>
    <t>01/22/2020 03:30:35</t>
  </si>
  <si>
    <t>01/22/2020 03:26:29</t>
  </si>
  <si>
    <t>01/22/2020 03:28:51</t>
  </si>
  <si>
    <t>01/22/2020 03:32:35</t>
  </si>
  <si>
    <t>01/22/2020 03:27:00</t>
  </si>
  <si>
    <t>01/22/2020 03:29:12</t>
  </si>
  <si>
    <t>01/22/2020 03:30:11</t>
  </si>
  <si>
    <t>01/22/2020 03:33:35</t>
  </si>
  <si>
    <t>01/22/2020 03:32:30</t>
  </si>
  <si>
    <t>01/22/2020 03:34:49</t>
  </si>
  <si>
    <t>01/22/2020 03:36:35</t>
  </si>
  <si>
    <t>01/22/2020 03:31:57</t>
  </si>
  <si>
    <t>01/22/2020 03:37:35</t>
  </si>
  <si>
    <t>01/22/2020 03:34:50</t>
  </si>
  <si>
    <t>01/22/2020 03:33:01</t>
  </si>
  <si>
    <t>01/22/2020 03:36:08</t>
  </si>
  <si>
    <t>01/22/2020 03:37:36</t>
  </si>
  <si>
    <t>01/22/2020 03:33:29</t>
  </si>
  <si>
    <t>01/22/2020 03:35:59</t>
  </si>
  <si>
    <t>01/22/2020 03:38:35</t>
  </si>
  <si>
    <t>01/22/2020 03:36:17</t>
  </si>
  <si>
    <t>01/22/2020 03:40:35</t>
  </si>
  <si>
    <t>01/22/2020 03:39:44</t>
  </si>
  <si>
    <t>01/22/2020 03:42:35</t>
  </si>
  <si>
    <t>01/22/2020 03:40:50</t>
  </si>
  <si>
    <t>01/22/2020 03:37:38</t>
  </si>
  <si>
    <t>01/22/2020 03:39:00</t>
  </si>
  <si>
    <t>01/22/2020 03:39:11</t>
  </si>
  <si>
    <t>01/22/2020 03:41:47</t>
  </si>
  <si>
    <t>01/22/2020 03:43:36</t>
  </si>
  <si>
    <t>01/22/2020 03:44:06</t>
  </si>
  <si>
    <t>01/22/2020 03:46:35</t>
  </si>
  <si>
    <t>01/22/2020 03:43:56</t>
  </si>
  <si>
    <t>01/22/2020 03:47:35</t>
  </si>
  <si>
    <t>01/22/2020 03:45:00</t>
  </si>
  <si>
    <t>01/22/2020 03:48:06</t>
  </si>
  <si>
    <t>01/22/2020 03:50:35</t>
  </si>
  <si>
    <t>01/22/2020 03:49:43</t>
  </si>
  <si>
    <t>01/22/2020 03:49:25</t>
  </si>
  <si>
    <t>01/22/2020 03:51:35</t>
  </si>
  <si>
    <t>01/22/2020 03:46:50</t>
  </si>
  <si>
    <t>01/22/2020 03:52:35</t>
  </si>
  <si>
    <t>01/22/2020 03:47:17</t>
  </si>
  <si>
    <t>01/22/2020 03:51:01</t>
  </si>
  <si>
    <t>01/22/2020 03:51:27</t>
  </si>
  <si>
    <t>01/22/2020 03:52:46</t>
  </si>
  <si>
    <t>01/22/2020 03:53:36</t>
  </si>
  <si>
    <t>01/22/2020 03:50:51</t>
  </si>
  <si>
    <t>01/22/2020 03:54:35</t>
  </si>
  <si>
    <t>01/22/2020 03:51:09</t>
  </si>
  <si>
    <t>01/22/2020 03:55:36</t>
  </si>
  <si>
    <t>01/22/2020 03:56:35</t>
  </si>
  <si>
    <t>01/22/2020 03:52:50</t>
  </si>
  <si>
    <t>01/22/2020 03:57:35</t>
  </si>
  <si>
    <t>01/22/2020 03:54:48</t>
  </si>
  <si>
    <t>01/22/2020 03:53:13</t>
  </si>
  <si>
    <t>01/22/2020 03:56:02</t>
  </si>
  <si>
    <t>01/22/2020 03:58:36</t>
  </si>
  <si>
    <t>01/22/2020 03:54:14</t>
  </si>
  <si>
    <t>01/22/2020 03:59:35</t>
  </si>
  <si>
    <t>01/22/2020 03:55:02</t>
  </si>
  <si>
    <t>01/22/2020 04:00:35</t>
  </si>
  <si>
    <t>01/22/2020 03:58:55</t>
  </si>
  <si>
    <t>01/22/2020 04:00:07</t>
  </si>
  <si>
    <t>01/22/2020 04:00:22</t>
  </si>
  <si>
    <t>01/22/2020 04:01:35</t>
  </si>
  <si>
    <t>01/22/2020 03:58:50</t>
  </si>
  <si>
    <t>01/22/2020 04:02:35</t>
  </si>
  <si>
    <t>01/22/2020 03:57:01</t>
  </si>
  <si>
    <t>01/22/2020 03:59:13</t>
  </si>
  <si>
    <t>01/22/2020 04:00:44</t>
  </si>
  <si>
    <t>01/22/2020 04:00:29</t>
  </si>
  <si>
    <t>01/22/2020 04:03:27</t>
  </si>
  <si>
    <t>01/22/2020 04:05:36</t>
  </si>
  <si>
    <t>01/22/2020 04:03:15</t>
  </si>
  <si>
    <t>01/22/2020 04:06:35</t>
  </si>
  <si>
    <t>01/22/2020 04:01:47</t>
  </si>
  <si>
    <t>01/22/2020 04:07:36</t>
  </si>
  <si>
    <t>01/22/2020 04:02:50</t>
  </si>
  <si>
    <t>01/22/2020 04:04:51</t>
  </si>
  <si>
    <t>01/22/2020 04:03:01</t>
  </si>
  <si>
    <t>01/22/2020 04:06:32</t>
  </si>
  <si>
    <t>01/22/2020 04:08:35</t>
  </si>
  <si>
    <t>01/22/2020 04:09:24</t>
  </si>
  <si>
    <t>01/22/2020 04:10:35</t>
  </si>
  <si>
    <t>01/22/2020 04:10:39</t>
  </si>
  <si>
    <t>01/22/2020 04:12:36</t>
  </si>
  <si>
    <t>01/22/2020 04:10:51</t>
  </si>
  <si>
    <t>01/22/2020 04:07:00</t>
  </si>
  <si>
    <t>01/22/2020 04:08:30</t>
  </si>
  <si>
    <t>01/22/2020 04:09:01</t>
  </si>
  <si>
    <t>01/22/2020 04:14:50</t>
  </si>
  <si>
    <t>01/22/2020 04:17:36</t>
  </si>
  <si>
    <t>01/22/2020 04:15:00</t>
  </si>
  <si>
    <t>01/22/2020 04:16:18</t>
  </si>
  <si>
    <t>01/22/2020 04:16:51</t>
  </si>
  <si>
    <t>01/22/2020 04:22:36</t>
  </si>
  <si>
    <t>01/22/2020 04:21:00</t>
  </si>
  <si>
    <t>01/22/2020 04:21:09</t>
  </si>
  <si>
    <t>01/22/2020 04:18:24</t>
  </si>
  <si>
    <t>01/22/2020 04:23:35</t>
  </si>
  <si>
    <t>01/22/2020 04:21:56</t>
  </si>
  <si>
    <t>01/22/2020 04:19:55</t>
  </si>
  <si>
    <t>01/22/2020 04:21:55</t>
  </si>
  <si>
    <t>01/22/2020 04:23:08</t>
  </si>
  <si>
    <t>01/22/2020 04:26:35</t>
  </si>
  <si>
    <t>01/22/2020 04:22:51</t>
  </si>
  <si>
    <t>01/22/2020 04:27:36</t>
  </si>
  <si>
    <t>01/22/2020 04:26:34</t>
  </si>
  <si>
    <t>01/22/2020 04:24:26</t>
  </si>
  <si>
    <t>01/22/2020 04:25:45</t>
  </si>
  <si>
    <t>01/22/2020 04:30:35</t>
  </si>
  <si>
    <t>01/22/2020 04:26:58</t>
  </si>
  <si>
    <t>01/22/2020 04:28:52</t>
  </si>
  <si>
    <t>01/22/2020 04:32:35</t>
  </si>
  <si>
    <t>01/22/2020 04:27:00</t>
  </si>
  <si>
    <t>01/22/2020 04:29:13</t>
  </si>
  <si>
    <t>01/22/2020 04:28:05</t>
  </si>
  <si>
    <t>01/22/2020 04:28:36</t>
  </si>
  <si>
    <t>01/22/2020 04:33:35</t>
  </si>
  <si>
    <t>01/22/2020 04:32:44</t>
  </si>
  <si>
    <t>01/22/2020 04:32:45</t>
  </si>
  <si>
    <t>01/22/2020 04:35:35</t>
  </si>
  <si>
    <t>01/22/2020 04:31:49</t>
  </si>
  <si>
    <t>01/22/2020 04:35:40</t>
  </si>
  <si>
    <t>01/22/2020 04:36:36</t>
  </si>
  <si>
    <t>01/22/2020 04:34:51</t>
  </si>
  <si>
    <t>01/22/2020 04:37:35</t>
  </si>
  <si>
    <t>01/22/2020 04:32:31</t>
  </si>
  <si>
    <t>01/22/2020 04:33:02</t>
  </si>
  <si>
    <t>01/22/2020 04:37:14</t>
  </si>
  <si>
    <t>01/22/2020 04:38:35</t>
  </si>
  <si>
    <t>01/22/2020 04:36:26</t>
  </si>
  <si>
    <t>01/22/2020 04:40:35</t>
  </si>
  <si>
    <t>01/22/2020 04:40:00</t>
  </si>
  <si>
    <t>01/22/2020 04:41:35</t>
  </si>
  <si>
    <t>01/22/2020 04:40:51</t>
  </si>
  <si>
    <t>01/22/2020 04:42:35</t>
  </si>
  <si>
    <t>01/22/2020 04:37:02</t>
  </si>
  <si>
    <t>01/22/2020 04:39:00</t>
  </si>
  <si>
    <t>01/22/2020 04:40:01</t>
  </si>
  <si>
    <t>01/22/2020 04:41:55</t>
  </si>
  <si>
    <t>01/22/2020 04:43:38</t>
  </si>
  <si>
    <t>01/22/2020 04:46:35</t>
  </si>
  <si>
    <t>01/22/2020 04:42:13</t>
  </si>
  <si>
    <t>01/22/2020 04:47:35</t>
  </si>
  <si>
    <t>01/22/2020 04:46:51</t>
  </si>
  <si>
    <t>01/22/2020 04:45:01</t>
  </si>
  <si>
    <t>01/22/2020 04:46:15</t>
  </si>
  <si>
    <t>01/22/2020 04:49:35</t>
  </si>
  <si>
    <t>01/22/2020 04:47:00</t>
  </si>
  <si>
    <t>01/22/2020 04:49:57</t>
  </si>
  <si>
    <t>01/22/2020 04:52:35</t>
  </si>
  <si>
    <t>01/22/2020 04:48:06</t>
  </si>
  <si>
    <t>01/22/2020 04:51:01</t>
  </si>
  <si>
    <t>01/22/2020 04:51:30</t>
  </si>
  <si>
    <t>01/22/2020 04:55:35</t>
  </si>
  <si>
    <t>01/22/2020 04:52:51</t>
  </si>
  <si>
    <t>01/22/2020 04:57:35</t>
  </si>
  <si>
    <t>01/22/2020 04:52:31</t>
  </si>
  <si>
    <t>01/22/2020 04:55:37</t>
  </si>
  <si>
    <t>01/22/2020 04:57:36</t>
  </si>
  <si>
    <t>01/22/2020 04:58:26</t>
  </si>
  <si>
    <t>01/22/2020 04:59:36</t>
  </si>
  <si>
    <t>01/22/2020 04:58:49</t>
  </si>
  <si>
    <t>01/22/2020 05:00:35</t>
  </si>
  <si>
    <t>01/22/2020 04:59:08</t>
  </si>
  <si>
    <t>01/22/2020 04:58:09</t>
  </si>
  <si>
    <t>01/22/2020 05:06:35</t>
  </si>
  <si>
    <t>01/22/2020 04:57:47</t>
  </si>
  <si>
    <t>01/22/2020 04:57:01</t>
  </si>
  <si>
    <t>01/22/2020 04:58:51</t>
  </si>
  <si>
    <t>01/22/2020 05:00:06</t>
  </si>
  <si>
    <t>01/22/2020 05:00:10</t>
  </si>
  <si>
    <t>01/22/2020 05:02:21</t>
  </si>
  <si>
    <t>01/22/2020 04:59:33</t>
  </si>
  <si>
    <t>01/22/2020 05:02:43</t>
  </si>
  <si>
    <t>01/22/2020 05:04:15</t>
  </si>
  <si>
    <t>01/22/2020 05:06:21</t>
  </si>
  <si>
    <t>01/22/2020 05:05:28</t>
  </si>
  <si>
    <t>01/22/2020 05:07:35</t>
  </si>
  <si>
    <t>01/22/2020 05:04:55</t>
  </si>
  <si>
    <t>01/22/2020 05:09:35</t>
  </si>
  <si>
    <t>01/22/2020 05:04:52</t>
  </si>
  <si>
    <t>01/22/2020 05:05:19</t>
  </si>
  <si>
    <t>01/22/2020 05:03:01</t>
  </si>
  <si>
    <t>01/22/2020 05:03:08</t>
  </si>
  <si>
    <t>01/22/2020 05:06:24</t>
  </si>
  <si>
    <t>01/22/2020 05:06:22</t>
  </si>
  <si>
    <t>01/22/2020 05:10:36</t>
  </si>
  <si>
    <t>01/22/2020 05:05:12</t>
  </si>
  <si>
    <t>01/22/2020 05:11:35</t>
  </si>
  <si>
    <t>01/22/2020 05:11:34</t>
  </si>
  <si>
    <t>01/22/2020 05:14:35</t>
  </si>
  <si>
    <t>01/22/2020 05:09:01</t>
  </si>
  <si>
    <t>01/22/2020 05:10:58</t>
  </si>
  <si>
    <t>01/22/2020 05:10:52</t>
  </si>
  <si>
    <t>01/22/2020 05:13:04</t>
  </si>
  <si>
    <t>01/22/2020 05:16:35</t>
  </si>
  <si>
    <t>01/22/2020 05:14:13</t>
  </si>
  <si>
    <t>01/22/2020 05:19:36</t>
  </si>
  <si>
    <t>01/22/2020 05:15:01</t>
  </si>
  <si>
    <t>01/22/2020 05:16:52</t>
  </si>
  <si>
    <t>01/22/2020 05:15:40</t>
  </si>
  <si>
    <t>01/22/2020 05:21:36</t>
  </si>
  <si>
    <t>01/22/2020 05:18:31</t>
  </si>
  <si>
    <t>01/22/2020 05:23:35</t>
  </si>
  <si>
    <t>01/22/2020 05:19:00</t>
  </si>
  <si>
    <t>01/22/2020 05:24:35</t>
  </si>
  <si>
    <t>01/22/2020 05:21:01</t>
  </si>
  <si>
    <t>01/22/2020 05:21:44</t>
  </si>
  <si>
    <t>01/22/2020 05:20:52</t>
  </si>
  <si>
    <t>01/22/2020 05:22:52</t>
  </si>
  <si>
    <t>01/22/2020 05:26:35</t>
  </si>
  <si>
    <t>01/22/2020 05:23:19</t>
  </si>
  <si>
    <t>01/22/2020 05:27:35</t>
  </si>
  <si>
    <t>3637c991-1f1e-46a2-9614-0baa1e8da8e5.tmp</t>
  </si>
  <si>
    <t>\\acsfs\profiles$\ROBERTM\Downloads\3637c991-1f1e-46a2-9614-0baa1e8da8e5.tmp</t>
  </si>
  <si>
    <t>01/22/2020 05:24:56</t>
  </si>
  <si>
    <t>01/22/2020 05:26:50</t>
  </si>
  <si>
    <t>01/22/2020 05:29:35</t>
  </si>
  <si>
    <t>01/22/2020 05:27:02</t>
  </si>
  <si>
    <t>01/22/2020 05:28:40</t>
  </si>
  <si>
    <t>01/22/2020 05:28:53</t>
  </si>
  <si>
    <t>01/22/2020 05:31:35</t>
  </si>
  <si>
    <t>01/22/2020 05:29:15</t>
  </si>
  <si>
    <t>01/22/2020 05:34:35</t>
  </si>
  <si>
    <t>01/22/2020 05:33:01</t>
  </si>
  <si>
    <t>01/22/2020 05:31:28</t>
  </si>
  <si>
    <t>01/22/2020 05:36:35</t>
  </si>
  <si>
    <t>01/22/2020 05:36:21</t>
  </si>
  <si>
    <t>01/22/2020 05:37:36</t>
  </si>
  <si>
    <t>01/22/2020 05:34:21</t>
  </si>
  <si>
    <t>01/22/2020 05:39:35</t>
  </si>
  <si>
    <t>01/22/2020 05:36:46</t>
  </si>
  <si>
    <t>01/22/2020 05:34:52</t>
  </si>
  <si>
    <t>01/22/2020 05:36:11</t>
  </si>
  <si>
    <t>01/22/2020 05:41:35</t>
  </si>
  <si>
    <t>01/22/2020 05:41:07</t>
  </si>
  <si>
    <t>01/22/2020 05:44:35</t>
  </si>
  <si>
    <t>01/22/2020 05:39:01</t>
  </si>
  <si>
    <t>01/22/2020 05:42:44</t>
  </si>
  <si>
    <t>01/22/2020 05:40:52</t>
  </si>
  <si>
    <t>01/22/2020 05:43:57</t>
  </si>
  <si>
    <t>01/22/2020 05:41:58</t>
  </si>
  <si>
    <t>01/22/2020 05:46:35</t>
  </si>
  <si>
    <t>01/22/2020 05:47:02</t>
  </si>
  <si>
    <t>01/22/2020 05:48:36</t>
  </si>
  <si>
    <t>01/22/2020 05:45:31</t>
  </si>
  <si>
    <t>01/22/2020 05:45:01</t>
  </si>
  <si>
    <t>01/22/2020 05:49:35</t>
  </si>
  <si>
    <t>01/22/2020 05:45:02</t>
  </si>
  <si>
    <t>01/22/2020 05:46:52</t>
  </si>
  <si>
    <t>01/22/2020 05:45:40</t>
  </si>
  <si>
    <t>01/22/2020 05:46:00</t>
  </si>
  <si>
    <t>01/22/2020 05:50:35</t>
  </si>
  <si>
    <t>01/22/2020 05:51:35</t>
  </si>
  <si>
    <t>01/22/2020 05:47:25</t>
  </si>
  <si>
    <t>01/22/2020 05:52:36</t>
  </si>
  <si>
    <t>287f485c-799b-4fa7-ae21-09c5f257ad42.tmp</t>
  </si>
  <si>
    <t>\\acsfs\profiles$\ROZENCAM\Downloads\287f485c-799b-4fa7-ae21-09c5f257ad42.tmp</t>
  </si>
  <si>
    <t>01/22/2020 05:50:30</t>
  </si>
  <si>
    <t>01/22/2020 05:49:00</t>
  </si>
  <si>
    <t>01/22/2020 05:52:27</t>
  </si>
  <si>
    <t>01/22/2020 05:53:35</t>
  </si>
  <si>
    <t>01/22/2020 05:52:51</t>
  </si>
  <si>
    <t>01/22/2020 05:51:02</t>
  </si>
  <si>
    <t>01/22/2020 05:54:35</t>
  </si>
  <si>
    <t>01/22/2020 05:52:20</t>
  </si>
  <si>
    <t>01/22/2020 05:51:47</t>
  </si>
  <si>
    <t>01/22/2020 05:52:52</t>
  </si>
  <si>
    <t>01/22/2020 05:56:35</t>
  </si>
  <si>
    <t>01/22/2020 05:57:02</t>
  </si>
  <si>
    <t>01/22/2020 05:59:35</t>
  </si>
  <si>
    <t>01/22/2020 05:58:52</t>
  </si>
  <si>
    <t>01/22/2020 06:01:35</t>
  </si>
  <si>
    <t>01/22/2020 06:00:33</t>
  </si>
  <si>
    <t>01/22/2020 06:03:36</t>
  </si>
  <si>
    <t>dfc56106-8338-43f4-bcb7-a74105cda2bd.tmp</t>
  </si>
  <si>
    <t>\\acsfs\profiles$\lucasqdss\Downloads\dfc56106-8338-43f4-bcb7-a74105cda2bd.tmp</t>
  </si>
  <si>
    <t>01/22/2020 06:02:38</t>
  </si>
  <si>
    <t>e5fb6752-ee8a-4dbe-977b-926cd907b8ca.tmp</t>
  </si>
  <si>
    <t>\\acsfs\profiles$\lucasqdss\Downloads\e5fb6752-ee8a-4dbe-977b-926cd907b8ca.tmp</t>
  </si>
  <si>
    <t>01/22/2020 05:59:14</t>
  </si>
  <si>
    <t>01/22/2020 06:04:35</t>
  </si>
  <si>
    <t>01/22/2020 06:00:44</t>
  </si>
  <si>
    <t>01/22/2020 06:03:02</t>
  </si>
  <si>
    <t>01/22/2020 06:02:43</t>
  </si>
  <si>
    <t>01/22/2020 06:06:35</t>
  </si>
  <si>
    <t>01/22/2020 06:04:17</t>
  </si>
  <si>
    <t>01/22/2020 06:07:35</t>
  </si>
  <si>
    <t>01/22/2020 06:06:54</t>
  </si>
  <si>
    <t>01/22/2020 06:08:36</t>
  </si>
  <si>
    <t>01/22/2020 06:03:25</t>
  </si>
  <si>
    <t>01/22/2020 06:06:45</t>
  </si>
  <si>
    <t>01/22/2020 06:09:35</t>
  </si>
  <si>
    <t>01/22/2020 06:08:15</t>
  </si>
  <si>
    <t>01/22/2020 06:04:52</t>
  </si>
  <si>
    <t>01/22/2020 06:07:05</t>
  </si>
  <si>
    <t>01/22/2020 06:08:12</t>
  </si>
  <si>
    <t>01/22/2020 06:11:35</t>
  </si>
  <si>
    <t>01/22/2020 06:09:02</t>
  </si>
  <si>
    <t>01/22/2020 06:14:35</t>
  </si>
  <si>
    <t>01/22/2020 06:13:14</t>
  </si>
  <si>
    <t>01/22/2020 06:10:52</t>
  </si>
  <si>
    <t>01/21/2020 21:09:42</t>
  </si>
  <si>
    <t>01/22/2020 06:16:35</t>
  </si>
  <si>
    <t>01/22/2020 06:14:33</t>
  </si>
  <si>
    <t>01/22/2020 06:19:35</t>
  </si>
  <si>
    <t>01/22/2020 06:15:02</t>
  </si>
  <si>
    <t>01/22/2020 06:15:47</t>
  </si>
  <si>
    <t>01/22/2020 06:14:52</t>
  </si>
  <si>
    <t>01/22/2020 06:16:52</t>
  </si>
  <si>
    <t>01/22/2020 06:17:20</t>
  </si>
  <si>
    <t>01/22/2020 06:21:36</t>
  </si>
  <si>
    <t>0212bcf4-0c2d-42f8-b801-78823b679a45.tmp</t>
  </si>
  <si>
    <t>\\acsfs\profiles$\felipetds\Downloads\0212bcf4-0c2d-42f8-b801-78823b679a45.tmp</t>
  </si>
  <si>
    <t>01/22/2020 06:17:31</t>
  </si>
  <si>
    <t>01/22/2020 06:18:43</t>
  </si>
  <si>
    <t>7c65a79a-577a-4895-b43d-d644b661a2d4.tmp</t>
  </si>
  <si>
    <t>\\acsfs\profiles$\felipetds\Downloads\7c65a79a-577a-4895-b43d-d644b661a2d4.tmp</t>
  </si>
  <si>
    <t>01/22/2020 06:16:56</t>
  </si>
  <si>
    <t>01/22/2020 06:18:00</t>
  </si>
  <si>
    <t>01/22/2020 06:23:36</t>
  </si>
  <si>
    <t>01/22/2020 06:18:52</t>
  </si>
  <si>
    <t>01/22/2020 06:21:02</t>
  </si>
  <si>
    <t>01/22/2020 06:24:35</t>
  </si>
  <si>
    <t>01/22/2020 06:22:21</t>
  </si>
  <si>
    <t>01/22/2020 06:23:51</t>
  </si>
  <si>
    <t>01/22/2020 06:22:40</t>
  </si>
  <si>
    <t>01/22/2020 06:22:52</t>
  </si>
  <si>
    <t>01/22/2020 06:21:04</t>
  </si>
  <si>
    <t>01/22/2020 06:26:36</t>
  </si>
  <si>
    <t>01/22/2020 06:24:39</t>
  </si>
  <si>
    <t>ea400c1e-9ef3-4dd2-88ac-d580644f20c1.tmp</t>
  </si>
  <si>
    <t>\\acsfs\profiles$\BRUNAAR\Downloads\ea400c1e-9ef3-4dd2-88ac-d580644f20c1.tmp</t>
  </si>
  <si>
    <t>01/22/2020 06:27:02</t>
  </si>
  <si>
    <t>01/22/2020 06:29:35</t>
  </si>
  <si>
    <t>01/22/2020 06:28:54</t>
  </si>
  <si>
    <t>01/22/2020 06:30:20</t>
  </si>
  <si>
    <t>01/22/2020 06:31:36</t>
  </si>
  <si>
    <t>01/22/2020 06:26:07</t>
  </si>
  <si>
    <t>81bbc42d-e301-4d81-8091-4a6b1c456a0c.tmp</t>
  </si>
  <si>
    <t>\\acsfs\profiles$\BRUNAAR\Downloads\81bbc42d-e301-4d81-8091-4a6b1c456a0c.tmp</t>
  </si>
  <si>
    <t>01/22/2020 06:30:08</t>
  </si>
  <si>
    <t>01/22/2020 06:34:35</t>
  </si>
  <si>
    <t>01/22/2020 06:31:39</t>
  </si>
  <si>
    <t>01/22/2020 06:33:02</t>
  </si>
  <si>
    <t>01/22/2020 06:30:12</t>
  </si>
  <si>
    <t>01/22/2020 06:32:08</t>
  </si>
  <si>
    <t>01/22/2020 06:36:36</t>
  </si>
  <si>
    <t>01/22/2020 06:37:56</t>
  </si>
  <si>
    <t>01/22/2020 06:39:35</t>
  </si>
  <si>
    <t>01/22/2020 06:34:52</t>
  </si>
  <si>
    <t>01/22/2020 06:37:59</t>
  </si>
  <si>
    <t>01/22/2020 06:38:52</t>
  </si>
  <si>
    <t>01/22/2020 06:41:36</t>
  </si>
  <si>
    <t>01/22/2020 06:40:07</t>
  </si>
  <si>
    <t>01/22/2020 06:37:43</t>
  </si>
  <si>
    <t>01/22/2020 06:42:35</t>
  </si>
  <si>
    <t>fc57dbe7-1f36-4035-8df1-5a6507a7c9ec.tmp</t>
  </si>
  <si>
    <t>\\acsfs\profiles$\ALYNYA\Downloads\fc57dbe7-1f36-4035-8df1-5a6507a7c9ec.tmp</t>
  </si>
  <si>
    <t>01/22/2020 06:38:51</t>
  </si>
  <si>
    <t>401a3663-5c5b-4b9f-96cb-83b0dd340b87.tmp</t>
  </si>
  <si>
    <t>\\acsfs\profiles$\ALYNYA\Downloads\401a3663-5c5b-4b9f-96cb-83b0dd340b87.tmp</t>
  </si>
  <si>
    <t>01/22/2020 06:40:15</t>
  </si>
  <si>
    <t>01/22/2020 06:40:52</t>
  </si>
  <si>
    <t>8d0bb84c-30b3-4c25-88cd-a3540e557c00.tmp</t>
  </si>
  <si>
    <t>\\acsfs\profiles$\ALYNYA\Downloads\8d0bb84c-30b3-4c25-88cd-a3540e557c00.tmp</t>
  </si>
  <si>
    <t>01/22/2020 06:39:02</t>
  </si>
  <si>
    <t>01/22/2020 06:44:36</t>
  </si>
  <si>
    <t>01/22/2020 06:42:50</t>
  </si>
  <si>
    <t>ccc267f1-de5e-4ae6-a3be-6379da0bc2b5.tmp</t>
  </si>
  <si>
    <t>\\acsfs\profiles$\monicargds\Downloads\ccc267f1-de5e-4ae6-a3be-6379da0bc2b5.tmp</t>
  </si>
  <si>
    <t>01/22/2020 06:42:52</t>
  </si>
  <si>
    <t>447c91df-ab39-4074-979e-35b7b986481e.tmp</t>
  </si>
  <si>
    <t>\\acsfs\profiles$\monicargds\Downloads\447c91df-ab39-4074-979e-35b7b986481e.tmp</t>
  </si>
  <si>
    <t>01/22/2020 06:43:42</t>
  </si>
  <si>
    <t>01/22/2020 06:46:36</t>
  </si>
  <si>
    <t>01/22/2020 06:44:25</t>
  </si>
  <si>
    <t>01/22/2020 06:47:35</t>
  </si>
  <si>
    <t>01/22/2020 06:42:45</t>
  </si>
  <si>
    <t>01/22/2020 06:45:02</t>
  </si>
  <si>
    <t>01/22/2020 06:49:35</t>
  </si>
  <si>
    <t>01/22/2020 06:45:32</t>
  </si>
  <si>
    <t>01/22/2020 06:45:33</t>
  </si>
  <si>
    <t>01/22/2020 06:46:34</t>
  </si>
  <si>
    <t>01/22/2020 06:45:47</t>
  </si>
  <si>
    <t>01/22/2020 06:46:52</t>
  </si>
  <si>
    <t>01/22/2020 06:47:42</t>
  </si>
  <si>
    <t>01/22/2020 06:44:56</t>
  </si>
  <si>
    <t>0d5f27cb-c54e-4f92-84e9-353cab1d7d12.tmp</t>
  </si>
  <si>
    <t>\\acsfs\profiles$\monicargds\Downloads\0d5f27cb-c54e-4f92-84e9-353cab1d7d12.tmp</t>
  </si>
  <si>
    <t>01/22/2020 06:45:26</t>
  </si>
  <si>
    <t>aa77d666-2822-4a52-986a-0fdc74470be2.tmp</t>
  </si>
  <si>
    <t>\\acsfs\profiles$\monicargds\Downloads\aa77d666-2822-4a52-986a-0fdc74470be2.tmp</t>
  </si>
  <si>
    <t>01/22/2020 06:48:06</t>
  </si>
  <si>
    <t>574d28ba-5ad6-49a1-bf8d-76d463d73430.tmp</t>
  </si>
  <si>
    <t>\\acsfs\profiles$\monicargds\Downloads\574d28ba-5ad6-49a1-bf8d-76d463d73430.tmp</t>
  </si>
  <si>
    <t>01/22/2020 06:51:35</t>
  </si>
  <si>
    <t>01/22/2020 06:52:02</t>
  </si>
  <si>
    <t>01/22/2020 06:54:35</t>
  </si>
  <si>
    <t>01/22/2020 06:53:19</t>
  </si>
  <si>
    <t>01/22/2020 06:52:52</t>
  </si>
  <si>
    <t>01/22/2020 06:53:40</t>
  </si>
  <si>
    <t>01/22/2020 06:56:35</t>
  </si>
  <si>
    <t>01/22/2020 06:56:34</t>
  </si>
  <si>
    <t>01/22/2020 06:57:36</t>
  </si>
  <si>
    <t>01/22/2020 06:54:18</t>
  </si>
  <si>
    <t>01/22/2020 06:59:36</t>
  </si>
  <si>
    <t>01/22/2020 06:58:02</t>
  </si>
  <si>
    <t>01/22/2020 06:55:10</t>
  </si>
  <si>
    <t>32d9c56b-ebba-40eb-9b97-4011d148e80e.tmp</t>
  </si>
  <si>
    <t>\\acsfs\profiles$\anafsb\Downloads\32d9c56b-ebba-40eb-9b97-4011d148e80e.tmp</t>
  </si>
  <si>
    <t>01/22/2020 06:55:11</t>
  </si>
  <si>
    <t>39797350-64d7-4d6e-a8a3-469ab1ac8685.tmp</t>
  </si>
  <si>
    <t>\\acsfs\profiles$\anafsb\Downloads\39797350-64d7-4d6e-a8a3-469ab1ac8685.tmp</t>
  </si>
  <si>
    <t>01/22/2020 06:55:12</t>
  </si>
  <si>
    <t>9d528d71-32ba-4f50-875c-0808bed2dde9.tmp</t>
  </si>
  <si>
    <t>\\acsfs\profiles$\anafsb\Downloads\9d528d71-32ba-4f50-875c-0808bed2dde9.tmp</t>
  </si>
  <si>
    <t>01/22/2020 06:55:41</t>
  </si>
  <si>
    <t>d8b7dc25-939b-4a25-81ce-42b5f841d06d.tmp</t>
  </si>
  <si>
    <t>\\acsfs\profiles$\anafsb\Downloads\d8b7dc25-939b-4a25-81ce-42b5f841d06d.tmp</t>
  </si>
  <si>
    <t>01/22/2020 06:58:28</t>
  </si>
  <si>
    <t>bb609a28-f30f-4f03-a839-201363bdcc8b.tmp</t>
  </si>
  <si>
    <t>\\acsfs\profiles$\anafsb\Downloads\bb609a28-f30f-4f03-a839-201363bdcc8b.tmp</t>
  </si>
  <si>
    <t>01/22/2020 06:58:30</t>
  </si>
  <si>
    <t>c8039375-820b-4409-885a-c552ae8c30ae.tmp</t>
  </si>
  <si>
    <t>\\acsfs\profiles$\anafsb\Downloads\c8039375-820b-4409-885a-c552ae8c30ae.tmp</t>
  </si>
  <si>
    <t>01/22/2020 06:58:53</t>
  </si>
  <si>
    <t>01/22/2020 06:55:01</t>
  </si>
  <si>
    <t>01/22/2020 07:00:35</t>
  </si>
  <si>
    <t>01/22/2020 06:58:56</t>
  </si>
  <si>
    <t>01/22/2020 07:01:36</t>
  </si>
  <si>
    <t>01/22/2020 06:56:53</t>
  </si>
  <si>
    <t>01/22/2020 06:58:24</t>
  </si>
  <si>
    <t>01/22/2020 07:02:35</t>
  </si>
  <si>
    <t>01/22/2020 06:59:42</t>
  </si>
  <si>
    <t>01/22/2020 07:03:35</t>
  </si>
  <si>
    <t>01/22/2020 07:02:32</t>
  </si>
  <si>
    <t>01/22/2020 07:04:36</t>
  </si>
  <si>
    <t>01/22/2020 07:01:09</t>
  </si>
  <si>
    <t>01/22/2020 07:01:59</t>
  </si>
  <si>
    <t>01/22/2020 07:04:51</t>
  </si>
  <si>
    <t>01/22/2020 07:05:35</t>
  </si>
  <si>
    <t>01/22/2020 07:04:52</t>
  </si>
  <si>
    <t>01/22/2020 07:04:53</t>
  </si>
  <si>
    <t>01/22/2020 07:04:54</t>
  </si>
  <si>
    <t>01/22/2020 07:04:55</t>
  </si>
  <si>
    <t>01/22/2020 07:04:56</t>
  </si>
  <si>
    <t>01/22/2020 07:04:57</t>
  </si>
  <si>
    <t>01/22/2020 07:04:58</t>
  </si>
  <si>
    <t>01/22/2020 07:04:59</t>
  </si>
  <si>
    <t>01/22/2020 07:01:34</t>
  </si>
  <si>
    <t>01/22/2020 07:06:36</t>
  </si>
  <si>
    <t>01/22/2020 07:01:48</t>
  </si>
  <si>
    <t>06a149a5-4c89-47d5-a4bd-d4f1b65ff5fe.tmp</t>
  </si>
  <si>
    <t>\\acsfs\profiles$\cintiadcf\Downloads\06a149a5-4c89-47d5-a4bd-d4f1b65ff5fe.tmp</t>
  </si>
  <si>
    <t>01/22/2020 07:01:49</t>
  </si>
  <si>
    <t>4aa4edaf-ae99-48f3-b8f3-88f24070b80a.tmp</t>
  </si>
  <si>
    <t>\\acsfs\profiles$\cintiadcf\Downloads\4aa4edaf-ae99-48f3-b8f3-88f24070b80a.tmp</t>
  </si>
  <si>
    <t>01/22/2020 07:03:41</t>
  </si>
  <si>
    <t>69292ec1-6c89-4564-9ebd-833a36ca701d.tmp</t>
  </si>
  <si>
    <t>\\acsfs\profiles$\cintiadcf\Downloads\69292ec1-6c89-4564-9ebd-833a36ca701d.tmp</t>
  </si>
  <si>
    <t>01/22/2020 07:03:08</t>
  </si>
  <si>
    <t>01/22/2020 07:07:35</t>
  </si>
  <si>
    <t>01/22/2020 07:06:52</t>
  </si>
  <si>
    <t>01/22/2020 07:06:53</t>
  </si>
  <si>
    <t>01/22/2020 07:06:54</t>
  </si>
  <si>
    <t>01/22/2020 07:06:55</t>
  </si>
  <si>
    <t>01/22/2020 07:06:56</t>
  </si>
  <si>
    <t>01/22/2020 07:06:57</t>
  </si>
  <si>
    <t>01/22/2020 07:06:58</t>
  </si>
  <si>
    <t>01/22/2020 07:06:59</t>
  </si>
  <si>
    <t>01/22/2020 07:08:36</t>
  </si>
  <si>
    <t>01/22/2020 07:07:00</t>
  </si>
  <si>
    <t>01/22/2020 07:07:01</t>
  </si>
  <si>
    <t>01/22/2020 07:07:02</t>
  </si>
  <si>
    <t>01/22/2020 07:07:03</t>
  </si>
  <si>
    <t>01/22/2020 07:07:04</t>
  </si>
  <si>
    <t>01/22/2020 07:07:05</t>
  </si>
  <si>
    <t>01/22/2020 07:07:06</t>
  </si>
  <si>
    <t>01/22/2020 07:07:07</t>
  </si>
  <si>
    <t>01/22/2020 07:07:08</t>
  </si>
  <si>
    <t>01/22/2020 07:07:09</t>
  </si>
  <si>
    <t>01/22/2020 07:07:10</t>
  </si>
  <si>
    <t>01/22/2020 07:07:11</t>
  </si>
  <si>
    <t>01/22/2020 07:07:12</t>
  </si>
  <si>
    <t>01/22/2020 07:04:02</t>
  </si>
  <si>
    <t>01/22/2020 07:09:35</t>
  </si>
  <si>
    <t>01/22/2020 07:08:56</t>
  </si>
  <si>
    <t>01/22/2020 07:04:05</t>
  </si>
  <si>
    <t>074c4138-3205-4743-a3c9-04c51ac8255d.tmp</t>
  </si>
  <si>
    <t>\\acsfs\profiles$\anafsb\Downloads\074c4138-3205-4743-a3c9-04c51ac8255d.tmp</t>
  </si>
  <si>
    <t>01/22/2020 07:10:36</t>
  </si>
  <si>
    <t>01/22/2020 07:05:00</t>
  </si>
  <si>
    <t>01/22/2020 07:05:01</t>
  </si>
  <si>
    <t>01/22/2020 07:05:02</t>
  </si>
  <si>
    <t>01/22/2020 07:05:03</t>
  </si>
  <si>
    <t>01/22/2020 07:05:04</t>
  </si>
  <si>
    <t>01/22/2020 07:05:05</t>
  </si>
  <si>
    <t>01/22/2020 07:05:06</t>
  </si>
  <si>
    <t>01/22/2020 07:05:07</t>
  </si>
  <si>
    <t>01/22/2020 07:05:08</t>
  </si>
  <si>
    <t>01/22/2020 07:05:09</t>
  </si>
  <si>
    <t>01/22/2020 07:05:10</t>
  </si>
  <si>
    <t>01/22/2020 07:05:11</t>
  </si>
  <si>
    <t>01/22/2020 07:11:35</t>
  </si>
  <si>
    <t>01/22/2020 07:07:32</t>
  </si>
  <si>
    <t>01/22/2020 07:12:35</t>
  </si>
  <si>
    <t>01/22/2020 07:13:35</t>
  </si>
  <si>
    <t>01/22/2020 07:07:13</t>
  </si>
  <si>
    <t>01/22/2020 07:10:12</t>
  </si>
  <si>
    <t>61654348-6261-4f43-9b43-50d97564f238.tmp</t>
  </si>
  <si>
    <t>\\acsfs\profiles$\lucasgpe\Downloads\61654348-6261-4f43-9b43-50d97564f238.tmp</t>
  </si>
  <si>
    <t>01/22/2020 07:11:26</t>
  </si>
  <si>
    <t>b04ea14d-3473-48cd-8138-cc7bfa2f647a.tmp</t>
  </si>
  <si>
    <t>\\acsfs\profiles$\lucasgpe\Downloads\b04ea14d-3473-48cd-8138-cc7bfa2f647a.tmp</t>
  </si>
  <si>
    <t>01/22/2020 07:10:02</t>
  </si>
  <si>
    <t>01/22/2020 07:14:35</t>
  </si>
  <si>
    <t>01/22/2020 07:09:47</t>
  </si>
  <si>
    <t>01/22/2020 07:10:53</t>
  </si>
  <si>
    <t>01/22/2020 07:09:30</t>
  </si>
  <si>
    <t>01/22/2020 07:11:42</t>
  </si>
  <si>
    <t>0cc650d7-1750-414f-95bd-cea38a8ea3b4.tmp</t>
  </si>
  <si>
    <t>\\acsfs\profiles$\mariajra\Downloads\0cc650d7-1750-414f-95bd-cea38a8ea3b4.tmp</t>
  </si>
  <si>
    <t>01/22/2020 07:13:24</t>
  </si>
  <si>
    <t>797b8afb-a1fa-4711-a5fd-f8a6c83c7f92.tmp</t>
  </si>
  <si>
    <t>\\acsfs\profiles$\mariajra\Downloads\797b8afb-a1fa-4711-a5fd-f8a6c83c7f92.tmp</t>
  </si>
  <si>
    <t>01/22/2020 07:13:59</t>
  </si>
  <si>
    <t>5e79e552-4c2f-46d6-82bf-9d506f40efff.tmp</t>
  </si>
  <si>
    <t>\\acsfs\profiles$\mariajra\Downloads\5e79e552-4c2f-46d6-82bf-9d506f40efff.tmp</t>
  </si>
  <si>
    <t>01/22/2020 07:14:10</t>
  </si>
  <si>
    <t>ff1d02a9-57d8-453c-85b9-594463f49b7f.tmp</t>
  </si>
  <si>
    <t>\\acsfs\profiles$\mariajra\Downloads\ff1d02a9-57d8-453c-85b9-594463f49b7f.tmp</t>
  </si>
  <si>
    <t>01/22/2020 07:14:14</t>
  </si>
  <si>
    <t>01/22/2020 07:16:35</t>
  </si>
  <si>
    <t>01/22/2020 07:16:03</t>
  </si>
  <si>
    <t>01/22/2020 07:19:35</t>
  </si>
  <si>
    <t>01/22/2020 07:16:27</t>
  </si>
  <si>
    <t>01/22/2020 07:16:53</t>
  </si>
  <si>
    <t>01/22/2020 07:17:23</t>
  </si>
  <si>
    <t>01/22/2020 07:17:49</t>
  </si>
  <si>
    <t>01/22/2020 07:20:35</t>
  </si>
  <si>
    <t>01/22/2020 07:19:14</t>
  </si>
  <si>
    <t>01/22/2020 07:16:09</t>
  </si>
  <si>
    <t>01/22/2020 07:21:35</t>
  </si>
  <si>
    <t>01/22/2020 07:21:42</t>
  </si>
  <si>
    <t>01/22/2020 07:23:36</t>
  </si>
  <si>
    <t>01/22/2020 07:18:57</t>
  </si>
  <si>
    <t>01/22/2020 07:20:09</t>
  </si>
  <si>
    <t>01/22/2020 07:24:35</t>
  </si>
  <si>
    <t>cf52fceb-1090-45f7-aaef-d2a4d53de971.tmp</t>
  </si>
  <si>
    <t>\\acsfs\profiles$\websondsa\Downloads\cf52fceb-1090-45f7-aaef-d2a4d53de971.tmp</t>
  </si>
  <si>
    <t>01/22/2020 07:20:10</t>
  </si>
  <si>
    <t>33caa47f-6fc3-496e-b505-296b7501b44e.tmp</t>
  </si>
  <si>
    <t>\\acsfs\profiles$\websondsa\Downloads\33caa47f-6fc3-496e-b505-296b7501b44e.tmp</t>
  </si>
  <si>
    <t>01/22/2020 07:20:55</t>
  </si>
  <si>
    <t>01/22/2020 07:21:20</t>
  </si>
  <si>
    <t>d1817fb2-3e65-4ce9-9849-07ec103751c7.tmp</t>
  </si>
  <si>
    <t>\\acsfs\profiles$\websondsa\Downloads\d1817fb2-3e65-4ce9-9849-07ec103751c7.tmp</t>
  </si>
  <si>
    <t>01/22/2020 07:21:31</t>
  </si>
  <si>
    <t>974675c1-8e9e-44ac-83ec-430d0f5a291b.tmp</t>
  </si>
  <si>
    <t>\\acsfs\profiles$\websondsa\Downloads\974675c1-8e9e-44ac-83ec-430d0f5a291b.tmp</t>
  </si>
  <si>
    <t>01/22/2020 07:21:32</t>
  </si>
  <si>
    <t>4ba6fbe7-2ef9-489f-a05f-661054c14554.tmp</t>
  </si>
  <si>
    <t>\\acsfs\profiles$\websondsa\Downloads\4ba6fbe7-2ef9-489f-a05f-661054c14554.tmp</t>
  </si>
  <si>
    <t>01/22/2020 07:21:33</t>
  </si>
  <si>
    <t>ebb2a043-c1ca-4774-8fae-4bbe383d7df7.tmp</t>
  </si>
  <si>
    <t>\\acsfs\profiles$\websondsa\Downloads\ebb2a043-c1ca-4774-8fae-4bbe383d7df7.tmp</t>
  </si>
  <si>
    <t>01/22/2020 07:22:03</t>
  </si>
  <si>
    <t>01/22/2020 07:23:21</t>
  </si>
  <si>
    <t>01/22/2020 07:22:53</t>
  </si>
  <si>
    <t>01/22/2020 07:23:51</t>
  </si>
  <si>
    <t>43988cc9-805b-482c-9da0-00916bc47611.tmp</t>
  </si>
  <si>
    <t>\\acsfs\profiles$\claudiajca\Downloads\43988cc9-805b-482c-9da0-00916bc47611.tmp</t>
  </si>
  <si>
    <t>01/22/2020 07:23:50</t>
  </si>
  <si>
    <t>fa66bb3f-22f2-44c1-ad7c-c9ff50489b67.tmp</t>
  </si>
  <si>
    <t>\\acsfs\profiles$\mariajra\Downloads\fa66bb3f-22f2-44c1-ad7c-c9ff50489b67.tmp</t>
  </si>
  <si>
    <t>01/22/2020 07:24:12</t>
  </si>
  <si>
    <t>01/22/2020 07:25:35</t>
  </si>
  <si>
    <t>23cb5dc6-ea5e-45f0-ab66-9847c6f659c6.tmp</t>
  </si>
  <si>
    <t>\\acsfs\profiles$\danielpdl\Downloads\23cb5dc6-ea5e-45f0-ab66-9847c6f659c6.tmp</t>
  </si>
  <si>
    <t>01/22/2020 07:23:01</t>
  </si>
  <si>
    <t>8d5c4ee9-1df7-458e-a737-cfcbc18fe404.tmp</t>
  </si>
  <si>
    <t>\\acsfs\profiles$\georgendsq\Downloads\8d5c4ee9-1df7-458e-a737-cfcbc18fe404.tmp</t>
  </si>
  <si>
    <t>01/22/2020 07:23:45</t>
  </si>
  <si>
    <t>afb544eb-2152-4f79-a1b3-fb8c7cc99b99.tmp</t>
  </si>
  <si>
    <t>\\acsfs\profiles$\georgendsq\Downloads\afb544eb-2152-4f79-a1b3-fb8c7cc99b99.tmp</t>
  </si>
  <si>
    <t>01/22/2020 07:24:28</t>
  </si>
  <si>
    <t>42ee8687-06f9-46b6-9fed-7b2f09568390.tmp</t>
  </si>
  <si>
    <t>\\acsfs\profiles$\georgendsq\Downloads\42ee8687-06f9-46b6-9fed-7b2f09568390.tmp</t>
  </si>
  <si>
    <t>01/22/2020 07:24:42</t>
  </si>
  <si>
    <t>f12e8bda-8834-40bb-8a40-db00d332539e.tmp</t>
  </si>
  <si>
    <t>\\acsfs\profiles$\georgendsq\Downloads\f12e8bda-8834-40bb-8a40-db00d332539e.tmp</t>
  </si>
  <si>
    <t>01/22/2020 07:24:55</t>
  </si>
  <si>
    <t>9bf12400-ef60-46db-b4b0-94078d4ee9d8.tmp</t>
  </si>
  <si>
    <t>\\acsfs\profiles$\georgendsq\Downloads\9bf12400-ef60-46db-b4b0-94078d4ee9d8.tmp</t>
  </si>
  <si>
    <t>01/22/2020 07:24:56</t>
  </si>
  <si>
    <t>01/22/2020 07:26:35</t>
  </si>
  <si>
    <t>32234325-7396-4f30-99f5-9d6f1d87d0fb.tmp</t>
  </si>
  <si>
    <t>\\acsfs\profiles$\inarajst\Downloads\32234325-7396-4f30-99f5-9d6f1d87d0fb.tmp</t>
  </si>
  <si>
    <t>01/22/2020 07:24:59</t>
  </si>
  <si>
    <t>c74754bd-53e6-441f-b28e-d41f33f66dac.tmp</t>
  </si>
  <si>
    <t>\\acsfs\profiles$\inarajst\Downloads\c74754bd-53e6-441f-b28e-d41f33f66dac.tmp</t>
  </si>
  <si>
    <t>01/22/2020 07:25:04</t>
  </si>
  <si>
    <t>3910659f-2534-4c4e-9627-b23cd42e7398.tmp</t>
  </si>
  <si>
    <t>\\acsfs\profiles$\inarajst\Downloads\3910659f-2534-4c4e-9627-b23cd42e7398.tmp</t>
  </si>
  <si>
    <t>01/22/2020 07:25:20</t>
  </si>
  <si>
    <t>df5f357c-8621-4a97-99ac-01d78ed708d1.tmp</t>
  </si>
  <si>
    <t>\\acsfs\profiles$\inarajst\Downloads\df5f357c-8621-4a97-99ac-01d78ed708d1.tmp</t>
  </si>
  <si>
    <t>01/22/2020 07:24:40</t>
  </si>
  <si>
    <t>01/22/2020 07:27:35</t>
  </si>
  <si>
    <t>01/22/2020 07:24:41</t>
  </si>
  <si>
    <t>01/22/2020 07:25:48</t>
  </si>
  <si>
    <t>01/22/2020 07:28:36</t>
  </si>
  <si>
    <t>01/22/2020 07:28:13</t>
  </si>
  <si>
    <t>01/22/2020 07:23:58</t>
  </si>
  <si>
    <t>01/22/2020 07:29:35</t>
  </si>
  <si>
    <t>01/22/2020 07:28:03</t>
  </si>
  <si>
    <t>01/22/2020 07:28:41</t>
  </si>
  <si>
    <t>01/22/2020 07:28:42</t>
  </si>
  <si>
    <t>036e54d6-ccc0-4c29-8358-954cc7b7a2ec.tmp</t>
  </si>
  <si>
    <t>\\acsfs\profiles$\claudiajca\Downloads\036e54d6-ccc0-4c29-8358-954cc7b7a2ec.tmp</t>
  </si>
  <si>
    <t>01/22/2020 07:25:42</t>
  </si>
  <si>
    <t>01/22/2020 07:30:35</t>
  </si>
  <si>
    <t>33393eff-7555-40ca-a6f6-d95f456ded8d.tmp</t>
  </si>
  <si>
    <t>\\acsfs\profiles$\danielpdl\Downloads\33393eff-7555-40ca-a6f6-d95f456ded8d.tmp</t>
  </si>
  <si>
    <t>01/22/2020 07:25:47</t>
  </si>
  <si>
    <t>bdb1cab9-8fd1-4c44-b443-88c92ad01b46.tmp</t>
  </si>
  <si>
    <t>\\acsfs\profiles$\danielpdl\Downloads\bdb1cab9-8fd1-4c44-b443-88c92ad01b46.tmp</t>
  </si>
  <si>
    <t>01/22/2020 07:25:52</t>
  </si>
  <si>
    <t>e1e4edb4-20be-4e40-935e-8b9950c0840e.tmp</t>
  </si>
  <si>
    <t>\\acsfs\profiles$\danielpdl\Downloads\e1e4edb4-20be-4e40-935e-8b9950c0840e.tmp</t>
  </si>
  <si>
    <t>01/22/2020 07:26:56</t>
  </si>
  <si>
    <t>5ef0ebfe-6503-40f7-9d8a-8eaea2bc5b88.tmp</t>
  </si>
  <si>
    <t>\\acsfs\profiles$\danielpdl\Downloads\5ef0ebfe-6503-40f7-9d8a-8eaea2bc5b88.tmp</t>
  </si>
  <si>
    <t>01/22/2020 07:25:15</t>
  </si>
  <si>
    <t>013973aa-ca99-425d-b60c-446f2554f766.tmp</t>
  </si>
  <si>
    <t>\\acsfs\profiles$\georgendsq\Downloads\013973aa-ca99-425d-b60c-446f2554f766.tmp</t>
  </si>
  <si>
    <t>01/22/2020 07:28:29</t>
  </si>
  <si>
    <t>01/22/2020 07:31:35</t>
  </si>
  <si>
    <t>936f29fe-47d0-48ba-93ed-5346b31af88f.tmp</t>
  </si>
  <si>
    <t>\\acsfs\profiles$\sarahbal\Downloads\936f29fe-47d0-48ba-93ed-5346b31af88f.tmp</t>
  </si>
  <si>
    <t>01/22/2020 07:29:39</t>
  </si>
  <si>
    <t>cc1fbd2c-de71-4fa7-b823-c113dc8ff090.tmp</t>
  </si>
  <si>
    <t>\\acsfs\profiles$\sarahbal\Downloads\cc1fbd2c-de71-4fa7-b823-c113dc8ff090.tmp</t>
  </si>
  <si>
    <t>01/22/2020 07:29:54</t>
  </si>
  <si>
    <t>cd44b3d2-7d0c-4cc2-bc86-ba130bf7a846.tmp</t>
  </si>
  <si>
    <t>\\acsfs\profiles$\sarahbal\Downloads\cd44b3d2-7d0c-4cc2-bc86-ba130bf7a846.tmp</t>
  </si>
  <si>
    <t>01/22/2020 07:30:05</t>
  </si>
  <si>
    <t>ba434d00-8524-4abb-8413-140901f4ef71.tmp</t>
  </si>
  <si>
    <t>\\acsfs\profiles$\sarahbal\Downloads\ba434d00-8524-4abb-8413-140901f4ef71.tmp</t>
  </si>
  <si>
    <t>01/22/2020 07:28:34</t>
  </si>
  <si>
    <t>dc24fa06-4e7a-4d1c-8955-bb40f2c13fdb.tmp</t>
  </si>
  <si>
    <t>\\acsfs\profiles$\inarajst\Downloads\dc24fa06-4e7a-4d1c-8955-bb40f2c13fdb.tmp</t>
  </si>
  <si>
    <t>01/22/2020 07:29:56</t>
  </si>
  <si>
    <t>b5e316d8-9705-4795-a1ca-5dafbde9eba9.tmp</t>
  </si>
  <si>
    <t>\\acsfs\profiles$\inarajst\Downloads\b5e316d8-9705-4795-a1ca-5dafbde9eba9.tmp</t>
  </si>
  <si>
    <t>01/22/2020 07:27:00</t>
  </si>
  <si>
    <t>01/22/2020 07:32:35</t>
  </si>
  <si>
    <t>89619482-f4da-4b59-b9d1-bd1fd681591e.tmp</t>
  </si>
  <si>
    <t>\\acsfs\profiles$\ROZENCAM\Downloads\89619482-f4da-4b59-b9d1-bd1fd681591e.tmp</t>
  </si>
  <si>
    <t>01/22/2020 07:31:30</t>
  </si>
  <si>
    <t>01/22/2020 07:31:09</t>
  </si>
  <si>
    <t>01/22/2020 07:34:35</t>
  </si>
  <si>
    <t>01/22/2020 07:31:40</t>
  </si>
  <si>
    <t>01/22/2020 07:33:18</t>
  </si>
  <si>
    <t>01/22/2020 07:33:53</t>
  </si>
  <si>
    <t>01/22/2020 07:30:12</t>
  </si>
  <si>
    <t>01/22/2020 07:35:28</t>
  </si>
  <si>
    <t>01/22/2020 07:36:35</t>
  </si>
  <si>
    <t>01/22/2020 07:34:46</t>
  </si>
  <si>
    <t>01/22/2020 07:34:03</t>
  </si>
  <si>
    <t>01/22/2020 07:39:35</t>
  </si>
  <si>
    <t>01/22/2020 07:38:57</t>
  </si>
  <si>
    <t>01/22/2020 07:35:37</t>
  </si>
  <si>
    <t>01/22/2020 07:40:36</t>
  </si>
  <si>
    <t>c2e320d6-0330-4fd2-9880-dd7078e8fe8b.tmp</t>
  </si>
  <si>
    <t>\\acsfs\profiles$\vivianalds\Downloads\c2e320d6-0330-4fd2-9880-dd7078e8fe8b.tmp</t>
  </si>
  <si>
    <t>01/22/2020 07:36:08</t>
  </si>
  <si>
    <t>01/22/2020 07:36:53</t>
  </si>
  <si>
    <t>3e02c784-bc54-4202-b328-5851a41988c3.tmp</t>
  </si>
  <si>
    <t>\\acsfs\profiles$\vivianalds\Downloads\3e02c784-bc54-4202-b328-5851a41988c3.tmp</t>
  </si>
  <si>
    <t>01/22/2020 07:39:15</t>
  </si>
  <si>
    <t>01/22/2020 07:39:36</t>
  </si>
  <si>
    <t>01/22/2020 07:39:37</t>
  </si>
  <si>
    <t>lu9872zhn8g.tmp</t>
  </si>
  <si>
    <t>\\acsfs\profiles$\VIVIANALDS\My Documents\lu9872zhn8g.tmp</t>
  </si>
  <si>
    <t>\\acsfs\profiles$\VIVIANALDS\My Documents\lu9872zhn8g.tmp\</t>
  </si>
  <si>
    <t>\\acsfs\profiles$\VIVIANALDS\My Documents\lu9872zhn8g.tmp\META-INF\</t>
  </si>
  <si>
    <t>01/22/2020 07:35:38</t>
  </si>
  <si>
    <t>01/22/2020 07:41:35</t>
  </si>
  <si>
    <t>01/22/2020 07:40:56</t>
  </si>
  <si>
    <t>01/22/2020 07:42:36</t>
  </si>
  <si>
    <t>01/22/2020 07:38:15</t>
  </si>
  <si>
    <t>01/22/2020 07:43:36</t>
  </si>
  <si>
    <t>01/22/2020 07:39:32</t>
  </si>
  <si>
    <t>01/22/2020 07:40:42</t>
  </si>
  <si>
    <t>01/22/2020 07:39:28</t>
  </si>
  <si>
    <t>01/22/2020 07:44:36</t>
  </si>
  <si>
    <t>01/22/2020 07:40:03</t>
  </si>
  <si>
    <t>01/22/2020 07:39:54</t>
  </si>
  <si>
    <t>01/22/2020 07:41:12</t>
  </si>
  <si>
    <t>01/22/2020 07:45:36</t>
  </si>
  <si>
    <t>\\acsfs\profiles$\VIVIANALDS\My Documents\lu9872zhn8g.tmp\Thumbnails\</t>
  </si>
  <si>
    <t>01/22/2020 07:45:40</t>
  </si>
  <si>
    <t>01/22/2020 07:46:37</t>
  </si>
  <si>
    <t>6f58b4c6-a26a-47de-af8a-c09ca9f57ea9.tmp</t>
  </si>
  <si>
    <t>\\acsfs\profiles$\inarajst\Downloads\6f58b4c6-a26a-47de-af8a-c09ca9f57ea9.tmp</t>
  </si>
  <si>
    <t>01/22/2020 07:46:43</t>
  </si>
  <si>
    <t>01/22/2020 07:47:36</t>
  </si>
  <si>
    <t>e79d2d05-eabd-4d69-9865-7bbb9fad40e1.tmp</t>
  </si>
  <si>
    <t>\\acsfs\profiles$\nayarasds\Downloads\e79d2d05-eabd-4d69-9865-7bbb9fad40e1.tmp</t>
  </si>
  <si>
    <t>01/22/2020 07:47:24</t>
  </si>
  <si>
    <t>e726caa7-38c6-4104-8aa4-4339df7d143f.tmp</t>
  </si>
  <si>
    <t>\\acsfs\profiles$\nayarasds\Downloads\e726caa7-38c6-4104-8aa4-4339df7d143f.tmp</t>
  </si>
  <si>
    <t>01/22/2020 07:46:03</t>
  </si>
  <si>
    <t>01/22/2020 07:49:36</t>
  </si>
  <si>
    <t>01/22/2020 07:46:30</t>
  </si>
  <si>
    <t>01/22/2020 07:47:01</t>
  </si>
  <si>
    <t>01/22/2020 07:45:53</t>
  </si>
  <si>
    <t>01/22/2020 07:49:00</t>
  </si>
  <si>
    <t>01/22/2020 07:47:22</t>
  </si>
  <si>
    <t>01/22/2020 07:50:36</t>
  </si>
  <si>
    <t>01/22/2020 07:51:37</t>
  </si>
  <si>
    <t>01/22/2020 07:50:07</t>
  </si>
  <si>
    <t>01/22/2020 07:52:36</t>
  </si>
  <si>
    <t>fa053cba-59af-4427-8f3b-a3c56b8315bc.tmp</t>
  </si>
  <si>
    <t>\\acsfs\profiles$\wenderbnm\Downloads\fa053cba-59af-4427-8f3b-a3c56b8315bc.tmp</t>
  </si>
  <si>
    <t>4016d23c-0970-4937-a160-02131aea7c8b.tmp</t>
  </si>
  <si>
    <t>\\acsfs\profiles$\wenderbnm\Downloads\4016d23c-0970-4937-a160-02131aea7c8b.tmp</t>
  </si>
  <si>
    <t>01/22/2020 07:48:22</t>
  </si>
  <si>
    <t>e7f2ae1a-eff9-406c-9a8f-19a55b34581f.tmp</t>
  </si>
  <si>
    <t>\\acsfs\profiles$\nayarasds\Downloads\e7f2ae1a-eff9-406c-9a8f-19a55b34581f.tmp</t>
  </si>
  <si>
    <t>01/22/2020 07:50:09</t>
  </si>
  <si>
    <t>c1e711e8-97d1-47c6-90a6-fc551909b820.tmp</t>
  </si>
  <si>
    <t>\\acsfs\profiles$\nayarasds\Downloads\c1e711e8-97d1-47c6-90a6-fc551909b820.tmp</t>
  </si>
  <si>
    <t>01/22/2020 07:50:27</t>
  </si>
  <si>
    <t>0e0f9ab4-64d6-4f08-ba99-29fc5c4d7f2c.tmp</t>
  </si>
  <si>
    <t>\\acsfs\profiles$\nayarasds\Downloads\0e0f9ab4-64d6-4f08-ba99-29fc5c4d7f2c.tmp</t>
  </si>
  <si>
    <t>01/22/2020 07:50:31</t>
  </si>
  <si>
    <t>e6415c0b-4ceb-43e1-a05b-9798a1dfa9d6.tmp</t>
  </si>
  <si>
    <t>\\acsfs\profiles$\nayarasds\Downloads\e6415c0b-4ceb-43e1-a05b-9798a1dfa9d6.tmp</t>
  </si>
  <si>
    <t>01/22/2020 07:51:38</t>
  </si>
  <si>
    <t>bb271495-f341-4604-806a-e42696dcef28.tmp</t>
  </si>
  <si>
    <t>\\acsfs\profiles$\nayarasds\Downloads\bb271495-f341-4604-806a-e42696dcef28.tmp</t>
  </si>
  <si>
    <t>01/22/2020 07:49:34</t>
  </si>
  <si>
    <t>01/22/2020 07:53:37</t>
  </si>
  <si>
    <t>a28d1b38-ef12-42fb-bb76-d6cbfaf61362.tmp</t>
  </si>
  <si>
    <t>\\acsfs\profiles$\lucasgpe\Downloads\a28d1b38-ef12-42fb-bb76-d6cbfaf61362.tmp</t>
  </si>
  <si>
    <t>01/22/2020 07:52:03</t>
  </si>
  <si>
    <t>01/22/2020 07:54:36</t>
  </si>
  <si>
    <t>01/22/2020 07:51:53</t>
  </si>
  <si>
    <t>01/22/2020 07:52:21</t>
  </si>
  <si>
    <t>01/22/2020 07:55:36</t>
  </si>
  <si>
    <t>01/22/2020 07:54:45</t>
  </si>
  <si>
    <t>01/22/2020 07:56:37</t>
  </si>
  <si>
    <t>01/22/2020 07:57:20</t>
  </si>
  <si>
    <t>01/22/2020 07:58:36</t>
  </si>
  <si>
    <t>\\acsfs\profiles$\laianear\Contacts\</t>
  </si>
  <si>
    <t>LAIANE ANGELINA RIBEIRO (2967).contact</t>
  </si>
  <si>
    <t>\\acsfs\profiles$\laianear\Contacts\LAIANE ANGELINA RIBEIRO (2967).contact</t>
  </si>
  <si>
    <t>01/22/2020 07:57:34</t>
  </si>
  <si>
    <t>\\acsfs\profiles$\laianear\My Documents\My Videos\</t>
  </si>
  <si>
    <t>\\acsfs\profiles$\laianear\My Documents\My Videos\desktop.ini</t>
  </si>
  <si>
    <t>01/22/2020 07:57:35</t>
  </si>
  <si>
    <t>01/22/2020 07:56:57</t>
  </si>
  <si>
    <t>81aac33a-23b0-435c-ac54-0dfeeb2f345d.tmp</t>
  </si>
  <si>
    <t>\\acsfs\profiles$\maxmillianosv\Downloads\81aac33a-23b0-435c-ac54-0dfeeb2f345d.tmp</t>
  </si>
  <si>
    <t>01/22/2020 07:54:14</t>
  </si>
  <si>
    <t>01/22/2020 07:59:37</t>
  </si>
  <si>
    <t>01/22/2020 07:58:03</t>
  </si>
  <si>
    <t>01/22/2020 07:56:47</t>
  </si>
  <si>
    <t>01/22/2020 07:57:53</t>
  </si>
  <si>
    <t>01/22/2020 07:57:12</t>
  </si>
  <si>
    <t>f038e998-e65f-401e-9e15-4c558e7d9691.tmp</t>
  </si>
  <si>
    <t>\\acsfs\profiles$\geovannasm\Downloads\f038e998-e65f-401e-9e15-4c558e7d9691.tmp</t>
  </si>
  <si>
    <t>01/22/2020 07:58:12</t>
  </si>
  <si>
    <t>659c8bb2-1499-4495-8b0e-2144d8c03527.tmp</t>
  </si>
  <si>
    <t>\\acsfs\profiles$\geovannasm\Downloads\659c8bb2-1499-4495-8b0e-2144d8c03527.tmp</t>
  </si>
  <si>
    <t>01/22/2020 07:58:30</t>
  </si>
  <si>
    <t>01/22/2020 08:00:36</t>
  </si>
  <si>
    <t>49e7d85d-01df-4961-9f95-fc79d9cec1b2.tmp</t>
  </si>
  <si>
    <t>\\acsfs\profiles$\vivianalds\Downloads\49e7d85d-01df-4961-9f95-fc79d9cec1b2.tmp</t>
  </si>
  <si>
    <t>01/22/2020 07:57:28</t>
  </si>
  <si>
    <t>01/22/2020 07:57:45</t>
  </si>
  <si>
    <t>bfd52ca5-3dd2-4a7e-97e8-0df7fefb32fa.tmp</t>
  </si>
  <si>
    <t>\\acsfs\profiles$\ERICALSR\Downloads\bfd52ca5-3dd2-4a7e-97e8-0df7fefb32fa.tmp</t>
  </si>
  <si>
    <t>01/22/2020 07:58:55</t>
  </si>
  <si>
    <t>432ca72b-9525-4446-887a-d824cf11f84b.tmp</t>
  </si>
  <si>
    <t>\\acsfs\profiles$\ERICALSR\Downloads\432ca72b-9525-4446-887a-d824cf11f84b.tmp</t>
  </si>
  <si>
    <t>01/22/2020 07:58:44</t>
  </si>
  <si>
    <t>81da87ec-f36e-4e80-90d7-1ad9072546ef.tmp</t>
  </si>
  <si>
    <t>\\acsfs\profiles$\danielpdl\Downloads\81da87ec-f36e-4e80-90d7-1ad9072546ef.tmp</t>
  </si>
  <si>
    <t>01/22/2020 08:00:19</t>
  </si>
  <si>
    <t>88679ae2-9a3e-4b91-9d7a-93e3b7c0ada0.tmp</t>
  </si>
  <si>
    <t>\\acsfs\profiles$\luanarda\Downloads\88679ae2-9a3e-4b91-9d7a-93e3b7c0ada0.tmp</t>
  </si>
  <si>
    <t>01/22/2020 08:00:33</t>
  </si>
  <si>
    <t>01/22/2020 08:01:37</t>
  </si>
  <si>
    <t>64ddd4c1-a411-4c0b-a2ba-a37d8efe93c3.tmp</t>
  </si>
  <si>
    <t>\\acsfs\profiles$\cintiadcf\Downloads\64ddd4c1-a411-4c0b-a2ba-a37d8efe93c3.tmp</t>
  </si>
  <si>
    <t>01/22/2020 08:03:37</t>
  </si>
  <si>
    <t>01/22/2020 07:57:36</t>
  </si>
  <si>
    <t>\\acsfs\profiles$\laianear\My Documents\My Pictures\</t>
  </si>
  <si>
    <t>\\acsfs\profiles$\laianear\My Documents\My Pictures\desktop.ini</t>
  </si>
  <si>
    <t>01/22/2020 07:57:37</t>
  </si>
  <si>
    <t>\\acsfs\profiles$\laianear\Contacts\desktop.ini</t>
  </si>
  <si>
    <t>\\acsfs\profiles$\laianear\Favorites\</t>
  </si>
  <si>
    <t>\\acsfs\profiles$\laianear\Favorites\desktop.ini</t>
  </si>
  <si>
    <t>01/22/2020 07:57:38</t>
  </si>
  <si>
    <t>\\acsfs\profiles$\laianear\My Documents\My Music\</t>
  </si>
  <si>
    <t>\\acsfs\profiles$\laianear\My Documents\My Music\desktop.ini</t>
  </si>
  <si>
    <t>01/22/2020 07:57:39</t>
  </si>
  <si>
    <t>\\acsfs\profiles$\laianear\Searches\</t>
  </si>
  <si>
    <t>\\acsfs\profiles$\laianear\Searches\desktop.ini</t>
  </si>
  <si>
    <t>01/22/2020 07:57:40</t>
  </si>
  <si>
    <t>\\acsfs\profiles$\laianear\Downloads\desktop.ini</t>
  </si>
  <si>
    <t>\\acsfs\profiles$\laianear\My Documents\</t>
  </si>
  <si>
    <t>\\acsfs\profiles$\laianear\My Documents\desktop.ini</t>
  </si>
  <si>
    <t>01/22/2020 07:57:41</t>
  </si>
  <si>
    <t>\\acsfs\profiles$\laianear\Saved Games\</t>
  </si>
  <si>
    <t>\\acsfs\profiles$\laianear\Saved Games\desktop.ini</t>
  </si>
  <si>
    <t>01/22/2020 07:57:42</t>
  </si>
  <si>
    <t>01/22/2020 07:57:56</t>
  </si>
  <si>
    <t>\\acsfs\profiles$\laianear\Favorites\Links for Brasil\</t>
  </si>
  <si>
    <t>\\acsfs\profiles$\laianear\Favorites\Links for Brasil\desktop.ini</t>
  </si>
  <si>
    <t>01/22/2020 07:57:57</t>
  </si>
  <si>
    <t>\\acsfs\profiles$\laianear\Favorites\Links for Brasil\Microsoft Brasil.url</t>
  </si>
  <si>
    <t>\\acsfs\profiles$\laianear\Favorites\Links for Brasil\Windows Brasil.url</t>
  </si>
  <si>
    <t>\\acsfs\profiles$\laianear\Favorites\Links for Brasil\MSN Brasil.url</t>
  </si>
  <si>
    <t>01/22/2020 07:57:58</t>
  </si>
  <si>
    <t>01/22/2020 07:59:28</t>
  </si>
  <si>
    <t>aabb1afb-9537-4297-ae01-e392a30fd210.tmp</t>
  </si>
  <si>
    <t>\\acsfs\profiles$\laianear\Downloads\aabb1afb-9537-4297-ae01-e392a30fd210.tmp</t>
  </si>
  <si>
    <t>01/22/2020 07:59:35</t>
  </si>
  <si>
    <t>68d0de47-aee8-482d-a0b3-adc458f2459d.tmp</t>
  </si>
  <si>
    <t>\\acsfs\profiles$\laianear\Downloads\68d0de47-aee8-482d-a0b3-adc458f2459d.tmp</t>
  </si>
  <si>
    <t>01/22/2020 08:01:21</t>
  </si>
  <si>
    <t>1be316c9-654d-4636-acde-08d6f7a967a5.tmp</t>
  </si>
  <si>
    <t>\\acsfs\profiles$\laianear\Downloads\1be316c9-654d-4636-acde-08d6f7a967a5.tmp</t>
  </si>
  <si>
    <t>01/22/2020 08:01:32</t>
  </si>
  <si>
    <t>47737d62-8e5f-467a-852b-89d2681c83ef.tmp</t>
  </si>
  <si>
    <t>\\acsfs\profiles$\laianear\Downloads\47737d62-8e5f-467a-852b-89d2681c83ef.tmp</t>
  </si>
  <si>
    <t>01/22/2020 08:01:12</t>
  </si>
  <si>
    <t>87a3275d-3a6c-477e-8186-8cd9487fa189.tmp</t>
  </si>
  <si>
    <t>\\acsfs\profiles$\DALVADFB\Downloads\87a3275d-3a6c-477e-8186-8cd9487fa189.tmp</t>
  </si>
  <si>
    <t>01/22/2020 07:59:47</t>
  </si>
  <si>
    <t>37e5a200-d8d0-49a1-b47d-14510f7165bd.tmp</t>
  </si>
  <si>
    <t>\\acsfs\profiles$\paulovadc\Downloads\37e5a200-d8d0-49a1-b47d-14510f7165bd.tmp</t>
  </si>
  <si>
    <t>01/22/2020 08:02:28</t>
  </si>
  <si>
    <t>2a326dab-ac38-4bd5-b8d8-a86b6ee815b8.tmp</t>
  </si>
  <si>
    <t>\\acsfs\profiles$\paulovadc\Downloads\2a326dab-ac38-4bd5-b8d8-a86b6ee815b8.tmp</t>
  </si>
  <si>
    <t>7348dbc2-3421-41a5-888c-11ed8ae05e7b.tmp</t>
  </si>
  <si>
    <t>\\acsfs\profiles$\maxmillianosv\Downloads\7348dbc2-3421-41a5-888c-11ed8ae05e7b.tmp</t>
  </si>
  <si>
    <t>01/22/2020 07:58:59</t>
  </si>
  <si>
    <t>e69a52f9-ff72-4220-b7a7-751dbad2edd8.tmp</t>
  </si>
  <si>
    <t>\\acsfs\profiles$\maxmillianosv\Downloads\e69a52f9-ff72-4220-b7a7-751dbad2edd8.tmp</t>
  </si>
  <si>
    <t>01/22/2020 07:59:04</t>
  </si>
  <si>
    <t>1b7e4cef-7cc8-4246-959f-1f162ebf3f06.tmp</t>
  </si>
  <si>
    <t>\\acsfs\profiles$\maxmillianosv\Downloads\1b7e4cef-7cc8-4246-959f-1f162ebf3f06.tmp</t>
  </si>
  <si>
    <t>01/22/2020 08:00:31</t>
  </si>
  <si>
    <t>5da00e0c-fe66-4db4-ace9-aa55d32bd6c3.tmp</t>
  </si>
  <si>
    <t>\\acsfs\profiles$\maxmillianosv\Downloads\5da00e0c-fe66-4db4-ace9-aa55d32bd6c3.tmp</t>
  </si>
  <si>
    <t>01/22/2020 08:01:58</t>
  </si>
  <si>
    <t>8266aa16-3987-409d-8e44-bbc149bba5ff.tmp</t>
  </si>
  <si>
    <t>\\acsfs\profiles$\maxmillianosv\Downloads\8266aa16-3987-409d-8e44-bbc149bba5ff.tmp</t>
  </si>
  <si>
    <t>01/22/2020 07:59:53</t>
  </si>
  <si>
    <t>01/22/2020 08:04:36</t>
  </si>
  <si>
    <t>01/22/2020 08:02:04</t>
  </si>
  <si>
    <t>01/22/2020 08:02:35</t>
  </si>
  <si>
    <t>01/22/2020 08:03:42</t>
  </si>
  <si>
    <t>"mozilla/5.0 (windows nt 6.1) applewebkit/537.36 (khtml;0;0.371;0.371];0.668;0];0]4;0]\\\\\\\)\\\\\\\u2�2)\;0]\\\\\\]\\\)\);0]l;0]ngcwvvymf5y8gk;0]x�g��䒟qvm�7����?)\);0]�_x0011_2;1;104.93000000133179;1044.724999985192;1101.7899999860674;1119934;1119994;1133789;1159.734999993816;11c5m9ycfufsc7krihjn5d9wg8jcyqlqk;12.854];13;13.568;131;1311374;1316.9699999853037;1344469;1349384;135.741;13700014;13700109;13700167;13700185;13700235;13700451;13700563;13700563�;13700607;13700883;13700946;13700951;13700982;13701078;13701139;13701207;13701214;13701235;13701239;13701262;13701276;13701298;13701418;13701422;13701430;13701450;13701458;13701486;13701506;13701506]];13701506]]];13701510;13701534;13701537;13701573;13701577;13701589;13701609;13701613;13701625;13701653;13701657;13701693;13701709]];13701709]]];13701749;13701825;13701833;13701901;13701905;13701909;13701921;13701945;13701949;13701953;13701957;13701969;13702064;13702068;13702084;13702088;1388000;1427.624999982072;1458239;1490604;15.344;15.344];15.552;15.552];1566309;1579</t>
  </si>
  <si>
    <t>"mozilla/5.0 (windows nt 6.1) applewebkit/537.36 (khtml,0,0.371,0.371],0.668,0],0]4,0]\\\\\\\)\\\\\\\u2�2)\,0]\\\\\\]\\\)\),0]l,0]ngcwvvymf5y8gk,0]x�g��䒟qvm�7����?)\),0]�_x0011_2,1,104.93000000133179,1044.724999985192,1101.7899999860674,1119934,1119994,1133789,1159.734999993816,11c5m9ycfufsc7krihjn5d9wg8jcyqlqk,12.854],13,13.568,131,1311374,1316.9699999853037,1344469,1349384,135.741,13700014,13700109,13700167,13700185,13700235,13700451,13700563,13700563�,13700607,13700883,13700946,13700951,13700982,13701078,13701139,13701207,13701214,13701235,13701239,13701262,13701276,13701298,13701418,13701422,13701430,13701450,13701458,13701486,13701506,13701506]],13701506]]],13701510,13701534,13701537,13701573,13701577,13701589,13701609,13701613,13701625,13701653,13701657,13701693,13701709]],13701709]]],13701749,13701825,13701833,13701901,13701905,13701909,13701921,13701945,13701949,13701953,13701957,13701969,13702064,13702068,13702084,13702088,1388000,1427.624999982072,1458239,1490604,15.344,15.344],15.552,15.552],1566309,1579</t>
  </si>
  <si>
    <t>01/22/2020 08:03:53</t>
  </si>
  <si>
    <t>01/22/2020 08:04:04</t>
  </si>
  <si>
    <t>"mozilla/5.0 (windows nt 6.1) applewebkit/537.36 (khtml;0]\\\\\\\)\\\\\\\]\\\)\);1;114;13;137;13700109;13700563�;13700607;13700883;13701139;13701214;13701298;13701418;13701458;13701577;13701589;13701613;13701625;13701657;13701749;13701825;13701901;13701921;13701949;13701953;13701969;13702064;13702088;1579520900840000;1579520901989000;1579538275752000]]];1579543792044;1579545297171;1579555580068;1579642099366;1579649925267;376;402;621969351;77;82;[[13701450;[];[]]];aaae2viaaaapmqfnlxg8eswlx84tnrp_lbfgr4yxvbxozhgu3xv9z1njxy8j9btgxulcgwsjgloh9q7pjnzexrk8nmzquryqi2y8vghklsw9wukancgsf64sxyvdeqayxi2ojwu9aneyanj1o6pkm0tqpagxxutx-senhmks85mfej7uiuup5xs1;aaae2viaaaaqmqfnlxg8eswlx84tnrp_lbfgr4yxvbxozhgu3xv9z1njxy8j9btgxulcgwsjgloh9q7pjnzexrk8nmzquryqi2y8vghklsw9wukancgsf64sxyvdeqayxi2ojwu9aneyanj1o6pkm0tqpagxxutx-senhmks85mfej7uiuup5xs1;aaae2viaaaarmqfnlxg8eswlx84tnrp_lbfgr4yxvbxozhgu3xv9z1njxy8j9btgxulcgwsjgloh9q7pjnzexrk8nmzquryqi2y8vghklsw9wukancgsf64sxyvdeqayxi2ojwu9aneyanj1o6pkm0tqpagxxutx-senhmks85mfej7uiuup5xs1;</t>
  </si>
  <si>
    <t>"mozilla/5.0 (windows nt 6.1) applewebkit/537.36 (khtml,0]\\\\\\\)\\\\\\\]\\\)\),1,114,13,137,13700109,13700563�,13700607,13700883,13701139,13701214,13701298,13701418,13701458,13701577,13701589,13701613,13701625,13701657,13701749,13701825,13701901,13701921,13701949,13701953,13701969,13702064,13702088,1579520900840000,1579520901989000,1579538275752000]]],1579543792044,1579545297171,1579555580068,1579642099366,1579649925267,376,402,621969351,77,82,[[13701450,[],[]]],aaae2viaaaapmqfnlxg8eswlx84tnrp_lbfgr4yxvbxozhgu3xv9z1njxy8j9btgxulcgwsjgloh9q7pjnzexrk8nmzquryqi2y8vghklsw9wukancgsf64sxyvdeqayxi2ojwu9aneyanj1o6pkm0tqpagxxutx-senhmks85mfej7uiuup5xs1,aaae2viaaaaqmqfnlxg8eswlx84tnrp_lbfgr4yxvbxozhgu3xv9z1njxy8j9btgxulcgwsjgloh9q7pjnzexrk8nmzquryqi2y8vghklsw9wukancgsf64sxyvdeqayxi2ojwu9aneyanj1o6pkm0tqpagxxutx-senhmks85mfej7uiuup5xs1,aaae2viaaaarmqfnlxg8eswlx84tnrp_lbfgr4yxvbxozhgu3xv9z1njxy8j9btgxulcgwsjgloh9q7pjnzexrk8nmzquryqi2y8vghklsw9wukancgsf64sxyvdeqayxi2ojwu9aneyanj1o6pkm0tqpagxxutx-senhmks85mfej7uiuup5xs1,</t>
  </si>
  <si>
    <t>01/22/2020 08:00:23</t>
  </si>
  <si>
    <t>60ec1cef-cfb7-4bb1-acb3-961f5c99a86b.tmp</t>
  </si>
  <si>
    <t>\\acsfs\profiles$\mariajra\Downloads\60ec1cef-cfb7-4bb1-acb3-961f5c99a86b.tmp</t>
  </si>
  <si>
    <t>01/22/2020 08:03:43</t>
  </si>
  <si>
    <t>01/22/2020 08:05:37</t>
  </si>
  <si>
    <t>a9d5ba22-66fa-489c-ac42-6483f84e949c.tmp</t>
  </si>
  <si>
    <t>\\acsfs\profiles$\quindaizaagds\Downloads\a9d5ba22-66fa-489c-ac42-6483f84e949c.tmp</t>
  </si>
  <si>
    <t>01/22/2020 08:03:10</t>
  </si>
  <si>
    <t>f8a8139c-d4da-416e-8506-9b3b5b47ff5b.tmp</t>
  </si>
  <si>
    <t>\\acsfs\profiles$\luanarda\Downloads\f8a8139c-d4da-416e-8506-9b3b5b47ff5b.tmp</t>
  </si>
  <si>
    <t>01/22/2020 08:04:22</t>
  </si>
  <si>
    <t>01/22/2020 08:06:36</t>
  </si>
  <si>
    <t>01/22/2020 08:07:36</t>
  </si>
  <si>
    <t>01/22/2020 08:07:03</t>
  </si>
  <si>
    <t>01/22/2020 08:08:36</t>
  </si>
  <si>
    <t>b49fe2fc-d7f7-4271-a55f-4d7ffb33d98a.tmp</t>
  </si>
  <si>
    <t>\\acsfs\profiles$\laianear\Downloads\b49fe2fc-d7f7-4271-a55f-4d7ffb33d98a.tmp</t>
  </si>
  <si>
    <t>01/22/2020 08:02:58</t>
  </si>
  <si>
    <t>e72a84b9-d62b-4c19-a0d5-32a50514af6d.tmp</t>
  </si>
  <si>
    <t>\\acsfs\profiles$\DALVADFB\Downloads\e72a84b9-d62b-4c19-a0d5-32a50514af6d.tmp</t>
  </si>
  <si>
    <t>01/22/2020 08:03:26</t>
  </si>
  <si>
    <t>01/22/2020 08:03:30</t>
  </si>
  <si>
    <t>a4cbaadd-e842-4fe4-a845-306f4b2c9b9d.tmp</t>
  </si>
  <si>
    <t>\\acsfs\profiles$\lucasqdss\Downloads\a4cbaadd-e842-4fe4-a845-306f4b2c9b9d.tmp</t>
  </si>
  <si>
    <t>01/22/2020 08:05:23</t>
  </si>
  <si>
    <t>01/22/2020 08:04:03</t>
  </si>
  <si>
    <t>01/22/2020 08:09:36</t>
  </si>
  <si>
    <t>01/22/2020 08:08:39</t>
  </si>
  <si>
    <t>01/22/2020 08:04:20</t>
  </si>
  <si>
    <t>01/22/2020 08:04:29</t>
  </si>
  <si>
    <t>"mozilla/5.0 (windows nt 6.1) applewebkit/537.36 (khtml;0]\\\\\\\)\\\\\\\]\\\)\);1;129;13;13700014;13700109;13700167;13700185;13700235;13700451;137005;13700563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];13701749;13701825;13701833;13701901;13701905;13701909;13701921;13701945;13701949;13701953;13701957;13701969;13702064;13702068;13702084;13702088;1579520900840000;1579520901989000;1579560095461;1579614356037;1579617470315;1579643002355;1579646915304;1579647517296;1579648721281;1579649022277;296;306;341510534;379;392;394;398;399;5701393;621969351;[[13701450;[[null;[];[]]];[false;aaae2viaaaaqmqfnlxg8eswlx84tnrp_lbfgr4yxvbxozhgu3xv9z1njxy8j9btgxulcgwsjgloh9q7pjnzexrk8nmzquryqi2y8vghklsw9wukancgsf64sxyvdeqayxi2ojwu9aneyanj1o6pkm0tqpagxxutx-senhmks85mfej7uiuup5xs1;</t>
  </si>
  <si>
    <t>"mozilla/5.0 (windows nt 6.1) applewebkit/537.36 (khtml,0]\\\\\\\)\\\\\\\]\\\)\),1,129,13,13700014,13700109,13700167,13700185,13700235,13700451,137005,13700563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],13701749,13701825,13701833,13701901,13701905,13701909,13701921,13701945,13701949,13701953,13701957,13701969,13702064,13702068,13702084,13702088,1579520900840000,1579520901989000,1579560095461,1579614356037,1579617470315,1579643002355,1579646915304,1579647517296,1579648721281,1579649022277,296,306,341510534,379,392,394,398,399,5701393,621969351,[[13701450,[[null,[],[]]],[false,aaae2viaaaaqmqfnlxg8eswlx84tnrp_lbfgr4yxvbxozhgu3xv9z1njxy8j9btgxulcgwsjgloh9q7pjnzexrk8nmzquryqi2y8vghklsw9wukancgsf64sxyvdeqayxi2ojwu9aneyanj1o6pkm0tqpagxxutx-senhmks85mfej7uiuup5xs1,</t>
  </si>
  <si>
    <t>01/22/2020 08:05:20</t>
  </si>
  <si>
    <t>"mozilla/5.0 (windows nt 6.1) applewebkit/537.36 (khtml;0]\\\\\\\)\\\\\\\]\\\)\);0]l;0]���_x001D_�^�l��k�_x000F_;1;13;136;13700014;13700109;13700167;13700185;13700235;13700451;13700563;13700563�;13700607;13700883;13700946;13700951;13700982;13701078;13701139;13701207;13701214;13701235;13701239;13701262;13701276;13701298;13701418;13701422;13701430;13701458;13701486;13701506;13701510;13701534;13701537;13701573;13701577;13701589;13701609;13701613;13701625;13701653;13701657;13701693;13701709]]];13701749;13701825;13701833;13701901;13701905;13701909;13701921;13701945;13701949;13701953;13701957;13701969;13702064;13702068;13702084;13702088;1579520900840000;1579520901989000;1579523311957;1579562202649;1579612639817;1579620849604;1579643604346;1579665576068;317;381;454;5701393;602;621969351;9;:8w��:kk1z�}�x4�~=�m_x001D_�g&gt;_x001B_x�_x000E_/_�8x ^mۘ�w��8�l��_]_�)��2p��_x000E_n9]��m&gt;} �]�_x001B_�_x001C_�ְ`��~���jn���rc�܅�5;x4�_x001E_�c�}�{�sw3ݖ}5m�_x0001_7���;[[13701450;[[null;[];[]]];\";aaae2viaaaaqmqfnlxg8eswlx84tnrp_lbfgr4yxvbxozhgu3xv9z1njxy8j9btgxulcgwsjgloh9q7pjnzexrk8nmzqur</t>
  </si>
  <si>
    <t>"mozilla/5.0 (windows nt 6.1) applewebkit/537.36 (khtml,0]\\\\\\\)\\\\\\\]\\\)\),0]l,0]���_x001D_�^�l��k�_x000F_,1,13,136,13700014,13700109,13700167,13700185,13700235,13700451,13700563,13700563�,13700607,13700883,13700946,13700951,13700982,13701078,13701139,13701207,13701214,13701235,13701239,13701262,13701276,13701298,13701418,13701422,13701430,13701458,13701486,13701506,13701510,13701534,13701537,13701573,13701577,13701589,13701609,13701613,13701625,13701653,13701657,13701693,13701709]]],13701749,13701825,13701833,13701901,13701905,13701909,13701921,13701945,13701949,13701953,13701957,13701969,13702064,13702068,13702084,13702088,1579520900840000,1579520901989000,1579523311957,1579562202649,1579612639817,1579620849604,1579643604346,1579665576068,317,381,454,5701393,602,621969351,9,:8w��:kk1z�}�x4�~=�m_x001D_�g&gt;_x001B_x�_x000E_/_�8x ^mۘ�w��8�l��_]_�)��2p��_x000E_n9]��m&gt;} �]�_x001B_�_x001C_�ְ`��~���jn���rc�܅�5;x4�_x001E_�c�}�{�sw3ݖ}5m�_x0001_7���,[[13701450,[[null,[],[]]],\",aaae2viaaaaqmqfnlxg8eswlx84tnrp_lbfgr4yxvbxozhgu3xv9z1njxy8j9btgxulcgwsjgloh9q7pjnzexrk8nmzqur</t>
  </si>
  <si>
    <t>01/22/2020 08:07:47</t>
  </si>
  <si>
    <t>"languagecode":"pt-br";"mozilla/5.0 (windows nt 6.1) applewebkit/537.36 (khtml;"requesttype":"background_request";"scenariotype;"timezone":"-03:00";0]��606;1;13;13700109;13700167;13700235;1370056;13700563�;13700607;13700607�;13700883;13700946;13700951;13701139;13701207;13701214;13701262;13701276;13701298;13701418;13701458;13701486;13701534;13701577;13701589;13701613;13701625;13701657;13701749;13701825;13701901;13701905;13701921;13701945;13701949;13701953;13701957;13701969;13702064;13702084;13702088;144;1579518703539000;1579518704281000;1579520900840000;1579520901989000;1579530836861;1579538372765;1579541985883;1579564610853;1579623257815;325;34;341510534;59;621969351;71;[[13701450;[[13701709;[];[]]];aaae2viaaaalmqfnlxg8eswlx84tnrp_lbfgr4yxvbxozhgu3xv9z1njxy8j9btgxulcgwsjgloh9q7pjnzexrk8nmzquryqi2y8vghklsw9wukancgsf64sxyvdeqayxi2ojwu9aneyanj1o6pkm0tqpagxxutx-senhmks85mfej7uiuup5xs1;aaae2viaaaapmqfnlxg8eswlx84tnrp_lbfgr4yxvbxozhgu3xv9z1njxy8j9btgxulcgwsjgloh9q7pjnzexrk8nmzquryqi2y8vghklsw9wukancgsf64sxyvdeqayxi</t>
  </si>
  <si>
    <t>"languagecode":"pt-br","mozilla/5.0 (windows nt 6.1) applewebkit/537.36 (khtml,"requesttype":"background_request","scenariotype,"timezone":"-03:00",0]��606,1,13,13700109,13700167,13700235,1370056,13700563�,13700607,13700607�,13700883,13700946,13700951,13701139,13701207,13701214,13701262,13701276,13701298,13701418,13701458,13701486,13701534,13701577,13701589,13701613,13701625,13701657,13701749,13701825,13701901,13701905,13701921,13701945,13701949,13701953,13701957,13701969,13702064,13702084,13702088,144,1579518703539000,1579518704281000,1579520900840000,1579520901989000,1579530836861,1579538372765,1579541985883,1579564610853,1579623257815,325,34,341510534,59,621969351,71,[[13701450,[[13701709,[],[]]],aaae2viaaaalmqfnlxg8eswlx84tnrp_lbfgr4yxvbxozhgu3xv9z1njxy8j9btgxulcgwsjgloh9q7pjnzexrk8nmzquryqi2y8vghklsw9wukancgsf64sxyvdeqayxi2ojwu9aneyanj1o6pkm0tqpagxxutx-senhmks85mfej7uiuup5xs1,aaae2viaaaapmqfnlxg8eswlx84tnrp_lbfgr4yxvbxozhgu3xv9z1njxy8j9btgxulcgwsjgloh9q7pjnzexrk8nmzquryqi2y8vghklsw9wukancgsf64sxyvdeqayxi</t>
  </si>
  <si>
    <t>01/22/2020 08:05:15</t>
  </si>
  <si>
    <t>26b8c10a-2408-4019-bedf-eaf593f6b83b.tmp</t>
  </si>
  <si>
    <t>\\acsfs\profiles$\mariajra\Downloads\26b8c10a-2408-4019-bedf-eaf593f6b83b.tmp</t>
  </si>
  <si>
    <t>01/22/2020 08:08:22</t>
  </si>
  <si>
    <t>01/22/2020 08:10:37</t>
  </si>
  <si>
    <t>lu9872zhna9.tmp</t>
  </si>
  <si>
    <t>\\acsfs\profiles$\VIVIANALDS\My Documents\lu9872zhna9.tmp</t>
  </si>
  <si>
    <t>\\acsfs\profiles$\VIVIANALDS\My Documents\lu9872zhna9.tmp\</t>
  </si>
  <si>
    <t>\\acsfs\profiles$\VIVIANALDS\My Documents\lu9872zhna9.tmp\META-INF\</t>
  </si>
  <si>
    <t>\\acsfs\profiles$\VIVIANALDS\My Documents\lu9872zhna9.tmp\Thumbnails\</t>
  </si>
  <si>
    <t>01/22/2020 08:05:36</t>
  </si>
  <si>
    <t>4ce528b2-f4b9-4d98-ba2f-e4c27cf89518.tmp</t>
  </si>
  <si>
    <t>\\acsfs\profiles$\quindaizaagds\Downloads\4ce528b2-f4b9-4d98-ba2f-e4c27cf89518.tmp</t>
  </si>
  <si>
    <t>01/22/2020 08:05:40</t>
  </si>
  <si>
    <t>615a3098-0464-457f-be74-3a800d7e6773.tmp</t>
  </si>
  <si>
    <t>\\acsfs\profiles$\quindaizaagds\Downloads\615a3098-0464-457f-be74-3a800d7e6773.tmp</t>
  </si>
  <si>
    <t>cb7314ad-0d6e-4a95-b373-7a4affdf32c0.tmp</t>
  </si>
  <si>
    <t>\\acsfs\profiles$\quindaizaagds\Downloads\cb7314ad-0d6e-4a95-b373-7a4affdf32c0.tmp</t>
  </si>
  <si>
    <t>01/22/2020 08:08:12</t>
  </si>
  <si>
    <t>01/22/2020 08:08:20</t>
  </si>
  <si>
    <t>01/22/2020 08:11:36</t>
  </si>
  <si>
    <t>01/22/2020 08:09:04</t>
  </si>
  <si>
    <t>01/22/2020 08:06:59</t>
  </si>
  <si>
    <t>a751f88d-e60a-4315-aa75-50682e50fe51.tmp</t>
  </si>
  <si>
    <t>\\acsfs\profiles$\gabrielaff\Downloads\a751f88d-e60a-4315-aa75-50682e50fe51.tmp</t>
  </si>
  <si>
    <t>01/22/2020 08:09:00</t>
  </si>
  <si>
    <t>c02d128f-edb1-48da-9b94-568f55826989.tmp</t>
  </si>
  <si>
    <t>\\acsfs\profiles$\gabrielaff\Downloads\c02d128f-edb1-48da-9b94-568f55826989.tmp</t>
  </si>
  <si>
    <t>01/22/2020 08:12:37</t>
  </si>
  <si>
    <t>01/22/2020 08:07:09</t>
  </si>
  <si>
    <t>60d44e33-b8ef-45cc-a199-70b8ceecf515.tmp</t>
  </si>
  <si>
    <t>\\acsfs\profiles$\ANAPDSB\Downloads\60d44e33-b8ef-45cc-a199-70b8ceecf515.tmp</t>
  </si>
  <si>
    <t>01/22/2020 08:07:35</t>
  </si>
  <si>
    <t>01/22/2020 08:09:47</t>
  </si>
  <si>
    <t>953b912e-7d80-4f95-b1f6-0641fd15e864.tmp</t>
  </si>
  <si>
    <t>\\acsfs\profiles$\ANAPDSB\Downloads\953b912e-7d80-4f95-b1f6-0641fd15e864.tmp</t>
  </si>
  <si>
    <t>01/22/2020 08:07:31</t>
  </si>
  <si>
    <t>01/22/2020 08:09:31</t>
  </si>
  <si>
    <t>01/22/2020 08:13:36</t>
  </si>
  <si>
    <t>b9d65b37-880c-4b7e-a96c-929ac179dd9d.tmp</t>
  </si>
  <si>
    <t>\\acsfs\profiles$\laianear\Downloads\b9d65b37-880c-4b7e-a96c-929ac179dd9d.tmp</t>
  </si>
  <si>
    <t>01/22/2020 08:10:34</t>
  </si>
  <si>
    <t>01/22/2020 08:10:40</t>
  </si>
  <si>
    <t>01/22/2020 08:14:37</t>
  </si>
  <si>
    <t>01/22/2020 08:10:03</t>
  </si>
  <si>
    <t>01/22/2020 08:09:53</t>
  </si>
  <si>
    <t>01/22/2020 08:12:05</t>
  </si>
  <si>
    <t>01/22/2020 08:10:14</t>
  </si>
  <si>
    <t>d69227fc-3a12-443b-8c4b-ae571b2142c2.tmp</t>
  </si>
  <si>
    <t>\\acsfs\profiles$\milenaas\Downloads\d69227fc-3a12-443b-8c4b-ae571b2142c2.tmp</t>
  </si>
  <si>
    <t>b4ca414d-91a9-40fb-974c-f7d5ca3ec50e.tmp</t>
  </si>
  <si>
    <t>\\acsfs\profiles$\milenaas\Downloads\b4ca414d-91a9-40fb-974c-f7d5ca3ec50e.tmp</t>
  </si>
  <si>
    <t>01/22/2020 08:11:56</t>
  </si>
  <si>
    <t>7b00991d-11d1-419c-a51f-efbba4982175.tmp</t>
  </si>
  <si>
    <t>\\acsfs\profiles$\milenaas\Downloads\7b00991d-11d1-419c-a51f-efbba4982175.tmp</t>
  </si>
  <si>
    <t>01/22/2020 08:12:10</t>
  </si>
  <si>
    <t>ec0780e7-6b3d-40f6-b390-b87dfdb9be62.tmp</t>
  </si>
  <si>
    <t>\\acsfs\profiles$\milenaas\Downloads\ec0780e7-6b3d-40f6-b390-b87dfdb9be62.tmp</t>
  </si>
  <si>
    <t>01/22/2020 08:11:00</t>
  </si>
  <si>
    <t>01/22/2020 08:15:36</t>
  </si>
  <si>
    <t>01/22/2020 08:14:4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4">
    <xf numFmtId="0" fontId="0" fillId="0" borderId="0" xfId="0"/>
    <xf numFmtId="11" fontId="0" fillId="0" borderId="0" xfId="0" applyNumberFormat="1"/>
    <xf numFmtId="22" fontId="0" fillId="0" borderId="0" xfId="0" applyNumberFormat="1"/>
    <xf numFmtId="14" fontId="0" fillId="0" borderId="0" xfId="0" applyNumberFormat="1"/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Neutro" xfId="8" builtinId="28" customBuiltin="1"/>
    <cellStyle name="Normal" xfId="0" builtinId="0"/>
    <cellStyle name="Nota" xfId="15" builtinId="10" customBuiltin="1"/>
    <cellStyle name="Ruim" xfId="7" builtinId="27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01222020_AdHoc_0b64fa95-f684-4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esley Eloy</dc:creator>
  <cp:lastModifiedBy>Wesley Eloy</cp:lastModifiedBy>
  <dcterms:created xsi:type="dcterms:W3CDTF">2020-01-22T12:37:31Z</dcterms:created>
  <dcterms:modified xsi:type="dcterms:W3CDTF">2020-01-22T12:41:38Z</dcterms:modified>
</cp:coreProperties>
</file>